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pivotCache/pivotCacheDefinition1.xml" ContentType="application/vnd.openxmlformats-officedocument.spreadsheetml.pivotCacheDefinition+xml"/>
  <Override PartName="/xl/pivotCache/pivotCacheRecords1.xml" ContentType="application/vnd.openxmlformats-officedocument.spreadsheetml.pivotCacheRecords+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pivotTables/pivotTable1.xml" ContentType="application/vnd.openxmlformats-officedocument.spreadsheetml.pivotTabl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Y:\APM-temp\"/>
    </mc:Choice>
  </mc:AlternateContent>
  <bookViews>
    <workbookView xWindow="0" yWindow="600" windowWidth="20520" windowHeight="8355" tabRatio="458"/>
  </bookViews>
  <sheets>
    <sheet name="Table" sheetId="11" r:id="rId1"/>
    <sheet name="APM-GPA GC Applications 201809" sheetId="1" r:id="rId2"/>
  </sheets>
  <definedNames>
    <definedName name="_xlnm._FilterDatabase" localSheetId="1" hidden="1">'APM-GPA GC Applications 201809'!$A$1:$P$8623</definedName>
  </definedNames>
  <calcPr calcId="152511"/>
  <pivotCaches>
    <pivotCache cacheId="0" r:id="rId3"/>
  </pivotCaches>
</workbook>
</file>

<file path=xl/sharedStrings.xml><?xml version="1.0" encoding="utf-8"?>
<sst xmlns="http://schemas.openxmlformats.org/spreadsheetml/2006/main" count="134187" uniqueCount="32850">
  <si>
    <t>application_id</t>
  </si>
  <si>
    <t>Agriculture and Agri-Food Canada</t>
  </si>
  <si>
    <t>AAFC-1003</t>
  </si>
  <si>
    <t>System for Tracking Agriculture Technologies</t>
  </si>
  <si>
    <t>STAT</t>
  </si>
  <si>
    <t>In Production</t>
  </si>
  <si>
    <t>desktop</t>
  </si>
  <si>
    <t>Information Management Services</t>
  </si>
  <si>
    <t>cots</t>
  </si>
  <si>
    <t>WorkDynamics_Technologies_Inc</t>
  </si>
  <si>
    <t/>
  </si>
  <si>
    <t>Other,Other</t>
  </si>
  <si>
    <t>Yes</t>
  </si>
  <si>
    <t>No</t>
  </si>
  <si>
    <t>Windows</t>
  </si>
  <si>
    <t>Oracle</t>
  </si>
  <si>
    <t>2.1  Science, Innovation, Adoption &amp; Sustainability</t>
  </si>
  <si>
    <t>None</t>
  </si>
  <si>
    <t>ccmMercury</t>
  </si>
  <si>
    <t>Internal Services</t>
  </si>
  <si>
    <t>Information Management Software</t>
  </si>
  <si>
    <t>Workflow &amp; Collaboration Software</t>
  </si>
  <si>
    <t>AAFC-1053</t>
  </si>
  <si>
    <t>assyst</t>
  </si>
  <si>
    <t>ASSYST</t>
  </si>
  <si>
    <t>web</t>
  </si>
  <si>
    <t>Human Resources Management Services,Human Resources Management Services,Information Management Services,Information Technology Services,Other</t>
  </si>
  <si>
    <t>Other</t>
  </si>
  <si>
    <t>Tomcat</t>
  </si>
  <si>
    <t>3.1  Internal Services</t>
  </si>
  <si>
    <t>Vendor: axiossystems.com (External partner: Sierra Systems in Canada)
Product: assyst ITSM solution : assystWeb + Service Catalog (assystNET)</t>
  </si>
  <si>
    <t>Apache</t>
  </si>
  <si>
    <t>Operations Management Software</t>
  </si>
  <si>
    <t>Change and Configuration Management Software</t>
  </si>
  <si>
    <t>AAFC-1087</t>
  </si>
  <si>
    <t>Advance Payments Program Electronic Delivery System</t>
  </si>
  <si>
    <t>APPEDS</t>
  </si>
  <si>
    <t>Financial Management Services</t>
  </si>
  <si>
    <t>custom_design</t>
  </si>
  <si>
    <t>Weblogic</t>
  </si>
  <si>
    <t>Linux RHEL x86</t>
  </si>
  <si>
    <t>1.1  Business Risk Management</t>
  </si>
  <si>
    <t>Enterprise Resource Management Software</t>
  </si>
  <si>
    <t>Finance &amp; Accounting Software</t>
  </si>
  <si>
    <t>AAFC-1093</t>
  </si>
  <si>
    <t>Specimen Signature Record for Delegated Authority</t>
  </si>
  <si>
    <t>SSR</t>
  </si>
  <si>
    <t>Human Resources Management Services</t>
  </si>
  <si>
    <t>This website, often referred to as SSR Online, is a database of delegations extended to departmental officers via an SSR form. An officer?s SSR will not be found on this site until the duly-signed original form has been received by the SSR-FSS unit.</t>
  </si>
  <si>
    <t>Intranet</t>
  </si>
  <si>
    <t>Human Resource Management Systems Software</t>
  </si>
  <si>
    <t>AAFC-1106</t>
  </si>
  <si>
    <t>Competency Interview and Reference Check Guide</t>
  </si>
  <si>
    <t>CIRG</t>
  </si>
  <si>
    <t>HPUX</t>
  </si>
  <si>
    <t>The CIRG is a web enabled database application which allows managers to dynamically build a competency interview and/or reference check guide for the position(s) they wish to fill. This system is used nationally.</t>
  </si>
  <si>
    <t>AAFC-1125</t>
  </si>
  <si>
    <t>Nakisa</t>
  </si>
  <si>
    <t>NAKISA</t>
  </si>
  <si>
    <t>Nakisa Org Chart from Nakisa Corporation</t>
  </si>
  <si>
    <t>MS IIS</t>
  </si>
  <si>
    <t>AAFC-1175</t>
  </si>
  <si>
    <t>Enterprise Secure Access Services</t>
  </si>
  <si>
    <t>ESAS</t>
  </si>
  <si>
    <t>Information Technology Services</t>
  </si>
  <si>
    <t>ESAS is a Single Sign On provider for both GCCF (external) and ( Active Directory NTiD) internal facing web applications</t>
  </si>
  <si>
    <t>Data Management Software</t>
  </si>
  <si>
    <t>Data Warehouse Software</t>
  </si>
  <si>
    <t>AAFC-1346</t>
  </si>
  <si>
    <t>Production Insurance National Statistics System</t>
  </si>
  <si>
    <t>PINSS</t>
  </si>
  <si>
    <t>PINSS is a multi-tier J2EE application which collects Production Insurance data at a national level in support of actuarial and statistical analysis performance reporting and forecasting and the payment of federal contributions towards premiums and administrative costs through claims submitted by the provinces.</t>
  </si>
  <si>
    <t>AAFC-1369</t>
  </si>
  <si>
    <t>Farm Income Payment</t>
  </si>
  <si>
    <t>FIP</t>
  </si>
  <si>
    <t>Business Risk Management</t>
  </si>
  <si>
    <t>AAFC-139</t>
  </si>
  <si>
    <t>Trade Data Retrieval System</t>
  </si>
  <si>
    <t>TDRS</t>
  </si>
  <si>
    <t>MS Access</t>
  </si>
  <si>
    <t>The Trade Database Retrieval System (TDRS) contains all 97 Chapters of the Harmonized System nomenclature from 1988 to the most current data available.  The database encompasses selected variables at the harmonized code detail level (i.e. Canadian H.S. 8 for re-exports and exports and Canadian H.S.10 for imports).  The system provides analysts with an easy method of extracting and aggregating vast amounts of data.  A user-friendly, button-driven interface embeds the business rules required to accurately extract the data. It enables them to create, save, run and re-use customized queries as well as to generate reports (i.e. Summary, Market Share, Trade Balance, Average Over Time, Price Index) which may be exported to Excel.</t>
  </si>
  <si>
    <t>AAFC-1419</t>
  </si>
  <si>
    <t>Sierra</t>
  </si>
  <si>
    <t>SIERRA</t>
  </si>
  <si>
    <t>A single system to allow the Canadian Agriculture Library to manage Acquisitions, Resource Description, Access and Circulation.  Sierra replaced the previous Integrated Library System called Millennium that the Federal Science Library used.</t>
  </si>
  <si>
    <t>N/A</t>
  </si>
  <si>
    <t>Vendor :Innovative Interfaces; Product :Sierra</t>
  </si>
  <si>
    <t>Library Management Systems Software</t>
  </si>
  <si>
    <t>AAFC-1420</t>
  </si>
  <si>
    <t>VDX Interlibrary Loan System</t>
  </si>
  <si>
    <t>VDX</t>
  </si>
  <si>
    <t>Manages and tracks requests for books and journal articles between AAFC libraries or between AAFC libraries and external parties.  Prior to 2015, VDX was hosted on an AAFC server, but since 2015 it is hosted at OCLC (vendor) and accessed via the Internet.</t>
  </si>
  <si>
    <t>Vendor :OCLC, Product :VDX</t>
  </si>
  <si>
    <t>Document Management Software</t>
  </si>
  <si>
    <t>AAFC-1421</t>
  </si>
  <si>
    <t>Web Content Management System</t>
  </si>
  <si>
    <t>WCMS</t>
  </si>
  <si>
    <t>Java implemented web content management system from HP Interwoven. Uses standard content capture templates and workflows to publish web content to AAFC Online, AgriSource and other web sites.  It facilitates users or content owners publishing and editing of material. NOTE: Previously there was an entry in the APM inventory for Interwoven Workflow Modeler, but since this workflow modeler is part of the Web Content Management System and it does not have separate license fees, the entry for Interwoven Workflow Modeler has been deleted.</t>
  </si>
  <si>
    <t>Open Text HP TeamSite</t>
  </si>
  <si>
    <t>Content Management Software</t>
  </si>
  <si>
    <t>Communications Services</t>
  </si>
  <si>
    <t>Portal Software</t>
  </si>
  <si>
    <t>AAFC-1439</t>
  </si>
  <si>
    <t>Grants and Contributions Delivery System</t>
  </si>
  <si>
    <t>GCDS</t>
  </si>
  <si>
    <t>Adobe_Systems_Incorporated</t>
  </si>
  <si>
    <t>Java</t>
  </si>
  <si>
    <t>Internet</t>
  </si>
  <si>
    <t>LiveCycle Forms</t>
  </si>
  <si>
    <t>Grants &amp; Contributions Management Software</t>
  </si>
  <si>
    <t>AAFC-1442</t>
  </si>
  <si>
    <t>CISPro Global</t>
  </si>
  <si>
    <t>AGRICH</t>
  </si>
  <si>
    <t>Materiel Services</t>
  </si>
  <si>
    <t>.Net</t>
  </si>
  <si>
    <t>Science and Technology</t>
  </si>
  <si>
    <t>The enterprise solution for tracking all AAFC's chemicals.  This replaces several existing systems.</t>
  </si>
  <si>
    <t>Biovia, CISPro Global</t>
  </si>
  <si>
    <t>Inventory &amp; Asset Management Software</t>
  </si>
  <si>
    <t>MySQL</t>
  </si>
  <si>
    <t>AAFC-1666</t>
  </si>
  <si>
    <t>Agricultural Industry Market Information System</t>
  </si>
  <si>
    <t>AIMIS</t>
  </si>
  <si>
    <t>AAFC-1682</t>
  </si>
  <si>
    <t>Procurement Planning Solution</t>
  </si>
  <si>
    <t>PPS</t>
  </si>
  <si>
    <t>Open Text, eDOCS</t>
  </si>
  <si>
    <t>AAFC-17</t>
  </si>
  <si>
    <t>Environment Information and Performance Management System</t>
  </si>
  <si>
    <t>EIPMS</t>
  </si>
  <si>
    <t>Management and Oversight Services</t>
  </si>
  <si>
    <t>EIPMS was designed to facilitate the collection and collation of all environmental information that is deemed relevant by ISO14001, other government working groups, and AAFC.</t>
  </si>
  <si>
    <t>Knowledge Management Software</t>
  </si>
  <si>
    <t>AAFC-1794</t>
  </si>
  <si>
    <t>Plant Germplasm Resource Information Network</t>
  </si>
  <si>
    <t>PLANT GRIN</t>
  </si>
  <si>
    <t>AAFC-1825</t>
  </si>
  <si>
    <t>Phone Log System for AESB Branch</t>
  </si>
  <si>
    <t>GPL</t>
  </si>
  <si>
    <t>Application system to support AESB, Client Service Center and staff for delivery of AESB Programs and Services :- Greencover Land Conversion,  - National Farm Stewardship Program, - National Water Supply Expansion Program, - Cover Crop Protection Program, CFRID, BSE, LDAP, CIP, NLWIS and AESB. Phone calls and other requests are logged and tracked to provide information on status. Reports can be generated for service levels and for performance monitoring. Also mail merge letters. Formerly called Greencover Phone log (GPL).</t>
  </si>
  <si>
    <t>Help Desk &amp; Call Center Software</t>
  </si>
  <si>
    <t>AAFC-185</t>
  </si>
  <si>
    <t>Farm Debt Mediation Service</t>
  </si>
  <si>
    <t>FDMS</t>
  </si>
  <si>
    <t>AAFC-1965</t>
  </si>
  <si>
    <t>Minor Use Pesticide Program System</t>
  </si>
  <si>
    <t>MUPPS</t>
  </si>
  <si>
    <t>1.2  Market Access, Negotiations, Sector Competitiveness, and Assurance Systems</t>
  </si>
  <si>
    <t>The Minor Use Pesticide Program will provide benefits to Canadian producers, the environment, and consumers by focussing on :* making minor use pesticide products, with emphasis on reduced-risk products, more readily available; and  * providing Canadian producers with access to new pest-management technologies to improve their competitiveness domestically.</t>
  </si>
  <si>
    <t>AAFC-1985</t>
  </si>
  <si>
    <t>Farm Debt Mediation Service File Transfer Web Application</t>
  </si>
  <si>
    <t>AAFC-2065</t>
  </si>
  <si>
    <t>Labour Relations Issues Tracking Database</t>
  </si>
  <si>
    <t>LRITD</t>
  </si>
  <si>
    <t>Labour Relations</t>
  </si>
  <si>
    <t>AAFC-2067</t>
  </si>
  <si>
    <t>Agreements Registry Database</t>
  </si>
  <si>
    <t>ARD</t>
  </si>
  <si>
    <t>AAFC-221</t>
  </si>
  <si>
    <t>AgroBase</t>
  </si>
  <si>
    <t>AGROBASE</t>
  </si>
  <si>
    <t>MS/SQL Server,MS/SQL Server</t>
  </si>
  <si>
    <t>Comprehensive plant breeding data management and analysis package</t>
  </si>
  <si>
    <t>Vendor: Agronomix
Product: Agrobase SQL</t>
  </si>
  <si>
    <t>AAFC-225</t>
  </si>
  <si>
    <t>rarDA (formerly Cereal Quality Info System)</t>
  </si>
  <si>
    <t>RARDA/CQIS</t>
  </si>
  <si>
    <t>Database of cereal quality tests.  This 'system' is comprised of a couple of different COTS products supplied by RAR software.  The main software components are P2M (which has a few different versions and installs).  P2M controls doug mixing machines and transmits data about the power used, viscosity, etc. to a back-end database.  Then another product RARDA is used to extract the information from the database and analyse it.</t>
  </si>
  <si>
    <t>AAFC-2486</t>
  </si>
  <si>
    <t>Cover Crop Protection Program</t>
  </si>
  <si>
    <t>CCPP</t>
  </si>
  <si>
    <t>Financial Management Services,Information Management Services,Management and Oversight Services</t>
  </si>
  <si>
    <t>Records Management Software</t>
  </si>
  <si>
    <t>AAFC-2565</t>
  </si>
  <si>
    <t>Tracking and Reporting Executive Correspondence Systems</t>
  </si>
  <si>
    <t>TRECS</t>
  </si>
  <si>
    <t>AAFC-258</t>
  </si>
  <si>
    <t>Environmental Farm Planning/National Farm Stewardship Program</t>
  </si>
  <si>
    <t>EFP/NFSP</t>
  </si>
  <si>
    <t>Financial Management Services,Information Management Services</t>
  </si>
  <si>
    <t>AAFC-264</t>
  </si>
  <si>
    <t>Greencover System</t>
  </si>
  <si>
    <t>GLC</t>
  </si>
  <si>
    <t>AAFC-266</t>
  </si>
  <si>
    <t>Irrigation Patron Billing System (IPBS)</t>
  </si>
  <si>
    <t>IPBS</t>
  </si>
  <si>
    <t>South West Saskatchewan Irrigation Program</t>
  </si>
  <si>
    <t>Application system to support delivery of South West Sask Irrigation Program / Project. Keeps track of irrigated vs non irrigated crown land (deeded to PFRA, South West Saskatchewan).  Bills for 0 and M, private water systems etc...Prints invoices; payment</t>
  </si>
  <si>
    <t>LMS</t>
  </si>
  <si>
    <t>TRS</t>
  </si>
  <si>
    <t>AAFC-269</t>
  </si>
  <si>
    <t>NAIS Automated Weather Mapping</t>
  </si>
  <si>
    <t>NAIS</t>
  </si>
  <si>
    <t>Generates drought maps for the web after some data manipulation and GIS processing. The data is based on the manipulation of data from Environment Canada and other weather station networks.</t>
  </si>
  <si>
    <t>Scientific &amp; Engineering Software</t>
  </si>
  <si>
    <t>Geo-spatial Software</t>
  </si>
  <si>
    <t>AAFC-273</t>
  </si>
  <si>
    <t>National Water Supply Expansion Program (NWSEP)</t>
  </si>
  <si>
    <t>NWSEP</t>
  </si>
  <si>
    <t>AAFC-274</t>
  </si>
  <si>
    <t>Periodical Routing System (ROU)</t>
  </si>
  <si>
    <t>ROU</t>
  </si>
  <si>
    <t>Canadian Agriculture Library</t>
  </si>
  <si>
    <t>This system tracks and prints routing slips for various periodicals that are circulated throughout PFRA.  It tracks the status of these periodicals as well.</t>
  </si>
  <si>
    <t>AAFC-275</t>
  </si>
  <si>
    <t>Permanent Cover Program System (PCP)</t>
  </si>
  <si>
    <t>PCP</t>
  </si>
  <si>
    <t>Permanent Cover Program (PCP)</t>
  </si>
  <si>
    <t>AAFC-276</t>
  </si>
  <si>
    <t>Range Management System (RGE)</t>
  </si>
  <si>
    <t>RGE</t>
  </si>
  <si>
    <t>Supports the Community Pasture Program :System used to monitor Range Condition Assessments. Database for rangeland conditions, evaluation of PFRA community pastures (biological/ecological information), to monitor livestock utilization of all AESB communit</t>
  </si>
  <si>
    <t>Master Data Management Software</t>
  </si>
  <si>
    <t>AAFC-277</t>
  </si>
  <si>
    <t>Plan Index System (IDX)</t>
  </si>
  <si>
    <t>IDX</t>
  </si>
  <si>
    <t>2.2  Industry Capacity</t>
  </si>
  <si>
    <t>It is designed to aid both field and headquarters staff in keeping track of maps  / plans / microfilm / test hole drilling logs / scanned documents, etc.of construction and engineering projects. Helps find maps and plans for past projects related to water</t>
  </si>
  <si>
    <t>AAFC-2793</t>
  </si>
  <si>
    <t>Farm Income and Government Expenditure Database</t>
  </si>
  <si>
    <t>FIGE</t>
  </si>
  <si>
    <t>Allows analysts the capability of loading historical and froecast Farm Income data in order to analyze, modify and report</t>
  </si>
  <si>
    <t>AAFC-287</t>
  </si>
  <si>
    <t>Western Grains Transition Payment Program</t>
  </si>
  <si>
    <t>WGTP</t>
  </si>
  <si>
    <t>AAFC-299</t>
  </si>
  <si>
    <t>AgriDOC</t>
  </si>
  <si>
    <t>AGRIDOC</t>
  </si>
  <si>
    <t>AAFC-307</t>
  </si>
  <si>
    <t>DirectInfo</t>
  </si>
  <si>
    <t>DIRECTINFO</t>
  </si>
  <si>
    <t>Human Resources Management Services,Information Management Services</t>
  </si>
  <si>
    <t>DirectInfo is the nation-wide directory of personnel at AAFC, CFIA, CART, CDC, CGC and FPCC.  It contains contact information for the personnel.</t>
  </si>
  <si>
    <t>AAFC-311</t>
  </si>
  <si>
    <t>E-Forms (Forms Catalogue)</t>
  </si>
  <si>
    <t>E-FORMS</t>
  </si>
  <si>
    <t>The Forms Catalogue was developed to simplify the use, view and ordering of departmental forms. These forms are broken down into two groups :'AAFC Standard eForms' and 'Purchasing Forms'</t>
  </si>
  <si>
    <t>AAFC-320</t>
  </si>
  <si>
    <t>PubliCentrale (External)</t>
  </si>
  <si>
    <t>PUBCX</t>
  </si>
  <si>
    <t>PubliCentrale (external) is an application designed to destribute governement publications on request.</t>
  </si>
  <si>
    <t>AAFC-321</t>
  </si>
  <si>
    <t>Records Classification System (REC)</t>
  </si>
  <si>
    <t>REC</t>
  </si>
  <si>
    <t>Information Management Services,Management and Oversight Services</t>
  </si>
  <si>
    <t>Information Management Program, AAFC</t>
  </si>
  <si>
    <t>Index of headquarter records held in central records office.  Supports IST Info Centre for AESB records management of paper files, documents, file classification structure, tracking, BF schedules, retention periods for files,  etc. Based on National Archives classification.</t>
  </si>
  <si>
    <t>AAFC-3285</t>
  </si>
  <si>
    <t>Cost of Production</t>
  </si>
  <si>
    <t>COP</t>
  </si>
  <si>
    <t>AAFC-3369</t>
  </si>
  <si>
    <t>Livestock Drought Assistance Program</t>
  </si>
  <si>
    <t>LDAP</t>
  </si>
  <si>
    <t>Case Management Software</t>
  </si>
  <si>
    <t>AAFC-3371</t>
  </si>
  <si>
    <t>Office of Conflict Resolution Tracking</t>
  </si>
  <si>
    <t>OCRT</t>
  </si>
  <si>
    <t>AAFC-3373</t>
  </si>
  <si>
    <t>Circovirus Innoculation Program</t>
  </si>
  <si>
    <t>CIP</t>
  </si>
  <si>
    <t>AAFC-3375</t>
  </si>
  <si>
    <t>Brassica Napus Genome Database</t>
  </si>
  <si>
    <t>BNGDB</t>
  </si>
  <si>
    <t>Information Management Services,Information Management Services,Information Technology Services,Other</t>
  </si>
  <si>
    <t>Genomics Research and Development Intiative(GRDI)</t>
  </si>
  <si>
    <t>A searchable database of a large amount of Brassica Napus Genetic information accumulated by the Saskatoon Research Centre. The Bio-products and Bio-processing group, Saskatoon Research Centre has developed a specialized web application. GMOD.ORG (Generic Model Organism Database)  is a collection of open source software tools for managing, visualising, storing, and disseminating genetic and genomic data</t>
  </si>
  <si>
    <t>GMOD.org, Gbrowse</t>
  </si>
  <si>
    <t>AAFC-3377</t>
  </si>
  <si>
    <t>InfoHort</t>
  </si>
  <si>
    <t>IH</t>
  </si>
  <si>
    <t>Collection and Reporting of Horticulture data to provide the Horticulture industry with the necessary intelligence to make informed decisions about their industry.</t>
  </si>
  <si>
    <t>AAFC-3425</t>
  </si>
  <si>
    <t>IBM Uncia NetInsight</t>
  </si>
  <si>
    <t>NETINSIGHT</t>
  </si>
  <si>
    <t>A web analytics tool to track the usage of AAFC's Inter/Intranet. Produces web stats and reports from web server logs</t>
  </si>
  <si>
    <t>IBM Unica,  NetInsight</t>
  </si>
  <si>
    <t>Web Analytical Software</t>
  </si>
  <si>
    <t>AAFC-3427</t>
  </si>
  <si>
    <t>HR National Classification Log</t>
  </si>
  <si>
    <t>HRNCL</t>
  </si>
  <si>
    <t>AAFC-3428</t>
  </si>
  <si>
    <t>HR Innovations Portal</t>
  </si>
  <si>
    <t>HRIP</t>
  </si>
  <si>
    <t>Web-based application that supports a variety of forms for HR data entry.</t>
  </si>
  <si>
    <t>AAFC-3485</t>
  </si>
  <si>
    <t>Drought Watch Map Selectors</t>
  </si>
  <si>
    <t>DW</t>
  </si>
  <si>
    <t>Displays static maps in image and PDF formats, for current and historical drought/moisture conditions.</t>
  </si>
  <si>
    <t>AAFC-349</t>
  </si>
  <si>
    <t>Functional Foods and Nutraceuticals (Internal Data Administration)</t>
  </si>
  <si>
    <t>FFN</t>
  </si>
  <si>
    <t>The Functional Foods and Nutraceuticals (FFN) database is a web-enabled system available to the public which provides an inventory of the capabilities of approximately 100 Canadian companies and research organizations and is intended to help companies and distributors seeking partners for reliable, well characterized products. It can also be used by people who want to know more about the sector and to facilitate networking and alliances among companies and research organizations.</t>
  </si>
  <si>
    <t>AAFC-35</t>
  </si>
  <si>
    <t>Agriculture System for Tracking Account Receivables</t>
  </si>
  <si>
    <t>AGSTAR</t>
  </si>
  <si>
    <t>VB 6</t>
  </si>
  <si>
    <t>AAFC-3585</t>
  </si>
  <si>
    <t>ListServ</t>
  </si>
  <si>
    <t>LISTSERV</t>
  </si>
  <si>
    <t>An application that manages email distribution lists and allows posting for discussion purposes.</t>
  </si>
  <si>
    <t>SMTP</t>
  </si>
  <si>
    <t>L-Soft, Listserv</t>
  </si>
  <si>
    <t>Feedback Management Software</t>
  </si>
  <si>
    <t>DG</t>
  </si>
  <si>
    <t>AAFC-3666</t>
  </si>
  <si>
    <t>Community Pastures Program Land Management System (CPPLMS)</t>
  </si>
  <si>
    <t>CPPLMS</t>
  </si>
  <si>
    <t>Community Pasture Program (CPP)</t>
  </si>
  <si>
    <t>The application supports the major business process areas of the Community Pasture Program including Pre-Application Entry Tasks, Grazing Permit Application Entry, Allocation, Deposits, Deliveries, Bull Rental, Cattle Auditing, Grazing Season Year End Pro</t>
  </si>
  <si>
    <t>Electronic Forms Software</t>
  </si>
  <si>
    <t>Social Media Software</t>
  </si>
  <si>
    <t>AAFC-3669</t>
  </si>
  <si>
    <t>AgriShare</t>
  </si>
  <si>
    <t>AGRS</t>
  </si>
  <si>
    <t>Secure online system that manages cost sharing between the Federal and Provincial Governments delivering a defined set of non BR Agricultural programs.    Provinces, Territories and Federal Government programs submit their expenditures and forecasts of future expenditures to AAFC to ensure funding rations are maintained.  The system is used to process statements and issue payments as well as measure the performance of programs.</t>
  </si>
  <si>
    <t>AAFC-3673</t>
  </si>
  <si>
    <t>Canadian Pari-Mutuel Agency Statistical System</t>
  </si>
  <si>
    <t>CPMASS</t>
  </si>
  <si>
    <t>2.3  Canadian Pari-Mutuel Agency</t>
  </si>
  <si>
    <t>The CPMA Monitoring and Statistical System (CPMASS) processes summary information on Canadian pari-mutuel betting activity and supports CPMA invoice preparation and accounts receivable management business processes.</t>
  </si>
  <si>
    <t>Transactional Processing &amp; Transaction Management</t>
  </si>
  <si>
    <t>AAFC-3684</t>
  </si>
  <si>
    <t>AgriConnexions</t>
  </si>
  <si>
    <t>AC</t>
  </si>
  <si>
    <t>AgriConnexions is a resource for anyone at AAFC who wants to plan a consultation or organize a meeting. It contains information on over 130 selected industry and farming associations as well as key academic and financial institutions, including their mandate, current board members, addresses and contact information. The database also lists hundreds of events planned for the agriculture and agri-food sector, including host organizations, locations, dates and contacts. It allows the user to create a list of upcoming international, national, provincial and regional events. There is a calendar of specific events, meetings and conferences that can be created as well as many additional functions. AgriConnexions is not currently accessible to the public or to</t>
  </si>
  <si>
    <t>AAFC-3686</t>
  </si>
  <si>
    <t>Email Subscription Service</t>
  </si>
  <si>
    <t>ESS</t>
  </si>
  <si>
    <t>Email Subscribtion Service for AAFC online. Allows users to subscribe/unsubscribe to different mailing lists from a web form.</t>
  </si>
  <si>
    <t>Client Productivity Software</t>
  </si>
  <si>
    <t>Electronic Mail and Messaging Software</t>
  </si>
  <si>
    <t>AAFC-3689</t>
  </si>
  <si>
    <t>HR Integrated Staffing Log Database - CGC</t>
  </si>
  <si>
    <t>ISL-CGC</t>
  </si>
  <si>
    <t>Canadian Grain Commission</t>
  </si>
  <si>
    <t>Human Resource Evaluation &amp; Selection Systems Soft</t>
  </si>
  <si>
    <t>AAFC-3691</t>
  </si>
  <si>
    <t>Land Based System (LBS)</t>
  </si>
  <si>
    <t>LBS</t>
  </si>
  <si>
    <t>The Land Based System (LBS) applications was designed to provide a framework to support the delivery of land based financial assistance programs.  The “base” system provides limited functionality and it is expected that complex programs would require a customized module to be added for the system to provide maximum usefulness for each new program. Includes Common client and component modules. Provided a base line for PIA and TRA requirements.</t>
  </si>
  <si>
    <t>Project Management Software</t>
  </si>
  <si>
    <t>AAFC-3701</t>
  </si>
  <si>
    <t>Business Risk Management Suite Delivery Program</t>
  </si>
  <si>
    <t>BRMS</t>
  </si>
  <si>
    <t>AAFC-3704</t>
  </si>
  <si>
    <t>Tax Information Slip System</t>
  </si>
  <si>
    <t>TISS</t>
  </si>
  <si>
    <t>AAFC-3705</t>
  </si>
  <si>
    <t>CPMA Monitoring System / Internal Control System</t>
  </si>
  <si>
    <t>CMAS</t>
  </si>
  <si>
    <t>Supports auditing of pari-mutuel betting data for regulatory compliance.  The CMAS is intended to provide monitoring and audit of Pari-Mutuel betting activities to ensure compliance with the Criminal Code of Canada, and to support the investigation of fraudulent actions.</t>
  </si>
  <si>
    <t>Financial Auditing Software</t>
  </si>
  <si>
    <t>AAFC-3707</t>
  </si>
  <si>
    <t>Agriculture Accounts Receivable Management System</t>
  </si>
  <si>
    <t>AARMS</t>
  </si>
  <si>
    <t>ATT</t>
  </si>
  <si>
    <t>Procurement &amp; Contract Management Software</t>
  </si>
  <si>
    <t>AAFC-3709</t>
  </si>
  <si>
    <t>National Mentoring Program Application</t>
  </si>
  <si>
    <t>NMP</t>
  </si>
  <si>
    <t>Spring</t>
  </si>
  <si>
    <t>AAFC-3710</t>
  </si>
  <si>
    <t>Monitoring and Reporting System (MRS)</t>
  </si>
  <si>
    <t>MRS</t>
  </si>
  <si>
    <t>AAFC-3711</t>
  </si>
  <si>
    <t>Market Access Support System</t>
  </si>
  <si>
    <t>MASS</t>
  </si>
  <si>
    <t>AAFC-3714</t>
  </si>
  <si>
    <t>Agroclimate Impact Reporter</t>
  </si>
  <si>
    <t>AIR</t>
  </si>
  <si>
    <t>National Agro-Climate Information Service (NAIS)</t>
  </si>
  <si>
    <t>Application system to support Agro climate Impact Reporter (AIR) for the National Agro-Climate Information Service (NAIS). Provides an ability to gather information and report the impact of climate events on a national basis.  NAIS uses the information to provide input to Departmental policies, programs and activities.</t>
  </si>
  <si>
    <t>AAFC-3715</t>
  </si>
  <si>
    <t>Form Builder</t>
  </si>
  <si>
    <t>FB</t>
  </si>
  <si>
    <t>Application is used to build web forms which can address any number of different areas.  Application uses widgets and generates form syntax which is entered into the CMS Content.  Application has a development and sandbox instance only and updates content in AgriSource pages only.  Content from non-production environments is copied to internal production CMS pages once tested in non-prod.</t>
  </si>
  <si>
    <t>Not Assigned</t>
  </si>
  <si>
    <t>AAFC-3716</t>
  </si>
  <si>
    <t>PeopleSoft Access and Training Request Application</t>
  </si>
  <si>
    <t>PSATRA</t>
  </si>
  <si>
    <t>Human Resources</t>
  </si>
  <si>
    <t>The PeopleSoft Access and Training Request Application facilitates the Security access authorization procedure as it streamlines the process of updating a PeopleSoft user’s access . It allows the requestor to submit an online form which is sent directly to the Delegated Authority for review. Once the Delegated Authority approves access the remainder of the process is automated. This application is used by six departments and agencies who are partners in the PeopleSoft 8.9 Shared Service. PeopleSoft 8.9 has moved to PWGSC.</t>
  </si>
  <si>
    <t>AAFC-3717</t>
  </si>
  <si>
    <t>CPP Workplan</t>
  </si>
  <si>
    <t>CPPWKPLN</t>
  </si>
  <si>
    <t>Application to perform work planning activities required by the Community Pasture program area in the Agri-Environment Services Branch (AESB).</t>
  </si>
  <si>
    <t>AAFC-3718</t>
  </si>
  <si>
    <t>Agriculture and Agri-Food Canada's Collection Portal</t>
  </si>
  <si>
    <t>ACP</t>
  </si>
  <si>
    <t>The Canadian Biodiversity Information Facility (CBIF),  is used to communicate Biodiversity data from Canadian national collections and integrates important information for biosystematics research of organisms of relevance for the agricultural sector and beyond.</t>
  </si>
  <si>
    <t>AAFC-3719</t>
  </si>
  <si>
    <t>SAS Enterprise Guide</t>
  </si>
  <si>
    <t>SAS EG</t>
  </si>
  <si>
    <t>SAS_Institute_Canada_Inc</t>
  </si>
  <si>
    <t>Client Server Solution for stats BI analysis</t>
  </si>
  <si>
    <t>Enterprise Guide</t>
  </si>
  <si>
    <t>Statistical Analysis Software</t>
  </si>
  <si>
    <t>AAFC-3720</t>
  </si>
  <si>
    <t>AgriRecovery</t>
  </si>
  <si>
    <t>AGRREC</t>
  </si>
  <si>
    <t>AAFC-3721</t>
  </si>
  <si>
    <t>AgriRisk</t>
  </si>
  <si>
    <t>AGRRSK</t>
  </si>
  <si>
    <t>AAFC-3723</t>
  </si>
  <si>
    <t>AgriRisk Initiatives System</t>
  </si>
  <si>
    <t>ARIS</t>
  </si>
  <si>
    <t>System to allow applicants to AgriRisk Initiatives program to apply online and for internal AAFC staff to manage incoming proposals</t>
  </si>
  <si>
    <t>AAFC-3724</t>
  </si>
  <si>
    <t>AgriInvest Allowable Net Sales Web Calculator</t>
  </si>
  <si>
    <t>ANS CALCULATOR</t>
  </si>
  <si>
    <t>An internet web application that provides the public with the ability to calculate their Allowable Net Sales for the AgriInvest Business Risk Management Program</t>
  </si>
  <si>
    <t>AAFC-3725</t>
  </si>
  <si>
    <t>My AAFC Account</t>
  </si>
  <si>
    <t>MAA</t>
  </si>
  <si>
    <t>Oracle_Canada_ULC</t>
  </si>
  <si>
    <t>FIPD/1.1 Business Risk Management</t>
  </si>
  <si>
    <t>Oracle Fusion Middleware</t>
  </si>
  <si>
    <t>SRS</t>
  </si>
  <si>
    <t>SharePoint</t>
  </si>
  <si>
    <t>AAFC-3727</t>
  </si>
  <si>
    <t>PublicCentrale (Internal)</t>
  </si>
  <si>
    <t>PUBCINT</t>
  </si>
  <si>
    <t>PubliCenttrale (Internal) provides a consolidated departmental system for managing, listing and distributing the different publications offered by the department. It is also used as the departmental communications tool using distribution lists managed by the Canadian Agricultural Library.</t>
  </si>
  <si>
    <t>Operating Systems Software</t>
  </si>
  <si>
    <t>Server Operating System Software</t>
  </si>
  <si>
    <t>AAFC-3728</t>
  </si>
  <si>
    <t>AccessPro Suite APCM Case Management</t>
  </si>
  <si>
    <t>APCM</t>
  </si>
  <si>
    <t>CSDC Systems, AccessPro Case Management</t>
  </si>
  <si>
    <t>AAFC-3729</t>
  </si>
  <si>
    <t>AccessPro Suite APCM Redaction</t>
  </si>
  <si>
    <t>APR</t>
  </si>
  <si>
    <t>appliance</t>
  </si>
  <si>
    <t>CSDC Systems, APCM Redaction, APR</t>
  </si>
  <si>
    <t>AAFC-3730</t>
  </si>
  <si>
    <t>MultiCorpora MultiTrans</t>
  </si>
  <si>
    <t>MULTICORPORA</t>
  </si>
  <si>
    <t>Multicorpora_R_D_inc</t>
  </si>
  <si>
    <t>MultiTrans , TextBase, TermBase, Flow. Vendor: Multicopora</t>
  </si>
  <si>
    <t>Translation Software</t>
  </si>
  <si>
    <t>AAFC-3731</t>
  </si>
  <si>
    <t>Biopesticides Database (a.k.a. Directory of Biopesticides for Agricultural Crops</t>
  </si>
  <si>
    <t>BPD (A.K.A. MPDD)</t>
  </si>
  <si>
    <t>Information Management Services,Information Technology Services</t>
  </si>
  <si>
    <t>Search form. Database with web interface search function.</t>
  </si>
  <si>
    <t>Search and Information Access Software</t>
  </si>
  <si>
    <t>AAFC-3732</t>
  </si>
  <si>
    <t>New Participant Package/Harmonized Forms</t>
  </si>
  <si>
    <t>NPP</t>
  </si>
  <si>
    <t>AAFC-3734</t>
  </si>
  <si>
    <t>Canadian Cheese Directory</t>
  </si>
  <si>
    <t>CANCHEESE</t>
  </si>
  <si>
    <t>A comprehensive database dedicated solely to Canadian cheeses made from cow, goat, sheep, or buffalo milk.</t>
  </si>
  <si>
    <t>AAFC-3735</t>
  </si>
  <si>
    <t>GasBoy</t>
  </si>
  <si>
    <t>GASBOY</t>
  </si>
  <si>
    <t>GasBoy is a system used to control fuel pumps. The pumps are plugged into a device placed outside besides the tanks/pumps. Whenever someone wants to activate one of the pumps, the have to swipe the vehicle tag as well as their employee ID, then pump activates and keeps a log of every transaction. The GasBoy application is the one actually controlling this device. It provides a web interface that we can use to add vehicles and employees to the system , create rules  (who can use the system, limit usage to certain hours, limit usage to certain vehicles, etc). The system can also generate reports.</t>
  </si>
  <si>
    <t>HeadOffice - SiteOmat, Orpak systems</t>
  </si>
  <si>
    <t>AAFC-3736</t>
  </si>
  <si>
    <t>Minor use pest program</t>
  </si>
  <si>
    <t>Management of farms (jobs, chemicals)</t>
  </si>
  <si>
    <t>AAFC-3754</t>
  </si>
  <si>
    <t>Active MQ</t>
  </si>
  <si>
    <t>ACTIVE MQ</t>
  </si>
  <si>
    <t>Apache ActiveMQ ™ is the most popular and powerful open source messaging and Integration Patterns server.  Apache ActiveMQ is fast, supports many Cross Language Clients and Protocols, comes with easy to use Enterprise Integration Patterns and many advanced features while fully supporting JMS 1.1 and J2EE 1.4. Apache ActiveMQ is released under the Apache 2.0 License</t>
  </si>
  <si>
    <t>Apache - Active MQ</t>
  </si>
  <si>
    <t>AAFC-3757</t>
  </si>
  <si>
    <t>Another Neat Tool</t>
  </si>
  <si>
    <t>ANT</t>
  </si>
  <si>
    <t>Apache Ant is a Java library and command-line tool whose mission is to drive processes described in build files as targets and extension points dependent upon each other. The main known usage of Ant is the build of Java applications. Ant supplies a number of built-in tasks allowing to compile, assemble, test and run Java applications. Ant can also be used effectively to build non Java applications, for instance C or C++ applications. More generally, Ant can be used to pilot any type of process which can be described in terms of targets and tasks.</t>
  </si>
  <si>
    <t>Apache - ANT</t>
  </si>
  <si>
    <t>AAFC-3760</t>
  </si>
  <si>
    <t>ESRI - ArcGIS for Desktop</t>
  </si>
  <si>
    <t>ARCGIS</t>
  </si>
  <si>
    <t>ESRI_Canada_Limited</t>
  </si>
  <si>
    <t>Collect and manage data, create professional maps, perform traditional and advanced spatial analysis, and solve real problems.</t>
  </si>
  <si>
    <t>ArcGIS for Desktop Advanced</t>
  </si>
  <si>
    <t>AAFC-3762</t>
  </si>
  <si>
    <t>Bare Tail</t>
  </si>
  <si>
    <t>BT</t>
  </si>
  <si>
    <t>A free real-time log file monitoring tool.</t>
  </si>
  <si>
    <t>Bare Metal - Bare Tail</t>
  </si>
  <si>
    <t>AAFC-3763</t>
  </si>
  <si>
    <t>Beyond Compare</t>
  </si>
  <si>
    <t>BC</t>
  </si>
  <si>
    <t>Compare files and folders.  Merge changes, synchronize files, and generate reports.  Directly access FTP sites, media devices, WebDAV resources, svn repositories and cloud storage.   Includes built-in comparison viewers for a variety of data types.  In addition to text, compare tables, images, binary files, registry hives, and much more.</t>
  </si>
  <si>
    <t>Scooter Software - Beyond Compare</t>
  </si>
  <si>
    <t>Development Environments Software</t>
  </si>
  <si>
    <t>Software Development Platform Software</t>
  </si>
  <si>
    <t>AAFC-3764</t>
  </si>
  <si>
    <t>Bugzilla</t>
  </si>
  <si>
    <t>BUGZILLA</t>
  </si>
  <si>
    <t>Bugzilla is a "Defect Tracking System" or "Bug-Tracking System". Defect Tracking Systems allow individual or groups of developers to keep track of outstanding bugs in their product effectively.</t>
  </si>
  <si>
    <t>Bugzilla - Bugzilla</t>
  </si>
  <si>
    <t>AAFC-3765</t>
  </si>
  <si>
    <t>Real Time Weather Data System</t>
  </si>
  <si>
    <t>RTWDS</t>
  </si>
  <si>
    <t>Data collection and QA/QC management of observational weather data from co-operative AAFC-AAC/Environment Canada weather stations.   Allows the AAFC-AAC Research community to access near real time weather data not publicly available from other sources.  This has been developed in-house over the last 30 years to support research and operational requirements at AAFC-AAC Centres across the country.   It uses some commercially available software such as "Logger Net" from Campbell Scientific Canada in Edmonton (Env Canada uses the same) as well as in-house developed applications to allow end user access.  It also requires the access and use of the SAS server for collection and processing.</t>
  </si>
  <si>
    <t>Relational Database Management Systems Software</t>
  </si>
  <si>
    <t>AAFC-3767</t>
  </si>
  <si>
    <t>Graphic Image Manipulation Program</t>
  </si>
  <si>
    <t>GIMP</t>
  </si>
  <si>
    <t>GIMP is a cross-platform image editor available for GNU/Linux, OS X, Windows and more operating systems. It is free software. GIMP provides sophisticated tools for graphic designers, photographers, illustrators, or scientists. It also has many customization options and 3rd party plugins.</t>
  </si>
  <si>
    <t>Open Source - GIMP</t>
  </si>
  <si>
    <t>AAFC-3770</t>
  </si>
  <si>
    <t>Notepad ++</t>
  </si>
  <si>
    <t>NOTEPAD++</t>
  </si>
  <si>
    <t>TextPad 8.0 is a powerful, general purpose editor for plain text files</t>
  </si>
  <si>
    <t>Helios - Textpad</t>
  </si>
  <si>
    <t>AAFC-3771</t>
  </si>
  <si>
    <t>Maven</t>
  </si>
  <si>
    <t>MAVEN</t>
  </si>
  <si>
    <t>Based on the concept of a project object model (POM), Maven can manage a project's build, reporting and documentation from a central piece of information.</t>
  </si>
  <si>
    <t>Apache - Maven</t>
  </si>
  <si>
    <t>AAFC-3772</t>
  </si>
  <si>
    <t>Nexus</t>
  </si>
  <si>
    <t>NEXUS</t>
  </si>
  <si>
    <t>Free repository manager with universal support for popular component formats. •Basic component intelligence •Supports Maven, Docker, NuGet, npm, PyPI, Bower, and more</t>
  </si>
  <si>
    <t>Sonatype - Nexus</t>
  </si>
  <si>
    <t>AAFC-3773</t>
  </si>
  <si>
    <t>Visual Studio MSDN</t>
  </si>
  <si>
    <t>VS MSDN</t>
  </si>
  <si>
    <t>Microsoft_Corporation</t>
  </si>
  <si>
    <t>Microsoft Developer Network (MSDN) tools contain Visual Studio (Microsoft's development IDE) and Microsoft Visual Source Safe (discontinued source control program).  NOTE:  Previously there were 2 entries in APM:  Visual Studio and Visual Source Safe.  Since the MSDN license contains both tools and there is only 1 license fee for MSDN (Enterprise and Professional) and the fact that Visual Source Safe is discontinued, the entry for Visual Source Safe has been deleted, and the Visual Studio entry has been renamed to Visual Studio MSDN.</t>
  </si>
  <si>
    <t>Visio 2013 Professional</t>
  </si>
  <si>
    <t>AAFC-3774</t>
  </si>
  <si>
    <t>Tortoise Subversion</t>
  </si>
  <si>
    <t>TORTOISESVN</t>
  </si>
  <si>
    <t>TortoiseSVN is an Apache™ Subversion (SVN)® client, implemented as a Windows shell extension. It's intuitive and easy to use, since it doesn't require the Subversion command line client to run.</t>
  </si>
  <si>
    <t>Open Source - TortoiseSVN</t>
  </si>
  <si>
    <t>AAFC-3775</t>
  </si>
  <si>
    <t>Subversion (svn.agr.gc.ca)</t>
  </si>
  <si>
    <t>SVN</t>
  </si>
  <si>
    <t>Subversion is an open source version control system.</t>
  </si>
  <si>
    <t>SVN is not middleware</t>
  </si>
  <si>
    <t>Apache - Subversion</t>
  </si>
  <si>
    <t>AAFC-3776</t>
  </si>
  <si>
    <t>Project Information Hub</t>
  </si>
  <si>
    <t>PIH</t>
  </si>
  <si>
    <t>AAFC-3777</t>
  </si>
  <si>
    <t>Fiddler</t>
  </si>
  <si>
    <t>FIDDLER</t>
  </si>
  <si>
    <t>Fiddler is a web debugging proxy server application.</t>
  </si>
  <si>
    <t>Telerik - Fiddler</t>
  </si>
  <si>
    <t>AAFC-3778</t>
  </si>
  <si>
    <t>Science Publication System</t>
  </si>
  <si>
    <t>SPS</t>
  </si>
  <si>
    <t>AAFC-3784</t>
  </si>
  <si>
    <t>FishEye</t>
  </si>
  <si>
    <t>FE</t>
  </si>
  <si>
    <t>Visualize and report on activity and search for commits, files, revisions, or teammates across SVN, Git, Mercurial, CVS and Perforce. ... View changes with a side-by-side or unified diff tool and link your JIRA Software issues directly to diffs, changeset details, or full source</t>
  </si>
  <si>
    <t>Atlassian - FishEye</t>
  </si>
  <si>
    <t>AAFC-3789</t>
  </si>
  <si>
    <t>Eclipse</t>
  </si>
  <si>
    <t>ECLIPSE</t>
  </si>
  <si>
    <t>Java IDE.</t>
  </si>
  <si>
    <t>Eclipse Foundation - Eclipse</t>
  </si>
  <si>
    <t>AAFC-3791</t>
  </si>
  <si>
    <t>Cygwin</t>
  </si>
  <si>
    <t>CYGWIN</t>
  </si>
  <si>
    <t>Linux-like environment for Windows making it possible to port software running on POSIX systems (such as Linux, BSD, and Unix systems) to Windows.</t>
  </si>
  <si>
    <t>Open Source - Cygwin</t>
  </si>
  <si>
    <t>AAFC-3792</t>
  </si>
  <si>
    <t>XmlPad</t>
  </si>
  <si>
    <t>XMLPAD</t>
  </si>
  <si>
    <t>WmHelp XMLPad’s features included: powerful XML, XSD and DTD editor with color syntax highlighting, line numbers, element range navigation, and context-dependent source assistant wizard; editing the DTD and XML using the tree and properties views, synchronized with the regular editor navigation; editing XML using state of the art Grid View and preview in the built-in browser window; generation the sample of XML from DTD schema and sample of DTD from XML file; preview the DTD schema in graphical Diagram window; on-demand and online validation for DTD schema and XML files against the underlying DTD schemas; XPath expression builder; auto-formatting and auto-parsing for the document.</t>
  </si>
  <si>
    <t>WmHelp - XmlPad for Windows</t>
  </si>
  <si>
    <t>AAFC-3793</t>
  </si>
  <si>
    <t>Firefox Firebug</t>
  </si>
  <si>
    <t>Firebug integrates with Firefox to put a wealth of web development tools at your fingertips while you browse. You can edit, debug, and monitor CSS, HTML, and JavaScript live in any web page.</t>
  </si>
  <si>
    <t>Firebug - Firebug</t>
  </si>
  <si>
    <t>AAFC-3794</t>
  </si>
  <si>
    <t>Integrated Reporting System</t>
  </si>
  <si>
    <t>SMSIR</t>
  </si>
  <si>
    <t>Business Intelligence Software</t>
  </si>
  <si>
    <t>AAFC-3798</t>
  </si>
  <si>
    <t>Contact forms (Contact Us, Contact the Minister)</t>
  </si>
  <si>
    <t>CONTACTUS</t>
  </si>
  <si>
    <t>Simple web forms for departmental feedback. Submits information as an email to a shared mailbox.</t>
  </si>
  <si>
    <t>AAFC-3799</t>
  </si>
  <si>
    <t>Agri-Info Form</t>
  </si>
  <si>
    <t>AGRI-INFO</t>
  </si>
  <si>
    <t>Subscription form for Agri-info newsletter. Submit registration request as an email to a shared mailbox.</t>
  </si>
  <si>
    <t>AAFC-380</t>
  </si>
  <si>
    <t>Real Property Information System</t>
  </si>
  <si>
    <t>RPIS</t>
  </si>
  <si>
    <t>Real Property Services</t>
  </si>
  <si>
    <t>The Real Property Information System has been developed to give real property managers a quick and easy way to manage AAFC real property purchases, leases, licenses and easements anywhere in Canada. The system also supports management of Pasture assets by PFRA (Prairie Farm Rehabilitation Administration) property managers and management of PWGSC administered office accommodations.</t>
  </si>
  <si>
    <t>Property Management Software</t>
  </si>
  <si>
    <t>AAFC-3800</t>
  </si>
  <si>
    <t>Proposal Submission System</t>
  </si>
  <si>
    <t>PSS</t>
  </si>
  <si>
    <t>AAFC-3801</t>
  </si>
  <si>
    <t>Employee Activity Reporting System</t>
  </si>
  <si>
    <t>EARS</t>
  </si>
  <si>
    <t>Internal application which captures the activities by time performed by FIPD employees.</t>
  </si>
  <si>
    <t>Calendar &amp; Scheduling Software</t>
  </si>
  <si>
    <t>AAFC-3804</t>
  </si>
  <si>
    <t>UAT Effort Tracking and Reporting application</t>
  </si>
  <si>
    <t>UTR</t>
  </si>
  <si>
    <t>The UAT Effort Tracking and Reporting Application is being developed as a tool to assist UAT in testing a given IT system release.   Data sources for the application are primarily user derived as users enter test case related tracking and reporting information into the application.  The tasks are broken into three separate work phases:  Phase 1: A lead tester will review the list of tasks that have been entered into the application for a release and assign a weight (in hours) to complete each task. This weight represents of the “testing” effort or work required to complete the task. The sum of the hours assigned to each task represents the total amount of work or effort required to test the system release.  This information is used for resource pl</t>
  </si>
  <si>
    <t>AAFC-3805</t>
  </si>
  <si>
    <t>Program Delivery Support System</t>
  </si>
  <si>
    <t>PDSS</t>
  </si>
  <si>
    <t>The PDSS is the user and role management system for all of our Groovy Grails ESAS applications.  Currently supports UTR, SDSS, and EARS2.</t>
  </si>
  <si>
    <t>AAFC-3806</t>
  </si>
  <si>
    <t>Service Delivery Support Suite</t>
  </si>
  <si>
    <t>SDSS</t>
  </si>
  <si>
    <t>AAFC-3807</t>
  </si>
  <si>
    <t>Leave Calendar (Farm Income Programs Senior Management Team)</t>
  </si>
  <si>
    <t>LC-FIPDSMT</t>
  </si>
  <si>
    <t>The Leave Calendar is a quick way for teams to view leave in order to plan for coverage (summer for example). This instance is used by the FIPD SMT group.</t>
  </si>
  <si>
    <t>AAFC-3808</t>
  </si>
  <si>
    <t>Leave Calendar (ISB Application and Knowledge Services)</t>
  </si>
  <si>
    <t>LC-ISBAKS</t>
  </si>
  <si>
    <t>The Leave Calendar is a quick way for teams to view leave in order to plan for coverage (summer for example).  This instance is used by the AKS teams.</t>
  </si>
  <si>
    <t>AAFC-3810</t>
  </si>
  <si>
    <t>TeamMate</t>
  </si>
  <si>
    <t>TEAMMATE</t>
  </si>
  <si>
    <t>Wolters Kluwer.  TeamMate v5.7</t>
  </si>
  <si>
    <t>AAFC-3811</t>
  </si>
  <si>
    <t>Equine Drug Control System</t>
  </si>
  <si>
    <t>EDCS</t>
  </si>
  <si>
    <t>AAFC-3812</t>
  </si>
  <si>
    <t>FIPD AARMS XML Utility</t>
  </si>
  <si>
    <t>AAFC-3813</t>
  </si>
  <si>
    <t>AgriStability Interims Calculator and COB</t>
  </si>
  <si>
    <t>INTERIMS</t>
  </si>
  <si>
    <t>AAFC-3814</t>
  </si>
  <si>
    <t>Enrollment Notice Calculator</t>
  </si>
  <si>
    <t>ENS</t>
  </si>
  <si>
    <t>AAFC-3815</t>
  </si>
  <si>
    <t>Automated Risk Assessment</t>
  </si>
  <si>
    <t>ARA</t>
  </si>
  <si>
    <t>AAFC-3816</t>
  </si>
  <si>
    <t>AgriStability Peer Review</t>
  </si>
  <si>
    <t>ASPR</t>
  </si>
  <si>
    <t>AAFC-3818</t>
  </si>
  <si>
    <t>Target Advance Payments</t>
  </si>
  <si>
    <t>TAP</t>
  </si>
  <si>
    <t>AAFC-3819</t>
  </si>
  <si>
    <t>Accrual Breeding Herd Adjustments</t>
  </si>
  <si>
    <t>ABHA</t>
  </si>
  <si>
    <t>AAFC-3820</t>
  </si>
  <si>
    <t>Master AARM</t>
  </si>
  <si>
    <t>MAARM</t>
  </si>
  <si>
    <t>AAFC-3821</t>
  </si>
  <si>
    <t>Advance Payments Program</t>
  </si>
  <si>
    <t>APP</t>
  </si>
  <si>
    <t>AAFC-3822</t>
  </si>
  <si>
    <t>AgriInvest</t>
  </si>
  <si>
    <t>AI</t>
  </si>
  <si>
    <t>AAFC-3823</t>
  </si>
  <si>
    <t>Agri-Stability</t>
  </si>
  <si>
    <t>AS</t>
  </si>
  <si>
    <t>AAFC-3824</t>
  </si>
  <si>
    <t>Kickstart</t>
  </si>
  <si>
    <t>KS</t>
  </si>
  <si>
    <t>AAFC-3825</t>
  </si>
  <si>
    <t>Farm Information Loader</t>
  </si>
  <si>
    <t>FIL</t>
  </si>
  <si>
    <t>AAFC-3827</t>
  </si>
  <si>
    <t>GIT</t>
  </si>
  <si>
    <t>Source Management Tool</t>
  </si>
  <si>
    <t>AAFC-3833</t>
  </si>
  <si>
    <t>HR Tier 1 Info Base</t>
  </si>
  <si>
    <t>HRKB</t>
  </si>
  <si>
    <t>Knowledge base for HR call centre agents, containing information needed to respond to routine HR inquiries. The clients are not using this application currently because of slow search performance. Investigation of possible improvements is underway.</t>
  </si>
  <si>
    <t>SharePoint Server Enterprise C</t>
  </si>
  <si>
    <t>AAFC-3841</t>
  </si>
  <si>
    <t>Erwin Data Modeler</t>
  </si>
  <si>
    <t>EDM</t>
  </si>
  <si>
    <t>ERwin Data Modeler is an industry-leading data modeling solution that provides a simple, visual interface to manage your complex data environment.</t>
  </si>
  <si>
    <t>ERwin Inc</t>
  </si>
  <si>
    <t>Database Modeling Software</t>
  </si>
  <si>
    <t>AAFC-3843</t>
  </si>
  <si>
    <t>Firefox Developer Edition</t>
  </si>
  <si>
    <t>FFDE</t>
  </si>
  <si>
    <t>The only browser made just for developers, Firefox Developer Edition was created with your workflow in mind. Build, test, scale and more all from one place, for the first time ever.</t>
  </si>
  <si>
    <t>Firefox</t>
  </si>
  <si>
    <t>AAFC-3850</t>
  </si>
  <si>
    <t>PCI Geomatica</t>
  </si>
  <si>
    <t>PCI</t>
  </si>
  <si>
    <t>PCI_Geomatics</t>
  </si>
  <si>
    <t>a remote sensing desktop software package for processing earth observation data, allowing users to load, transform and perform complex analysis on satellite and aerial imagery.</t>
  </si>
  <si>
    <t>Geomatica Core</t>
  </si>
  <si>
    <t>AAFC-3852</t>
  </si>
  <si>
    <t>Enterprise Mapping Application Framework</t>
  </si>
  <si>
    <t>EMAF</t>
  </si>
  <si>
    <t>Information Management Services,Other,Real Property Services</t>
  </si>
  <si>
    <t>• Enterprise Mapping Application Framework (EMAF) – Create a less complex approach to web mapping applications by creating a framework or shared library that utilizes ESRI commercial off the shelf map server engine (ArcGIS Server)  and  associated  Application Programming Interfaces (API’s).  This framework should leverage ESRI desktop tools and processes in the publication of web services and associated administration and configuration.  This framework should also utilize as much as possible the base mapping features available from commercial or other authoritative systems. This framework should use technologies that will better support accessibility standards required by Government of Canada websites.</t>
  </si>
  <si>
    <t>Graphic Design, Imaging &amp; Viewing Software</t>
  </si>
  <si>
    <t>AAFC-3855</t>
  </si>
  <si>
    <t>Gradle</t>
  </si>
  <si>
    <t>GRADLE</t>
  </si>
  <si>
    <t>Gradle is an open source build automation system that builds upon the concepts of Apache Ant and Apache Maven and introduces a Groovy-based domain-specific language (DSL) instead of the XML form used by Apache Maven of declaring the project configuration.</t>
  </si>
  <si>
    <t>Gradle open source</t>
  </si>
  <si>
    <t>AAFC-3856</t>
  </si>
  <si>
    <t>Grunt</t>
  </si>
  <si>
    <t>GRUNT</t>
  </si>
  <si>
    <t>Automation, performing repetitive tasks like minification, compilation, unit testing and linting.</t>
  </si>
  <si>
    <t>Grunt open source</t>
  </si>
  <si>
    <t>AAFC-3857</t>
  </si>
  <si>
    <t>Informatica Powercenter</t>
  </si>
  <si>
    <t>INFORMATICA</t>
  </si>
  <si>
    <t>AIX</t>
  </si>
  <si>
    <t>AAFC-3858</t>
  </si>
  <si>
    <t>Interim Repository</t>
  </si>
  <si>
    <t>IREP</t>
  </si>
  <si>
    <t>The purpose of the Interim Repository Program (IRPP) database application is to store, analyze and then report information received from third party delivery users.   This application is used in conjunction with the National Farm Stewardship Program (NFSP) and National Water Supply Expansion Program (NWSEP) applications.</t>
  </si>
  <si>
    <t>AAFC-3860</t>
  </si>
  <si>
    <t>Infosphere</t>
  </si>
  <si>
    <t>INFOSPHERE</t>
  </si>
  <si>
    <t>IBM InfoSphere DataStage is an ETL tool and part of the IBM Information Platforms Solutions suite and IBM InfoSphere. It uses a graphical notation to construct data integration solutions.</t>
  </si>
  <si>
    <t>IBM Infosphere</t>
  </si>
  <si>
    <t>AAFC-3861</t>
  </si>
  <si>
    <t>Jameleon</t>
  </si>
  <si>
    <t>JAMELEON</t>
  </si>
  <si>
    <t>Jameleon is an automated testing framework that can be easily used by technical and non-technical users alike. One of the main concepts behind Jameleon is to create a group of keywords or tags that represent different screens of an application. All of the logic required to automate each particular screen can be defined in Java and mapped to these keywords. The keywords can then be organized with different data sets to form test scripts without requiring an in-depth knowledge of how the application works. The test scripts are then used to automate testing and to generate manual test case documentation.</t>
  </si>
  <si>
    <t>Jameleon - open source</t>
  </si>
  <si>
    <t>AAFC-3862</t>
  </si>
  <si>
    <t>FileZilla</t>
  </si>
  <si>
    <t>FILEZILLA</t>
  </si>
  <si>
    <t>FileZilla is a cross-platform graphical FTP, SFTP, and FTPS file management tool for Windows, Linux, Mac OS X, and more. With tons of intuitive tools, FileZilla helps you quickly move files between your computer and Web server.</t>
  </si>
  <si>
    <t>Open Source - Tim Kosse (developer)</t>
  </si>
  <si>
    <t>AAFC-3863</t>
  </si>
  <si>
    <t>Firefox FTP</t>
  </si>
  <si>
    <t>FIREFOXFTP</t>
  </si>
  <si>
    <t>FireFTP is a free, secure, cross-platform FTP/SFTP client for Mozilla Firefox which provides easy and intuitive access to FTP/SFTP servers.</t>
  </si>
  <si>
    <t>FireFTP</t>
  </si>
  <si>
    <t>AAFC-3865</t>
  </si>
  <si>
    <t>Irfanview</t>
  </si>
  <si>
    <t>IRFANVIEW</t>
  </si>
  <si>
    <t>IrfanView is a very fast, small, compact and innovative FREEWARE (for non-commercial use) graphic viewer for Windows 9x, ME, NT, 2000, XP, 2003 , 2008, Vista, Windows 7, Windows 8, Windows 10.</t>
  </si>
  <si>
    <t>IrfanView</t>
  </si>
  <si>
    <t>AAFC-3866</t>
  </si>
  <si>
    <t>Firefox Selenium Expert</t>
  </si>
  <si>
    <t>FSE</t>
  </si>
  <si>
    <t>This plugin is my attempt to bring the wonderful world of inspections, tips, hints, fixes and refactoring to Selenese! The Selenium Expert goes through your selenium test cases suggesting improvements, giving tips and even lets you apply them.</t>
  </si>
  <si>
    <t>Samit Badle</t>
  </si>
  <si>
    <t>AAFC-3867</t>
  </si>
  <si>
    <t>Charles</t>
  </si>
  <si>
    <t>CHARLES</t>
  </si>
  <si>
    <t>Charles is an HTTP proxy / HTTP monitor / Reverse Proxy that enables a developer to view all of the HTTP and SSL / HTTPS traffic between their machine and the Internet. This includes requests, responses and the HTTP headers (which contain the cookies and caching information).</t>
  </si>
  <si>
    <t>AAFC-3869</t>
  </si>
  <si>
    <t>Geany</t>
  </si>
  <si>
    <t>GEANY</t>
  </si>
  <si>
    <t>Legal Services</t>
  </si>
  <si>
    <t>Geany is a text editor using the GTK+ toolkit with basic features of an integrated development environment. It was developed to provide a small and fast IDE, which has only a few dependencies from other packages.</t>
  </si>
  <si>
    <t>AAFC-3870</t>
  </si>
  <si>
    <t>Textpad</t>
  </si>
  <si>
    <t>TEXTPAD</t>
  </si>
  <si>
    <t>is a powerful, general purpose editor for plain text files. Easy to use, with all the features a power user requires.</t>
  </si>
  <si>
    <t>Structured Content Authoring Software</t>
  </si>
  <si>
    <t>AAFC-3872</t>
  </si>
  <si>
    <t>Jaws</t>
  </si>
  <si>
    <t>JAWS</t>
  </si>
  <si>
    <t>JAWS, Job Access With Speech, is the world's most popular screen reader, developed for computer users whose vision loss prevents them from seeing screen content or navigating with a mouse. JAWS provides speech and Braille output for the most popular computer applications on your PC.</t>
  </si>
  <si>
    <t>Freedom Scientific</t>
  </si>
  <si>
    <t>Software Testing Software</t>
  </si>
  <si>
    <t>AAFC-3873</t>
  </si>
  <si>
    <t>Jira</t>
  </si>
  <si>
    <t>JIRA</t>
  </si>
  <si>
    <t>JIRA Software is built for every member of your software team to plan, track, and release great software.</t>
  </si>
  <si>
    <t>Atlassian</t>
  </si>
  <si>
    <t>Application Life-Cycle Management Software</t>
  </si>
  <si>
    <t>AAFC-3874</t>
  </si>
  <si>
    <t>Apache Jmeter</t>
  </si>
  <si>
    <t>JMETER</t>
  </si>
  <si>
    <t>he Apache JMeter™ application is open source software, a 100% pure Java application designed to load test functional behavior and measure performance. It was originally designed for testing Web Applications but has since expanded to other test functions.</t>
  </si>
  <si>
    <t>Apache JMeter</t>
  </si>
  <si>
    <t>AAFC-3875</t>
  </si>
  <si>
    <t>Junit</t>
  </si>
  <si>
    <t>JUNIT</t>
  </si>
  <si>
    <t>Unit testing for Java</t>
  </si>
  <si>
    <t>JUnit oper source</t>
  </si>
  <si>
    <t>AAFC-3876</t>
  </si>
  <si>
    <t>Adobe Livecycle Enterprise Suite</t>
  </si>
  <si>
    <t>LIVECYCLE</t>
  </si>
  <si>
    <t>Create forms and documents with a comprehensive design tool. Adobe® LiveCycle® Designer ES4 software helps you easily author form and document templates that combine high-fidelity dynamic presentation with sophisticated XML data handling. LiveCycle Designer ES4 lets you create form templates that can output to paper, PDF, and HTML5 without having to write scripts. Advanced layout capabilities let you preserve the appearance of imported PDF documents, while spell-check and customizable user dictionaries reduce the chance of errors. NOTE: Previously there were 2 entries in the APM inventory: Adobe Acrobat X Pro and Adobe Livecycle Designer/Workbench.  Since these two tools are part of the Adobe Livecycle Enterprise Suite and there is only 1 license fee</t>
  </si>
  <si>
    <t>AAFC-3877</t>
  </si>
  <si>
    <t>Microsoft Visio</t>
  </si>
  <si>
    <t>VISIO</t>
  </si>
  <si>
    <t>Modelling tool</t>
  </si>
  <si>
    <t>Systems Architecture Design Software</t>
  </si>
  <si>
    <t>AAFC-3878</t>
  </si>
  <si>
    <t>MySQL Workbench</t>
  </si>
  <si>
    <t>MYSQLWORKBENCH</t>
  </si>
  <si>
    <t>MySQL Workbench is a unified visual tool for database architects, developers, and DBAs. MySQL Workbench provides data modeling, SQL development, and comprehensive administration tools for server configuration, user administration, backup, and much more. MySQL Workbench is available on Windows, Linux and Mac OS X.</t>
  </si>
  <si>
    <t>Open Source MySQL Workbench</t>
  </si>
  <si>
    <t>AAFC-3879</t>
  </si>
  <si>
    <t>Netbeans</t>
  </si>
  <si>
    <t>NETBEANS</t>
  </si>
  <si>
    <t>Java IDE</t>
  </si>
  <si>
    <t>Open Source</t>
  </si>
  <si>
    <t>AAFC-3880</t>
  </si>
  <si>
    <t>node.js</t>
  </si>
  <si>
    <t>NODEJS</t>
  </si>
  <si>
    <t>Node.js® is a JavaScript runtime built on Chrome's V8 JavaScript engine. Node.js uses an event-driven, non-blocking I/O model that makes it lightweight and efficient. Node.js' package ecosystem, npm, is the largest ecosystem of open source libraries in the world.</t>
  </si>
  <si>
    <t>Open source</t>
  </si>
  <si>
    <t>AAFC-3881</t>
  </si>
  <si>
    <t>Oracle Developer Suite</t>
  </si>
  <si>
    <t>ORACLE DEV SUITE</t>
  </si>
  <si>
    <t>Oracle Developer Suite is the most complete and integrated development environment, combining the power of applications development and business intelligence tools in a single suite that is based on the latest industry standards.  Oracle Developer Suite lets developers quickly build high-quality transactional applications, which can be deployed to multiple channels, including portals, Web services, and wireless devices, and which can be extended with business intelligence capabilities.  The developer suite components are:  Oracle JDeveloper, Oracle Forms, Oracle Reports, Oracle Designer, Oracle Discoverer and Oracle Business Intelligence Beans.</t>
  </si>
  <si>
    <t>JDeveloper, Oracle Developer T</t>
  </si>
  <si>
    <t>AAFC-3883</t>
  </si>
  <si>
    <t>Putty</t>
  </si>
  <si>
    <t>PUTTY</t>
  </si>
  <si>
    <t>PuTTY is a free implementation of SSH and Telnet for Windows and Unix platforms, along with an xterm terminal emulator. It is written and maintained primarily by Simon Tatham.  The latest version is beta 0.67.</t>
  </si>
  <si>
    <t>AAFC-3884</t>
  </si>
  <si>
    <t>PyCharm Community Edition</t>
  </si>
  <si>
    <t>PYCHARM</t>
  </si>
  <si>
    <t>Lightweight IDE for Python &amp; Scientific development</t>
  </si>
  <si>
    <t>JetBrains</t>
  </si>
  <si>
    <t>AAFC-3885</t>
  </si>
  <si>
    <t>PythonWin</t>
  </si>
  <si>
    <t>PYTHONWIN</t>
  </si>
  <si>
    <t>Python Editor for Windows</t>
  </si>
  <si>
    <t>AAFC-3887</t>
  </si>
  <si>
    <t>Real-time In-situ Soil Monitoring for Agriculture</t>
  </si>
  <si>
    <t>RISMA</t>
  </si>
  <si>
    <t>RISMA is a web based application that presents historical and near real time soil moist and atmospheric data.  The data is collected by a network of sensors that are installed in agriculture fields in 3 provinces.  The data is collected every 15 minutes and refreshed every hour in the system.</t>
  </si>
  <si>
    <t>AAFC-3900</t>
  </si>
  <si>
    <t>Specify6</t>
  </si>
  <si>
    <t>SPECIFY6</t>
  </si>
  <si>
    <t>n/a</t>
  </si>
  <si>
    <t>Open Source: Specify Software Project from the Biodiversity Institute, University of Kansas</t>
  </si>
  <si>
    <t>AAFC-3904</t>
  </si>
  <si>
    <t>FormViewer and Builder</t>
  </si>
  <si>
    <t>FVAB</t>
  </si>
  <si>
    <t>Custom Design</t>
  </si>
  <si>
    <t>AAFC-3905</t>
  </si>
  <si>
    <t>AAFC Online Presentation Layer</t>
  </si>
  <si>
    <t>AAFCONLINEPL</t>
  </si>
  <si>
    <t>Presentation Layer - back-end application that pulls all the parts of a web page together at render time and serves a page from a static website to a user's web browser.  Web page content and other configurations stored within a content management system (CMS) - HP Content Center Professional or Teamsite. The Teamsite interface is managed by the Content Management System team and accessible through assigned username / password credentials to modify content to only specified users. Metadata for CMS is stored in Oracle 11g tables and used by the presentation layer and accessible via single schema user used by Web Services for deployment and interfaces with Teamsite.</t>
  </si>
  <si>
    <t>AAFC-3906</t>
  </si>
  <si>
    <t>Multi-site Presentation Layer</t>
  </si>
  <si>
    <t>MULTISITEPL</t>
  </si>
  <si>
    <t>Presentation Layer - back-end application that pulls all the parts of a web page together at render time and serves a page from a static website to a user's web browser. Supports 2 live websites (CART, CBIF) and one new, non-live site (DairyInfo).  Currently deployed in acceptance test and production.</t>
  </si>
  <si>
    <t>AAFC-3907</t>
  </si>
  <si>
    <t>AgriSource Presentation Layer</t>
  </si>
  <si>
    <t>AGRISOURCEPL</t>
  </si>
  <si>
    <t>Presentation Layer - back-end application that pulls all the parts of a web page together at render time and serves a page from a static website to a user's web browser.  Web page content and other configurations stored within a content management system (CMS) - HP Content Center Professional or Teamsite.  The Teamsite interface is managed by the Content Management System team and accessible through assigned username / password credentials to modify content to only specified users.  Metadata for CMS is stored in Oracle 11g tables and used by the presentation layer and accessible via single schema user used by Web Services for deployment and interfaces with Teamsite.</t>
  </si>
  <si>
    <t>AAFC-3908</t>
  </si>
  <si>
    <t>JAVA-jdk</t>
  </si>
  <si>
    <t>JAVA</t>
  </si>
  <si>
    <t>The Java Development Kit (JDK) is an implementation of either one of the Java Platform, Standard Edition, Java Platform, Enterprise Edition or Java Platform, Micro Edition platforms[1] released by Oracle Corporation in the form of a binary product aimed at Java developers on Solaris, Linux, Mac OS X or Windows. The JDK includes a private JVM and a few other resources to finish the development of a Java Application.</t>
  </si>
  <si>
    <t>AAFC-3910</t>
  </si>
  <si>
    <t>Selenium</t>
  </si>
  <si>
    <t>SELENIUM</t>
  </si>
  <si>
    <t>is a portable software testing framework for web applications. Selenium provides a record/playback tool for authoring tests without learning a test scripting language (Selenium IDE).</t>
  </si>
  <si>
    <t>AAFC-3911</t>
  </si>
  <si>
    <t>SOAP UI</t>
  </si>
  <si>
    <t>SOAPUI</t>
  </si>
  <si>
    <t>is the world leading Open Source Functional Testing tool for API Testing. It supports multiple protocols such as SOAP, REST, HTTP, JMS, AMF</t>
  </si>
  <si>
    <t>Open Source Smartbear</t>
  </si>
  <si>
    <t>AAFC-3912</t>
  </si>
  <si>
    <t>Spring IDE</t>
  </si>
  <si>
    <t>SPRING</t>
  </si>
  <si>
    <t>is a set of plugins which are adding support for the popular application framework Spring Framework to the Eclipse platform.</t>
  </si>
  <si>
    <t>AAFC-3914</t>
  </si>
  <si>
    <t>Subclipse</t>
  </si>
  <si>
    <t>SUBCLIPSE</t>
  </si>
  <si>
    <t>Enables Suvbersion support in the Eclipse IDE.</t>
  </si>
  <si>
    <t>AAFC-3916</t>
  </si>
  <si>
    <t>Toad for Oracle</t>
  </si>
  <si>
    <t>TOAD</t>
  </si>
  <si>
    <t>TOAD is a tool from Quest Software (www.quest.com) for creating and testing PL/SQL code. It offers many features for developers and DBAs and is available in a variety of versions.</t>
  </si>
  <si>
    <t>Quest Software</t>
  </si>
  <si>
    <t>AAFC-3919</t>
  </si>
  <si>
    <t>VIM for Windows</t>
  </si>
  <si>
    <t>VIM</t>
  </si>
  <si>
    <t>VI editor for windows</t>
  </si>
  <si>
    <t>AAFC-3923</t>
  </si>
  <si>
    <t>ERWin Web Portal</t>
  </si>
  <si>
    <t>ERWIN WP</t>
  </si>
  <si>
    <t>The ERwin Web Portal provides a simple, customizable, web-based interface that allows both business and technical users across the organization to easily visualize the important metadata information that is stored in ERwin Data Modeler and beyond.</t>
  </si>
  <si>
    <t>AAFC-3924</t>
  </si>
  <si>
    <t>Winmerge</t>
  </si>
  <si>
    <t>WINMERGE</t>
  </si>
  <si>
    <t>modern compare/synchronization tool. It will be based on Qt library and cross-platform. You can use the same tool in Windows and in Linux.</t>
  </si>
  <si>
    <t>AAFC-3925</t>
  </si>
  <si>
    <t>IntelliJ</t>
  </si>
  <si>
    <t>INTELLIJ</t>
  </si>
  <si>
    <t>Java and Grails IDE.</t>
  </si>
  <si>
    <t>Jetbrains</t>
  </si>
  <si>
    <t>AAFC-3927</t>
  </si>
  <si>
    <t>Xming</t>
  </si>
  <si>
    <t>XMING</t>
  </si>
  <si>
    <t>Xming is the leading X Window System Server for Microsoft Windows®. It is fully featured, lean, fast, simple to install and because it is standalone native Windows, easily made portable (not needing a machine-specific installation or access to the Windows registry).</t>
  </si>
  <si>
    <t>AAFC-3928</t>
  </si>
  <si>
    <t>XML Notepad 2007</t>
  </si>
  <si>
    <t>XMLNOTEPAD</t>
  </si>
  <si>
    <t>XML Notepad is an open-source XML editor written by Chris Lovett and published by Microsoft</t>
  </si>
  <si>
    <t>AAFC-3929</t>
  </si>
  <si>
    <t>XML Spy</t>
  </si>
  <si>
    <t>XMLSPY</t>
  </si>
  <si>
    <t>Altova XMLSpy® 2016 is the industry's best-selling XML editor for modeling, editing, transforming, and debugging XML-related technologies. It offers the world’s leading graphical schema designer, a code generator, file converters, debuggers, profilers, full database integration, support for XSLT, XPath, XQuery, WSDL, SOAP, XBRL, JSON, and Office Open XML (OOXML) , plus Visual Studio and Eclipse integration, and more.</t>
  </si>
  <si>
    <t>Altova</t>
  </si>
  <si>
    <t>AAFC-3931</t>
  </si>
  <si>
    <t>ColdFusion</t>
  </si>
  <si>
    <t>COLDFUSION</t>
  </si>
  <si>
    <t>Rapidly build, deploy, and maintain robust Internet applications.</t>
  </si>
  <si>
    <t>Coldfusion Standard</t>
  </si>
  <si>
    <t>AAFC-3932</t>
  </si>
  <si>
    <t>IBM Cognos</t>
  </si>
  <si>
    <t>COGNOS</t>
  </si>
  <si>
    <t>IBM Cognos Business Intelligence is a web-based, integrated business intelligence suite by IBM.</t>
  </si>
  <si>
    <t>AAFC-3933</t>
  </si>
  <si>
    <t>Microsoft Sharepoint Designer</t>
  </si>
  <si>
    <t>SHAREPOINT</t>
  </si>
  <si>
    <t>Microsoft SharePoint Designer (SPD), formerly known as Microsoft Office SharePoint Designer, is a discontinued HTML editor freeware specialized in creating or modifying Microsoft SharePoint sites, workflows and web pages. It is a part of Microsoft SharePoint family of products.[4] It was formerly a part of Microsoft Office 2007 family, but has never been included in any of the Microsoft Office suites. SharePoint Designer 2013 was the last version of this product.</t>
  </si>
  <si>
    <t>AAFC-3934</t>
  </si>
  <si>
    <t>Colour Contrast Analyser</t>
  </si>
  <si>
    <t>CCA</t>
  </si>
  <si>
    <t>The Colour Contrast Analyser (CCA) helps you determine the legibility of text and the contrast of visual elements, such as graphical controls and visual indicators.</t>
  </si>
  <si>
    <t>The Paciello Group</t>
  </si>
  <si>
    <t>AAFC-3935</t>
  </si>
  <si>
    <t>Compliance Sheriff</t>
  </si>
  <si>
    <t>CS</t>
  </si>
  <si>
    <t>Compliance Sheriff provides users with a means to monitor online content for potential compliance issues across digital environments – keeping information safe, appropriate and within regulatory guidelines. Compliance Sheriff automates content compliance to address a wide range of Web governance issues including Web accessibility, privacy factors, site quality and brand integrity.</t>
  </si>
  <si>
    <t>Cryptzone</t>
  </si>
  <si>
    <t>AAFC-3937</t>
  </si>
  <si>
    <t>Groovy</t>
  </si>
  <si>
    <t>GROOVY</t>
  </si>
  <si>
    <t>Programming language</t>
  </si>
  <si>
    <t>AAFC-3959</t>
  </si>
  <si>
    <t>AgriStability and AgriInvest Forecasting Model</t>
  </si>
  <si>
    <t>AAFM</t>
  </si>
  <si>
    <t>application for forecasting Agristability and AgriInvest program payment using participants' data</t>
  </si>
  <si>
    <t>MOU</t>
  </si>
  <si>
    <t>AAFC-3960</t>
  </si>
  <si>
    <t>Food Processing Information System</t>
  </si>
  <si>
    <t>FPIS</t>
  </si>
  <si>
    <t>The Food Processing Information System (FPIS) provides users with a user-friendly, point and click interface that enables them to run ad-hoc reports. FPIS also provides an automated method of loading survey information received from Statistics Canada on a quarterly basis.</t>
  </si>
  <si>
    <t>AAFC-3962</t>
  </si>
  <si>
    <t>The Surplus Store</t>
  </si>
  <si>
    <t>SURPLUSSTORE</t>
  </si>
  <si>
    <t>The online store allows you to view, acquire and post supplies at NO COST to meet your daily business requirements.</t>
  </si>
  <si>
    <t>AAFC-3969</t>
  </si>
  <si>
    <t>Dairy Farm Investment Program System</t>
  </si>
  <si>
    <t>DFIP</t>
  </si>
  <si>
    <t>AAFC-3970</t>
  </si>
  <si>
    <t>DirectInfo ETL</t>
  </si>
  <si>
    <t>DIETL</t>
  </si>
  <si>
    <t>DirectInfo ETL is an application used only by the DirectInfo team.  Its purpose is to create nightly DirectInfo data extracts as well as populate the COR tables with DirectInfo data.</t>
  </si>
  <si>
    <t>AAFC-3972</t>
  </si>
  <si>
    <t>Internet Java Wrapper</t>
  </si>
  <si>
    <t>JAVAWRAPPER</t>
  </si>
  <si>
    <t>The Java Wrapper collects web templates from web content management system and serves them to various AAFC web applications.</t>
  </si>
  <si>
    <t>AAFC-3973</t>
  </si>
  <si>
    <t>Address Lookup Service</t>
  </si>
  <si>
    <t>ADDRESS LOOKUP</t>
  </si>
  <si>
    <t>The Address Lookup Service allows address validation against AAFC Canada Post Database.</t>
  </si>
  <si>
    <t>AAFC-3975</t>
  </si>
  <si>
    <t>Business Development and Competitiveness Directorate</t>
  </si>
  <si>
    <t>BDCD</t>
  </si>
  <si>
    <t>AAFC-3976</t>
  </si>
  <si>
    <t>Open Data Harvester</t>
  </si>
  <si>
    <t>ODP</t>
  </si>
  <si>
    <t>mini_main_super</t>
  </si>
  <si>
    <t>The Open Data Harvester is an ETL tool used to process and format datasets according to TBS dataset standards.</t>
  </si>
  <si>
    <t>AAFC-3977</t>
  </si>
  <si>
    <t>Application Portfolio Management Data Entry</t>
  </si>
  <si>
    <t>ADE</t>
  </si>
  <si>
    <t>This ADE application collects AAFC application data for Treasury Board of Canada Secretariat.</t>
  </si>
  <si>
    <t>Enterprise Resource Planning Software</t>
  </si>
  <si>
    <t>AAFC-40</t>
  </si>
  <si>
    <t>SAP</t>
  </si>
  <si>
    <t>SAP - Systems, Applications and Products in data processing.</t>
  </si>
  <si>
    <t>AAFC-427</t>
  </si>
  <si>
    <t>Transitional Industry Support Payment</t>
  </si>
  <si>
    <t>TISP</t>
  </si>
  <si>
    <t>AAFC-438</t>
  </si>
  <si>
    <t>HR Work Description Builder</t>
  </si>
  <si>
    <t>HRWDB</t>
  </si>
  <si>
    <t>The HR Work Description Builder allows managers to create a Work Description on line by selecting a degree of complexity for each Activity involved in a job.</t>
  </si>
  <si>
    <t>AAFC-443</t>
  </si>
  <si>
    <t>Government of Canada Workplace Charitable Campaign</t>
  </si>
  <si>
    <t>GCWCC</t>
  </si>
  <si>
    <t>A web-based fund-raising drive. Designed to allow employees to participate in events to raise money for charity.</t>
  </si>
  <si>
    <t>AAFC-452</t>
  </si>
  <si>
    <t>Workplace Conflict Assessment System</t>
  </si>
  <si>
    <t>WCAS</t>
  </si>
  <si>
    <t>AAFC-456</t>
  </si>
  <si>
    <t>Adaptation Extranet System</t>
  </si>
  <si>
    <t>ADAPT</t>
  </si>
  <si>
    <t>Collects data on federally funded national programs and programs administered by Provincial councils.</t>
  </si>
  <si>
    <t>AAFC-56</t>
  </si>
  <si>
    <t>PeopleSoft HRMS</t>
  </si>
  <si>
    <t>PDHRMS</t>
  </si>
  <si>
    <t>PeopleSoft, PeopleSoft</t>
  </si>
  <si>
    <t>AAFC-57</t>
  </si>
  <si>
    <t>HR Integrated Staffing Log Database - AAFC</t>
  </si>
  <si>
    <t>ISL-AGR</t>
  </si>
  <si>
    <t>AAFC-64</t>
  </si>
  <si>
    <t>Management Information System</t>
  </si>
  <si>
    <t>MIS</t>
  </si>
  <si>
    <t>Informatica</t>
  </si>
  <si>
    <t>AAFC-65</t>
  </si>
  <si>
    <t>NISA Client Services System</t>
  </si>
  <si>
    <t>NCSS</t>
  </si>
  <si>
    <t>AAFC-97</t>
  </si>
  <si>
    <t>Employee Time Reporting System</t>
  </si>
  <si>
    <t>ETRS</t>
  </si>
  <si>
    <t>Atlantic Canada Opportunities Agency</t>
  </si>
  <si>
    <t>ACOA-0001</t>
  </si>
  <si>
    <t>GX-Corporate Financial System</t>
  </si>
  <si>
    <t>GX</t>
  </si>
  <si>
    <t>rich</t>
  </si>
  <si>
    <t>Anthony_Macauley_Associates</t>
  </si>
  <si>
    <t>2.1.2.2 - Financial Management</t>
  </si>
  <si>
    <t>?</t>
  </si>
  <si>
    <t>GX Financials</t>
  </si>
  <si>
    <t>ACOA-0002</t>
  </si>
  <si>
    <t>Quick Access</t>
  </si>
  <si>
    <t>QAccess</t>
  </si>
  <si>
    <t>1.1 - Enterprise Development &amp; 1.2 - Community Development</t>
  </si>
  <si>
    <t>Human Resources Information System</t>
  </si>
  <si>
    <t>HRIS</t>
  </si>
  <si>
    <t>2.1.2.1 - Human Resource Management</t>
  </si>
  <si>
    <t>Correspondence Tracking System</t>
  </si>
  <si>
    <t>CTS</t>
  </si>
  <si>
    <t>2.1.2.3 - Information Management</t>
  </si>
  <si>
    <t>ACOA-0005</t>
  </si>
  <si>
    <t>Procurement Requisition Information System</t>
  </si>
  <si>
    <t>PRIS</t>
  </si>
  <si>
    <t>Acquisition Services</t>
  </si>
  <si>
    <t>2.1.3.3 - Acquisition</t>
  </si>
  <si>
    <t>ACOA-0006</t>
  </si>
  <si>
    <t>ACOA Direct</t>
  </si>
  <si>
    <t>ADIR</t>
  </si>
  <si>
    <t>ACOA-0007</t>
  </si>
  <si>
    <t>Rendezvous</t>
  </si>
  <si>
    <t>RDZVS</t>
  </si>
  <si>
    <t>2.1.1.2 - Communications</t>
  </si>
  <si>
    <t>ACOA-0008</t>
  </si>
  <si>
    <t>Continuous Learning Plan</t>
  </si>
  <si>
    <t>CLP</t>
  </si>
  <si>
    <t>ACOA-0009</t>
  </si>
  <si>
    <t>AccessPro Suite</t>
  </si>
  <si>
    <t>2.1.1 - Governance and Management Support</t>
  </si>
  <si>
    <t>custom</t>
  </si>
  <si>
    <t>CSDC - Privasoft</t>
  </si>
  <si>
    <t>ACOA-0010</t>
  </si>
  <si>
    <t>ACOA Public Web Site</t>
  </si>
  <si>
    <t>APWS</t>
  </si>
  <si>
    <t>Web Content Management Software</t>
  </si>
  <si>
    <t>ACOA-0012</t>
  </si>
  <si>
    <t>SharePoint Server 2013</t>
  </si>
  <si>
    <t>ACOA-0013</t>
  </si>
  <si>
    <t>ACOA Public Web Site - Media Room</t>
  </si>
  <si>
    <t>MEDIAROOM</t>
  </si>
  <si>
    <t>ACOA-0014</t>
  </si>
  <si>
    <t>Proactive Disclosure</t>
  </si>
  <si>
    <t>PRODIS</t>
  </si>
  <si>
    <t>ACOA-0015</t>
  </si>
  <si>
    <t>Fast Track Staffing</t>
  </si>
  <si>
    <t>FTS</t>
  </si>
  <si>
    <t>ACOA-0016</t>
  </si>
  <si>
    <t>Document Action Request Response Tracking</t>
  </si>
  <si>
    <t>DARRT</t>
  </si>
  <si>
    <t>ACOA-0017</t>
  </si>
  <si>
    <t>Learning Event Calendar</t>
  </si>
  <si>
    <t>LEC</t>
  </si>
  <si>
    <t>ACOA-0018</t>
  </si>
  <si>
    <t>Media Clippings</t>
  </si>
  <si>
    <t>MEDIACLIP</t>
  </si>
  <si>
    <t>ACOA-0019</t>
  </si>
  <si>
    <t>Multi Media Case Management and Publication</t>
  </si>
  <si>
    <t>MMCMP</t>
  </si>
  <si>
    <t>SA</t>
  </si>
  <si>
    <t>ACOA-0021</t>
  </si>
  <si>
    <t>Recovery Case Management</t>
  </si>
  <si>
    <t>RCM</t>
  </si>
  <si>
    <t>2.1.1.1 - Management &amp; Oversight</t>
  </si>
  <si>
    <t>ACOA-0022</t>
  </si>
  <si>
    <t>Business Mission Management</t>
  </si>
  <si>
    <t>BMM</t>
  </si>
  <si>
    <t>1.4 - Policy</t>
  </si>
  <si>
    <t>APP-01836</t>
  </si>
  <si>
    <t>Axiom</t>
  </si>
  <si>
    <t>AXIOM</t>
  </si>
  <si>
    <t>RBH-Access</t>
  </si>
  <si>
    <t>Microsoft Access Database used as model</t>
  </si>
  <si>
    <t>1.4 Internal Services</t>
  </si>
  <si>
    <t>Security Operations Software</t>
  </si>
  <si>
    <t>Intrusion Prevention and Detection Software</t>
  </si>
  <si>
    <t>APP-01838</t>
  </si>
  <si>
    <t>Plumsail</t>
  </si>
  <si>
    <t>PLUMSAIL</t>
  </si>
  <si>
    <t>Hierarchical Organizational Charts</t>
  </si>
  <si>
    <t>APP-03325</t>
  </si>
  <si>
    <t>TrackIt</t>
  </si>
  <si>
    <t>TRACKIT</t>
  </si>
  <si>
    <t>BMC</t>
  </si>
  <si>
    <t>1.4 - Internal Services</t>
  </si>
  <si>
    <t>Trackit</t>
  </si>
  <si>
    <t>APP-03338</t>
  </si>
  <si>
    <t>Corporate Programs Dashboard Suite</t>
  </si>
  <si>
    <t>CORPDASHBOARDS</t>
  </si>
  <si>
    <t>APP-03340</t>
  </si>
  <si>
    <t>Agency File Plan</t>
  </si>
  <si>
    <t>AFP</t>
  </si>
  <si>
    <t>AFP is the Agency's File management system. It holds the Agency classification structure, retention and disposition schedule.</t>
  </si>
  <si>
    <t>APP-03355</t>
  </si>
  <si>
    <t>Team Foundation Server</t>
  </si>
  <si>
    <t>TFS</t>
  </si>
  <si>
    <t>Microsoft</t>
  </si>
  <si>
    <t>Team Foundation Server helps teams communicate and work together to deliver quality software.  Features include Agile planning, version control, build automation, testing, and more.</t>
  </si>
  <si>
    <t>Visual Studio Team Foundation Server 2012 User CAL</t>
  </si>
  <si>
    <t>APP-03374</t>
  </si>
  <si>
    <t>Corporate Data Warehouse</t>
  </si>
  <si>
    <t>APP-03376</t>
  </si>
  <si>
    <t>Spotlight on SQL Server Enterprise</t>
  </si>
  <si>
    <t>SOSSE</t>
  </si>
  <si>
    <t>Quest</t>
  </si>
  <si>
    <t>Database Tools, Utilities &amp; Management Software</t>
  </si>
  <si>
    <t>APP-03378</t>
  </si>
  <si>
    <t>Red Gate SQL Compare</t>
  </si>
  <si>
    <t>RGSQLC</t>
  </si>
  <si>
    <t>Red Gate Software Ltd</t>
  </si>
  <si>
    <t>With SQL Compare, you can compare and deploy the structure of two Microsoft SQL Server databases. SQL Compare includes an add-in for Management Studio you can use to compare and deploy databases.</t>
  </si>
  <si>
    <t>APP-03380</t>
  </si>
  <si>
    <t>Red Gate SQL Data Compare</t>
  </si>
  <si>
    <t>RGSQLDC</t>
  </si>
  <si>
    <t>With SQL Data Compare, you can compare and deploy the data in two Microsoft SQL Server databases. You can also compare a backup with a database, a scripts folder, or another backup.</t>
  </si>
  <si>
    <t>Extract, Transformation and Load Software</t>
  </si>
  <si>
    <t>APP-03382</t>
  </si>
  <si>
    <t>Visual Studio</t>
  </si>
  <si>
    <t>MSVS</t>
  </si>
  <si>
    <t>Visual Studio is an integrated development environment (IDE). It is used to develop computer programs for Microsoft Windows, as well as web sites, web applications and web services. Visual Studio uses Microsoft software development platforms such as Windows API, Windows Forms, Windows Presentation Foundation, Windows Store and Microsoft Silverlight. It can produce both native code and managed code.</t>
  </si>
  <si>
    <t>Visual Studio Professional 2017 with MSDN</t>
  </si>
  <si>
    <t>APP-03384</t>
  </si>
  <si>
    <t>TX Text Control</t>
  </si>
  <si>
    <t>TXTEXT</t>
  </si>
  <si>
    <t>Text Control</t>
  </si>
  <si>
    <t>TX Text is used for ASP.NET Reporting and Word Processing.
In can allow for Integration of mail merge and reporting in ASP.NET Web
applications. Allows for cross-browser, cross-platform document
editing and template creation to your Web applications.</t>
  </si>
  <si>
    <t>APP-03386</t>
  </si>
  <si>
    <t>ScriptX</t>
  </si>
  <si>
    <t>SCRIPTX</t>
  </si>
  <si>
    <t>Meadco</t>
  </si>
  <si>
    <t>ScriptX is an add-on for control over printing html and pdf documents, labels or bar codes from client and server computers running Microsoft Windows.</t>
  </si>
  <si>
    <t>APP-03389</t>
  </si>
  <si>
    <t>InfoPath</t>
  </si>
  <si>
    <t>INFOPATH</t>
  </si>
  <si>
    <t>InfoPath 2013</t>
  </si>
  <si>
    <t>APP-03391</t>
  </si>
  <si>
    <t>OnePlaceMail</t>
  </si>
  <si>
    <t>OPM</t>
  </si>
  <si>
    <t>OnePlace Solutions/Scinaptic</t>
  </si>
  <si>
    <t>OnePlaceMail seamlessly connects Microsoft Outlook Email to SharePoint / Office 365 to improve collaboration, business productivity and records management across the organization.</t>
  </si>
  <si>
    <t>APP-03393</t>
  </si>
  <si>
    <t>Admin Studio</t>
  </si>
  <si>
    <t>ADMINSTUDIO</t>
  </si>
  <si>
    <t>Flexera</t>
  </si>
  <si>
    <t>Packing software. It provides a single solution for reliable application packaging, virtualization, Windows migrations and mobile application management.</t>
  </si>
  <si>
    <t>AdminStudio</t>
  </si>
  <si>
    <t>APP-03395</t>
  </si>
  <si>
    <t>System Center Configuration Manager</t>
  </si>
  <si>
    <t>SCCM</t>
  </si>
  <si>
    <t>A systems management software product developed by Microsoft for managing large groups of computers Windows OS platforms. Configuration Manager provides remote control, patch management, software distribution, operating system deployment, network access protection and hardware and software inventory.</t>
  </si>
  <si>
    <t>System Center 2012 Configurati</t>
  </si>
  <si>
    <t>Desktop Management Software</t>
  </si>
  <si>
    <t>APP-03397</t>
  </si>
  <si>
    <t>Microsoft Office Professional Plus 2013</t>
  </si>
  <si>
    <t>MOPP</t>
  </si>
  <si>
    <t>Office Professional Plus 2013</t>
  </si>
  <si>
    <t>Office Automation Suite Software</t>
  </si>
  <si>
    <t>APP-03399</t>
  </si>
  <si>
    <t>SQL Navigator</t>
  </si>
  <si>
    <t>SQLNAV</t>
  </si>
  <si>
    <t>Oracle database administration tool. Allows DBAs to write, edit and maintain database objects through automation and an intuitive graphical interface. Allows for powerful SQL optimization to reduce performance issues before they impact production and end users.</t>
  </si>
  <si>
    <t>APP-03411</t>
  </si>
  <si>
    <t>Microsoft Endpoint Protection Management</t>
  </si>
  <si>
    <t>MEPM</t>
  </si>
  <si>
    <t>Forefront Endpoint Protection</t>
  </si>
  <si>
    <t>Endpoint Security Software</t>
  </si>
  <si>
    <t>APP-03416</t>
  </si>
  <si>
    <t>Microsoft BitLocker Administration and Monitoring</t>
  </si>
  <si>
    <t>MBAM</t>
  </si>
  <si>
    <t>Encryption Software</t>
  </si>
  <si>
    <t>Canada Border Services Agency</t>
  </si>
  <si>
    <t>DB2</t>
  </si>
  <si>
    <t>z/OS</t>
  </si>
  <si>
    <t>1.3.2 Air Mode</t>
  </si>
  <si>
    <t>1.3 Admissibility Determination</t>
  </si>
  <si>
    <t>1.6 Recourse</t>
  </si>
  <si>
    <t>ASP</t>
  </si>
  <si>
    <t>Windows Server</t>
  </si>
  <si>
    <t>TMS</t>
  </si>
  <si>
    <t>Progress</t>
  </si>
  <si>
    <t>1.7.2 Trade Policy</t>
  </si>
  <si>
    <t>CBSA-ITEMS0001</t>
  </si>
  <si>
    <t>Integrated Customs Enforcement System</t>
  </si>
  <si>
    <t>ICES</t>
  </si>
  <si>
    <t>1.1.1 Intelligence</t>
  </si>
  <si>
    <t>CBSA-ITEMS0003</t>
  </si>
  <si>
    <t>Batch Accounting Reporting K32 System</t>
  </si>
  <si>
    <t>BARKS</t>
  </si>
  <si>
    <t>1.7.3 Trade Compliance</t>
  </si>
  <si>
    <t>Commercial</t>
  </si>
  <si>
    <t>CBSA-ITEMS0004</t>
  </si>
  <si>
    <t>Commercial Cash Entry Processing System</t>
  </si>
  <si>
    <t>CCEPS</t>
  </si>
  <si>
    <t>CBSA-ITEMS0006</t>
  </si>
  <si>
    <t>Customs Commercial System</t>
  </si>
  <si>
    <t>CCS</t>
  </si>
  <si>
    <t>ACF2</t>
  </si>
  <si>
    <t>CBSA-ITEMS0007</t>
  </si>
  <si>
    <t>Customs Interest Calculation Program</t>
  </si>
  <si>
    <t>CICP</t>
  </si>
  <si>
    <t>CBSA-ITEMS0008</t>
  </si>
  <si>
    <t>Customs Officer Scheduling System</t>
  </si>
  <si>
    <t>COSS</t>
  </si>
  <si>
    <t>1.8.2.1 Human Resource Management</t>
  </si>
  <si>
    <t>Corporate</t>
  </si>
  <si>
    <t>CBSA-ITEMS0009</t>
  </si>
  <si>
    <t>Canada Processing Centre System</t>
  </si>
  <si>
    <t>CPCS</t>
  </si>
  <si>
    <t>1.2.1 Trusted Traveller</t>
  </si>
  <si>
    <t>CBSA-ITEMS0010</t>
  </si>
  <si>
    <t>Casual Refund System</t>
  </si>
  <si>
    <t>CRS</t>
  </si>
  <si>
    <t>CBSA-ITEMS0011</t>
  </si>
  <si>
    <t>Enforcement Library</t>
  </si>
  <si>
    <t>EL</t>
  </si>
  <si>
    <t>1.1 Risk Assessment - 1.4 Criminal Investigations - 1.5.1 Immigration Investigations</t>
  </si>
  <si>
    <t>CBSA-ITEMS0012</t>
  </si>
  <si>
    <t>Intelligence Management System</t>
  </si>
  <si>
    <t>IMS</t>
  </si>
  <si>
    <t>CBSA-ITEMS0014</t>
  </si>
  <si>
    <t>Nafta Inventory System</t>
  </si>
  <si>
    <t>NIS</t>
  </si>
  <si>
    <t>CBSA-ITEMS0015</t>
  </si>
  <si>
    <t>Postal Import Control System</t>
  </si>
  <si>
    <t>PICS</t>
  </si>
  <si>
    <t>CBSA-ITEMS0016</t>
  </si>
  <si>
    <t>Postal Import Control System - HQ</t>
  </si>
  <si>
    <t>PICSHQ</t>
  </si>
  <si>
    <t>CBSA-ITEMS0018</t>
  </si>
  <si>
    <t>Travelers Entry Processing System</t>
  </si>
  <si>
    <t>TEPS</t>
  </si>
  <si>
    <t>1.7.3 Trade Compliance - 1.8.2.2 Financial Management</t>
  </si>
  <si>
    <t>CBSA-ITEMS0019</t>
  </si>
  <si>
    <t>Travelers Entry Processing System - HQ</t>
  </si>
  <si>
    <t>TEPS-HQ</t>
  </si>
  <si>
    <t>CBSA-ITEMS0021</t>
  </si>
  <si>
    <t>Tariff Publishing and History System</t>
  </si>
  <si>
    <t>TPHS</t>
  </si>
  <si>
    <t>CBSA-ITEMS0022</t>
  </si>
  <si>
    <t>Accelerated Commercial Release Operational Support System</t>
  </si>
  <si>
    <t>ACROSS</t>
  </si>
  <si>
    <t>CBSA-ITEMS0023</t>
  </si>
  <si>
    <t>Automated Border Clearance</t>
  </si>
  <si>
    <t>ABC</t>
  </si>
  <si>
    <t>CBSA-ITEMS0024</t>
  </si>
  <si>
    <t>Administrative Monetary Penalty System</t>
  </si>
  <si>
    <t>AMPS</t>
  </si>
  <si>
    <t>CBSA-ITEMS0025</t>
  </si>
  <si>
    <t>Access to Information</t>
  </si>
  <si>
    <t>ATIP</t>
  </si>
  <si>
    <t>COTS</t>
  </si>
  <si>
    <t>CSDC, Access Pro</t>
  </si>
  <si>
    <t>CBSA-ITEMS0026</t>
  </si>
  <si>
    <t>Automated Personal Security Screening</t>
  </si>
  <si>
    <t>APSS</t>
  </si>
  <si>
    <t>CBSA-ITEMS0028</t>
  </si>
  <si>
    <t>Border Wait Times</t>
  </si>
  <si>
    <t>BWT</t>
  </si>
  <si>
    <t>1.8.1.2 Communications</t>
  </si>
  <si>
    <t>Business application that enables the different Port's of Entry to add Border Wait time data at the port for publishing to the CBSA BWT web service.</t>
  </si>
  <si>
    <t>CBSA-ITEMS0029</t>
  </si>
  <si>
    <t>Administrative Fee System</t>
  </si>
  <si>
    <t>AFS</t>
  </si>
  <si>
    <t>CBSA-ITEMS0031</t>
  </si>
  <si>
    <t>Nexus Air (Kiosk)</t>
  </si>
  <si>
    <t>KIOSK</t>
  </si>
  <si>
    <t>CBSA-ITEMS0035</t>
  </si>
  <si>
    <t>Customs Automated Reporting System</t>
  </si>
  <si>
    <t>CARS</t>
  </si>
  <si>
    <t>CBSA-ITEMS0036</t>
  </si>
  <si>
    <t>Corporate Admin Systems</t>
  </si>
  <si>
    <t>CAS</t>
  </si>
  <si>
    <t>Financial Management Services,Human Resources Management Services,Travel and Other Administrative Services</t>
  </si>
  <si>
    <t>1.8.2.2 Financial Management</t>
  </si>
  <si>
    <t>1.4 Criminal Investigations</t>
  </si>
  <si>
    <t>CBSA-ITEMS0039</t>
  </si>
  <si>
    <t>Communications Portal</t>
  </si>
  <si>
    <t>COMMPORT</t>
  </si>
  <si>
    <t>IIS</t>
  </si>
  <si>
    <t>CBSA-ITEMS0040</t>
  </si>
  <si>
    <t>Consolidated Management Reporting System</t>
  </si>
  <si>
    <t>CMRS-legacy</t>
  </si>
  <si>
    <t>1.8.1.1 Management and Oversight</t>
  </si>
  <si>
    <t>IBM Cognos Business Intelligence</t>
  </si>
  <si>
    <t>CBSA-ITEMS0041</t>
  </si>
  <si>
    <t>Trade Compliance Management System</t>
  </si>
  <si>
    <t>TCMS</t>
  </si>
  <si>
    <t>CBSA-ITEMS0042</t>
  </si>
  <si>
    <t>CBSA Web Site</t>
  </si>
  <si>
    <t>CBSA Web</t>
  </si>
  <si>
    <t>The external CBSA web-site containing information on CBSA and Customs for use by the general public.  Border Wait Times is a key piece of information on the website.</t>
  </si>
  <si>
    <t>CBSA-ITEMS0046</t>
  </si>
  <si>
    <t>Facility for Information Retrieval Management</t>
  </si>
  <si>
    <t>FIRM</t>
  </si>
  <si>
    <t>CA_Technologies</t>
  </si>
  <si>
    <t>Easytrieve</t>
  </si>
  <si>
    <t>CBSA-ITEMS0047</t>
  </si>
  <si>
    <t>Global Enrollment Component</t>
  </si>
  <si>
    <t>GEC</t>
  </si>
  <si>
    <t>CBSA-ITEMS0050</t>
  </si>
  <si>
    <t>Integrated  Border Query</t>
  </si>
  <si>
    <t>IBQ</t>
  </si>
  <si>
    <t>1.1 Risk Assessment</t>
  </si>
  <si>
    <t>MQ</t>
  </si>
  <si>
    <t>CBSA-ITEMS0051</t>
  </si>
  <si>
    <t>Integrated Primary Inspection Line - Air</t>
  </si>
  <si>
    <t>IPIL-Air</t>
  </si>
  <si>
    <t>CBSA-ITEMS0052</t>
  </si>
  <si>
    <t>Integrated Primary Inspection Line - Highway</t>
  </si>
  <si>
    <t>IPIL-HW</t>
  </si>
  <si>
    <t>1.3.1 Highway Mode</t>
  </si>
  <si>
    <t>CBSA-ITEMS0053</t>
  </si>
  <si>
    <t>Secondary Processing</t>
  </si>
  <si>
    <t>SP</t>
  </si>
  <si>
    <t>CBSA-ITEMS0055</t>
  </si>
  <si>
    <t>Laboratory Analysis Support System</t>
  </si>
  <si>
    <t>LASS</t>
  </si>
  <si>
    <t>PowerBuilder</t>
  </si>
  <si>
    <t>CBSA-ITEMS0059</t>
  </si>
  <si>
    <t>National Case Management System</t>
  </si>
  <si>
    <t>NCMS</t>
  </si>
  <si>
    <t>1.5.1 Immigration Investigations</t>
  </si>
  <si>
    <t>CBSA-ITEMS0061</t>
  </si>
  <si>
    <t>NEXUS Highway</t>
  </si>
  <si>
    <t>NEXUS-HW</t>
  </si>
  <si>
    <t>1.3.1 Highway Mode                                                              1.2.1 Trusted Traveller</t>
  </si>
  <si>
    <t>CBSA-ITEMS0062</t>
  </si>
  <si>
    <t>Occurrence Reporting System</t>
  </si>
  <si>
    <t>ORS</t>
  </si>
  <si>
    <t>Governance Risk, Compliance &amp; Incident Management</t>
  </si>
  <si>
    <t>CBSA-ITEMS0063</t>
  </si>
  <si>
    <t>Passenger Information System</t>
  </si>
  <si>
    <t>PAXIS</t>
  </si>
  <si>
    <t>1.1.2 Targeting</t>
  </si>
  <si>
    <t>CBSA-ITEMS0064</t>
  </si>
  <si>
    <t>Customs Electronic Commerce Platform - Query &amp; Data Viewing Utility</t>
  </si>
  <si>
    <t>QDV</t>
  </si>
  <si>
    <t>This is a tool used by the Client support teams to look at RAW data sent in through the CECP to ACROSS/CCS.  It is used in to investigate issues where clients are penalized for data quality but insist they did nothing wrong. Component of CECP.</t>
  </si>
  <si>
    <t>CBSA-ITEMS0065</t>
  </si>
  <si>
    <t>Risk Assessment Component</t>
  </si>
  <si>
    <t>RAC</t>
  </si>
  <si>
    <t>CBSA-ITEMS0066</t>
  </si>
  <si>
    <t>Radiation Alert Viewer</t>
  </si>
  <si>
    <t>RAV</t>
  </si>
  <si>
    <t>National Instruments - Labview</t>
  </si>
  <si>
    <t>CBSA-ITEMS0067</t>
  </si>
  <si>
    <t>Revenue Ledger</t>
  </si>
  <si>
    <t>RL - CBSA</t>
  </si>
  <si>
    <t>SAP ERP 6.0</t>
  </si>
  <si>
    <t>CBSA-ITEMS0071</t>
  </si>
  <si>
    <t>Support System for Intelligence</t>
  </si>
  <si>
    <t>SSI</t>
  </si>
  <si>
    <t>CBSA-ITEMS0072</t>
  </si>
  <si>
    <t>Secure Tracking System (Protected)</t>
  </si>
  <si>
    <t>STS</t>
  </si>
  <si>
    <t>CBSA-ITEMS0073</t>
  </si>
  <si>
    <t>TITAN</t>
  </si>
  <si>
    <t>CBSA-ITEMS0074</t>
  </si>
  <si>
    <t>Telephone Reporting Centre System</t>
  </si>
  <si>
    <t>TRCS</t>
  </si>
  <si>
    <t>CBSA-ITEMS0075</t>
  </si>
  <si>
    <t>Technical Reference System</t>
  </si>
  <si>
    <t>CBSA-ITEMS0076</t>
  </si>
  <si>
    <t>Windows Licensee Evaluation and Monitoring System</t>
  </si>
  <si>
    <t>WINLEMS</t>
  </si>
  <si>
    <t>Customer Relationship Management Software</t>
  </si>
  <si>
    <t>CBSA-ITEMS0078</t>
  </si>
  <si>
    <t>Incident Response Tool</t>
  </si>
  <si>
    <t>IRT</t>
  </si>
  <si>
    <t>CBSA-ITEMS0090</t>
  </si>
  <si>
    <t>Rogue Data Corporation</t>
  </si>
  <si>
    <t>RDC</t>
  </si>
  <si>
    <t>1.8.2.4 Information technology</t>
  </si>
  <si>
    <t>Middleware Software</t>
  </si>
  <si>
    <t>E-Commerce Software</t>
  </si>
  <si>
    <t>CBSA-ITEMS0094</t>
  </si>
  <si>
    <t>Question Mark</t>
  </si>
  <si>
    <t>QM</t>
  </si>
  <si>
    <t>MS SQL Server 2012</t>
  </si>
  <si>
    <t>Questionmark: Questionmark Perception</t>
  </si>
  <si>
    <t>CBSA-ITEMS0095</t>
  </si>
  <si>
    <t>Commercial Off-Site Monitoring System</t>
  </si>
  <si>
    <t>COMS</t>
  </si>
  <si>
    <t>CBSA-ITEMS0096</t>
  </si>
  <si>
    <t>CPCS and TRCS Security Admin</t>
  </si>
  <si>
    <t>SECADMIN</t>
  </si>
  <si>
    <t>Human Resources Management Services,Information Management Services,Information Technology Services</t>
  </si>
  <si>
    <t>1.3 Admissibility determination                      1.2.1  Trusted Traveller</t>
  </si>
  <si>
    <t>Identity Management Software</t>
  </si>
  <si>
    <t>CBSA-ITEMS0163</t>
  </si>
  <si>
    <t>Business Control Data</t>
  </si>
  <si>
    <t>BCD</t>
  </si>
  <si>
    <t>1.8.3.4 Information technology</t>
  </si>
  <si>
    <t>BCD enables LOB clients to maintain control data, including code tables, related codes, permissions, roles, permission to role assignments, work locations, and error messages</t>
  </si>
  <si>
    <t>CBSA-ITEMS0167</t>
  </si>
  <si>
    <t>Casual Refund System (HQ)</t>
  </si>
  <si>
    <t>CRS-HQ</t>
  </si>
  <si>
    <t>CBSA-ITEMS0170</t>
  </si>
  <si>
    <t>AIS Help Desk</t>
  </si>
  <si>
    <t>AISHD</t>
  </si>
  <si>
    <t>CBSA-ITEMS0177</t>
  </si>
  <si>
    <t>Customs Electronic Commerce Platform</t>
  </si>
  <si>
    <t>CECP</t>
  </si>
  <si>
    <t>CBSA-ITEMS0178</t>
  </si>
  <si>
    <t>Customs Query</t>
  </si>
  <si>
    <t>CQ</t>
  </si>
  <si>
    <t>CBSA-ITEMS0182</t>
  </si>
  <si>
    <t>Enhanced Drivers License</t>
  </si>
  <si>
    <t>EDL</t>
  </si>
  <si>
    <t>1.3 Admissibility Dtermination</t>
  </si>
  <si>
    <t>CBSA-ITEMS0183</t>
  </si>
  <si>
    <t>Global Query Component</t>
  </si>
  <si>
    <t>GQC</t>
  </si>
  <si>
    <t>CBSA-ITEMS0186</t>
  </si>
  <si>
    <t>ICS - Case and Workflow</t>
  </si>
  <si>
    <t>CASE-WF</t>
  </si>
  <si>
    <t>The ICS service that provides case and workflow functionality for ICS applications that require such a service.</t>
  </si>
  <si>
    <t>CBSA-ITEMS0188</t>
  </si>
  <si>
    <t>Lookout Sharing</t>
  </si>
  <si>
    <t>LS</t>
  </si>
  <si>
    <t>Intelligence</t>
  </si>
  <si>
    <t>CBSA-ITEMS0191</t>
  </si>
  <si>
    <t>Passage Component</t>
  </si>
  <si>
    <t>PC</t>
  </si>
  <si>
    <t>CBSA-ITEMS0200</t>
  </si>
  <si>
    <t>Customs Internet Gateway</t>
  </si>
  <si>
    <t>CIG</t>
  </si>
  <si>
    <t>CIG was initiated to give CBSA trading partners an alternative way for the transmission of cargo, release, and accounting data in support of ACROSS and CCS applications.</t>
  </si>
  <si>
    <t>CBSA-ITEMS0203</t>
  </si>
  <si>
    <t>Data Acquisition System - Client Profile System</t>
  </si>
  <si>
    <t>CPS</t>
  </si>
  <si>
    <t>CBSA-ITEMS0208</t>
  </si>
  <si>
    <t>Data Acquisition System</t>
  </si>
  <si>
    <t>DAS</t>
  </si>
  <si>
    <t>CBSA-ITEMS0210</t>
  </si>
  <si>
    <t>Data Acquisition System  - Monitor</t>
  </si>
  <si>
    <t>DASMON</t>
  </si>
  <si>
    <t>CBSA-ITEMS0212</t>
  </si>
  <si>
    <t>Directory of Offices</t>
  </si>
  <si>
    <t>DO-RB</t>
  </si>
  <si>
    <t>CBSA-ITEMS0225</t>
  </si>
  <si>
    <t>Data Acquisition System  - Internet API Gateway</t>
  </si>
  <si>
    <t>IAG</t>
  </si>
  <si>
    <t>CBSA-ITEMS0311</t>
  </si>
  <si>
    <t>Central Course Registration System</t>
  </si>
  <si>
    <t>CCRS</t>
  </si>
  <si>
    <t>SQL Server 2005</t>
  </si>
  <si>
    <t>CBSA-ITEMS0335</t>
  </si>
  <si>
    <t>Information Technology Management System</t>
  </si>
  <si>
    <t>ITEMS</t>
  </si>
  <si>
    <t>CBSA-ITEMS0337</t>
  </si>
  <si>
    <t>Accounts Receivable Ledger</t>
  </si>
  <si>
    <t>ARL</t>
  </si>
  <si>
    <t>SAP TRM</t>
  </si>
  <si>
    <t>CBSA-ITEMS0338</t>
  </si>
  <si>
    <t>CTS-CBSA</t>
  </si>
  <si>
    <t>Communications Services,Information Management Services</t>
  </si>
  <si>
    <t>Work Dynamics: ccmMercury</t>
  </si>
  <si>
    <t>CBSA-ITEMS0340</t>
  </si>
  <si>
    <t>Internal Placement Process</t>
  </si>
  <si>
    <t>IPP</t>
  </si>
  <si>
    <t>CBSA-ITEMS0341</t>
  </si>
  <si>
    <t>Incident Management Reporting System</t>
  </si>
  <si>
    <t>IMRS</t>
  </si>
  <si>
    <t>LiveCycle Business Transformat</t>
  </si>
  <si>
    <t>CBSA-ITEMS0344</t>
  </si>
  <si>
    <t>Recourse Content Management System - Trade</t>
  </si>
  <si>
    <t>RCMS TRADE</t>
  </si>
  <si>
    <t>CBSA-ITEMS0352</t>
  </si>
  <si>
    <t>Temporary Residents Biometrics Project</t>
  </si>
  <si>
    <t>TRBP</t>
  </si>
  <si>
    <t>CBSA-ITEMS0356</t>
  </si>
  <si>
    <t>CBSA Intranet</t>
  </si>
  <si>
    <t>ATLAS</t>
  </si>
  <si>
    <t>CBSA-ITEMS0367</t>
  </si>
  <si>
    <t>ICS - Hub and Navigation</t>
  </si>
  <si>
    <t>ICS-HUB/NAV</t>
  </si>
  <si>
    <t>ICS Hub or Central Home is the starting point of entry into all of the agency ICS enabled applications. It provides a common access point for internal CBSA users to access all the ICS enabled applications and provides seamless navigation between the applications.</t>
  </si>
  <si>
    <t>Application Integration &amp; Connectivity Software</t>
  </si>
  <si>
    <t>CBSA-ITEMS0389</t>
  </si>
  <si>
    <t>Work Order Database</t>
  </si>
  <si>
    <t>WOD</t>
  </si>
  <si>
    <t>CBSA-ITEMS0394</t>
  </si>
  <si>
    <t>DARRYL (Carrier Code Program)</t>
  </si>
  <si>
    <t>DARRYL</t>
  </si>
  <si>
    <t>CBSA-ITEMS0477</t>
  </si>
  <si>
    <t>Commercial Threat Assessment System (Risk Assessment User Determination)</t>
  </si>
  <si>
    <t>CTAS (RAUD)</t>
  </si>
  <si>
    <t>CBSA-ITEMS0496</t>
  </si>
  <si>
    <t>CBSA Wiki</t>
  </si>
  <si>
    <t>Wiki</t>
  </si>
  <si>
    <t>ATLASSIAN - Confluence</t>
  </si>
  <si>
    <t>CBSA-ITEMS0498</t>
  </si>
  <si>
    <t>Biometric Exchange Service</t>
  </si>
  <si>
    <t>BES</t>
  </si>
  <si>
    <t>CBSA-ITEMS0507</t>
  </si>
  <si>
    <t>ICS Admin &amp; Hot Message</t>
  </si>
  <si>
    <t>ICS Admin</t>
  </si>
  <si>
    <t>ICS Admin is a shared or common system component designed to reduce the maintenance of redundant logic and eliminate duplication of administrative application processes. This application has two components: one manages the enterprise level parameters, configurations such as port parameters; the other provides service to maintain and publish hot messages</t>
  </si>
  <si>
    <t>CBSA-ITEMS0508</t>
  </si>
  <si>
    <t>ICS Framework &amp; Common Service</t>
  </si>
  <si>
    <t>ICS-FWCS</t>
  </si>
  <si>
    <t>ICS Framework is responsible for the maintenance and enhancement of common components in ICS that include ICS Presentation Framework, ICS Paging, ICS Startup and Configuration, Authentication, Session Management, Cache, the ICS Central Home page, Navigation, Help and IT Support.</t>
  </si>
  <si>
    <t>CBSA-ITEMS0512</t>
  </si>
  <si>
    <t>Travelers National Database System</t>
  </si>
  <si>
    <t>TRANDS</t>
  </si>
  <si>
    <t>1.7 Revenue and TRade Management</t>
  </si>
  <si>
    <t>TRANDS validates and loads data into a national mainframe database. This data relates to traveler information collected from declarations and general receipts (B15s and K21s) and captured in the TEPS (Travelers Entry Processing System). Queries are often made using this system, which include requests for specific records, general information regarding commodities, specific traveler record, commodities at certain ports, etc. or other needs to support policy decisions.</t>
  </si>
  <si>
    <t>CBSA-ITEMS0515</t>
  </si>
  <si>
    <t>Portal Account Administration</t>
  </si>
  <si>
    <t>PAA</t>
  </si>
  <si>
    <t>PAA application (also known as CCR) supports the business process required by the eManifest Portal application. - component of Portal</t>
  </si>
  <si>
    <t>CBSA-ITEMS0516</t>
  </si>
  <si>
    <t>Commercial Document and Entity Management</t>
  </si>
  <si>
    <t>CDEM</t>
  </si>
  <si>
    <t>CBSA-ITEMS0517</t>
  </si>
  <si>
    <t>Commercial Flow Orchestrator / Commercial Data Cleansing and Standardization</t>
  </si>
  <si>
    <t>CFO/CoDaCs</t>
  </si>
  <si>
    <t>CBSA-ITEMS0519</t>
  </si>
  <si>
    <t>Tariff and Risk Assessment System</t>
  </si>
  <si>
    <t>TRAS</t>
  </si>
  <si>
    <t>1.7 revenue And Trade Management</t>
  </si>
  <si>
    <t>CBSA-ITEMS0521</t>
  </si>
  <si>
    <t>Entry Exit Information System</t>
  </si>
  <si>
    <t>EXIS</t>
  </si>
  <si>
    <t>CBSA-ITEMS0523</t>
  </si>
  <si>
    <t>Task and Defect Tracking System (JIRA)</t>
  </si>
  <si>
    <t>Atlassian: JIRA</t>
  </si>
  <si>
    <t>CBSA-ITEMS0524</t>
  </si>
  <si>
    <t>Teammate Audit Management</t>
  </si>
  <si>
    <t>Teammate AM</t>
  </si>
  <si>
    <t>Wolters Kluwer - Teammate</t>
  </si>
  <si>
    <t>Wolters Kluwer</t>
  </si>
  <si>
    <t>CBSA-ITEMS0525</t>
  </si>
  <si>
    <t>Enrolment Query Service</t>
  </si>
  <si>
    <t>EQS</t>
  </si>
  <si>
    <t>Information Management Services,Other</t>
  </si>
  <si>
    <t>Enrolment Query Service (EQS) is a web service that allows real time queries against trusted traveller membership information</t>
  </si>
  <si>
    <t>CBSA-ITEMS0526</t>
  </si>
  <si>
    <t>Enhanced Per Agent System</t>
  </si>
  <si>
    <t>EPAS</t>
  </si>
  <si>
    <t>Enhanced Per Agent System - Bell Canada</t>
  </si>
  <si>
    <t>CBSA-ITEMS0527</t>
  </si>
  <si>
    <t>CA Clarity</t>
  </si>
  <si>
    <t>CLARITY</t>
  </si>
  <si>
    <t>Computer Associates: CA Clarity</t>
  </si>
  <si>
    <t>CBSA-ITEMS0528</t>
  </si>
  <si>
    <t>Apollo - Electronic Document and Records Management System</t>
  </si>
  <si>
    <t>Apollo EDRMS</t>
  </si>
  <si>
    <t>Information Management</t>
  </si>
  <si>
    <t>Opentext: Content Server</t>
  </si>
  <si>
    <t>Communications Services,Information Technology Services</t>
  </si>
  <si>
    <t>1.2 Secure and Trusted Partnerships</t>
  </si>
  <si>
    <t>CBSA-ITEMS0532</t>
  </si>
  <si>
    <t>Recourse Content Management System - Enforcement</t>
  </si>
  <si>
    <t>RCMS ENF</t>
  </si>
  <si>
    <t>CBSA-ITEMS0533</t>
  </si>
  <si>
    <t>eManifest Portal</t>
  </si>
  <si>
    <t>eManPortal</t>
  </si>
  <si>
    <t>CBSA-ITEMS0536</t>
  </si>
  <si>
    <t>Commercial Passage</t>
  </si>
  <si>
    <t>CP</t>
  </si>
  <si>
    <t>CBSA-ITEMS0537</t>
  </si>
  <si>
    <t>Salary Forecasting System</t>
  </si>
  <si>
    <t>SFS</t>
  </si>
  <si>
    <t>Freebalance: Freebalance PBHC</t>
  </si>
  <si>
    <t>CBSA-ITEMS0538</t>
  </si>
  <si>
    <t>Q Management Console</t>
  </si>
  <si>
    <t>QMC</t>
  </si>
  <si>
    <t>RJR Innovations - Smart Card Management System</t>
  </si>
  <si>
    <t>CBSA-ITEMS0542</t>
  </si>
  <si>
    <t>Web Access Management</t>
  </si>
  <si>
    <t>WAM</t>
  </si>
  <si>
    <t>SiteMinder</t>
  </si>
  <si>
    <t>Internet Monitoring, Filtering &amp; Access Control Software</t>
  </si>
  <si>
    <t>CBSA-ITEMS0546</t>
  </si>
  <si>
    <t>Interdiction and Border Alerting Service</t>
  </si>
  <si>
    <t>IBAS</t>
  </si>
  <si>
    <t>CBSA-ITEMS0547</t>
  </si>
  <si>
    <t>Risk Assessment Program Maintenance</t>
  </si>
  <si>
    <t>RAPM</t>
  </si>
  <si>
    <t>A risk assessment component that allows a business user to create, simulate and maintain, risk indicators and algorithms through a graphical user interface without requiring assistance from Information Technology support.  RAPM also includes functionality to maintain the thresholds and criteria for Elimination of Low Risk and the rates and criteria for system generated referrals. In addition, RAPM will give the ability for specific users to create and maintain targets and watch notices.</t>
  </si>
  <si>
    <t>CBSA-ITEMS0549</t>
  </si>
  <si>
    <t>Virtual Learning Environment</t>
  </si>
  <si>
    <t>VLE</t>
  </si>
  <si>
    <t>cloud</t>
  </si>
  <si>
    <t>moodle.org: Moodle</t>
  </si>
  <si>
    <t>CBSA-ITEMS0550</t>
  </si>
  <si>
    <t>Marine Domain Awareness (MDA) Watchkeeper</t>
  </si>
  <si>
    <t>MDAW</t>
  </si>
  <si>
    <t>Greenline Systems/MDA - Watchkeeper</t>
  </si>
  <si>
    <t>CBSA-ITEMS0551</t>
  </si>
  <si>
    <t>MEI-B2B - Web Services Gateway</t>
  </si>
  <si>
    <t>MEI-B2B-WSG</t>
  </si>
  <si>
    <t>1.7 Revenue and Trade Management</t>
  </si>
  <si>
    <t>CBSA-ITEMS0553</t>
  </si>
  <si>
    <t>Trusted Trader Portal</t>
  </si>
  <si>
    <t>TTPS</t>
  </si>
  <si>
    <t>CBSA-ITEMS0554</t>
  </si>
  <si>
    <t>Trusted Trader Management System</t>
  </si>
  <si>
    <t>TTMS</t>
  </si>
  <si>
    <t>TTMS is used internally by Trusted Traders (HQ and Regions) to evaluate and manage the PIP (Partners in Protection) membership and applications to the program.</t>
  </si>
  <si>
    <t>CBSA-ITEMS0555</t>
  </si>
  <si>
    <t>Trusted Trader Exchange System</t>
  </si>
  <si>
    <t>TTES</t>
  </si>
  <si>
    <t>Trusted Traders Exchange System (TTES)  is used internally to facilitate the exchange of information between Canada and the U.S. in order to harmonize memberships between the Partners in Protection (PIP) and Customs-Trade Partnership Against Terrorism (C-TPAT) programs.</t>
  </si>
  <si>
    <t>CBSA-ITEMS0556</t>
  </si>
  <si>
    <t>Postal Operation Support Tool</t>
  </si>
  <si>
    <t>POST</t>
  </si>
  <si>
    <t>SOA</t>
  </si>
  <si>
    <t>1.3.5 Postal</t>
  </si>
  <si>
    <t>Infrastructure Management</t>
  </si>
  <si>
    <t>CBSA-ITEMS0560</t>
  </si>
  <si>
    <t>CBSA Subversion</t>
  </si>
  <si>
    <t>SUBV</t>
  </si>
  <si>
    <t>Apache (WANDisco) - Subversion</t>
  </si>
  <si>
    <t>CBSA-ITEMS0562</t>
  </si>
  <si>
    <t>CBSA Sonar</t>
  </si>
  <si>
    <t>SONAR</t>
  </si>
  <si>
    <t>SonarSource - Sonar</t>
  </si>
  <si>
    <t>CBSA-ITEMS0563</t>
  </si>
  <si>
    <t>CBSA Build</t>
  </si>
  <si>
    <t>BUILD</t>
  </si>
  <si>
    <t>The CBSA implementation of the Jenkins (FOSS) COTS product. Jenkins is both a continuous integration tool and an extensible framework for creating a custom continuous build process.</t>
  </si>
  <si>
    <t>Jenkins - Jenkins CI</t>
  </si>
  <si>
    <t>CBSA-ITEMS0567</t>
  </si>
  <si>
    <t>Unified Functional Testing</t>
  </si>
  <si>
    <t>UFT</t>
  </si>
  <si>
    <t>Hewlett_Packard_Canada_Co</t>
  </si>
  <si>
    <t>SQL Server 2012</t>
  </si>
  <si>
    <t>CBSA's implementation of HP Unified Functional Testing.</t>
  </si>
  <si>
    <t>CBSA-ITEMS0568</t>
  </si>
  <si>
    <t>HP Application Lifecycle Management</t>
  </si>
  <si>
    <t>HP ALM</t>
  </si>
  <si>
    <t>CBSA's implementation of HP Application Lifecycle Management.</t>
  </si>
  <si>
    <t>Application Lifecycle Manageme</t>
  </si>
  <si>
    <t>CBSA-ITEMS0574</t>
  </si>
  <si>
    <t>Business Rules Management System (BRMS) - eManifest Risk Rules</t>
  </si>
  <si>
    <t>BRMS-eManifest</t>
  </si>
  <si>
    <t>Web Development Software</t>
  </si>
  <si>
    <t>CBSA-ITEMS0578</t>
  </si>
  <si>
    <t>Carrier Data Management System (LARRY/CSA-FAST)</t>
  </si>
  <si>
    <t>LARRY</t>
  </si>
  <si>
    <t>CBSA-ITEMS0579</t>
  </si>
  <si>
    <t>ANCILE uPerform (SAP Productivity Pak)</t>
  </si>
  <si>
    <t>uPerform</t>
  </si>
  <si>
    <t>Ancile
uPerform</t>
  </si>
  <si>
    <t>Training and E-Learning Software</t>
  </si>
  <si>
    <t>CBSA-ITEMS0580</t>
  </si>
  <si>
    <t>SAP Solution Manager</t>
  </si>
  <si>
    <t>SOLMAN</t>
  </si>
  <si>
    <t>CBSA's implementation of the SAP Solution Manager COTS product.</t>
  </si>
  <si>
    <t>Performance Measurement Software</t>
  </si>
  <si>
    <t>CBSA-ITEMS0582</t>
  </si>
  <si>
    <t>Global Case Management System (GCMS) Printing Solution</t>
  </si>
  <si>
    <t>GCMSPRINT</t>
  </si>
  <si>
    <t>Output</t>
  </si>
  <si>
    <t>Central output server</t>
  </si>
  <si>
    <t>Application Infrastructure Software</t>
  </si>
  <si>
    <t>CBSA-ITEMS0585</t>
  </si>
  <si>
    <t>Commercial Data Cleansing and Standardization</t>
  </si>
  <si>
    <t>CoDaCs</t>
  </si>
  <si>
    <t>CBSA-ITEMS0586</t>
  </si>
  <si>
    <t>Automated Risk Determination</t>
  </si>
  <si>
    <t>CBSA-ITEMS0587</t>
  </si>
  <si>
    <t>Risk Commodity Identification / LanguageWare</t>
  </si>
  <si>
    <t>RCI</t>
  </si>
  <si>
    <t>CBSA-ITEMS0591</t>
  </si>
  <si>
    <t>Business Warehouse</t>
  </si>
  <si>
    <t>SAPBW</t>
  </si>
  <si>
    <t>SAP - Business Warehouse</t>
  </si>
  <si>
    <t>CBSA-ITEMS0592</t>
  </si>
  <si>
    <t>SAP Process Orchestrator</t>
  </si>
  <si>
    <t>SAPPO</t>
  </si>
  <si>
    <t>SAP - Netweaver Process Orchestrator</t>
  </si>
  <si>
    <t>Business Process Management Software</t>
  </si>
  <si>
    <t>CBSA-ITEMS0595</t>
  </si>
  <si>
    <t>Remote Traveller Processing</t>
  </si>
  <si>
    <t>RTP</t>
  </si>
  <si>
    <t>SWI</t>
  </si>
  <si>
    <t>CBSA-ITEMS0599</t>
  </si>
  <si>
    <t>Mobile IPIL</t>
  </si>
  <si>
    <t>MOPIL</t>
  </si>
  <si>
    <t>mobile</t>
  </si>
  <si>
    <t>CBSA-ITEMS0603</t>
  </si>
  <si>
    <t>IT Service Management &amp; Production Assurance Website</t>
  </si>
  <si>
    <t>ITSM</t>
  </si>
  <si>
    <t>Drupal</t>
  </si>
  <si>
    <t>CBSA-ITEMS0604</t>
  </si>
  <si>
    <t>Self-service portal for Corporate and Program Services Division</t>
  </si>
  <si>
    <t>CORPO</t>
  </si>
  <si>
    <t>CBSA-ITEMS0609</t>
  </si>
  <si>
    <t>IBM Master Data Management Server</t>
  </si>
  <si>
    <t>MDMS</t>
  </si>
  <si>
    <t>The Master Data Management (MDM) foundation component will provide the CBSA Assessment and Revenue Management (CARM) project with the technological foundation that will allow it to manage its master data for the client identity.</t>
  </si>
  <si>
    <t>CBSA-ITEMS0612</t>
  </si>
  <si>
    <t>Passage History</t>
  </si>
  <si>
    <t>PH</t>
  </si>
  <si>
    <t>1.2 Admissibility Determination</t>
  </si>
  <si>
    <t>CBSA-ITEMS0614</t>
  </si>
  <si>
    <t>System Access Management</t>
  </si>
  <si>
    <t>SOF</t>
  </si>
  <si>
    <t>internal Services</t>
  </si>
  <si>
    <t>CBSA-ITEMS0615</t>
  </si>
  <si>
    <t>MEI-B2B - Tracking Service</t>
  </si>
  <si>
    <t>MEI-B2B-TS</t>
  </si>
  <si>
    <t>CBSA-ITEMS0619</t>
  </si>
  <si>
    <t>External Client Communication</t>
  </si>
  <si>
    <t>EXCC</t>
  </si>
  <si>
    <t>The External Client Communication (ExCC) component is designed to provide centralized business logic regarding notice processing for clients in eManifest build 2. It is an internal application that provides notice services for other eManifest components. It does not provide any user interface for human users.</t>
  </si>
  <si>
    <t>CBSA-ITEMS0620</t>
  </si>
  <si>
    <t>Address Residence Indicator Service</t>
  </si>
  <si>
    <t>ADRS</t>
  </si>
  <si>
    <t>The ADRS is a web service that allows our clients to determine if a specified postal codes for Canadian TCPs are identified as business or residence.
The service is built around data provided by Canada Post Corporation, downloaded on a monthly basis from their secure FTP site.</t>
  </si>
  <si>
    <t>CBSA-ITEMS0621</t>
  </si>
  <si>
    <t>Articulate Storyline</t>
  </si>
  <si>
    <t>ARTI</t>
  </si>
  <si>
    <t>Articulate - Storyline</t>
  </si>
  <si>
    <t>CBSA-ITEMS0625</t>
  </si>
  <si>
    <t>ICS - User Information Service</t>
  </si>
  <si>
    <t>ICS-UIS</t>
  </si>
  <si>
    <t>The User Information suite of applications and components manage the CBSA IT and Business user accounts and user authorization profiles along with an independent restful service for User Information and profile updates and lookups.</t>
  </si>
  <si>
    <t>CBSA-ITEMS0629</t>
  </si>
  <si>
    <t>Personnel Security Screening System</t>
  </si>
  <si>
    <t>PSSS</t>
  </si>
  <si>
    <t>Windows Server 2008 R2</t>
  </si>
  <si>
    <t>Personal Information Management Software</t>
  </si>
  <si>
    <t>CBSA-ITEMS0630</t>
  </si>
  <si>
    <t>Data Acquisition Application</t>
  </si>
  <si>
    <t>DAA</t>
  </si>
  <si>
    <t>DAA handles the message flow in ACROSS system; parses the incoming data, identifies the rules, processes the information, puts data in the right places in the database for ACROSS system and sends notifications to the external clients.</t>
  </si>
  <si>
    <t>CBSA-ITEMS0634</t>
  </si>
  <si>
    <t>PAXIS - Rules Management Application</t>
  </si>
  <si>
    <t>RMA</t>
  </si>
  <si>
    <t>Blaze Advisor</t>
  </si>
  <si>
    <t>CBSA-ITEMS0668</t>
  </si>
  <si>
    <t>MEI-B2B - Electronic Data Interchange (EDI) Gateway</t>
  </si>
  <si>
    <t>STERLING</t>
  </si>
  <si>
    <t>IBM Sterling B2B Integrator</t>
  </si>
  <si>
    <t>CBSA-ITEMS0669</t>
  </si>
  <si>
    <t>Crucible and FishEye - CBSA</t>
  </si>
  <si>
    <t>C_And_F</t>
  </si>
  <si>
    <t>Atlassian - Crucible &amp; Fisheye</t>
  </si>
  <si>
    <t>CBSA-ITEMS0766</t>
  </si>
  <si>
    <t>Contracting Allocation Database</t>
  </si>
  <si>
    <t>CAD</t>
  </si>
  <si>
    <t>This is an Access database. There is currently a requirement to replace with a full Case Management System.</t>
  </si>
  <si>
    <t>Human Resources Management</t>
  </si>
  <si>
    <t>unknown</t>
  </si>
  <si>
    <t>CBSA-ITEMS0782</t>
  </si>
  <si>
    <t>Participating Government Agency Trade Document Management</t>
  </si>
  <si>
    <t>PGARPO-PGASC</t>
  </si>
  <si>
    <t>A component that manages PGA trade documents.</t>
  </si>
  <si>
    <t>CBSA-ITEMS0783</t>
  </si>
  <si>
    <t>Participating Government Agency Registration and Enrolment Web</t>
  </si>
  <si>
    <t>PGAREE</t>
  </si>
  <si>
    <t>Participating Government Agency Registration and Enrolment Web.</t>
  </si>
  <si>
    <t>CBSA-ITEMS0784</t>
  </si>
  <si>
    <t>Commercial Search Service</t>
  </si>
  <si>
    <t>CSS</t>
  </si>
  <si>
    <t>CBSA-ITEMS0800</t>
  </si>
  <si>
    <t>Commercial Identity Resolution</t>
  </si>
  <si>
    <t>CIR</t>
  </si>
  <si>
    <t>CBSA-ITEMS0801</t>
  </si>
  <si>
    <t>Business Rules Management System (BRMS-SWI) - Data Sharing Rules</t>
  </si>
  <si>
    <t>BRMS-SWI</t>
  </si>
  <si>
    <t>A business rules management system COTS product with the capability of executing business rules and the ability of a business person to manage the rules independent of technical resources.</t>
  </si>
  <si>
    <t>CBSA-ITEMS0804</t>
  </si>
  <si>
    <t>Reference Data Service</t>
  </si>
  <si>
    <t>RDS</t>
  </si>
  <si>
    <t>CBSA-ITEMS0805</t>
  </si>
  <si>
    <t>Operational Profile</t>
  </si>
  <si>
    <t>OP</t>
  </si>
  <si>
    <t>CBSA-ITEMS0807</t>
  </si>
  <si>
    <t>Risky Party Identification</t>
  </si>
  <si>
    <t>RPI</t>
  </si>
  <si>
    <t>CBSA-ITEMS0808</t>
  </si>
  <si>
    <t>Commercial Data Quality Service - Quality Stage / Address Verification Interface</t>
  </si>
  <si>
    <t>CDQS - QSAVI</t>
  </si>
  <si>
    <t>CBSA-ITEMS0817</t>
  </si>
  <si>
    <t>Consolidated Management Reporting System Enterprise Data Warehouse</t>
  </si>
  <si>
    <t>CMRS-EDW</t>
  </si>
  <si>
    <t>CBSA-ITEMS0820</t>
  </si>
  <si>
    <t>eDeclaration Mobile Application</t>
  </si>
  <si>
    <t>EDEC</t>
  </si>
  <si>
    <t>CBSA-ITEMS0826</t>
  </si>
  <si>
    <t>External Client Notice Profile</t>
  </si>
  <si>
    <t>ECNP</t>
  </si>
  <si>
    <t>CBSA-ITEMS0828</t>
  </si>
  <si>
    <t>MEI-B2B - Administration and Configuration Web Application</t>
  </si>
  <si>
    <t>MEI-B2B-ADM</t>
  </si>
  <si>
    <t>J2EE</t>
  </si>
  <si>
    <t>Incident and Field Resource Management Software</t>
  </si>
  <si>
    <t>CBSA-ITEMS0830</t>
  </si>
  <si>
    <t>SSA Name 3</t>
  </si>
  <si>
    <t>SSANAME3</t>
  </si>
  <si>
    <t>CBSA-ITEMS0831</t>
  </si>
  <si>
    <t>SPSS Modeler - CBSA</t>
  </si>
  <si>
    <t>SPSS</t>
  </si>
  <si>
    <t>IBM SPSS Modeler</t>
  </si>
  <si>
    <t>On-Line Analytical Processing Software</t>
  </si>
  <si>
    <t>IBM</t>
  </si>
  <si>
    <t>CBSA-ITEMS0832</t>
  </si>
  <si>
    <t>Risk Indicator Maintenance / Risk Algorithm Maintenance</t>
  </si>
  <si>
    <t>RIM/RAM</t>
  </si>
  <si>
    <t>The tables for RIM/RAM was created by CRSA for use by TITAN.  TITAN updates the values of these indicators to adjust the RISK value of a specific item.</t>
  </si>
  <si>
    <t>CBSA-ITEMS0833</t>
  </si>
  <si>
    <t>IBM Cognos Business Intelligence (BI) Suite</t>
  </si>
  <si>
    <t>CBSA-ITEMS0834</t>
  </si>
  <si>
    <t>SWI-Business Process Orchestration</t>
  </si>
  <si>
    <t>SWI-BPO</t>
  </si>
  <si>
    <t>Commercial Program - Trade Compliance</t>
  </si>
  <si>
    <t>CBSA-ITEMS0835</t>
  </si>
  <si>
    <t>Integrated Passage Services</t>
  </si>
  <si>
    <t>IPS</t>
  </si>
  <si>
    <t>Integrated Passage Services (IPS) is an asset that provides an integrated set of traveller passage related services, including passage processing, search/retrieval and risk assessment.  It is being implemented incrementally as project needs are identified.  Its search/retrieval services support entry passages into Canada and exit passages from Canada</t>
  </si>
  <si>
    <t>CBSA-ITEMS0837</t>
  </si>
  <si>
    <t>Travel Document Verification Service</t>
  </si>
  <si>
    <t>TDVS</t>
  </si>
  <si>
    <t>CBSA-ITEMS0838</t>
  </si>
  <si>
    <t>Primary Inspection Kiosk Service</t>
  </si>
  <si>
    <t>PIKS</t>
  </si>
  <si>
    <t>CBSA-ITEMS0839</t>
  </si>
  <si>
    <t>Primary Inspection Kiosk Management System</t>
  </si>
  <si>
    <t>PIKMS</t>
  </si>
  <si>
    <t>CBSA-ITEMS0847</t>
  </si>
  <si>
    <t>Criminal Investigations Information Management System (new)</t>
  </si>
  <si>
    <t>CIIMS (new)</t>
  </si>
  <si>
    <t>Canada Economic Development for Quebec Regions</t>
  </si>
  <si>
    <t>CED-DEC001</t>
  </si>
  <si>
    <t>AccessProSuite (SQL Win2003)</t>
  </si>
  <si>
    <t>AccessProSuite</t>
  </si>
  <si>
    <t>Secretariat</t>
  </si>
  <si>
    <t>Business Analytics</t>
  </si>
  <si>
    <t>CSDC Systems - Accesspro</t>
  </si>
  <si>
    <t>CED-DEC002</t>
  </si>
  <si>
    <t>Trackit (SQL Win2003)</t>
  </si>
  <si>
    <t>Information Management, Technology and Administration Directorate</t>
  </si>
  <si>
    <t>IT</t>
  </si>
  <si>
    <t>Track-It! Is for users, administrators, consultants, etc., to interact and share information about real world Help Desk and IT asset management issues.</t>
  </si>
  <si>
    <t>BMC Software - Trackit</t>
  </si>
  <si>
    <t>CED-DEC003</t>
  </si>
  <si>
    <t>Performance Budgeting for Human Capital</t>
  </si>
  <si>
    <t>PBHC</t>
  </si>
  <si>
    <t>Finance</t>
  </si>
  <si>
    <t>Free Balance - Performance for Humain Capital</t>
  </si>
  <si>
    <t>Budget Preparation Software</t>
  </si>
  <si>
    <t>CED-DEC004</t>
  </si>
  <si>
    <t>Web based Correspondence &amp; Issues Management System</t>
  </si>
  <si>
    <t>WEBCIMS</t>
  </si>
  <si>
    <t>ANet_Solutions_Inc</t>
  </si>
  <si>
    <t>WebCIMS</t>
  </si>
  <si>
    <t>CED-DEC005</t>
  </si>
  <si>
    <t>Transport Integrated Personnel System (App server 2003)</t>
  </si>
  <si>
    <t>TIPS/LEX</t>
  </si>
  <si>
    <t>RH</t>
  </si>
  <si>
    <t>Transport Canada</t>
  </si>
  <si>
    <t>CED-DEC006</t>
  </si>
  <si>
    <t>StreetPerfect</t>
  </si>
  <si>
    <t>This application validates addresses to batch validate/correct existing address records.  Validation from Canada Post.</t>
  </si>
  <si>
    <t>Sun Media Corporation - StreetPerfect</t>
  </si>
  <si>
    <t>CED-DEC007</t>
  </si>
  <si>
    <t>Hermes Financials</t>
  </si>
  <si>
    <t>Hermes</t>
  </si>
  <si>
    <t>Free Balance - Financials Management</t>
  </si>
  <si>
    <t>CED-DEC008</t>
  </si>
  <si>
    <t>Hermes programs</t>
  </si>
  <si>
    <t>Free Balance - Programs Management (egrants)</t>
  </si>
  <si>
    <t>CED-DEC009</t>
  </si>
  <si>
    <t>Dashboard</t>
  </si>
  <si>
    <t>DB</t>
  </si>
  <si>
    <t>ALL</t>
  </si>
  <si>
    <t>CED-DEC010</t>
  </si>
  <si>
    <t>Discoverer Plus (App Server 2003)</t>
  </si>
  <si>
    <t>D+</t>
  </si>
  <si>
    <t>CED-DEC011</t>
  </si>
  <si>
    <t>Compensation Web Application</t>
  </si>
  <si>
    <t>CWA</t>
  </si>
  <si>
    <t>Salary Management &amp; Payroll Software</t>
  </si>
  <si>
    <t>CED-DEC012</t>
  </si>
  <si>
    <t>Activities Information Systems</t>
  </si>
  <si>
    <t>AIS</t>
  </si>
  <si>
    <t>The Activities Information System (AIS) is a tool for entering the length of activities employees work on in order to determine trends and extract statistics.</t>
  </si>
  <si>
    <t>Discoverer, Oracle Developer S</t>
  </si>
  <si>
    <t>Oracle Canada ULC</t>
  </si>
  <si>
    <t>CED-DEC013</t>
  </si>
  <si>
    <t>Ministerial Announcement Calendar</t>
  </si>
  <si>
    <t>Themis</t>
  </si>
  <si>
    <t>Communication</t>
  </si>
  <si>
    <t>Generates a calendar of comminications activity, that can be press realease or event that involves the ministirials activities.</t>
  </si>
  <si>
    <t>Justice</t>
  </si>
  <si>
    <t>CED-DEC015</t>
  </si>
  <si>
    <t>GCDOCS</t>
  </si>
  <si>
    <t>Open Text / Content Server</t>
  </si>
  <si>
    <t>CED-DEC016</t>
  </si>
  <si>
    <t>Proactive Disclosure Management</t>
  </si>
  <si>
    <t>An application that manages proactive disclosure such as, grants and contributions and contracts, that will be displayed on our departmental website.</t>
  </si>
  <si>
    <t>CED-DEC017</t>
  </si>
  <si>
    <t>Electronic Forms</t>
  </si>
  <si>
    <t>CED211</t>
  </si>
  <si>
    <t>The CED 211 software application generates on-line request forms for participation in learning activities. The CED 211 form contains the same fields and the same information as the traditional request form used for this purpose</t>
  </si>
  <si>
    <t>CED-DEC018</t>
  </si>
  <si>
    <t>Periscope</t>
  </si>
  <si>
    <t>An application that manages inventory for communications articles, posters, brochures, flyers, or events.</t>
  </si>
  <si>
    <t>CED-DEC020</t>
  </si>
  <si>
    <t>Office of Clientele Satisfaction</t>
  </si>
  <si>
    <t>OCS</t>
  </si>
  <si>
    <t>An application that manages feedback through the survey form filled out by external customers or visitors of our departmental website.</t>
  </si>
  <si>
    <t>CED-DEC021</t>
  </si>
  <si>
    <t>Internal Broadcasting Tool</t>
  </si>
  <si>
    <t>IBT</t>
  </si>
  <si>
    <t>A tool that broadcasts news letters and corporate messages or news about our department. Also, sends out alert messages to users.</t>
  </si>
  <si>
    <t>CED-DEC022</t>
  </si>
  <si>
    <t>Post Payment Verification</t>
  </si>
  <si>
    <t>This tool allows the accounting team to verify post payment expenses through an electronic form.</t>
  </si>
  <si>
    <t>CED-DEC023</t>
  </si>
  <si>
    <t>Netmail</t>
  </si>
  <si>
    <t>A tool to manage spam in outlook</t>
  </si>
  <si>
    <t>CED-DEC024</t>
  </si>
  <si>
    <t>Crystal Reporting tool application</t>
  </si>
  <si>
    <t>Crystal Reporting tool is used by all the directorates to report on all departmental financial and programs activities</t>
  </si>
  <si>
    <t>Crystal Report</t>
  </si>
  <si>
    <t>CED-DEC025</t>
  </si>
  <si>
    <t>OrgPlus</t>
  </si>
  <si>
    <t>OrgPlus RealTime is a dynamic workforce planning solution for small and medium sized businesses which provides executives, human resources professionals, and manager’s critical insight into their business for better organizational planning, optimization, and employee analytics</t>
  </si>
  <si>
    <t>CED-DEC026</t>
  </si>
  <si>
    <t>Integrated Risk Management</t>
  </si>
  <si>
    <t>GIR</t>
  </si>
  <si>
    <t>Operation</t>
  </si>
  <si>
    <t>An application that mesures the level of risk for grants and contributions at the processing of claims stage from external customers.</t>
  </si>
  <si>
    <t>CED-DEC027</t>
  </si>
  <si>
    <t>Management of Oracle Systems</t>
  </si>
  <si>
    <t>MOS</t>
  </si>
  <si>
    <t>An application that allows the DBA to manage Oracle departmental systems, suchas patches, tasks, versions, database configurations, etc.</t>
  </si>
  <si>
    <t>CED-DEC028</t>
  </si>
  <si>
    <t>Statistical Package for the Social Sciences</t>
  </si>
  <si>
    <t>A statistical tool to analyse data, frequency statistics, and data management.  It helps build reports based on specifica data.</t>
  </si>
  <si>
    <t>SPSS. Inc</t>
  </si>
  <si>
    <t>CED-DEC029</t>
  </si>
  <si>
    <t>RHSFormulairesCotesSecurite</t>
  </si>
  <si>
    <t>An application that enters in electronic format the information pertaining to security clearence</t>
  </si>
  <si>
    <t>CED-DEC030</t>
  </si>
  <si>
    <t>Reflexion 7</t>
  </si>
  <si>
    <t>A mainframe application that manages human ressources pay system</t>
  </si>
  <si>
    <t>CED-DEC031</t>
  </si>
  <si>
    <t>Equifax</t>
  </si>
  <si>
    <t>Exquifax/Credit rating</t>
  </si>
  <si>
    <t>CED-DEC032</t>
  </si>
  <si>
    <t>IRIMS</t>
  </si>
  <si>
    <t>Records management system - being phased out by Content Server</t>
  </si>
  <si>
    <t>RIMS</t>
  </si>
  <si>
    <t>CED-DEC033</t>
  </si>
  <si>
    <t>Website for CED</t>
  </si>
  <si>
    <t>CED-DEC034</t>
  </si>
  <si>
    <t>CED-DEC035</t>
  </si>
  <si>
    <t>Intermediate group survey</t>
  </si>
  <si>
    <t>IGS</t>
  </si>
  <si>
    <t>A tool that does inventory of the customers and survey of external customers benefiting the Agency and how it benefits our department</t>
  </si>
  <si>
    <t>CED-DEC036</t>
  </si>
  <si>
    <t>Car registry inventory</t>
  </si>
  <si>
    <t>An application that keeps the registry of car usages across the deprtment</t>
  </si>
  <si>
    <t>CED-DEC037</t>
  </si>
  <si>
    <t>Videoconference log</t>
  </si>
  <si>
    <t>A tool that reports on all the data generated by the videoconferencing system</t>
  </si>
  <si>
    <t>Multimedia Streaming Software</t>
  </si>
  <si>
    <t>CED-DEC038</t>
  </si>
  <si>
    <t>Beyond</t>
  </si>
  <si>
    <t>An application that accesses Statcan databases for statistics</t>
  </si>
  <si>
    <t>CED-DEC039</t>
  </si>
  <si>
    <t>Citrix (SQL Win2003)</t>
  </si>
  <si>
    <t>Citrix</t>
  </si>
  <si>
    <t>A server solution that uses Microsoft Terminal Services software to deliver Windows applications to PCs, Apple Macintosh computers, X terminals and UNIX workstations. This enables users of those systems to access and use those programs which are available to those using the Windows operating system.</t>
  </si>
  <si>
    <t>Virtualization Software</t>
  </si>
  <si>
    <t>Application Virtualization Software</t>
  </si>
  <si>
    <t>CED-DEC040</t>
  </si>
  <si>
    <t>CCURE</t>
  </si>
  <si>
    <t>A software tool that manages security at CED such as security cards, locked doors.</t>
  </si>
  <si>
    <t>C-Cure Inc. - C-Cure software</t>
  </si>
  <si>
    <t>CED-DEC041</t>
  </si>
  <si>
    <t>Screening Request</t>
  </si>
  <si>
    <t>A tool that allows screening request forms for security clearances to be sent to CSIS automatically</t>
  </si>
  <si>
    <t>CED-DEC042</t>
  </si>
  <si>
    <t>Communications Security Establishment</t>
  </si>
  <si>
    <t>CED-DEC043</t>
  </si>
  <si>
    <t>Controle D'autochargement du client (SIF)</t>
  </si>
  <si>
    <t>This tool authorizes the paymnent with article 33 of the Financial Administration Act</t>
  </si>
  <si>
    <t>CED-DEC044</t>
  </si>
  <si>
    <t>Security Administration Control Officer</t>
  </si>
  <si>
    <t>SACO</t>
  </si>
  <si>
    <t>A web application that provides the Financial Security officers to administer accounts for all PWGSC applications.</t>
  </si>
  <si>
    <t>CED-DEC045</t>
  </si>
  <si>
    <t>Central System Mailbox</t>
  </si>
  <si>
    <t>CSM</t>
  </si>
  <si>
    <t>The Central Systems Mailbox (CSM) is a web based application that provides departmental users with access, via an Internet Browser, to an electronic mailbox where reports/files from the Receiver General central systems are placed. Central systems that currently use the mailbox for distribution of reports and/or files include: the Central Financial Management Reporting System (CFMRS), the Receiver General General Ledger (RG-GL), the Payroll System General Ledger (PS-GL) and the Common Departmental Financial System (CDFS). The CSM allows a user to view, sort, print, delete or transfer files and reports.</t>
  </si>
  <si>
    <t>CED-DEC046</t>
  </si>
  <si>
    <t>Standard Payment System</t>
  </si>
  <si>
    <t>SPS is A web application integrated system that incorporates the entire payment process, including receipt and validation of the requisition for payment, payment issue, payment redemption control and reconciliation, redemption reporting, and processing of exceptions in issue and redemption.</t>
  </si>
  <si>
    <t>CED-DEC047</t>
  </si>
  <si>
    <t>Central Financial Management Reporting System</t>
  </si>
  <si>
    <t>CFMRS</t>
  </si>
  <si>
    <t>The Central Financial Management Reporting System (CFMRS) is the system used by the Government of Canada to maintain the accounts of Canada. CFMRS compiles a general ledger from the certified (authorized) trial balances submitted by government departments and agencies at the end of every month.</t>
  </si>
  <si>
    <t>CED-DEC048</t>
  </si>
  <si>
    <t>Public Accounts Production System</t>
  </si>
  <si>
    <t>PAPS</t>
  </si>
  <si>
    <t>A web application  to manage and produce public accounts for CED</t>
  </si>
  <si>
    <t>CED-DEC049</t>
  </si>
  <si>
    <t>Regional Pay System</t>
  </si>
  <si>
    <t>RPS</t>
  </si>
  <si>
    <t>A web application</t>
  </si>
  <si>
    <t>CED-DEC050</t>
  </si>
  <si>
    <t>Trial Balance</t>
  </si>
  <si>
    <t>Trial balance</t>
  </si>
  <si>
    <t>A web application  that sends trial balance to pwgsc.</t>
  </si>
  <si>
    <t>CED-DEC051</t>
  </si>
  <si>
    <t>Managed Secure File Transfer</t>
  </si>
  <si>
    <t>MSFT</t>
  </si>
  <si>
    <t>Managed File Transfer Software</t>
  </si>
  <si>
    <t>CED-DEC052</t>
  </si>
  <si>
    <t>Electronic Authorization and Authentication</t>
  </si>
  <si>
    <t>EAA</t>
  </si>
  <si>
    <t>A tool that provides the SACO to create a section 33 floppy disk</t>
  </si>
  <si>
    <t>CED-DEC053</t>
  </si>
  <si>
    <t>Shared Travel Services Initiative</t>
  </si>
  <si>
    <t>A web application  that manages travel process</t>
  </si>
  <si>
    <t>Accenture Inc. - STSI</t>
  </si>
  <si>
    <t>CED-DEC054</t>
  </si>
  <si>
    <t>DocPath</t>
  </si>
  <si>
    <t>An application that manages Hermes Financial CED custom forms</t>
  </si>
  <si>
    <t>DocPath - DocPath Designer</t>
  </si>
  <si>
    <t>CED-DEC055</t>
  </si>
  <si>
    <t>GMAX</t>
  </si>
  <si>
    <t>An application that manages grants and contributions and financial data of CED'S historical projects.</t>
  </si>
  <si>
    <t>CED-DEC056</t>
  </si>
  <si>
    <t>Bank Interface</t>
  </si>
  <si>
    <t>A tool that imports bank information into Financial system for CED.</t>
  </si>
  <si>
    <t>CED-DEC057</t>
  </si>
  <si>
    <t>Direct Deposit for employees</t>
  </si>
  <si>
    <t>DD</t>
  </si>
  <si>
    <t>A tool that sends an email to employees when a payment has been deposited in their bank account.</t>
  </si>
  <si>
    <t>CED-DEC058</t>
  </si>
  <si>
    <t>Direct Deposit Notification</t>
  </si>
  <si>
    <t>DDM</t>
  </si>
  <si>
    <t>A tool that sends an email to regular vendors when a payment has been deposited into the clients bank account.</t>
  </si>
  <si>
    <t>CED-DEC059</t>
  </si>
  <si>
    <t>A tool that help users develop, access, manage, and analyze data.</t>
  </si>
  <si>
    <t>Dell - TOAD</t>
  </si>
  <si>
    <t>CED-DEC060</t>
  </si>
  <si>
    <t>SQL Developer</t>
  </si>
  <si>
    <t>SQL</t>
  </si>
  <si>
    <t>CED-DEC061</t>
  </si>
  <si>
    <t>Antidote</t>
  </si>
  <si>
    <t>A French language corrector, dictionnary application.</t>
  </si>
  <si>
    <t>Druide - Antidote</t>
  </si>
  <si>
    <t>CED-DEC062</t>
  </si>
  <si>
    <t>Dun and Bradstreet</t>
  </si>
  <si>
    <t>DBI</t>
  </si>
  <si>
    <t>CED-DEC063</t>
  </si>
  <si>
    <t>Publisher</t>
  </si>
  <si>
    <t>A tool that helps develop reports, letters.</t>
  </si>
  <si>
    <t>CED-DEC064</t>
  </si>
  <si>
    <t>Copernic Desktop search</t>
  </si>
  <si>
    <t>Copernic Desktop Search (CDS) enables you to instantly search files, emails, and email attachments stored anywhere on your PC's hard drive.</t>
  </si>
  <si>
    <t>Copernic inc. - Copernic Search</t>
  </si>
  <si>
    <t>CED-DEC065</t>
  </si>
  <si>
    <t>Discoverer Viewer</t>
  </si>
  <si>
    <t>CED-DEC066</t>
  </si>
  <si>
    <t>File Zilla (open source) - File Zilla</t>
  </si>
  <si>
    <t>CED-DEC067</t>
  </si>
  <si>
    <t>CIF Import Module</t>
  </si>
  <si>
    <t>CIF</t>
  </si>
  <si>
    <t>An application that imports data from the electronic form to the grants and contribution software</t>
  </si>
  <si>
    <t>CED-DEC068</t>
  </si>
  <si>
    <t>DymoLabel</t>
  </si>
  <si>
    <t>Software to make labels</t>
  </si>
  <si>
    <t>Dymo</t>
  </si>
  <si>
    <t>CED-DEC069</t>
  </si>
  <si>
    <t>LePetitRobert2010</t>
  </si>
  <si>
    <t>Dictionnary software</t>
  </si>
  <si>
    <t>LePetit Robert</t>
  </si>
  <si>
    <t>Bar-Coding &amp; Labeling Software</t>
  </si>
  <si>
    <t>CED-DEC070</t>
  </si>
  <si>
    <t>SOQUIJ</t>
  </si>
  <si>
    <t>Online application SOQUIJ publishes decisions from the judicial and administrative tribunals of the Province of Québec</t>
  </si>
  <si>
    <t>SOQUIJ relève du ministre de la Justice du Québec</t>
  </si>
  <si>
    <t>CED-DEC071</t>
  </si>
  <si>
    <t>RDPRM</t>
  </si>
  <si>
    <t>Online application RDPRM is a computerized government register that makes public certain rights concerning movable property and individuals.</t>
  </si>
  <si>
    <t>Le Registre des droits personnels et réels mobiliers (RDPRM)</t>
  </si>
  <si>
    <t>CED-DEC072</t>
  </si>
  <si>
    <t>Régistre foncier</t>
  </si>
  <si>
    <t>Online application that verifies property registration</t>
  </si>
  <si>
    <t>Régie foncier du Québec</t>
  </si>
  <si>
    <t>CED-DEC073</t>
  </si>
  <si>
    <t>Land registry</t>
  </si>
  <si>
    <t>MRN</t>
  </si>
  <si>
    <t>Online applicaton that verifies land registry</t>
  </si>
  <si>
    <t>Régistre foncier du Québec</t>
  </si>
  <si>
    <t>CED-DEC074</t>
  </si>
  <si>
    <t>Office of the superintendant of Bankruptcy Canada</t>
  </si>
  <si>
    <t>Online application from industry Canada to verify Backruptcy and insolvency records</t>
  </si>
  <si>
    <t>CED-DEC075</t>
  </si>
  <si>
    <t>Business registry of Quebec</t>
  </si>
  <si>
    <t>Online application that verifies all businnesses that are registered in Quebec</t>
  </si>
  <si>
    <t>Registre d'entreprise du Québec</t>
  </si>
  <si>
    <t>CED-DEC076</t>
  </si>
  <si>
    <t>Adobe Suite (Premiere, Dreamweaver, Photoshop, etc)</t>
  </si>
  <si>
    <t>An application that creates video productions</t>
  </si>
  <si>
    <t>Acrobat Professional</t>
  </si>
  <si>
    <t>Desktop Publishing Software</t>
  </si>
  <si>
    <t>CED-DEC078</t>
  </si>
  <si>
    <t>Hootsuite: Social Media Dashboard</t>
  </si>
  <si>
    <t>Communications</t>
  </si>
  <si>
    <t>An on-line web based application to survey social media (i.e. Twitter)</t>
  </si>
  <si>
    <t>HootSuite Inc. - Hootsuite: Social Media Dashboard</t>
  </si>
  <si>
    <t>CED-DEC079</t>
  </si>
  <si>
    <t>IPAD Apps - Skype</t>
  </si>
  <si>
    <t>A teleconferencing social media application</t>
  </si>
  <si>
    <t>Skype - microsoft</t>
  </si>
  <si>
    <t>CED-DEC080</t>
  </si>
  <si>
    <t>Webex</t>
  </si>
  <si>
    <t>A web based teleconferencing tool that allows users to access electronic equipment at a distance</t>
  </si>
  <si>
    <t>Cisco - Webex</t>
  </si>
  <si>
    <t>CED-DEC081</t>
  </si>
  <si>
    <t>Videoconference system</t>
  </si>
  <si>
    <t>A videoconference software that allows site to site videoconferencing</t>
  </si>
  <si>
    <t>Polycom</t>
  </si>
  <si>
    <t>CED-DEC082</t>
  </si>
  <si>
    <t>ArcView</t>
  </si>
  <si>
    <t>A subset of modules from the ArcGIS product by ESRI. Its a cartography type tool.</t>
  </si>
  <si>
    <t>ArcGIS for Maritime: Charting</t>
  </si>
  <si>
    <t>CED-DEC083</t>
  </si>
  <si>
    <t>FIT-SOIF</t>
  </si>
  <si>
    <t>FITS-SOIF</t>
  </si>
  <si>
    <t>Landry MicroSolution Inc. - Fits-Soif</t>
  </si>
  <si>
    <t>CED-DEC084</t>
  </si>
  <si>
    <t>SPS Emailer</t>
  </si>
  <si>
    <t>Outlook 2013</t>
  </si>
  <si>
    <t>CED-DEC086</t>
  </si>
  <si>
    <t>Sharepoint 2013</t>
  </si>
  <si>
    <t>Sharepoint</t>
  </si>
  <si>
    <t>Sharepoint server 2013.  Intranet</t>
  </si>
  <si>
    <t>CED-DEC087</t>
  </si>
  <si>
    <t>Bitlocker Application management</t>
  </si>
  <si>
    <t>Microsoft Bitlocker app. management</t>
  </si>
  <si>
    <t>Microsoft Desktop Optimization</t>
  </si>
  <si>
    <t>CED-DEC088</t>
  </si>
  <si>
    <t>AirWatch</t>
  </si>
  <si>
    <t>VMWare_Inc</t>
  </si>
  <si>
    <t>AirWatch MDM iPad management</t>
  </si>
  <si>
    <t>CED-DEC089</t>
  </si>
  <si>
    <t>Quebec Economic Development Program</t>
  </si>
  <si>
    <t>QEDP</t>
  </si>
  <si>
    <t>Operations</t>
  </si>
  <si>
    <t>CED-DEC090</t>
  </si>
  <si>
    <t>Public Servant Performance Management</t>
  </si>
  <si>
    <t>PSPM</t>
  </si>
  <si>
    <t>PWGSC</t>
  </si>
  <si>
    <t>CED-DEC091</t>
  </si>
  <si>
    <t>CIIF Import Module</t>
  </si>
  <si>
    <t>CIM</t>
  </si>
  <si>
    <t>CED-DEC092</t>
  </si>
  <si>
    <t>Office of Cliente Satisfaction</t>
  </si>
  <si>
    <t>APP-01075</t>
  </si>
  <si>
    <t>Exchange 2007</t>
  </si>
  <si>
    <t>Exchange</t>
  </si>
  <si>
    <t>MS Outlook</t>
  </si>
  <si>
    <t>Exchange Server Enterprise 201</t>
  </si>
  <si>
    <t>CED-DEC093</t>
  </si>
  <si>
    <t>Vehicule Fleet Management</t>
  </si>
  <si>
    <t>VFM</t>
  </si>
  <si>
    <t>CED-DEC094</t>
  </si>
  <si>
    <t>Intermediary group survey</t>
  </si>
  <si>
    <t>APP-01873</t>
  </si>
  <si>
    <t>Arcserve (SQL Win2003)</t>
  </si>
  <si>
    <t>CA</t>
  </si>
  <si>
    <t>Network Infrastructure Software</t>
  </si>
  <si>
    <t>Backup Software</t>
  </si>
  <si>
    <t>APP-01876</t>
  </si>
  <si>
    <t>McAfee</t>
  </si>
  <si>
    <t>Antivus and anti malware software server and desktop</t>
  </si>
  <si>
    <t>Active Virus Defense</t>
  </si>
  <si>
    <t>Anti-Malware Software</t>
  </si>
  <si>
    <t>APP-01980</t>
  </si>
  <si>
    <t>Blackbberry Enterprise Server (SQL Win2003)</t>
  </si>
  <si>
    <t>Blackberry</t>
  </si>
  <si>
    <t>Blackberry BES Server</t>
  </si>
  <si>
    <t>APP-02019</t>
  </si>
  <si>
    <t>Windows Server Update Services</t>
  </si>
  <si>
    <t>WSUS</t>
  </si>
  <si>
    <t>Windows update services</t>
  </si>
  <si>
    <t>APP-02021</t>
  </si>
  <si>
    <t>Domain Name Services External</t>
  </si>
  <si>
    <t>DNS</t>
  </si>
  <si>
    <t>DNS Services</t>
  </si>
  <si>
    <t>Network Communications Software</t>
  </si>
  <si>
    <t>APP-02171</t>
  </si>
  <si>
    <t>Solarwinds</t>
  </si>
  <si>
    <t>NPM</t>
  </si>
  <si>
    <t>Network performance monitor</t>
  </si>
  <si>
    <t>APP-02174</t>
  </si>
  <si>
    <t>VMWare (SQL Win2003)</t>
  </si>
  <si>
    <t>VMWare</t>
  </si>
  <si>
    <t>Vsphere client and UM</t>
  </si>
  <si>
    <t>vSphere 5 Enterprise</t>
  </si>
  <si>
    <t>Network Management Software</t>
  </si>
  <si>
    <t>APP-02176</t>
  </si>
  <si>
    <t>VMWare Update Manager (SQL Win2003)</t>
  </si>
  <si>
    <t>VMWareUM</t>
  </si>
  <si>
    <t>APP-02178</t>
  </si>
  <si>
    <t>vRanger</t>
  </si>
  <si>
    <t>VRanger- Dell</t>
  </si>
  <si>
    <t>Backup vmware</t>
  </si>
  <si>
    <t>Virtual Backup software</t>
  </si>
  <si>
    <t>Virtualization Backup &amp; Recovery Software</t>
  </si>
  <si>
    <t>APP-02181</t>
  </si>
  <si>
    <t>Ghost</t>
  </si>
  <si>
    <t>Symantec</t>
  </si>
  <si>
    <t>Imaging system desktop and server</t>
  </si>
  <si>
    <t>Symantec Ghost Solution Suite</t>
  </si>
  <si>
    <t>APP-02183</t>
  </si>
  <si>
    <t>Kiwi Syslog Daemon Server</t>
  </si>
  <si>
    <t>Kiwi</t>
  </si>
  <si>
    <t>Kiwi Syslog Deomon</t>
  </si>
  <si>
    <t>system event logs</t>
  </si>
  <si>
    <t>Solarwinds - Kiwi</t>
  </si>
  <si>
    <t>APP-02186</t>
  </si>
  <si>
    <t>Fortinet Single Sign on Agent</t>
  </si>
  <si>
    <t>FortinetSSO</t>
  </si>
  <si>
    <t>Fortinet</t>
  </si>
  <si>
    <t>proxy server agent</t>
  </si>
  <si>
    <t>Firewall Software</t>
  </si>
  <si>
    <t>APP-02189</t>
  </si>
  <si>
    <t>Crystal Reports</t>
  </si>
  <si>
    <t>Crystal</t>
  </si>
  <si>
    <t>Business Objects</t>
  </si>
  <si>
    <t>APP-02192</t>
  </si>
  <si>
    <t>Microsoft Office Communicator 2007</t>
  </si>
  <si>
    <t>MOC</t>
  </si>
  <si>
    <t>Microsoft Office Communicator</t>
  </si>
  <si>
    <t>APP-02194</t>
  </si>
  <si>
    <t>Microsoft SQL Server 2005</t>
  </si>
  <si>
    <t>SQl Server</t>
  </si>
  <si>
    <t>Microsoft Corporation</t>
  </si>
  <si>
    <t>APP-02196</t>
  </si>
  <si>
    <t>Vice Versa Pro</t>
  </si>
  <si>
    <t>Vice Versa</t>
  </si>
  <si>
    <t>TGRMN</t>
  </si>
  <si>
    <t>Copier fichiers</t>
  </si>
  <si>
    <t>APP-02199</t>
  </si>
  <si>
    <t>Intranet old Portal site</t>
  </si>
  <si>
    <t>Portal</t>
  </si>
  <si>
    <t>Oracle Portal</t>
  </si>
  <si>
    <t>APP-02202</t>
  </si>
  <si>
    <t>Internet site old</t>
  </si>
  <si>
    <t>APP-02541</t>
  </si>
  <si>
    <t>Acrobat Pro</t>
  </si>
  <si>
    <t>Adobe</t>
  </si>
  <si>
    <t>APP-02543</t>
  </si>
  <si>
    <t>Audition</t>
  </si>
  <si>
    <t>APP-02549</t>
  </si>
  <si>
    <t>Security Risk Management and Policy Compliance Software</t>
  </si>
  <si>
    <t>APP-02554</t>
  </si>
  <si>
    <t>Entrust</t>
  </si>
  <si>
    <t>Entrust Security</t>
  </si>
  <si>
    <t>Public Key Infrastructure (PKI) Software</t>
  </si>
  <si>
    <t>APP-02557</t>
  </si>
  <si>
    <t>Eviews</t>
  </si>
  <si>
    <t>IHS Global</t>
  </si>
  <si>
    <t>IHS Eviews</t>
  </si>
  <si>
    <t>APP-02560</t>
  </si>
  <si>
    <t>HyperSnap</t>
  </si>
  <si>
    <t>Hypersnap</t>
  </si>
  <si>
    <t>APP-02563</t>
  </si>
  <si>
    <t>Idea</t>
  </si>
  <si>
    <t>APP-02565</t>
  </si>
  <si>
    <t>Ideclic</t>
  </si>
  <si>
    <t>APP-02570</t>
  </si>
  <si>
    <t>MindManager</t>
  </si>
  <si>
    <t>Mind Manager</t>
  </si>
  <si>
    <t>MindManager’s flexible mind maps promote freeform thinking and quick organization of ideas, so creativity and productivity can live in harmony. Capture ideas. Manage meetings. Create strategic plans. Organize anything. Watch the video to see how you can do more with MindManager.</t>
  </si>
  <si>
    <t>APP-02572</t>
  </si>
  <si>
    <t>MS Live Meeting</t>
  </si>
  <si>
    <t>Live Meeting</t>
  </si>
  <si>
    <t>APP-02574</t>
  </si>
  <si>
    <t>Outlook</t>
  </si>
  <si>
    <t>APP-02576</t>
  </si>
  <si>
    <t>Access</t>
  </si>
  <si>
    <t>Access 2013</t>
  </si>
  <si>
    <t>APP-02578</t>
  </si>
  <si>
    <t>MS Project</t>
  </si>
  <si>
    <t>Project</t>
  </si>
  <si>
    <t>Project 2013 Professional</t>
  </si>
  <si>
    <t>APP-02580</t>
  </si>
  <si>
    <t>MS PowerPoint</t>
  </si>
  <si>
    <t>PowerPoint 2013</t>
  </si>
  <si>
    <t>APP-02582</t>
  </si>
  <si>
    <t>MS Visio 2010</t>
  </si>
  <si>
    <t>Visio</t>
  </si>
  <si>
    <t>APP-03799</t>
  </si>
  <si>
    <t>System Center 2012 Client Mana</t>
  </si>
  <si>
    <t>Canada Revenue Agency</t>
  </si>
  <si>
    <t>CRA-1</t>
  </si>
  <si>
    <t>Pension Reform - Telephone Information System</t>
  </si>
  <si>
    <t>PR/TIPS/RRSP</t>
  </si>
  <si>
    <t>Assessment of Returns and Payment Processing</t>
  </si>
  <si>
    <t>SOA Governance Software</t>
  </si>
  <si>
    <t>CRA-100</t>
  </si>
  <si>
    <t>AgriStability/AgriInvest</t>
  </si>
  <si>
    <t>ASAI</t>
  </si>
  <si>
    <t>CRA-1000</t>
  </si>
  <si>
    <t>Synergy Document Repository</t>
  </si>
  <si>
    <t>SDR</t>
  </si>
  <si>
    <t>Acquisition Services,Financial Management Services</t>
  </si>
  <si>
    <t>CRA-1001</t>
  </si>
  <si>
    <t>T1 Returns Processing</t>
  </si>
  <si>
    <t>OR/T1 Ret Proc</t>
  </si>
  <si>
    <t>CRA-1003</t>
  </si>
  <si>
    <t>MultiTrans Prism</t>
  </si>
  <si>
    <t>MultiTrans</t>
  </si>
  <si>
    <t>Others</t>
  </si>
  <si>
    <t>CRA-1006</t>
  </si>
  <si>
    <t>Analytics Correspondence Performance Measurement Datamart</t>
  </si>
  <si>
    <t>Analytics/Corr/PM</t>
  </si>
  <si>
    <t>COGNOS OTHER-IBM,DataStage-IBM</t>
  </si>
  <si>
    <t>CRA-1009</t>
  </si>
  <si>
    <t>Generic eDocs Upload</t>
  </si>
  <si>
    <t>genUpLd</t>
  </si>
  <si>
    <t>CRA-101</t>
  </si>
  <si>
    <t>Charities Assessing and Registration - Online Processes</t>
  </si>
  <si>
    <t>CARE</t>
  </si>
  <si>
    <t>CRA-1010</t>
  </si>
  <si>
    <t>Analytics Correspondence Central Data Provider</t>
  </si>
  <si>
    <t>Analytics/Corr/CDP</t>
  </si>
  <si>
    <t>CRA-1011</t>
  </si>
  <si>
    <t>T1 Matching Online Services</t>
  </si>
  <si>
    <t>T1MOD</t>
  </si>
  <si>
    <t>Taxpayer and Business Assistance</t>
  </si>
  <si>
    <t>CRA-1013</t>
  </si>
  <si>
    <t>Computerized Screening System</t>
  </si>
  <si>
    <t>COMSCRN</t>
  </si>
  <si>
    <t>SIB</t>
  </si>
  <si>
    <t>CRA-1015</t>
  </si>
  <si>
    <t>Information Technology Self Service Portal</t>
  </si>
  <si>
    <t>ITSSP</t>
  </si>
  <si>
    <t>The purpose of the IT Self Service Portal is to facilitate and standardize the process of requesting IT services and reporting IT incidents and problems.  It is the primary means by which Agency employees initiate and request IT services.</t>
  </si>
  <si>
    <t>CRA-1016</t>
  </si>
  <si>
    <t>Enterprise Fraud Management Solution</t>
  </si>
  <si>
    <t>EFMS</t>
  </si>
  <si>
    <t>CRA-1017</t>
  </si>
  <si>
    <t>Compliance Risk Profiling Viewer</t>
  </si>
  <si>
    <t>CRPV</t>
  </si>
  <si>
    <t>Reporting Compliance</t>
  </si>
  <si>
    <t>CRA-1020</t>
  </si>
  <si>
    <t>Identity and Access Management</t>
  </si>
  <si>
    <t>IAM</t>
  </si>
  <si>
    <t>Information Management Services,Information Technology Services,Other</t>
  </si>
  <si>
    <t>OthersWeblogic-Oracle</t>
  </si>
  <si>
    <t>CRA-1021</t>
  </si>
  <si>
    <t>Data Acquisition, Analysis and Preparation Service for SIB</t>
  </si>
  <si>
    <t>DAAPSS</t>
  </si>
  <si>
    <t>CRA-1023</t>
  </si>
  <si>
    <t>Register my Formal Dispute</t>
  </si>
  <si>
    <t>RMFD</t>
  </si>
  <si>
    <t>Appeals</t>
  </si>
  <si>
    <t>CRA-1025</t>
  </si>
  <si>
    <t>Disbursement Notices Online</t>
  </si>
  <si>
    <t>NTSD-eNOA</t>
  </si>
  <si>
    <t>Electronic delivery of T1 Assessment and reassessment notice.</t>
  </si>
  <si>
    <t>CRA-1027</t>
  </si>
  <si>
    <t>Immigration/Emigration Statistics Data Mart - SIB Individual</t>
  </si>
  <si>
    <t>Stats DM</t>
  </si>
  <si>
    <t>Linux SLES x86</t>
  </si>
  <si>
    <t>Linux on Z RHEL</t>
  </si>
  <si>
    <t>CRA-1029</t>
  </si>
  <si>
    <t>Goods &amp; Services Tax/Harmonized Sales Tax Returns Application - SIB Business</t>
  </si>
  <si>
    <t>GST/HST Returns App</t>
  </si>
  <si>
    <t>CRA-1030</t>
  </si>
  <si>
    <t>Pre-Authorized Debit - Web Service</t>
  </si>
  <si>
    <t>PAD-WS</t>
  </si>
  <si>
    <t>CRA-1032</t>
  </si>
  <si>
    <t>CRA WiKi</t>
  </si>
  <si>
    <t>wiki</t>
  </si>
  <si>
    <t>CRA-1035</t>
  </si>
  <si>
    <t>Reportable Tax Avoidance Transactions</t>
  </si>
  <si>
    <t>RTAT</t>
  </si>
  <si>
    <t>CRA-1036</t>
  </si>
  <si>
    <t>Identity Access Management Operational Data Mart</t>
  </si>
  <si>
    <t>IAM ODM</t>
  </si>
  <si>
    <t>CRA-1038</t>
  </si>
  <si>
    <t>T1 Adjustments &amp; Corrections</t>
  </si>
  <si>
    <t>TACS</t>
  </si>
  <si>
    <t>CRA-1039</t>
  </si>
  <si>
    <t>Tax free savings account BI</t>
  </si>
  <si>
    <t>TFSA BI</t>
  </si>
  <si>
    <t>CRA-1041</t>
  </si>
  <si>
    <t>T1Accounting Information Server EJB</t>
  </si>
  <si>
    <t>TNIS-EJB</t>
  </si>
  <si>
    <t>CRA-1046</t>
  </si>
  <si>
    <t>T1 Accounting Mainframe Application Server</t>
  </si>
  <si>
    <t>TN/MainframeApserver</t>
  </si>
  <si>
    <t>CRA-1047</t>
  </si>
  <si>
    <t>Access Review and Certification</t>
  </si>
  <si>
    <t>ARC</t>
  </si>
  <si>
    <t>CRA-1048</t>
  </si>
  <si>
    <t>Forms and Publications Ordering System</t>
  </si>
  <si>
    <t>FPOS</t>
  </si>
  <si>
    <t>The Forms and Publications Ordering System is a public-facing web form allowing users to place orders for a printed copy of certain forms and publications to be shipped to a specified address.  The application allows the user to select from a list of various forms and publications for individuals and businesses, select the quantity of each document, provide address information, verify their order and then submit the order.  The application interfaces with CAS to submit the order.</t>
  </si>
  <si>
    <t>CRA-1049</t>
  </si>
  <si>
    <t>Business Tax Reminders</t>
  </si>
  <si>
    <t>BTR</t>
  </si>
  <si>
    <t>Business Tax Reminders is a native mobile application that lets business users create custom reminders and alerts for key CRA due dates related to instalment payments, returns, and remittances.  This mobile app is recommended for and was created based on consultations with small and medium-sized businesses. It allows users to create custom reminders for key CRA due dates related to instalment payments, returns, and remittances. IOS | Android | Blackberry</t>
  </si>
  <si>
    <t>CRA-105</t>
  </si>
  <si>
    <t>CAS - Asset, Inventory and Procurement</t>
  </si>
  <si>
    <t>CAS/AIP</t>
  </si>
  <si>
    <t>Acquisition Services,Management and Oversight Services,Materiel Services</t>
  </si>
  <si>
    <t>ADOBE-Adobe</t>
  </si>
  <si>
    <t>CRA-1052</t>
  </si>
  <si>
    <t>My Account - Client Summary</t>
  </si>
  <si>
    <t>MIMA - Client Summary</t>
  </si>
  <si>
    <t>CRA-1055</t>
  </si>
  <si>
    <t>Office of the Taxpayer's Ombudsman (OTO) Case System</t>
  </si>
  <si>
    <t>OTOCS</t>
  </si>
  <si>
    <t>FILENET-IBM,MS Dynamics-Microsoft</t>
  </si>
  <si>
    <t>CRA-1058</t>
  </si>
  <si>
    <t>Compliance Risk Profiling - Decision</t>
  </si>
  <si>
    <t>CRPD</t>
  </si>
  <si>
    <t>Collections, Compliance and Verification</t>
  </si>
  <si>
    <t>CRA-1059</t>
  </si>
  <si>
    <t>VDP  Reporting</t>
  </si>
  <si>
    <t>VDP Reporting</t>
  </si>
  <si>
    <t>A new BPM reporting solution focused on reporting on the actual financial results of the VDP using data from the ADW encompassing each business line; T1, T2, T3, T5, Non-Resident, GST/HST and other Levies returns, as well as information returns.</t>
  </si>
  <si>
    <t>CRA-1060</t>
  </si>
  <si>
    <t>T1 Ident Reporting</t>
  </si>
  <si>
    <t>CRA-1062</t>
  </si>
  <si>
    <t>e-Alerts</t>
  </si>
  <si>
    <t>EALERT</t>
  </si>
  <si>
    <t>CRA-1069</t>
  </si>
  <si>
    <t>T1 Account Management Data Capture</t>
  </si>
  <si>
    <t>AMDC</t>
  </si>
  <si>
    <t>CRA-1072</t>
  </si>
  <si>
    <t>VA/T1 Accounting</t>
  </si>
  <si>
    <t>VA/T1 Acctng</t>
  </si>
  <si>
    <t>CRA-1073</t>
  </si>
  <si>
    <t>Compliance Program Branch Query Repository</t>
  </si>
  <si>
    <t>CPBQR</t>
  </si>
  <si>
    <t>CRA-1074</t>
  </si>
  <si>
    <t>Data Exploration Environment</t>
  </si>
  <si>
    <t>DEE</t>
  </si>
  <si>
    <t>CRA-1075</t>
  </si>
  <si>
    <t>LEADS Operational Monitoring and Reporting</t>
  </si>
  <si>
    <t>LEADS OM&amp;R</t>
  </si>
  <si>
    <t>CRA-1076</t>
  </si>
  <si>
    <t>Integras Operational Monitoring and Reporting</t>
  </si>
  <si>
    <t>Integras OM&amp;R</t>
  </si>
  <si>
    <t>CRA-1078</t>
  </si>
  <si>
    <t>Compliance Data capture Operational Monitoring &amp; Reporting</t>
  </si>
  <si>
    <t>CDC OM&amp;R</t>
  </si>
  <si>
    <t>CRA-1079</t>
  </si>
  <si>
    <t>Compliance Data Capture Business Performance Measurement</t>
  </si>
  <si>
    <t>CDC BPM</t>
  </si>
  <si>
    <t>CRA-1080</t>
  </si>
  <si>
    <t>Non-Emigrant Disposition Database Business Performance Measurement</t>
  </si>
  <si>
    <t>NEDD BPM</t>
  </si>
  <si>
    <t>CRA-1081</t>
  </si>
  <si>
    <t>Tax Earned by Audit</t>
  </si>
  <si>
    <t>TEBA</t>
  </si>
  <si>
    <t>APP-04240</t>
  </si>
  <si>
    <t>GCDocs</t>
  </si>
  <si>
    <t>GCDocs is the Electronic Document and Records Management Solution (EDRMS) of the Government of Canada (GC) which has been configured to provide electronic document management, records management, and collaboration services to CRA employees. The solution is a customized version of the COTS product; Content Server by OpenText. It is provided as a managed service to CRA by Public Services and Procurement Canada (PSPC) and is hosted on Shared Services Canada (SSC) infrastructure.</t>
  </si>
  <si>
    <t>OpenText Content Server-OpenText</t>
  </si>
  <si>
    <t>CRA-1084</t>
  </si>
  <si>
    <t>Electronic Waivers on Withholding - Decision Support System</t>
  </si>
  <si>
    <t>EWOW-DSS</t>
  </si>
  <si>
    <t>CRA-1085</t>
  </si>
  <si>
    <t>Persistent Staging Area Business Operations</t>
  </si>
  <si>
    <t>PSABO</t>
  </si>
  <si>
    <t>DataStage-IBM</t>
  </si>
  <si>
    <t>CRA-1086</t>
  </si>
  <si>
    <t>Persistent Staging Area Business Extension</t>
  </si>
  <si>
    <t>PSABE</t>
  </si>
  <si>
    <t>COGNOS OTHER-IBM,COGNOS REPORTNET-IBM,DataStage-IBM</t>
  </si>
  <si>
    <t>CRA-1087</t>
  </si>
  <si>
    <t>Persistent Staging Area Business Analytics</t>
  </si>
  <si>
    <t>PSABA</t>
  </si>
  <si>
    <t>CRA-1097</t>
  </si>
  <si>
    <t>Country by Country</t>
  </si>
  <si>
    <t>CBC</t>
  </si>
  <si>
    <t>CRA-1099</t>
  </si>
  <si>
    <t>Electronic Waiver On Withholding</t>
  </si>
  <si>
    <t>EWOW</t>
  </si>
  <si>
    <t>CRA-137</t>
  </si>
  <si>
    <t>CAS - Finance and Resource Management</t>
  </si>
  <si>
    <t>CAS/FIN</t>
  </si>
  <si>
    <t>SAP-SAP</t>
  </si>
  <si>
    <t>CRA-139</t>
  </si>
  <si>
    <t>CAS - Human Resources</t>
  </si>
  <si>
    <t>CAS/HR</t>
  </si>
  <si>
    <t>CRA-17</t>
  </si>
  <si>
    <t>SUBSIDIARY LEDGER ENQUIRY</t>
  </si>
  <si>
    <t>RAPI/AA</t>
  </si>
  <si>
    <t>CRA-187</t>
  </si>
  <si>
    <t>CASE Rules Administration</t>
  </si>
  <si>
    <t>CASE RULES</t>
  </si>
  <si>
    <t>CRA-188</t>
  </si>
  <si>
    <t>CASE AUDIT</t>
  </si>
  <si>
    <t>CASE/AUDIT</t>
  </si>
  <si>
    <t>CRA-189</t>
  </si>
  <si>
    <t>CASE CORTAX</t>
  </si>
  <si>
    <t>CASE/CORTAX</t>
  </si>
  <si>
    <t>CRA-190</t>
  </si>
  <si>
    <t>CASE CPPEI</t>
  </si>
  <si>
    <t>CASE/CPPEI</t>
  </si>
  <si>
    <t>CRA-191</t>
  </si>
  <si>
    <t>Analytics Appeals Datamart</t>
  </si>
  <si>
    <t>Analytics/Appeals</t>
  </si>
  <si>
    <t>COGNOS OTHER-IBM,DataStage-IBM,SMART-BMC</t>
  </si>
  <si>
    <t>CRA-192</t>
  </si>
  <si>
    <t>Analytics T2 Datamart</t>
  </si>
  <si>
    <t>Analytics/T2</t>
  </si>
  <si>
    <t>CRA-193</t>
  </si>
  <si>
    <t>Analytics Canada Pension Plan/Employment Insurance Datamart</t>
  </si>
  <si>
    <t>Analytics/CPPEI</t>
  </si>
  <si>
    <t>CRA-194</t>
  </si>
  <si>
    <t>Analytics Non-Resident Operations Division Datamart</t>
  </si>
  <si>
    <t>Analytics/NROD</t>
  </si>
  <si>
    <t>CRA-195</t>
  </si>
  <si>
    <t>Analytics Standardized Accounting Datamart</t>
  </si>
  <si>
    <t>Analytics/SA</t>
  </si>
  <si>
    <t>CRA-196</t>
  </si>
  <si>
    <t>Analytics Electronic Revenue Accounting Datamart</t>
  </si>
  <si>
    <t>Analytics/ERA</t>
  </si>
  <si>
    <t>CRA-197</t>
  </si>
  <si>
    <t>Analytics T1 Benefit Datamart</t>
  </si>
  <si>
    <t>Analytics/T1Ben</t>
  </si>
  <si>
    <t>CRA-198</t>
  </si>
  <si>
    <t>Analytics Other Levies Datamart</t>
  </si>
  <si>
    <t>Analytics/OL</t>
  </si>
  <si>
    <t>CRA-199</t>
  </si>
  <si>
    <t>Analytics Service Complaints Datamart</t>
  </si>
  <si>
    <t>Analytics/SC</t>
  </si>
  <si>
    <t>CRA-2</t>
  </si>
  <si>
    <t>Printer Addresses</t>
  </si>
  <si>
    <t>PRAD</t>
  </si>
  <si>
    <t>Information Technology Services,Other</t>
  </si>
  <si>
    <t>CRA-200</t>
  </si>
  <si>
    <t>Analytics Taxpayer Relief Registry Datamart</t>
  </si>
  <si>
    <t>Analytics/TRR</t>
  </si>
  <si>
    <t>CRA-201</t>
  </si>
  <si>
    <t>CASE APPEALS</t>
  </si>
  <si>
    <t>CASE/APPEALS</t>
  </si>
  <si>
    <t>CRA-205</t>
  </si>
  <si>
    <t>CASE NROD NEDD</t>
  </si>
  <si>
    <t>CASE/NEDD</t>
  </si>
  <si>
    <t>CRA-206</t>
  </si>
  <si>
    <t>CASE NROD</t>
  </si>
  <si>
    <t>CASE/NROD</t>
  </si>
  <si>
    <t>CRA-207</t>
  </si>
  <si>
    <t>CASE OL</t>
  </si>
  <si>
    <t>CASE/OL</t>
  </si>
  <si>
    <t>CRA-208</t>
  </si>
  <si>
    <t>CASE SA</t>
  </si>
  <si>
    <t>CASE/SA</t>
  </si>
  <si>
    <t>CRA-209</t>
  </si>
  <si>
    <t>CASE T1 &amp; Benefits</t>
  </si>
  <si>
    <t>CASE/T1BENEFITS</t>
  </si>
  <si>
    <t>CRA-210</t>
  </si>
  <si>
    <t>Utilities Remits Case Enquiry</t>
  </si>
  <si>
    <t>CASE/UTIL/RE</t>
  </si>
  <si>
    <t>CRA-211</t>
  </si>
  <si>
    <t>Corporate Audit Trails</t>
  </si>
  <si>
    <t>CAT</t>
  </si>
  <si>
    <t>CRA-213</t>
  </si>
  <si>
    <t>Child Credit Management</t>
  </si>
  <si>
    <t>CCM</t>
  </si>
  <si>
    <t>Benefit Programs</t>
  </si>
  <si>
    <t>Mainframe Operating System Software</t>
  </si>
  <si>
    <t>CRA-214</t>
  </si>
  <si>
    <t>Continuous Controls Monitoring System</t>
  </si>
  <si>
    <t>BizRights/CCM</t>
  </si>
  <si>
    <t>Financial Management Services,Management and Oversight Services</t>
  </si>
  <si>
    <t>BIZRIGHTS-Approva</t>
  </si>
  <si>
    <t>CRA-216</t>
  </si>
  <si>
    <t>Canada Child Tax Benefit Finance Modelling</t>
  </si>
  <si>
    <t>CCTB/FM</t>
  </si>
  <si>
    <t>CRA-217</t>
  </si>
  <si>
    <t>Child and Family Benefits Online</t>
  </si>
  <si>
    <t>CFBO</t>
  </si>
  <si>
    <t>CRA-220</t>
  </si>
  <si>
    <t>City Index - Web</t>
  </si>
  <si>
    <t>CI/Web</t>
  </si>
  <si>
    <t>CRA-222</t>
  </si>
  <si>
    <t>Charities Internet Display System</t>
  </si>
  <si>
    <t>CIDS</t>
  </si>
  <si>
    <t>Provides the user access to the public portion of the Charities data and return information. The application provides the user with search capability and access to the newly registered and recently revoked listings in addition to certain downloads.</t>
  </si>
  <si>
    <t>CRA-224</t>
  </si>
  <si>
    <t>EBCI IVR Interface Module</t>
  </si>
  <si>
    <t>CJIM</t>
  </si>
  <si>
    <t>CRA-225</t>
  </si>
  <si>
    <t>Change My Address</t>
  </si>
  <si>
    <t>CMA</t>
  </si>
  <si>
    <t>CRA-226</t>
  </si>
  <si>
    <t>Common Operator Information Facility</t>
  </si>
  <si>
    <t>COIF</t>
  </si>
  <si>
    <t>COIF is a repository of operator's personal and application information required to streamline or customize their online sessions. COIF was not designed to be a Top Secret Services (TSS) replacement but rather an extension of TSS that would carry information that would otherwise encumber the TSS database.</t>
  </si>
  <si>
    <t>CRA-228</t>
  </si>
  <si>
    <t>Compliance Measurement, Profiling and Assessment System</t>
  </si>
  <si>
    <t>COMPASS</t>
  </si>
  <si>
    <t>CRA-230</t>
  </si>
  <si>
    <t>Client Other Party System</t>
  </si>
  <si>
    <t>COPS</t>
  </si>
  <si>
    <t>Adaptive Computing Technology Software</t>
  </si>
  <si>
    <t>CRA-233</t>
  </si>
  <si>
    <t>Corporate Internet Filing</t>
  </si>
  <si>
    <t>Corpnet</t>
  </si>
  <si>
    <t>CRA-234</t>
  </si>
  <si>
    <t>Corporate Reporting</t>
  </si>
  <si>
    <t>CORPREPORT</t>
  </si>
  <si>
    <t>Acquisition Services,Financial Management Services,Travel and Other Administrative Services</t>
  </si>
  <si>
    <t>CRA-235</t>
  </si>
  <si>
    <t>Corporate Tax</t>
  </si>
  <si>
    <t>CORTAX</t>
  </si>
  <si>
    <t>CRA-240</t>
  </si>
  <si>
    <t>CPPEI Rulings</t>
  </si>
  <si>
    <t>CPPEI</t>
  </si>
  <si>
    <t>CRA-241</t>
  </si>
  <si>
    <t>My Business Account - Request a CPP/EI Ruling</t>
  </si>
  <si>
    <t>CPPEI/GOL</t>
  </si>
  <si>
    <t>CRA-243</t>
  </si>
  <si>
    <t>CSR SR&amp;ED Risk Scoring</t>
  </si>
  <si>
    <t>CSR/SREDRS</t>
  </si>
  <si>
    <t>CRA-244</t>
  </si>
  <si>
    <t>CRA Departmental Contact System</t>
  </si>
  <si>
    <t>CRA DCS</t>
  </si>
  <si>
    <t>CRA-249</t>
  </si>
  <si>
    <t>Children Special Allowance Data Exchange</t>
  </si>
  <si>
    <t>CSA/DE</t>
  </si>
  <si>
    <t>CRA-25</t>
  </si>
  <si>
    <t>INSTALMENT NOTICES</t>
  </si>
  <si>
    <t>RAPI/BB</t>
  </si>
  <si>
    <t>CRA-250</t>
  </si>
  <si>
    <t>Children Special Allowances on the Net</t>
  </si>
  <si>
    <t>CSA/Web</t>
  </si>
  <si>
    <t>CRA-257</t>
  </si>
  <si>
    <t>CTB Collections</t>
  </si>
  <si>
    <t>CTB/COLLECT</t>
  </si>
  <si>
    <t>CRA-258</t>
  </si>
  <si>
    <t>CTB Rundates</t>
  </si>
  <si>
    <t>CTB/RUNDATE</t>
  </si>
  <si>
    <t>CRA-260</t>
  </si>
  <si>
    <t>Concurrent Versioning System Administration</t>
  </si>
  <si>
    <t>CVS/Admin</t>
  </si>
  <si>
    <t>Provides CVS Administrative functions for Centralized CVS,</t>
  </si>
  <si>
    <t>CRA-264</t>
  </si>
  <si>
    <t>Direct Deposit Request - Batch</t>
  </si>
  <si>
    <t>DD/BATCH</t>
  </si>
  <si>
    <t>CRA-265</t>
  </si>
  <si>
    <t>My Account - Direct Deposit Request</t>
  </si>
  <si>
    <t>DD/GOL</t>
  </si>
  <si>
    <t>CRA-267</t>
  </si>
  <si>
    <t>Data Exchange Income Verification</t>
  </si>
  <si>
    <t>DE/IV</t>
  </si>
  <si>
    <t>CRA-270</t>
  </si>
  <si>
    <t>Disbursement System - Customs</t>
  </si>
  <si>
    <t>DISB/CUSTOMS</t>
  </si>
  <si>
    <t>CRA-271</t>
  </si>
  <si>
    <t>Disbursement System - Electronic Interjurisdictional Set-off</t>
  </si>
  <si>
    <t>DISB/EISO</t>
  </si>
  <si>
    <t>CRA-272</t>
  </si>
  <si>
    <t>Disbursement System - Individual Credit Determination</t>
  </si>
  <si>
    <t>DISB/ICD</t>
  </si>
  <si>
    <t>CRA-273</t>
  </si>
  <si>
    <t>Disbursement System - Miscellaneous</t>
  </si>
  <si>
    <t>DISB/MISC</t>
  </si>
  <si>
    <t>CRA-274</t>
  </si>
  <si>
    <t>Disbursement System - Refund Requisition System</t>
  </si>
  <si>
    <t>DISB/RRS</t>
  </si>
  <si>
    <t>CRA-278</t>
  </si>
  <si>
    <t>Department of Finance Data Exchange</t>
  </si>
  <si>
    <t>DOF/DE</t>
  </si>
  <si>
    <t>CRA-279</t>
  </si>
  <si>
    <t>My Account - Disability Tax Credit</t>
  </si>
  <si>
    <t>DTC/DC/GOL</t>
  </si>
  <si>
    <t>CRA-28</t>
  </si>
  <si>
    <t>INCOME &amp; DEDUCTIONS</t>
  </si>
  <si>
    <t>RAPI/C</t>
  </si>
  <si>
    <t>CRA-282</t>
  </si>
  <si>
    <t>Electronic Authentication Authorisation System</t>
  </si>
  <si>
    <t>CRA-286</t>
  </si>
  <si>
    <t>Enterprise Customized Outputs</t>
  </si>
  <si>
    <t>ECO</t>
  </si>
  <si>
    <t>WRF</t>
  </si>
  <si>
    <t>Provides several services for internal users to design, create and view historical correspondence.</t>
  </si>
  <si>
    <t>CRA-289</t>
  </si>
  <si>
    <t>T1 Assessing Error Detection</t>
  </si>
  <si>
    <t>ED</t>
  </si>
  <si>
    <t>CRA-29</t>
  </si>
  <si>
    <t>LIFELONG LEARNING PLANS ENQUIRY</t>
  </si>
  <si>
    <t>RAPI/CC</t>
  </si>
  <si>
    <t>This system allows a user to obtain Lifelong Learning Plan (LLP) participation details for specified clients. The user enters the SIN of the LLP client they wish to review in RAPID Option CC. The client details are retrieved from the LLP database (LPMT), calculated and displayed for the user. Currently, the system allows both retrieval and updates to the database. Depending on the time of year, Statements of Account can be requested via the PF12 functionality.</t>
  </si>
  <si>
    <t>CRA-295</t>
  </si>
  <si>
    <t>Electronic Letter Creation System</t>
  </si>
  <si>
    <t>ELCS</t>
  </si>
  <si>
    <t>CRA-296</t>
  </si>
  <si>
    <t>Electronic Letter Verse System</t>
  </si>
  <si>
    <t>ELVS</t>
  </si>
  <si>
    <t>The purpose of this component is to create or modify a standard verse (text with or without variables) to be used in EL/UTIL (which generates a quasi account number if a valid account number is not available).  When a modification is made to an effective standard verse, a new standard verse version is created.  The standard verse version will pertain to subject codes (field codes of an income tax return or topic codes created by Functional users).</t>
  </si>
  <si>
    <t>CRA-298</t>
  </si>
  <si>
    <t>Storage &amp; Retrieval</t>
  </si>
  <si>
    <t>S&amp;R</t>
  </si>
  <si>
    <t>CRA-299</t>
  </si>
  <si>
    <t>Efiler Postal Code Search</t>
  </si>
  <si>
    <t>EPCS</t>
  </si>
  <si>
    <t>Allows taxpayers to locate an electronic filer in their area, or by business name.</t>
  </si>
  <si>
    <t>CRA-3</t>
  </si>
  <si>
    <t>Processing Review Selection</t>
  </si>
  <si>
    <t>PRS</t>
  </si>
  <si>
    <t>CRA-30</t>
  </si>
  <si>
    <t>BENEFIT PROGRAMS</t>
  </si>
  <si>
    <t>RAPI/D</t>
  </si>
  <si>
    <t>CRA-300</t>
  </si>
  <si>
    <t>External Payment Interface</t>
  </si>
  <si>
    <t>EPI</t>
  </si>
  <si>
    <t>CRA-303</t>
  </si>
  <si>
    <t>EQUITAS</t>
  </si>
  <si>
    <t>ERA</t>
  </si>
  <si>
    <t>CRA-308</t>
  </si>
  <si>
    <t>Electronic Revenue Accounting View</t>
  </si>
  <si>
    <t>ERA/VIEW</t>
  </si>
  <si>
    <t>CRA-309</t>
  </si>
  <si>
    <t>Electronic Requests for Business</t>
  </si>
  <si>
    <t>E-REQUEST/BUS</t>
  </si>
  <si>
    <t>Services allows Business clients to electronically ask for certain financial actions to be processed on an account.</t>
  </si>
  <si>
    <t>ESP</t>
  </si>
  <si>
    <t>CRA-313</t>
  </si>
  <si>
    <t>Enterprise Transactions Outputs LITE (BCCS-LITE)</t>
  </si>
  <si>
    <t>ETO/LITE</t>
  </si>
  <si>
    <t>CRA-315</t>
  </si>
  <si>
    <t>Electronic Waivers on Withholding View</t>
  </si>
  <si>
    <t>EWOW VIEW</t>
  </si>
  <si>
    <t>CRA-320</t>
  </si>
  <si>
    <t>Federal Court Request</t>
  </si>
  <si>
    <t>FC/COURTRQST</t>
  </si>
  <si>
    <t>CRA-322</t>
  </si>
  <si>
    <t>Financial Input Processing</t>
  </si>
  <si>
    <t>CRA-324</t>
  </si>
  <si>
    <t>Foreign Reporting Requirements Management System</t>
  </si>
  <si>
    <t>FRRMS</t>
  </si>
  <si>
    <t>FRS</t>
  </si>
  <si>
    <t>CRA-327</t>
  </si>
  <si>
    <t>GST Returns Document Capture</t>
  </si>
  <si>
    <t>GHR/DC</t>
  </si>
  <si>
    <t>CRA-328</t>
  </si>
  <si>
    <t>GST Returns Processing System</t>
  </si>
  <si>
    <t>GHRAPS</t>
  </si>
  <si>
    <t>CRA-330</t>
  </si>
  <si>
    <t>CDD Greenbook Reports</t>
  </si>
  <si>
    <t>CDDGR</t>
  </si>
  <si>
    <t>CRA-333</t>
  </si>
  <si>
    <t>GST Audit</t>
  </si>
  <si>
    <t>GST AUDIT</t>
  </si>
  <si>
    <t>CRA-336</t>
  </si>
  <si>
    <t>GST Internet Filing</t>
  </si>
  <si>
    <t>GST Netfile</t>
  </si>
  <si>
    <t>CRA-342</t>
  </si>
  <si>
    <t>Analytics Goods &amp; Services Tax Reports Datamart</t>
  </si>
  <si>
    <t>Analytics/GST Reports</t>
  </si>
  <si>
    <t>CRA-343</t>
  </si>
  <si>
    <t>SA Disbursements Processing System</t>
  </si>
  <si>
    <t>SADISB</t>
  </si>
  <si>
    <t>CRA-346</t>
  </si>
  <si>
    <t>GST Historical</t>
  </si>
  <si>
    <t>GST/HISTORICAL</t>
  </si>
  <si>
    <t>CRA-352</t>
  </si>
  <si>
    <t>GST Extracts/Mainframe Reports</t>
  </si>
  <si>
    <t>GST/REPORT</t>
  </si>
  <si>
    <t>CRA-356</t>
  </si>
  <si>
    <t>Home Buyers Plan</t>
  </si>
  <si>
    <t>HBP</t>
  </si>
  <si>
    <t>CRA-357</t>
  </si>
  <si>
    <t>Horizontal Carousel</t>
  </si>
  <si>
    <t>HC</t>
  </si>
  <si>
    <t>Nova-Com-Tech System</t>
  </si>
  <si>
    <t>CRA-359</t>
  </si>
  <si>
    <t>Service Canada Benefit Claim Support</t>
  </si>
  <si>
    <t>HRDC/NB</t>
  </si>
  <si>
    <t>CRA-360</t>
  </si>
  <si>
    <t>TEAMMATE SUITE</t>
  </si>
  <si>
    <t>ADOBE-Adobe,Teammate-CCH,VBA-Microsoft</t>
  </si>
  <si>
    <t>CRA-362</t>
  </si>
  <si>
    <t>Individual Credit Determination (Assess Client Credit)</t>
  </si>
  <si>
    <t>ICD/ACC</t>
  </si>
  <si>
    <t>CRA-364</t>
  </si>
  <si>
    <t>Individual Credit Determination (Manage Client Account)</t>
  </si>
  <si>
    <t>ICD/MCA</t>
  </si>
  <si>
    <t>CRA-365</t>
  </si>
  <si>
    <t>Individual Credit Determination (Manage Client Communication)</t>
  </si>
  <si>
    <t>ICD/MCC</t>
  </si>
  <si>
    <t>CRA-367</t>
  </si>
  <si>
    <t>Provincial Data Transfer</t>
  </si>
  <si>
    <t>PT/DT</t>
  </si>
  <si>
    <t>CRA-368</t>
  </si>
  <si>
    <t>ICD Verse Management System</t>
  </si>
  <si>
    <t>ICD/VMS</t>
  </si>
  <si>
    <t>The Verse Management System (VMS) is a Web Intranet System that maintains a central repository on the Mainframe of all verse checklist related data as well as a web application to access the data. The web application consists of server-side components (JSPs / Servlets) that are served to the user via a web browser, accessible only from the Intranet. The main goal of VMS is to centralize the verse checklist data and to assist Benefit Program Directorate (BPD) personnel in creating verses for the various credit programs maintained by the Credit Determination Division (CDD).</t>
  </si>
  <si>
    <t>CRA-369</t>
  </si>
  <si>
    <t>Intranet Content Management Solution</t>
  </si>
  <si>
    <t>ICMS</t>
  </si>
  <si>
    <t>TeamSite-Interwoven</t>
  </si>
  <si>
    <t>CRA-370</t>
  </si>
  <si>
    <t>Individual Enquiries News</t>
  </si>
  <si>
    <t>IE NEWS</t>
  </si>
  <si>
    <t>CRA-371</t>
  </si>
  <si>
    <t>Individual Enquiries Print</t>
  </si>
  <si>
    <t>IE PRINT</t>
  </si>
  <si>
    <t>CRA-374</t>
  </si>
  <si>
    <t>Individual Ident Broadcaster</t>
  </si>
  <si>
    <t>II/BROADCAST</t>
  </si>
  <si>
    <t>CRA-375</t>
  </si>
  <si>
    <t>Individual Ident Event Handler</t>
  </si>
  <si>
    <t>II/EVNT/HDLR</t>
  </si>
  <si>
    <t>CRA-376</t>
  </si>
  <si>
    <t>INFODEC Amendments</t>
  </si>
  <si>
    <t>INFODEC/AMEND</t>
  </si>
  <si>
    <t>CRA-377</t>
  </si>
  <si>
    <t>INFODEC Initial Processing Services</t>
  </si>
  <si>
    <t>INFODEC/CYCL</t>
  </si>
  <si>
    <t>CRA-378</t>
  </si>
  <si>
    <t>INFODEC Data Capture</t>
  </si>
  <si>
    <t>INFODEC/DDE</t>
  </si>
  <si>
    <t>CRA-379</t>
  </si>
  <si>
    <t>INFODEC File Transfer</t>
  </si>
  <si>
    <t>INFODEC/FTRN</t>
  </si>
  <si>
    <t>CRA-381</t>
  </si>
  <si>
    <t>INFODEC Magnetic Media</t>
  </si>
  <si>
    <t>INFODEC/MAGMEDIA</t>
  </si>
  <si>
    <t>CRA-383</t>
  </si>
  <si>
    <t>INFODEC Web Access Code</t>
  </si>
  <si>
    <t>INFODEC/WACUPD</t>
  </si>
  <si>
    <t>Corporate Services</t>
  </si>
  <si>
    <t>CRA-385</t>
  </si>
  <si>
    <t>INNS Account Number Maintenance</t>
  </si>
  <si>
    <t>INNS/ANM</t>
  </si>
  <si>
    <t>CRA-386</t>
  </si>
  <si>
    <t>INNS - Batch Quarterly Issuance</t>
  </si>
  <si>
    <t>INNS/ISSUANC</t>
  </si>
  <si>
    <t>CRA-387</t>
  </si>
  <si>
    <t>Online Interest Calculator</t>
  </si>
  <si>
    <t>INTCAL</t>
  </si>
  <si>
    <t>CRA-388</t>
  </si>
  <si>
    <t>Notepad Facility</t>
  </si>
  <si>
    <t>NOTEPAD</t>
  </si>
  <si>
    <t>CRA-393</t>
  </si>
  <si>
    <t>Integrated Revenue Collections</t>
  </si>
  <si>
    <t>IRC</t>
  </si>
  <si>
    <t>Information Management Services,Information Technology Services,Management and Oversight Services</t>
  </si>
  <si>
    <t>CRA-395</t>
  </si>
  <si>
    <t>Integrated Spend Management</t>
  </si>
  <si>
    <t>ISM</t>
  </si>
  <si>
    <t>ARIBA-Ariba</t>
  </si>
  <si>
    <t>CRA-396</t>
  </si>
  <si>
    <t>Individual Tax Data Capture</t>
  </si>
  <si>
    <t>ITD/DC</t>
  </si>
  <si>
    <t>CRA-398</t>
  </si>
  <si>
    <t>Lifelong Learning Plan</t>
  </si>
  <si>
    <t>LLP</t>
  </si>
  <si>
    <t>ISS</t>
  </si>
  <si>
    <t>0</t>
  </si>
  <si>
    <t>CRA-401</t>
  </si>
  <si>
    <t>Matching Action Review System</t>
  </si>
  <si>
    <t>MARS</t>
  </si>
  <si>
    <t>CRA-402</t>
  </si>
  <si>
    <t>T1 Matching System - Case Creation</t>
  </si>
  <si>
    <t>MATCHB</t>
  </si>
  <si>
    <t>CRA-403</t>
  </si>
  <si>
    <t>Matching Actions Statistics Reports</t>
  </si>
  <si>
    <t>MAS</t>
  </si>
  <si>
    <t>CRA-405</t>
  </si>
  <si>
    <t>GOL - My Business Account - Register a Formal Dispute</t>
  </si>
  <si>
    <t>MBEO/GOL</t>
  </si>
  <si>
    <t>CRA-406</t>
  </si>
  <si>
    <t>Miscellaneous Data Capture</t>
  </si>
  <si>
    <t>MDC/DDE</t>
  </si>
  <si>
    <t>CRA-409</t>
  </si>
  <si>
    <t>T1 Migrations Data Capture</t>
  </si>
  <si>
    <t>MIG/DC</t>
  </si>
  <si>
    <t>CRA-410</t>
  </si>
  <si>
    <t>My Account for Business</t>
  </si>
  <si>
    <t>MyAccount/Bus</t>
  </si>
  <si>
    <t>CRA-411</t>
  </si>
  <si>
    <t>My Account Portal</t>
  </si>
  <si>
    <t>MyAccount/Ind</t>
  </si>
  <si>
    <t>CRA-413</t>
  </si>
  <si>
    <t>National Audit Trail Search</t>
  </si>
  <si>
    <t>NATS</t>
  </si>
  <si>
    <t>CRA-416</t>
  </si>
  <si>
    <t>National Child Benefit Web</t>
  </si>
  <si>
    <t>NCB/ONTHENET</t>
  </si>
  <si>
    <t>CRA-417</t>
  </si>
  <si>
    <t>National Child Benefit Viewer</t>
  </si>
  <si>
    <t>NCB/Viewer</t>
  </si>
  <si>
    <t>CRA-418</t>
  </si>
  <si>
    <t>National Child Benefit System Data Exchange</t>
  </si>
  <si>
    <t>NCBS/DE</t>
  </si>
  <si>
    <t>CRA-419</t>
  </si>
  <si>
    <t>Data Exchange Two-Way</t>
  </si>
  <si>
    <t>DE/TWO-WAY</t>
  </si>
  <si>
    <t>CRA-42</t>
  </si>
  <si>
    <t>Automated Assessment Control</t>
  </si>
  <si>
    <t>AAC</t>
  </si>
  <si>
    <t>CRA-421</t>
  </si>
  <si>
    <t>Non-Resident Emigrant Dispositions</t>
  </si>
  <si>
    <t>NEDD</t>
  </si>
  <si>
    <t>CRA-422</t>
  </si>
  <si>
    <t>T1 Netfile Helpdesk</t>
  </si>
  <si>
    <t>NETME</t>
  </si>
  <si>
    <t>CRA-426</t>
  </si>
  <si>
    <t>National Routing System</t>
  </si>
  <si>
    <t>NRS</t>
  </si>
  <si>
    <t>Message Oriented Middleware Software</t>
  </si>
  <si>
    <t>CRA-427</t>
  </si>
  <si>
    <t>Non-Resident Source Deductions</t>
  </si>
  <si>
    <t>NRSD</t>
  </si>
  <si>
    <t>CRA-430</t>
  </si>
  <si>
    <t>Nova Scotia Workers Compensation Board</t>
  </si>
  <si>
    <t>NSWCB</t>
  </si>
  <si>
    <t>CRA-432</t>
  </si>
  <si>
    <t>CCTB and Provincial Credit Statistics System</t>
  </si>
  <si>
    <t>CCTB/PROVSTAT</t>
  </si>
  <si>
    <t>CRA-434</t>
  </si>
  <si>
    <t>My Business Account - Other Levies Registration</t>
  </si>
  <si>
    <t>OL/REG/GOL</t>
  </si>
  <si>
    <t>CRA-435</t>
  </si>
  <si>
    <t>Analytics Other Levies/Partnership</t>
  </si>
  <si>
    <t>Analytics/OLP</t>
  </si>
  <si>
    <t>CRA-436</t>
  </si>
  <si>
    <t>My Business Account - Other Levies Returns</t>
  </si>
  <si>
    <t>OL/RTN/GOL</t>
  </si>
  <si>
    <t>CRA-437</t>
  </si>
  <si>
    <t>Other Levies System</t>
  </si>
  <si>
    <t>OLS</t>
  </si>
  <si>
    <t>CRA-438</t>
  </si>
  <si>
    <t>Case Tracker</t>
  </si>
  <si>
    <t>CASETRACKER</t>
  </si>
  <si>
    <t>Case Tracker-Government of British Columbia</t>
  </si>
  <si>
    <t>CRA-439</t>
  </si>
  <si>
    <t>OOBand Activation Letter</t>
  </si>
  <si>
    <t>OOB_Letters</t>
  </si>
  <si>
    <t>CRA-44</t>
  </si>
  <si>
    <t>Automobile Benefit Online Calculator</t>
  </si>
  <si>
    <t>ABOC</t>
  </si>
  <si>
    <t>Calculates taxable benfits for use of an automobile for taxpayers.</t>
  </si>
  <si>
    <t>CRA-440</t>
  </si>
  <si>
    <t>Operator Information Facility</t>
  </si>
  <si>
    <t>OPER</t>
  </si>
  <si>
    <t>CRA-441</t>
  </si>
  <si>
    <t>Organizational Profiles</t>
  </si>
  <si>
    <t>ORG</t>
  </si>
  <si>
    <t>The ORG application is used to capture and display information about your users, offices, and the work they do. It is used a workload management tool.</t>
  </si>
  <si>
    <t>CRA-444</t>
  </si>
  <si>
    <t>Pre-Authorized Debit System</t>
  </si>
  <si>
    <t>PADS</t>
  </si>
  <si>
    <t>CRA-445</t>
  </si>
  <si>
    <t>Electronic Pre-Authorized Debit System</t>
  </si>
  <si>
    <t>ePADS</t>
  </si>
  <si>
    <t>CRA-446</t>
  </si>
  <si>
    <t>Program Account Information System</t>
  </si>
  <si>
    <t>PAIS</t>
  </si>
  <si>
    <t>CRA-448</t>
  </si>
  <si>
    <t>Payroll Deduction, Account &amp; Collections (PAYDAC)</t>
  </si>
  <si>
    <t>PAYDAC</t>
  </si>
  <si>
    <t>CRA-449</t>
  </si>
  <si>
    <t>PAYDAC Data Capture</t>
  </si>
  <si>
    <t>PAYDAC/DC</t>
  </si>
  <si>
    <t>CRA-451</t>
  </si>
  <si>
    <t>PAYDAC Error Corrections</t>
  </si>
  <si>
    <t>PAYDAC/EC</t>
  </si>
  <si>
    <t>CRA-454</t>
  </si>
  <si>
    <t>T1 PC Tax Calculation Program</t>
  </si>
  <si>
    <t>PC/TAX/CAL</t>
  </si>
  <si>
    <t>CRA-458</t>
  </si>
  <si>
    <t>Payroll Deduction Online Calculator</t>
  </si>
  <si>
    <t>PDOC</t>
  </si>
  <si>
    <t>Provides client with calculator to determine CPP, EI and tax to be deducted at source.</t>
  </si>
  <si>
    <t>CRA-461</t>
  </si>
  <si>
    <t>Performance Measurement Program System</t>
  </si>
  <si>
    <t>PMPS</t>
  </si>
  <si>
    <t>CRA-462</t>
  </si>
  <si>
    <t>Identity Exchange Facility (Portageur)</t>
  </si>
  <si>
    <t>IEF</t>
  </si>
  <si>
    <t>CRA-463</t>
  </si>
  <si>
    <t>CAS ESS/MSS Portal</t>
  </si>
  <si>
    <t>PORTAL/SAP</t>
  </si>
  <si>
    <t>Financial Management Services,Human Resources Management Services</t>
  </si>
  <si>
    <t>ADOBE-Adobe,SAP-SAP</t>
  </si>
  <si>
    <t>CRA-464</t>
  </si>
  <si>
    <t>Pension Reform Data Capture</t>
  </si>
  <si>
    <t>PR/DC</t>
  </si>
  <si>
    <t>CRA-465</t>
  </si>
  <si>
    <t>Pension Reform - 1028 Stmt Print</t>
  </si>
  <si>
    <t>PR/STMT</t>
  </si>
  <si>
    <t>CRA-47</t>
  </si>
  <si>
    <t>Automated Collections System</t>
  </si>
  <si>
    <t>ACSES</t>
  </si>
  <si>
    <t>CRA-473</t>
  </si>
  <si>
    <t>INFODEC DISPLAY MENU</t>
  </si>
  <si>
    <t>RAPI/DD</t>
  </si>
  <si>
    <t>CRA-482</t>
  </si>
  <si>
    <t>INDIVIDUAL IDENT</t>
  </si>
  <si>
    <t>RAPI/E</t>
  </si>
  <si>
    <t>CRA-485</t>
  </si>
  <si>
    <t>PAYMENT ENQUIRY</t>
  </si>
  <si>
    <t>RAPI/G</t>
  </si>
  <si>
    <t>CRA-498</t>
  </si>
  <si>
    <t>CITY INDEX</t>
  </si>
  <si>
    <t>RAPI/GG</t>
  </si>
  <si>
    <t>CRA-50</t>
  </si>
  <si>
    <t>Agency Data Warehouse</t>
  </si>
  <si>
    <t>ADW</t>
  </si>
  <si>
    <t>CRA-504</t>
  </si>
  <si>
    <t>T1 CARDING</t>
  </si>
  <si>
    <t>RAPI/H</t>
  </si>
  <si>
    <t>CRA-508</t>
  </si>
  <si>
    <t>HOME BUYERS  PLAN</t>
  </si>
  <si>
    <t>RAPI/HH</t>
  </si>
  <si>
    <t>CRA-516</t>
  </si>
  <si>
    <t>SUMMARY OF T1 DATA</t>
  </si>
  <si>
    <t>RAPI/I</t>
  </si>
  <si>
    <t>CRA-520</t>
  </si>
  <si>
    <t>RAPI/K.2 Historical Prematch Display</t>
  </si>
  <si>
    <t>RAPI/K.2</t>
  </si>
  <si>
    <t>CRA-521</t>
  </si>
  <si>
    <t>T1 PRINT REQ MENU</t>
  </si>
  <si>
    <t>RAPI/K</t>
  </si>
  <si>
    <t>CRA-522</t>
  </si>
  <si>
    <t>RAPI/K.04 Historical Tapma Print Request</t>
  </si>
  <si>
    <t>RAPI/K.04</t>
  </si>
  <si>
    <t>CRA-523</t>
  </si>
  <si>
    <t>T1 ACTION REQ MENU</t>
  </si>
  <si>
    <t>RAPI/L</t>
  </si>
  <si>
    <t>CRA-53</t>
  </si>
  <si>
    <t>Agent Information</t>
  </si>
  <si>
    <t>AGENT</t>
  </si>
  <si>
    <t>CRA-532</t>
  </si>
  <si>
    <t>CPP Election / Revocation (T1 Edits)</t>
  </si>
  <si>
    <t>RAPI/K.1</t>
  </si>
  <si>
    <t>CRA-54</t>
  </si>
  <si>
    <t>Audit Information Management System</t>
  </si>
  <si>
    <t>AIMS</t>
  </si>
  <si>
    <t>CRA-553</t>
  </si>
  <si>
    <t>T.R.I.S.</t>
  </si>
  <si>
    <t>RAPI/M</t>
  </si>
  <si>
    <t>CRA-555</t>
  </si>
  <si>
    <t>RAPI/M.06 Trustee Enquiry (DIMT)</t>
  </si>
  <si>
    <t>RAPI/M.06</t>
  </si>
  <si>
    <t>CRA-556</t>
  </si>
  <si>
    <t>RAPI/M.07 Discounter Online (DIMT)</t>
  </si>
  <si>
    <t>RAPI/M.07</t>
  </si>
  <si>
    <t>CRA-557</t>
  </si>
  <si>
    <t>T1 MIGRATION SYSTEM</t>
  </si>
  <si>
    <t>RAPI/MM</t>
  </si>
  <si>
    <t>CRA-558</t>
  </si>
  <si>
    <t>T1 ACCOUNTING</t>
  </si>
  <si>
    <t>RAPI/N</t>
  </si>
  <si>
    <t>CRA-568</t>
  </si>
  <si>
    <t>PAYDAC DISPLAY MENU/RAPI PP</t>
  </si>
  <si>
    <t>RAPI/PP</t>
  </si>
  <si>
    <t>CRA-572</t>
  </si>
  <si>
    <t>DISCOUNTER CLEARANCE</t>
  </si>
  <si>
    <t>RAPI/Q</t>
  </si>
  <si>
    <t>CRA-573</t>
  </si>
  <si>
    <t>PAYDAC ACTION REQ/RAPI QQ</t>
  </si>
  <si>
    <t>RAPI/QQ</t>
  </si>
  <si>
    <t>CRA-578</t>
  </si>
  <si>
    <t>PENSION REFORM ENQ.</t>
  </si>
  <si>
    <t>RAPI/R</t>
  </si>
  <si>
    <t>CRA-58</t>
  </si>
  <si>
    <t>Efiler List Program Search</t>
  </si>
  <si>
    <t>ALPS</t>
  </si>
  <si>
    <t>CRA-59</t>
  </si>
  <si>
    <t>Assessing Master Batch Jobs</t>
  </si>
  <si>
    <t>AMAST/BATCH</t>
  </si>
  <si>
    <t>CRA-592</t>
  </si>
  <si>
    <t>INDIVIDUAL SEARCH</t>
  </si>
  <si>
    <t>RAPI/T</t>
  </si>
  <si>
    <t>CRA-6</t>
  </si>
  <si>
    <t>Represent A Client Management Enquiries</t>
  </si>
  <si>
    <t>RACME</t>
  </si>
  <si>
    <t>CRA-613</t>
  </si>
  <si>
    <t>PROCESSING STATUS</t>
  </si>
  <si>
    <t>RAPI/X</t>
  </si>
  <si>
    <t>CRA-615</t>
  </si>
  <si>
    <t>CORRESPONDENCE</t>
  </si>
  <si>
    <t>RAPI/Z</t>
  </si>
  <si>
    <t>Allows internal CRA users to view correspondence in the ELCS and OTCS systems.</t>
  </si>
  <si>
    <t>CRA-616</t>
  </si>
  <si>
    <t>RAPI/Z.01 OTCS Activity</t>
  </si>
  <si>
    <t>RAPI/Z.01</t>
  </si>
  <si>
    <t>CRA-617</t>
  </si>
  <si>
    <t>RAPI/Z.02 ELCS Letters</t>
  </si>
  <si>
    <t>RAPI/Z.02</t>
  </si>
  <si>
    <t>CRA-620</t>
  </si>
  <si>
    <t>RAPID Menu</t>
  </si>
  <si>
    <t>RAPID</t>
  </si>
  <si>
    <t>CRA-623</t>
  </si>
  <si>
    <t>Rebates Document Capture</t>
  </si>
  <si>
    <t>REBATES/DC</t>
  </si>
  <si>
    <t>CRA-624</t>
  </si>
  <si>
    <t>TAXPAYER RELIEF REGISTRY</t>
  </si>
  <si>
    <t>RELIEF/REG</t>
  </si>
  <si>
    <t>CRA-625</t>
  </si>
  <si>
    <t>TAXPAYER RELIEF REGISTRY NEWS</t>
  </si>
  <si>
    <t>RELIEF/REG NEWS</t>
  </si>
  <si>
    <t>TRR news is a communication tool to update users regarding relief requests issues/updates.</t>
  </si>
  <si>
    <t>CRA-627</t>
  </si>
  <si>
    <t>Service Desk</t>
  </si>
  <si>
    <t>Service Desk, a data driven IT Service Management application, is used to manage IT configuration items and their associated contracts, IT incidents and application changes (specific to Service Desk) for Regional and Branch IT Support personnel.  It leverages ITB's National IT Support Service Catalogue (used by Local IT support) and facilitates the use of ITIL best practices.  It is built using the BMC Remedy's AR System workflow engine and resides on the eBCI platform in a fully redundant configuration. This application is currently rolled out using a DTM certified client install on IT support workstations and is also available on CTP. It is integrated with Exchange for email notifications to both clients and users.</t>
  </si>
  <si>
    <t>Remedy SD-BMC</t>
  </si>
  <si>
    <t>CRA-628</t>
  </si>
  <si>
    <t>Revenue Enforcement System</t>
  </si>
  <si>
    <t>REMITS</t>
  </si>
  <si>
    <t>CRA-629</t>
  </si>
  <si>
    <t>REMITS Rules Administration</t>
  </si>
  <si>
    <t>REMITS RULES</t>
  </si>
  <si>
    <t>CRA-63</t>
  </si>
  <si>
    <t>AMS for Internet Access</t>
  </si>
  <si>
    <t>AMSNET</t>
  </si>
  <si>
    <t>CRA-630</t>
  </si>
  <si>
    <t>REMITS GUI</t>
  </si>
  <si>
    <t>REMITS/GUI</t>
  </si>
  <si>
    <t>CRA-631</t>
  </si>
  <si>
    <t>Refund Examination Program</t>
  </si>
  <si>
    <t>REP</t>
  </si>
  <si>
    <t>CRA-632</t>
  </si>
  <si>
    <t>Representatives Online</t>
  </si>
  <si>
    <t>REPS ONLINE</t>
  </si>
  <si>
    <t>CRA-633</t>
  </si>
  <si>
    <t>Residency Determination</t>
  </si>
  <si>
    <t>RESDET</t>
  </si>
  <si>
    <t>Individuals entering or leaving Canada for an extended period of time are encouraged to request a determination of residency from Canada Revenue Agency to obtain our opinion on their residency status and to ensure they understand and fulfill their tax obligation to Canada.</t>
  </si>
  <si>
    <t>CRA-635</t>
  </si>
  <si>
    <t>PR &amp; CV Results</t>
  </si>
  <si>
    <t>RESULTS</t>
  </si>
  <si>
    <t>CRA-636</t>
  </si>
  <si>
    <t>REVLEDGER</t>
  </si>
  <si>
    <t>CRA-638</t>
  </si>
  <si>
    <t>RH BRIDGE APPLICATION (BATCH)</t>
  </si>
  <si>
    <t>RHBRIDGE</t>
  </si>
  <si>
    <t>Database</t>
  </si>
  <si>
    <t>CRA-644</t>
  </si>
  <si>
    <t>T1 Edits - Report On Reassessing Actions (RORA)</t>
  </si>
  <si>
    <t>RORA</t>
  </si>
  <si>
    <t>CRA-645</t>
  </si>
  <si>
    <t>Registered Plans Application Suite</t>
  </si>
  <si>
    <t>RPAS</t>
  </si>
  <si>
    <t>CRA-646</t>
  </si>
  <si>
    <t>Registered Plans Decision Support System</t>
  </si>
  <si>
    <t>RPDSS</t>
  </si>
  <si>
    <t>CRA-647</t>
  </si>
  <si>
    <t>Rebates Processing System</t>
  </si>
  <si>
    <t>CRA-648</t>
  </si>
  <si>
    <t>Refund Requisition System</t>
  </si>
  <si>
    <t>RRS</t>
  </si>
  <si>
    <t>CRA-649</t>
  </si>
  <si>
    <t>Refund Setoffs and Offsets Processing</t>
  </si>
  <si>
    <t>RSOP</t>
  </si>
  <si>
    <t>CRA-650</t>
  </si>
  <si>
    <t>RV Scoring &amp; Results</t>
  </si>
  <si>
    <t>RV</t>
  </si>
  <si>
    <t>CRA-651</t>
  </si>
  <si>
    <t>Standardized Accounting</t>
  </si>
  <si>
    <t>CRA-652</t>
  </si>
  <si>
    <t>SA Online Stats</t>
  </si>
  <si>
    <t>SA/OS</t>
  </si>
  <si>
    <t>CRA-654</t>
  </si>
  <si>
    <t>Spousal Account Maintenance</t>
  </si>
  <si>
    <t>SAM</t>
  </si>
  <si>
    <t>CRA-657</t>
  </si>
  <si>
    <t>PR &amp; CV Scoring</t>
  </si>
  <si>
    <t>SCORING</t>
  </si>
  <si>
    <t>CRA-66</t>
  </si>
  <si>
    <t>All Revenue Tables (IRC)</t>
  </si>
  <si>
    <t>ART</t>
  </si>
  <si>
    <t>Human Resources Management Services,Information Management Services,Information Technology Services,Management and Oversight Services</t>
  </si>
  <si>
    <t>CRA-660</t>
  </si>
  <si>
    <t>Online Simulator</t>
  </si>
  <si>
    <t>SIMNET</t>
  </si>
  <si>
    <t>SIMNET is an external Internet application found on the Canada Revenue Agency (CRA) website that provides potential recipients of various benefits and/or credits an estimate of the amount that s/he may receive. It is based on a web form in which potential recipients enter several key factors related to the calculation of the benefit(s) or credit(s) in question. The factors involved in the calculation are province/territory of residence, marital status, number of children (including disabled children), family net income and amounts owing on other benefits or credits. Once the information is entered, predetermined rates are used to provide an estimated dollar amount to the recipient.</t>
  </si>
  <si>
    <t>CRA-662</t>
  </si>
  <si>
    <t>Employee System Access Review</t>
  </si>
  <si>
    <t>ESAR</t>
  </si>
  <si>
    <t>CRA-663</t>
  </si>
  <si>
    <t>My Business Account - Source Deductions</t>
  </si>
  <si>
    <t>SRC/DED/GOL</t>
  </si>
  <si>
    <t>CRA-665</t>
  </si>
  <si>
    <t>Statistical Tracking Analysis &amp; Reporting System-PRF MF</t>
  </si>
  <si>
    <t>STARS/PRF/MF</t>
  </si>
  <si>
    <t>This application provides managers at all levels with access to information, and the tools they need to analyze that information to monitor program results and make faster, more informed decisions on how best to meet their objectives.</t>
  </si>
  <si>
    <t>CRA-666</t>
  </si>
  <si>
    <t>Statistical Tracking Analysis and Reporting System - WEB</t>
  </si>
  <si>
    <t>STARS/WEB</t>
  </si>
  <si>
    <t>CRA-667</t>
  </si>
  <si>
    <t>Subsidiary Ledger</t>
  </si>
  <si>
    <t>SUBLEDGER</t>
  </si>
  <si>
    <t>CRA-668</t>
  </si>
  <si>
    <t>Universal DELPAC System</t>
  </si>
  <si>
    <t>SUDS</t>
  </si>
  <si>
    <t>CRA-669</t>
  </si>
  <si>
    <t>SUDS Decision Support</t>
  </si>
  <si>
    <t>SUDS/IDS</t>
  </si>
  <si>
    <t>CRA-67</t>
  </si>
  <si>
    <t>Automated Subsidiary Ledger - Batch</t>
  </si>
  <si>
    <t>ASL/BATCH</t>
  </si>
  <si>
    <t>CRA-671</t>
  </si>
  <si>
    <t>System Processing Status Update</t>
  </si>
  <si>
    <t>SYS/PROCSTAT</t>
  </si>
  <si>
    <t>CRA-672</t>
  </si>
  <si>
    <t>T1 Data Mart</t>
  </si>
  <si>
    <t>T1DM</t>
  </si>
  <si>
    <t>CRA-674</t>
  </si>
  <si>
    <t>T1 Error Correction</t>
  </si>
  <si>
    <t>T1/EC</t>
  </si>
  <si>
    <t>CRA-675</t>
  </si>
  <si>
    <t>T1 Efile Helpdesk</t>
  </si>
  <si>
    <t>T1/EFILEHELP</t>
  </si>
  <si>
    <t>CRA-676</t>
  </si>
  <si>
    <t>T1 Efile Online</t>
  </si>
  <si>
    <t>T1/EOL</t>
  </si>
  <si>
    <t>CRA-677</t>
  </si>
  <si>
    <t>T1 Efile Online Plus</t>
  </si>
  <si>
    <t>T1/EOLPLUS</t>
  </si>
  <si>
    <t>CRA-679</t>
  </si>
  <si>
    <t>T1 Migration Decision Support</t>
  </si>
  <si>
    <t>T1/MIGRATION/IDS</t>
  </si>
  <si>
    <t>CRA-68</t>
  </si>
  <si>
    <t>Automated Trust System</t>
  </si>
  <si>
    <t>ATS</t>
  </si>
  <si>
    <t>CRA-680</t>
  </si>
  <si>
    <t>T1 Master Selects Batch</t>
  </si>
  <si>
    <t>T1/MSTR/SEL</t>
  </si>
  <si>
    <t>CRA-681</t>
  </si>
  <si>
    <t>T1 Internet Filing</t>
  </si>
  <si>
    <t>T1/Netfile</t>
  </si>
  <si>
    <t>CRA-683</t>
  </si>
  <si>
    <t>T1 Notices</t>
  </si>
  <si>
    <t>T1/NOTICE</t>
  </si>
  <si>
    <t>CRA-686</t>
  </si>
  <si>
    <t>My Account - T1 Account Balances</t>
  </si>
  <si>
    <t>MIMA-AcctBal</t>
  </si>
  <si>
    <t>CRA-687</t>
  </si>
  <si>
    <t>T1 Edits - Daily Peel System, T1 Acknowledgment Letter, Historical Tapma Report</t>
  </si>
  <si>
    <t>T1ED/DLY/PEL</t>
  </si>
  <si>
    <t>CRA-688</t>
  </si>
  <si>
    <t>T1 Edits - Non Resident Return Processing Report</t>
  </si>
  <si>
    <t>T1ED/NON/RES</t>
  </si>
  <si>
    <t>CRA-689</t>
  </si>
  <si>
    <t>T1 Edits - Cancellation List and Prints</t>
  </si>
  <si>
    <t>T1ED/CAN/LST</t>
  </si>
  <si>
    <t>CRA-69</t>
  </si>
  <si>
    <t>ATS Decision Support</t>
  </si>
  <si>
    <t>ATS/IDS</t>
  </si>
  <si>
    <t>CRA-690</t>
  </si>
  <si>
    <t>T1 Edits - Daily Assessing System</t>
  </si>
  <si>
    <t>T1ED/DAS</t>
  </si>
  <si>
    <t>CRA-692</t>
  </si>
  <si>
    <t>T1 Edits - Daily Processing Automated Audit Group</t>
  </si>
  <si>
    <t>T1ED/DPAAG</t>
  </si>
  <si>
    <t>CRA-693</t>
  </si>
  <si>
    <t>T1 Edits - EI Selection Lists</t>
  </si>
  <si>
    <t>T1ED/EI/SEL</t>
  </si>
  <si>
    <t>CRA-694</t>
  </si>
  <si>
    <t>T1 Edits - Field Usage Report</t>
  </si>
  <si>
    <t>T1ED/FLD/USA</t>
  </si>
  <si>
    <t>CRA-695</t>
  </si>
  <si>
    <t>T1 Edits - Follow-up List and Accounts Error Clue Listing</t>
  </si>
  <si>
    <t>T1ED/FOL/LST</t>
  </si>
  <si>
    <t>CRA-696</t>
  </si>
  <si>
    <t>T1 Edits - Internet Access Code and Activation Code Letters</t>
  </si>
  <si>
    <t>T1ED/IAC/LTR</t>
  </si>
  <si>
    <t>CRA-698</t>
  </si>
  <si>
    <t>TRIS - Letter of Intent</t>
  </si>
  <si>
    <t>T1ED/LOI/GOL</t>
  </si>
  <si>
    <t>CRA-699</t>
  </si>
  <si>
    <t>T1 Edits - Migration Letters</t>
  </si>
  <si>
    <t>T1ED/MIG/LTR</t>
  </si>
  <si>
    <t>CRA-700</t>
  </si>
  <si>
    <t>T1 Edits - Old Age Security Return on Income</t>
  </si>
  <si>
    <t>T1ED/OASRI</t>
  </si>
  <si>
    <t>CRA-701</t>
  </si>
  <si>
    <t>T1 Edits - Accounting Over Limit on a Reassessment Report</t>
  </si>
  <si>
    <t>T1ED/OVR/LIM</t>
  </si>
  <si>
    <t>CRA-702</t>
  </si>
  <si>
    <t>T1 Edits - Possible Re-Assessment Report</t>
  </si>
  <si>
    <t>T1ED/POSSRAP</t>
  </si>
  <si>
    <t>CRA-703</t>
  </si>
  <si>
    <t>T1 Edits - PSN Labels</t>
  </si>
  <si>
    <t>T1ED/PSN/LAB</t>
  </si>
  <si>
    <t>CRA-704</t>
  </si>
  <si>
    <t>T1 Edits - Quebec Transfer Lists</t>
  </si>
  <si>
    <t>T1ED/QC/TRFR</t>
  </si>
  <si>
    <t>CRA-705</t>
  </si>
  <si>
    <t>T1 Edits - Letter to Return Documents (Subcode 9)</t>
  </si>
  <si>
    <t>T1ED/RTN/DOC</t>
  </si>
  <si>
    <t>CRA-706</t>
  </si>
  <si>
    <t>T1 Edits - Single Cycle Stats</t>
  </si>
  <si>
    <t>T1ED/SC/STAT</t>
  </si>
  <si>
    <t>CRA-707</t>
  </si>
  <si>
    <t>T1 Edits - T529 Labels</t>
  </si>
  <si>
    <t>T1ED/T529/L</t>
  </si>
  <si>
    <t>CRA-708</t>
  </si>
  <si>
    <t>T1 Edits - Weekly Assessing System</t>
  </si>
  <si>
    <t>T1ED/WAS</t>
  </si>
  <si>
    <t>CRA-709</t>
  </si>
  <si>
    <t>T1 Edits - Weekly Ident System</t>
  </si>
  <si>
    <t>T1ED/WIS</t>
  </si>
  <si>
    <t>CRA-710</t>
  </si>
  <si>
    <t>My Account - T1 Instalments</t>
  </si>
  <si>
    <t>MIMA-INNS</t>
  </si>
  <si>
    <t>CRA-711</t>
  </si>
  <si>
    <t>T1 ACCOUNTING LOCK AND UNLOCK (ADHOC)</t>
  </si>
  <si>
    <t>T1LOCK</t>
  </si>
  <si>
    <t>CRA-713</t>
  </si>
  <si>
    <t>T1 Processing Review</t>
  </si>
  <si>
    <t>T1PR</t>
  </si>
  <si>
    <t>CRA-714</t>
  </si>
  <si>
    <t>T1 Account Balancing</t>
  </si>
  <si>
    <t>T1TAB</t>
  </si>
  <si>
    <t>CRA-716</t>
  </si>
  <si>
    <t>T1 Accounting Follow-up</t>
  </si>
  <si>
    <t>T1TAF</t>
  </si>
  <si>
    <t>CRA-718</t>
  </si>
  <si>
    <t>T1 Accounting Payments</t>
  </si>
  <si>
    <t>T1TAP</t>
  </si>
  <si>
    <t>CRA-719</t>
  </si>
  <si>
    <t>T1 Accounting Selects</t>
  </si>
  <si>
    <t>T1TAS</t>
  </si>
  <si>
    <t>CRA-720</t>
  </si>
  <si>
    <t>T1 Master Selects (Online)</t>
  </si>
  <si>
    <t>T1-TMS</t>
  </si>
  <si>
    <t>CRA-721</t>
  </si>
  <si>
    <t>T1 Weekly File Transfers to SDC</t>
  </si>
  <si>
    <t>T1WKL-FL-TSR</t>
  </si>
  <si>
    <t>CRA-725</t>
  </si>
  <si>
    <t>T3 Notices</t>
  </si>
  <si>
    <t>T3/NOTICES</t>
  </si>
  <si>
    <t>CRA-728</t>
  </si>
  <si>
    <t>T4 Record of Earnings</t>
  </si>
  <si>
    <t>T4/ROE</t>
  </si>
  <si>
    <t>CRA-729</t>
  </si>
  <si>
    <t>T4 Webform</t>
  </si>
  <si>
    <t>T4/WEBFORM</t>
  </si>
  <si>
    <t>CRA-73</t>
  </si>
  <si>
    <t>Automated Interest Calculator</t>
  </si>
  <si>
    <t>AUTOINTCAL</t>
  </si>
  <si>
    <t>CRA-733</t>
  </si>
  <si>
    <t>Telephone Arrangements</t>
  </si>
  <si>
    <t>TeleArrangement</t>
  </si>
  <si>
    <t>CRA-735</t>
  </si>
  <si>
    <t>Telerefund</t>
  </si>
  <si>
    <t>CRA-739</t>
  </si>
  <si>
    <t>Individual Ident Batch</t>
  </si>
  <si>
    <t>T1/BATCH</t>
  </si>
  <si>
    <t>CRA-746</t>
  </si>
  <si>
    <t>T1 Tax Account Info Application Server TEST</t>
  </si>
  <si>
    <t>TN/TaxAcctApserver/TEST</t>
  </si>
  <si>
    <t>CRA-750</t>
  </si>
  <si>
    <t>Tax Rebate Discounting Act</t>
  </si>
  <si>
    <t>TRDA</t>
  </si>
  <si>
    <t>CRA-752</t>
  </si>
  <si>
    <t>Authorize My Representative</t>
  </si>
  <si>
    <t>TRIS/GOL</t>
  </si>
  <si>
    <t>CRA-753</t>
  </si>
  <si>
    <t>TAXPAYER SERVICES AGENT DESKTOP for BUSINESS</t>
  </si>
  <si>
    <t>TSAD-B</t>
  </si>
  <si>
    <t>CRA-754</t>
  </si>
  <si>
    <t>Taxpayer Services Desktop for Individuals</t>
  </si>
  <si>
    <t>TSAD/I</t>
  </si>
  <si>
    <t>CRA-759</t>
  </si>
  <si>
    <t>My Business Account - INFODEC View Return Status</t>
  </si>
  <si>
    <t>V/RTN/ST_GOL</t>
  </si>
  <si>
    <t>CRA-760</t>
  </si>
  <si>
    <t>My Account - View T1 Assessing Data</t>
  </si>
  <si>
    <t>V/T1/Ass_GOL</t>
  </si>
  <si>
    <t>CRA-763</t>
  </si>
  <si>
    <t>ICD Validation and Controls</t>
  </si>
  <si>
    <t>VERITAS</t>
  </si>
  <si>
    <t>CRA-764</t>
  </si>
  <si>
    <t>View mail</t>
  </si>
  <si>
    <t>VIEW_MAIL</t>
  </si>
  <si>
    <t>CRA-765</t>
  </si>
  <si>
    <t>BCCS Verse Management Facility</t>
  </si>
  <si>
    <t>BCCS VMF</t>
  </si>
  <si>
    <t>VMF is a JAVA Swing application that runs on the eBCI platform designed to query and update the BCCS metadata database allowing BCCS Business to create, modify or expire verses, components and templates for use in the BCCS application.</t>
  </si>
  <si>
    <t>CRA-766</t>
  </si>
  <si>
    <t>Weekly T1 Assessing Splitter</t>
  </si>
  <si>
    <t>WAS</t>
  </si>
  <si>
    <t>CRA-770</t>
  </si>
  <si>
    <t>COGNOS IMPROMPTU-IBM,WebCIMS-Spin Systems</t>
  </si>
  <si>
    <t>CRA-772</t>
  </si>
  <si>
    <t>Audit Laptop System/Mainframe</t>
  </si>
  <si>
    <t>WinALS</t>
  </si>
  <si>
    <t>CRA-775</t>
  </si>
  <si>
    <t>Weekly Ident System</t>
  </si>
  <si>
    <t>WIS</t>
  </si>
  <si>
    <t>CRA-777</t>
  </si>
  <si>
    <t>Work Management Services</t>
  </si>
  <si>
    <t>WMS</t>
  </si>
  <si>
    <t>CRA-78</t>
  </si>
  <si>
    <t>Business Client Communications System Online</t>
  </si>
  <si>
    <t>BCCS Online</t>
  </si>
  <si>
    <t>CRA-784</t>
  </si>
  <si>
    <t>INDIVIDUAL IDENT APPLICATION SERVER</t>
  </si>
  <si>
    <t>II/APSERVER</t>
  </si>
  <si>
    <t>CRA-786</t>
  </si>
  <si>
    <t>Nova Scotia Pharmacare</t>
  </si>
  <si>
    <t>NSPHARMACARE</t>
  </si>
  <si>
    <t>CRA-787</t>
  </si>
  <si>
    <t>Employment Insurance Family Supplement Datafeed</t>
  </si>
  <si>
    <t>EIFS</t>
  </si>
  <si>
    <t>CRA-788</t>
  </si>
  <si>
    <t>Canada Education Savings Grant / Canada Learning Bond Datafeed</t>
  </si>
  <si>
    <t>CLB/CESG</t>
  </si>
  <si>
    <t>CRA-789</t>
  </si>
  <si>
    <t>Guaranteed Income Supplement</t>
  </si>
  <si>
    <t>GIS/DE</t>
  </si>
  <si>
    <t>CRA-79</t>
  </si>
  <si>
    <t>BCCS e-Requests</t>
  </si>
  <si>
    <t>BCCS/e-Requests</t>
  </si>
  <si>
    <t>CRA-790</t>
  </si>
  <si>
    <t>Ministère du Revenu du Québec Data Transfer</t>
  </si>
  <si>
    <t>MRQ/DT</t>
  </si>
  <si>
    <t>CRA-791</t>
  </si>
  <si>
    <t>Data Exhange Regie des Rentes du Québec</t>
  </si>
  <si>
    <t>DE/RRQ</t>
  </si>
  <si>
    <t>CRA-792</t>
  </si>
  <si>
    <t>Telephone Information Processing System - CDD</t>
  </si>
  <si>
    <t>TIPS-CDD</t>
  </si>
  <si>
    <t>Direct Deposit</t>
  </si>
  <si>
    <t>CRA-794</t>
  </si>
  <si>
    <t>CASE REGISTERED PLANS</t>
  </si>
  <si>
    <t>CASE/RP</t>
  </si>
  <si>
    <t>CRA-795</t>
  </si>
  <si>
    <t>Information Returns Master</t>
  </si>
  <si>
    <t>INFODEC/IRM</t>
  </si>
  <si>
    <t>CRA-796</t>
  </si>
  <si>
    <t>Analytics GST Audit Datamart</t>
  </si>
  <si>
    <t>Analytics/GST Audit</t>
  </si>
  <si>
    <t>CRA-80</t>
  </si>
  <si>
    <t>Business Number</t>
  </si>
  <si>
    <t>BN</t>
  </si>
  <si>
    <t>CRA-800</t>
  </si>
  <si>
    <t>Automated Benefits Application</t>
  </si>
  <si>
    <t>ABA</t>
  </si>
  <si>
    <t>CRA-801</t>
  </si>
  <si>
    <t>Registered Disability Savings Plan Feed</t>
  </si>
  <si>
    <t>RDSP</t>
  </si>
  <si>
    <t>CRA-802</t>
  </si>
  <si>
    <t>Analytics Appeals-Canada Pension Plan/Employment Insurance Datamart</t>
  </si>
  <si>
    <t>Analytics/Appeals/CPPEI</t>
  </si>
  <si>
    <t>CRA-803</t>
  </si>
  <si>
    <t>Bank Address Display</t>
  </si>
  <si>
    <t>D2/RAPI/S</t>
  </si>
  <si>
    <t>CRA-812</t>
  </si>
  <si>
    <t>TFSA Application</t>
  </si>
  <si>
    <t>TFSA</t>
  </si>
  <si>
    <t>CRA-813</t>
  </si>
  <si>
    <t>Service Management Application and Reporting Tool</t>
  </si>
  <si>
    <t>SMART</t>
  </si>
  <si>
    <t>The Service Management Application and Reporting Tool (SMART) is an IT Service Management tool used to manage production incidents, changes, and configuration items (assets). This client/server application with server software resides on eBCI (UNIX/Solaris platform) and uses a browser interface (along with a limited set of users on a native client on the CTP platform).</t>
  </si>
  <si>
    <t>CRA-814</t>
  </si>
  <si>
    <t>T1 Intercepts/Inhibits</t>
  </si>
  <si>
    <t>RAPI/F</t>
  </si>
  <si>
    <t>CRA-815</t>
  </si>
  <si>
    <t>Benefits Processing System</t>
  </si>
  <si>
    <t>BPS</t>
  </si>
  <si>
    <t>CRA-816</t>
  </si>
  <si>
    <t>Correspondence Tracking Inventory System</t>
  </si>
  <si>
    <t>CTIS</t>
  </si>
  <si>
    <t>CRA-817</t>
  </si>
  <si>
    <t>FIP My Payment</t>
  </si>
  <si>
    <t>MyPayment</t>
  </si>
  <si>
    <t>CRA-820</t>
  </si>
  <si>
    <t>Enterprise Search Component and Applications</t>
  </si>
  <si>
    <t>ENT/SRCH</t>
  </si>
  <si>
    <t>Provide intranet search for the main INFOZONE website</t>
  </si>
  <si>
    <t>CRA-824</t>
  </si>
  <si>
    <t>Program Support Log</t>
  </si>
  <si>
    <t>PSL</t>
  </si>
  <si>
    <t>PSL is an internal use tool for tracking Functional Change Request for Solutions Application systems.</t>
  </si>
  <si>
    <t>CRA-825</t>
  </si>
  <si>
    <t>Communication Management Portal</t>
  </si>
  <si>
    <t>CommPort</t>
  </si>
  <si>
    <t>CommPort is a Web-based intranet application originally developed by the Public Affairs Branch (PAB). It provides a one-stop media relations management system that allows the Canada Revenue Agency (CRA) to record and report on all media calls, media responses, and question period responses, while sharing current media lines from a real-time searchable database. Given CommPort's success, PAB shared their home-grown solution with other government departments (OGD). In 2009, the Java Development Section (JADS) within the Solutions directorate partnered with PAB's Media Relations Division to transform the CommPort application into a Java solution on the e-Business Computing Infrastructure Platform (eBCI). This improved the solution for over 300 CRA issue m</t>
  </si>
  <si>
    <t>CRA-826</t>
  </si>
  <si>
    <t>Electronic Waivers on Withholding- Legacy</t>
  </si>
  <si>
    <t>EWOW-LEGACY</t>
  </si>
  <si>
    <t>CRA-831</t>
  </si>
  <si>
    <t>Non-Resident Tax Calculator</t>
  </si>
  <si>
    <t>NRTC</t>
  </si>
  <si>
    <t>The Non Resident Tax Calculator is an Internet application used for making Part XIII tax calculations. This online tool calculates the current Part XIII (non-resident) tax payable on certain amounts paid or credited to non-residents of Canada. The calculation is based solely on information provided by the user and does not include interest charges or penalties that may be applicable on balances of outstanding tax.</t>
  </si>
  <si>
    <t>CRA-833</t>
  </si>
  <si>
    <t>Compliance Systems Redesign Business Intelligence</t>
  </si>
  <si>
    <t>CSRBI</t>
  </si>
  <si>
    <t>CRA-834</t>
  </si>
  <si>
    <t>System Access Definition Catalogue / Role Based Access Guide</t>
  </si>
  <si>
    <t>SADC/RBAG</t>
  </si>
  <si>
    <t>Role Based Access Guides (RBAG) is the authoritative source used by managers to provision employees with the minimum system access permissions for national applications required to perform a job function. System Access Definition Catalogue (SADC) provides managers with a plain language authoritative catalogue to support the assignment of minimum system profiles and / or access permissions via the RBAG by clarifying the specific content of profiles and permissions.</t>
  </si>
  <si>
    <t>CRA-838</t>
  </si>
  <si>
    <t>Enterprise Automated Outputs</t>
  </si>
  <si>
    <t>EAO</t>
  </si>
  <si>
    <t>CRA-839</t>
  </si>
  <si>
    <t>Enterprise Correspondence History</t>
  </si>
  <si>
    <t>ECH</t>
  </si>
  <si>
    <t>CRA-840</t>
  </si>
  <si>
    <t>Enterprise Personalized Correspondence</t>
  </si>
  <si>
    <t>EPC</t>
  </si>
  <si>
    <t>CRA-841</t>
  </si>
  <si>
    <t>Saperion</t>
  </si>
  <si>
    <t>Saperion-Saperion</t>
  </si>
  <si>
    <t>Document Scanning and Image Recognition Software</t>
  </si>
  <si>
    <t>CRA-842</t>
  </si>
  <si>
    <t>Enterprise Verse Management Facility</t>
  </si>
  <si>
    <t>EVMF</t>
  </si>
  <si>
    <t>This application maintains the contents of the LLMT database, allowing HQ staff to maintain verses etc for correspondence issued from the EPC and EAO applications.</t>
  </si>
  <si>
    <t>CRA-843</t>
  </si>
  <si>
    <t>Ident Application Server Interface</t>
  </si>
  <si>
    <t>IASI</t>
  </si>
  <si>
    <t>CRA-844</t>
  </si>
  <si>
    <t>Home Buyers Program Error Detection</t>
  </si>
  <si>
    <t>HBP SP/TADETECT</t>
  </si>
  <si>
    <t>CRA-845</t>
  </si>
  <si>
    <t>Home Buyers Program Bi-Annual Matching T4RSP Update</t>
  </si>
  <si>
    <t>HBP SP/MATCHING</t>
  </si>
  <si>
    <t>CRA-846</t>
  </si>
  <si>
    <t>Home Buyers Program Weekly Monitor/Statistics Report</t>
  </si>
  <si>
    <t>HBP SP/Monitor-stats</t>
  </si>
  <si>
    <t>CRA-847</t>
  </si>
  <si>
    <t>Home Buyers Program Address Update</t>
  </si>
  <si>
    <t>HBP SP/ADDRESS</t>
  </si>
  <si>
    <t>CRA-848</t>
  </si>
  <si>
    <t>Home Buyers Program Account Number Maintenance</t>
  </si>
  <si>
    <t>HBP ANM</t>
  </si>
  <si>
    <t>CRA-849</t>
  </si>
  <si>
    <t>Home Buyers Program Daily Assessing System</t>
  </si>
  <si>
    <t>HBP DAS</t>
  </si>
  <si>
    <t>CRA-850</t>
  </si>
  <si>
    <t>Pension Reform Account Number Maintenance</t>
  </si>
  <si>
    <t>PR/ANM</t>
  </si>
  <si>
    <t>CRA-851</t>
  </si>
  <si>
    <t>Pension Reform Matching</t>
  </si>
  <si>
    <t>PR/Matching</t>
  </si>
  <si>
    <t>CRA-852</t>
  </si>
  <si>
    <t>Pension Reform Mustrap</t>
  </si>
  <si>
    <t>PR/Mustrap</t>
  </si>
  <si>
    <t>CRA-853</t>
  </si>
  <si>
    <t>Pension Reform Revenue Quebec</t>
  </si>
  <si>
    <t>PR/RevQuebec</t>
  </si>
  <si>
    <t>CRA-854</t>
  </si>
  <si>
    <t>LIFELONG LEARNING PLAN ACCOUNT NUMBER MAINTENANCE</t>
  </si>
  <si>
    <t>LP/ANM</t>
  </si>
  <si>
    <t>CRA-855</t>
  </si>
  <si>
    <t>LIFELONG LEARNING PLAN ETC REPORT</t>
  </si>
  <si>
    <t>LP/ETC</t>
  </si>
  <si>
    <t>CRA-856</t>
  </si>
  <si>
    <t>Lifelong Learning Plan Matching - Cancels</t>
  </si>
  <si>
    <t>LP/Matching-Cancels</t>
  </si>
  <si>
    <t>CRA-857</t>
  </si>
  <si>
    <t>LIFELONG LEARNING PLAN MATCHING</t>
  </si>
  <si>
    <t>LP/MATCHING</t>
  </si>
  <si>
    <t>CRA-858</t>
  </si>
  <si>
    <t>Lifelong Learning Plan Monitor Report</t>
  </si>
  <si>
    <t>LP/Monitor Report</t>
  </si>
  <si>
    <t>CRA-859</t>
  </si>
  <si>
    <t>Lifelong Learning Plan T1UPDATE</t>
  </si>
  <si>
    <t>LP/T1UPDATE</t>
  </si>
  <si>
    <t>CRA-860</t>
  </si>
  <si>
    <t>CRA - Credential Management Service</t>
  </si>
  <si>
    <t>CRA-CMS</t>
  </si>
  <si>
    <t>CRA-861</t>
  </si>
  <si>
    <t>Change My Marital Status</t>
  </si>
  <si>
    <t>CMMS</t>
  </si>
  <si>
    <t>CRA-862</t>
  </si>
  <si>
    <t>T1 PR Account Number Maintenance</t>
  </si>
  <si>
    <t>PP/ANM</t>
  </si>
  <si>
    <t>CRA-863</t>
  </si>
  <si>
    <t>Assessing Master Account Number Maintenance</t>
  </si>
  <si>
    <t>AS/ANM</t>
  </si>
  <si>
    <t>CRA-864</t>
  </si>
  <si>
    <t>T1 Processing Review Rules</t>
  </si>
  <si>
    <t>T1PR Rules</t>
  </si>
  <si>
    <t>CRA-866</t>
  </si>
  <si>
    <t>T1 ASSESS Return Tracking</t>
  </si>
  <si>
    <t>AS/ART</t>
  </si>
  <si>
    <t>CRA-88</t>
  </si>
  <si>
    <t>Benefits Online Application</t>
  </si>
  <si>
    <t>BOA</t>
  </si>
  <si>
    <t>CRA-89</t>
  </si>
  <si>
    <t>BENEFITS PROGRAM DECISION SUPPORT</t>
  </si>
  <si>
    <t>BPDSS</t>
  </si>
  <si>
    <t>CRA-897</t>
  </si>
  <si>
    <t>MinDirect (Minister's Mailbox)</t>
  </si>
  <si>
    <t>MinDirect</t>
  </si>
  <si>
    <t>CRA-898</t>
  </si>
  <si>
    <t>Educators Ordering &amp; Tracking System</t>
  </si>
  <si>
    <t>Educators</t>
  </si>
  <si>
    <t>CRA-899</t>
  </si>
  <si>
    <t>Internal PKI Registration System -  Admin Services</t>
  </si>
  <si>
    <t>IPRS-AS</t>
  </si>
  <si>
    <t>CRA-90</t>
  </si>
  <si>
    <t>Benefit Programs Electronic Reports</t>
  </si>
  <si>
    <t>BPER</t>
  </si>
  <si>
    <t>CRA-901</t>
  </si>
  <si>
    <t>Individual Ident Update Panel</t>
  </si>
  <si>
    <t>IIUP</t>
  </si>
  <si>
    <t>CRA-902</t>
  </si>
  <si>
    <t>Governor Interface</t>
  </si>
  <si>
    <t>GI</t>
  </si>
  <si>
    <t>The Governor Interface provides a control mechanism to maintain the intended boundaries, thresholds and required parameters of other defined IRC components. The Governor Service is responsible for:  -Component Activation &amp; Control;  -Component Migration &amp; Deployment;  -Champion/Challenger &amp; Simulation implementation; and -Parameter Control &amp; Management</t>
  </si>
  <si>
    <t>CRA-903</t>
  </si>
  <si>
    <t>INFODEC Penalty Assessment</t>
  </si>
  <si>
    <t>IP/RAPI/LL</t>
  </si>
  <si>
    <t>CRA-904</t>
  </si>
  <si>
    <t>Message Centre</t>
  </si>
  <si>
    <t>MsgCtr</t>
  </si>
  <si>
    <t>CRA-905</t>
  </si>
  <si>
    <t>TRIS T1013 Web Service</t>
  </si>
  <si>
    <t>TRIS/e-sub</t>
  </si>
  <si>
    <t>CRA-91</t>
  </si>
  <si>
    <t>Business Registration Online</t>
  </si>
  <si>
    <t>BRO</t>
  </si>
  <si>
    <t>CRA-910</t>
  </si>
  <si>
    <t>Skills Based Human Resource Management</t>
  </si>
  <si>
    <t>SBHRM</t>
  </si>
  <si>
    <t>CRA-913</t>
  </si>
  <si>
    <t>Authentication Credential Enquiry</t>
  </si>
  <si>
    <t>ACE</t>
  </si>
  <si>
    <t>CRA-915</t>
  </si>
  <si>
    <t>Infodec Return Master Application Server</t>
  </si>
  <si>
    <t>IP/RMAPSERVER</t>
  </si>
  <si>
    <t>CRA-920</t>
  </si>
  <si>
    <t>Online Standardized Testing System</t>
  </si>
  <si>
    <t>OSTS</t>
  </si>
  <si>
    <t>CRA-921</t>
  </si>
  <si>
    <t>T1 Processing Review Edocuments Application</t>
  </si>
  <si>
    <t>T1PR Edoc</t>
  </si>
  <si>
    <t>CRA-922</t>
  </si>
  <si>
    <t>Payroll Deduction Support Application</t>
  </si>
  <si>
    <t>PDSA</t>
  </si>
  <si>
    <t>CRA-923</t>
  </si>
  <si>
    <t>Electronic Delivery of CRA Correspondence</t>
  </si>
  <si>
    <t>Delivery Management</t>
  </si>
  <si>
    <t>CRA-924</t>
  </si>
  <si>
    <t>Federal Court Legal Documents</t>
  </si>
  <si>
    <t>FEDRLCRT/Documents</t>
  </si>
  <si>
    <t>CRA-925</t>
  </si>
  <si>
    <t>ART Consolidated</t>
  </si>
  <si>
    <t>ART CO</t>
  </si>
  <si>
    <t>CRA-926</t>
  </si>
  <si>
    <t>ART Non-Filer</t>
  </si>
  <si>
    <t>ART NF</t>
  </si>
  <si>
    <t>CRA-927</t>
  </si>
  <si>
    <t>Trust Account Calculation Tool</t>
  </si>
  <si>
    <t>TACT</t>
  </si>
  <si>
    <t>It is a Trust Account Calculation Tool</t>
  </si>
  <si>
    <t>CRA-928</t>
  </si>
  <si>
    <t>Performance Reporting Analytical Solution</t>
  </si>
  <si>
    <t>PRAS</t>
  </si>
  <si>
    <t>CRA-929</t>
  </si>
  <si>
    <t>IRC Data Mining</t>
  </si>
  <si>
    <t>IRC DM</t>
  </si>
  <si>
    <t>Financial Management Services,Information Management Services,Information Technology Services</t>
  </si>
  <si>
    <t>CRA-930</t>
  </si>
  <si>
    <t>Customs Case Platform</t>
  </si>
  <si>
    <t>CCP</t>
  </si>
  <si>
    <t>A workload management application for use by CRA employees collecting CBSA debts.</t>
  </si>
  <si>
    <t>CRA-931</t>
  </si>
  <si>
    <t>Government Programs Letterbook System</t>
  </si>
  <si>
    <t>GPLS</t>
  </si>
  <si>
    <t>CRA-932</t>
  </si>
  <si>
    <t>T1 Assessment</t>
  </si>
  <si>
    <t>T1UAS</t>
  </si>
  <si>
    <t>CRA-933</t>
  </si>
  <si>
    <t>My Account - Change My Return Reports</t>
  </si>
  <si>
    <t>My Account/CMR Reports</t>
  </si>
  <si>
    <t>CRA-935</t>
  </si>
  <si>
    <t>Electronic Complaints Form for the  Office of the Taxpayers' Ombudsman</t>
  </si>
  <si>
    <t>ECFOTO</t>
  </si>
  <si>
    <t>The Office of the Taxpayers' Ombudsman requires a secure public-facing web application that can be used to submit complaints.</t>
  </si>
  <si>
    <t>CRA-936</t>
  </si>
  <si>
    <t>End Child Care</t>
  </si>
  <si>
    <t>ECC</t>
  </si>
  <si>
    <t>CRA-937</t>
  </si>
  <si>
    <t>CAS HelpDesk Web Portal</t>
  </si>
  <si>
    <t>Web portal that allows self-serve submission of CAS HelpDesk cases to the Remedy SERVICE DESK application (SMART CI ID: 7407; eApplid SVSD).</t>
  </si>
  <si>
    <t>CRA-938</t>
  </si>
  <si>
    <t>Secured e-Manual Search Environment</t>
  </si>
  <si>
    <t>SFSMNL</t>
  </si>
  <si>
    <t>CRA-939</t>
  </si>
  <si>
    <t>Integrated Staffing System</t>
  </si>
  <si>
    <t>ISS is the new application (replacing Careers) to apply for a job at CRA.  It is an external facing web application that will use E-Recruitment as a back-office.</t>
  </si>
  <si>
    <t>CRA-94</t>
  </si>
  <si>
    <t>Compliance Desktop application  - Integras</t>
  </si>
  <si>
    <t>Integras</t>
  </si>
  <si>
    <t>CRA-940</t>
  </si>
  <si>
    <t>Business Client Communication System Batch</t>
  </si>
  <si>
    <t>BCCS Batch</t>
  </si>
  <si>
    <t>CRA-941</t>
  </si>
  <si>
    <t>Electronic Message Management</t>
  </si>
  <si>
    <t>EMM</t>
  </si>
  <si>
    <t>CRA-942</t>
  </si>
  <si>
    <t>T1 Business Rules Parameters</t>
  </si>
  <si>
    <t>T1 BRP</t>
  </si>
  <si>
    <t>CRA-943</t>
  </si>
  <si>
    <t>T1 Desktop</t>
  </si>
  <si>
    <t>CRA-944</t>
  </si>
  <si>
    <t>T1 Edits - ROE (Record of Earnings) Letter</t>
  </si>
  <si>
    <t>T1ED/ROE/LET</t>
  </si>
  <si>
    <t>CRA-945</t>
  </si>
  <si>
    <t>Analytics Enterprise Communication Online Datamart</t>
  </si>
  <si>
    <t>Analytics/ECO</t>
  </si>
  <si>
    <t>CRA-946</t>
  </si>
  <si>
    <t>Analytics External Service Standards Datamart</t>
  </si>
  <si>
    <t>Analytics/ESS</t>
  </si>
  <si>
    <t>COGNOS OTHER-IBM,DataStage-IBM,Remedy SD-BMC</t>
  </si>
  <si>
    <t>CRA-947</t>
  </si>
  <si>
    <t>Analytics Payment Processing Datamart</t>
  </si>
  <si>
    <t>Analytics/FIP</t>
  </si>
  <si>
    <t>CRA-949</t>
  </si>
  <si>
    <t>Filenet</t>
  </si>
  <si>
    <t>FILENET-IBM</t>
  </si>
  <si>
    <t>CRA-95</t>
  </si>
  <si>
    <t>Business Menu</t>
  </si>
  <si>
    <t>BUSMENU</t>
  </si>
  <si>
    <t>The RH Menu System, commonly referred to as "BUSMENU", provides our online users with a menu system that lets them navigate through a hierarchy of menus and sub-menus in order to locate and access specific work screens.</t>
  </si>
  <si>
    <t>CRA-950</t>
  </si>
  <si>
    <t>Central Debt Expiry Calculator</t>
  </si>
  <si>
    <t>CDEC</t>
  </si>
  <si>
    <t>Financial Management Services,Other</t>
  </si>
  <si>
    <t>accepts triggering events from various other CRA systems which will be used to calculate the collection limitation periods (CLP).</t>
  </si>
  <si>
    <t>CRA-952</t>
  </si>
  <si>
    <t>T1 Reporting</t>
  </si>
  <si>
    <t>CRA-953</t>
  </si>
  <si>
    <t>TD1 Wizard</t>
  </si>
  <si>
    <t>TD1</t>
  </si>
  <si>
    <t>CRA-954</t>
  </si>
  <si>
    <t>JIRA is a web-based service that primarily functions as a bug and issue tracker for small, medium or large projects, which can also be configured for use as a project management tool. JIRA was created by Atlassian, and utilises LaRDS to ensure data security and redundancy.</t>
  </si>
  <si>
    <t>CRA-955</t>
  </si>
  <si>
    <t>Audit Laptop System Distributed</t>
  </si>
  <si>
    <t>WinALS Distributed</t>
  </si>
  <si>
    <t>CRA-959</t>
  </si>
  <si>
    <t>Smartlinks Click to Talk Web Form</t>
  </si>
  <si>
    <t>Click to Talk</t>
  </si>
  <si>
    <t>Smartlinks/ClickToTalk is a service that allows taxpayers navigating the CRA Web site to click on a "Smartlink" to speak directly to an Individual Income Tax Enquiries ( IITE ) agent.</t>
  </si>
  <si>
    <t>CRA-96</t>
  </si>
  <si>
    <t>SA/T2 MF Reports</t>
  </si>
  <si>
    <t>BUSRPTS</t>
  </si>
  <si>
    <t>CRA-960</t>
  </si>
  <si>
    <t>Outlook Properties Web Form</t>
  </si>
  <si>
    <t>OPWF</t>
  </si>
  <si>
    <t>Currently, a user's Outlook properties, such as phone number and physical location can be viewed and updated through a form that is part of Outlook.  As part of the Email Transformation Initiative (ETI), this form will no longer be used.  The email infrastructure will be managed by a third party and CRA/SSC will not have the ability to update these properties directly.  Instead, CRA will maintain this information in the Active Directory and a sync job will be used to update the copy owned by the third-party responsible for the email infrastructure.    This application will provide a web-form that will be used by employees and contractors of CRA to view and update their own outlook properties.  When the user submits changes to their outlook properties,</t>
  </si>
  <si>
    <t>CRA-964</t>
  </si>
  <si>
    <t>My Account - Client Data Enquiry</t>
  </si>
  <si>
    <t>MIMA-CDE</t>
  </si>
  <si>
    <t>Assists authorized discounters and other representatives by providing details of outstanding debts or circumstances exist which might affect whether or not the return is discounted or affect the amount of the refund or balance owing.</t>
  </si>
  <si>
    <t>CRA-965</t>
  </si>
  <si>
    <t>TFNnet</t>
  </si>
  <si>
    <t>The TFNnet suite of applications is used to monitor call centre infrastructure and activities in real-time, manage resources, generate a variety of statistical information and provide business analytics insight for the telephone programs.</t>
  </si>
  <si>
    <t>CRA-966</t>
  </si>
  <si>
    <t>Agent Scheduler</t>
  </si>
  <si>
    <t>Agent Scheduler is a workforce management application that provides a tool for scheduling, forecasting and reporting on different aspects of call centre management.   National Traffic Coordinators use reporting aspect of Agent Scheduler application to make decisions about call distribution between call centres at a national level.</t>
  </si>
  <si>
    <t>CRA-970</t>
  </si>
  <si>
    <t>Tax Data Delivery</t>
  </si>
  <si>
    <t>TDD</t>
  </si>
  <si>
    <t>CRA-971</t>
  </si>
  <si>
    <t>Manage Online Mail</t>
  </si>
  <si>
    <t>MOM</t>
  </si>
  <si>
    <t>CRA-975</t>
  </si>
  <si>
    <t>HBP and LLP account details</t>
  </si>
  <si>
    <t>MyAccount/HBPLLP</t>
  </si>
  <si>
    <t>CRA-978</t>
  </si>
  <si>
    <t>Benefits Submit Documents</t>
  </si>
  <si>
    <t>Ben eDocs</t>
  </si>
  <si>
    <t>CRA-979</t>
  </si>
  <si>
    <t>Taxpayer Services Debt Management Branch Custom-made User View</t>
  </si>
  <si>
    <t>TSDMB CUV</t>
  </si>
  <si>
    <t>CRA-980</t>
  </si>
  <si>
    <t>MyCRA</t>
  </si>
  <si>
    <t>MBA</t>
  </si>
  <si>
    <t>CRA-981</t>
  </si>
  <si>
    <t>Compliance Enterprise Business Intelligence Solution</t>
  </si>
  <si>
    <t>CEBIS</t>
  </si>
  <si>
    <t>CRA-983</t>
  </si>
  <si>
    <t>Community Volunteer Income Tax Program</t>
  </si>
  <si>
    <t>CVITP</t>
  </si>
  <si>
    <t>CRA-985</t>
  </si>
  <si>
    <t>My Account - Submit Documents</t>
  </si>
  <si>
    <t>MIMA-Upload</t>
  </si>
  <si>
    <t>Facilitates entry of Case Number for a client request to upload documents to CRA.  If the Case Number is valid then the request is passed to the corresponding line of business application.  It also includes the entry page for a client to submit an audit enquiry. If the case number is valid, the request is passed to the Audit Enquiry application.  The entry page also provides a link to the View Audit Enquiry History application.</t>
  </si>
  <si>
    <t>CRA-986</t>
  </si>
  <si>
    <t>Foreign Exchange Information Tool</t>
  </si>
  <si>
    <t>FXIT</t>
  </si>
  <si>
    <t>CRA-987</t>
  </si>
  <si>
    <t>My Account - Remittance Voucher</t>
  </si>
  <si>
    <t>MIMA-RMTVCH</t>
  </si>
  <si>
    <t>Assists taxpayers to request the issuance of a remittance voucher and have it mailed to their address on record so that they can make a payment to the Agency.</t>
  </si>
  <si>
    <t>CRA-989</t>
  </si>
  <si>
    <t>Audit Trails for Local Solutions</t>
  </si>
  <si>
    <t>ATLS</t>
  </si>
  <si>
    <t>CRA-99</t>
  </si>
  <si>
    <t>My Account - Change my T1 Return</t>
  </si>
  <si>
    <t>C/T1/Ret_GOL</t>
  </si>
  <si>
    <t>CRA-990</t>
  </si>
  <si>
    <t>RRSP details</t>
  </si>
  <si>
    <t>MyAccount/RRSP</t>
  </si>
  <si>
    <t>CRA-991</t>
  </si>
  <si>
    <t>E-Manual Search</t>
  </si>
  <si>
    <t>WEBMNL</t>
  </si>
  <si>
    <t>Search application for InfoZone E-Manuals</t>
  </si>
  <si>
    <t>CRA-992</t>
  </si>
  <si>
    <t>T1 Datamart - ABSB Benefits</t>
  </si>
  <si>
    <t>T1DM - ABSB Benefits</t>
  </si>
  <si>
    <t>COGNOS IMPROMPTU-IBM,DataStage-IBM</t>
  </si>
  <si>
    <t>CRA-994</t>
  </si>
  <si>
    <t>T1 Data Mart - SIB</t>
  </si>
  <si>
    <t>T1DM - SIB</t>
  </si>
  <si>
    <t>CRA-995</t>
  </si>
  <si>
    <t>T1 Data Mart - CVB</t>
  </si>
  <si>
    <t>T1DM - CVB</t>
  </si>
  <si>
    <t>CRA-996</t>
  </si>
  <si>
    <t>CAFM Archibus</t>
  </si>
  <si>
    <t>Financial Management Services,Real Property Services</t>
  </si>
  <si>
    <t>CRA-997</t>
  </si>
  <si>
    <t>CPP/EI Rulings External Web Application</t>
  </si>
  <si>
    <t>CPPEIR</t>
  </si>
  <si>
    <t>CRA-999</t>
  </si>
  <si>
    <t>Publishing Content Management Solution</t>
  </si>
  <si>
    <t>PCMS</t>
  </si>
  <si>
    <t>Canada School of Public Service</t>
  </si>
  <si>
    <t>CSPS-CSPS_a1</t>
  </si>
  <si>
    <t>SABA - Integrated Learning Management System</t>
  </si>
  <si>
    <t>ILMS</t>
  </si>
  <si>
    <t>Registration Services and I-LMS</t>
  </si>
  <si>
    <t>I-LMS creates a single infrastructure to sustain the management and administration of learning. It automates most of the business processes needed to run a school: course registrations, course scheduling, student assessments, results reporting, and financial reconciliation.</t>
  </si>
  <si>
    <t>Vendor is SABA and the product name is SABA Entreprise</t>
  </si>
  <si>
    <t>CSPS-CSPS_a10</t>
  </si>
  <si>
    <t>Arial</t>
  </si>
  <si>
    <t>Communications Services,Other</t>
  </si>
  <si>
    <t>This application is used at Canada School of Public Service as a mass mailling tool.</t>
  </si>
  <si>
    <t>Arial Software and Campaign Enterprise</t>
  </si>
  <si>
    <t>APP-01290</t>
  </si>
  <si>
    <t>Cognos Businees Intelligence</t>
  </si>
  <si>
    <t>Cognos</t>
  </si>
  <si>
    <t>Strategy and Planning</t>
  </si>
  <si>
    <t>Cognos Business Intelligence</t>
  </si>
  <si>
    <t>APP-03248</t>
  </si>
  <si>
    <t>GCcampus</t>
  </si>
  <si>
    <t>eSchool</t>
  </si>
  <si>
    <t>Learning Branch</t>
  </si>
  <si>
    <t>The School learning application is the web system facing tool using functionality (API) from ILMS such as registration, ...</t>
  </si>
  <si>
    <t>Saba</t>
  </si>
  <si>
    <t>APP-03714</t>
  </si>
  <si>
    <t>Cognos TM1</t>
  </si>
  <si>
    <t>TM1</t>
  </si>
  <si>
    <t>Learning Program Branch</t>
  </si>
  <si>
    <t>Application used to modernize the operational management to support the instructor led operations</t>
  </si>
  <si>
    <t>IBM Cognos TM1</t>
  </si>
  <si>
    <t>APP-03718</t>
  </si>
  <si>
    <t>AccessPro Bundle</t>
  </si>
  <si>
    <t>AccessPro</t>
  </si>
  <si>
    <t>CSDC SYSTEMS</t>
  </si>
  <si>
    <t>Application used to track ATIP requests</t>
  </si>
  <si>
    <t>APP-03721</t>
  </si>
  <si>
    <t>CCM Enterprise</t>
  </si>
  <si>
    <t>Corporate Management</t>
  </si>
  <si>
    <t>Software used for correspondence and document tracking</t>
  </si>
  <si>
    <t>ccmEnterprise</t>
  </si>
  <si>
    <t>APP-03751</t>
  </si>
  <si>
    <t>SimpleSurvey</t>
  </si>
  <si>
    <t>Planning and Results</t>
  </si>
  <si>
    <t>Application used by Program Branch to generate surveys on services offered to public servants with the purpose of continuous service improvement</t>
  </si>
  <si>
    <t>APP-03724</t>
  </si>
  <si>
    <t>Microsoft Team Foundation</t>
  </si>
  <si>
    <t>IIT</t>
  </si>
  <si>
    <t>An Application Lifecycle Management tool which supports source code management, requirements managements, testing and release management capabilities. This is a key tool for Learning Design and Delivery for course development as well as IT for code development and release management.</t>
  </si>
  <si>
    <t>Performance Testing &amp; Analysis Software</t>
  </si>
  <si>
    <t>CSPS-CSPS_a2</t>
  </si>
  <si>
    <t>Help Desk Authority</t>
  </si>
  <si>
    <t>HDA</t>
  </si>
  <si>
    <t>Information Technology</t>
  </si>
  <si>
    <t>HDA is an application shared by multiple teams  for recording, tracking and reporting on issues at the Canada School of Public Service.
No longer supported by DELL. Looking into replace or internal support.</t>
  </si>
  <si>
    <t>Vendor Is ScriptLogic Corporation and the product name is HELP DESK AUTHORITY (HDA). Now owned by Dell.</t>
  </si>
  <si>
    <t>APP-04051</t>
  </si>
  <si>
    <t>Learning Product Application</t>
  </si>
  <si>
    <t>LPA</t>
  </si>
  <si>
    <t>InDevelopment</t>
  </si>
  <si>
    <t>Application used to manage Learning Product Catalogue</t>
  </si>
  <si>
    <t>Scoring 4 as the platform is hosted in Legacy DC, will be revised when migrated to End-State DC</t>
  </si>
  <si>
    <t>APP-04071</t>
  </si>
  <si>
    <t>SmartSheet</t>
  </si>
  <si>
    <t>Results and Accountability</t>
  </si>
  <si>
    <t>Smartsheet an application to unleash the benefits of greater work agility and collaboration by providing a powerful platform for organizations to plan, track, automate, and report on work.</t>
  </si>
  <si>
    <t>APP-04073</t>
  </si>
  <si>
    <t>OSTicket</t>
  </si>
  <si>
    <t>OSTicket - Open Source</t>
  </si>
  <si>
    <t>Information Services</t>
  </si>
  <si>
    <t>IT Service Desk</t>
  </si>
  <si>
    <t>osTicket is a widely-used and trusted open source support ticket system. It seamlessly routes inquiries created via email, web-forms and phone calls into a simple, easy-to-use, multi-user, web-based customer support platform. osTicket comes packed with more features and tools than most of the expensive (and complex) support ticket systems on the market</t>
  </si>
  <si>
    <t>CSPS-CSPS_a6</t>
  </si>
  <si>
    <t>GCDOCS is the official departmental Electronic Document and Records Management Solution at the Canada School of Public Service.</t>
  </si>
  <si>
    <t>Vendor is OpenText corporation and the product name is GCDOCS</t>
  </si>
  <si>
    <t>CSPS-CSPS_a9</t>
  </si>
  <si>
    <t>InMagic DB\TextWorks</t>
  </si>
  <si>
    <t>InMagic DBTextWorks</t>
  </si>
  <si>
    <t>This application is used at Canada School of Public Service library to trace books.
CSPS IM team looking for an upgrade.</t>
  </si>
  <si>
    <t>Vendor is InMagic and the product name is DB\TextWorks</t>
  </si>
  <si>
    <t>Canadian Centre for Occupational Health and Safety</t>
  </si>
  <si>
    <t>APP-02605</t>
  </si>
  <si>
    <t>Platinum</t>
  </si>
  <si>
    <t>Canadian Environmental Assessment Agency</t>
  </si>
  <si>
    <t>APP-02013</t>
  </si>
  <si>
    <t>infoZone</t>
  </si>
  <si>
    <t>Open Text</t>
  </si>
  <si>
    <t>CEAA’s EDRMS</t>
  </si>
  <si>
    <t>Content Server 9.7.1</t>
  </si>
  <si>
    <t>APP-02015</t>
  </si>
  <si>
    <t>WorkPlan</t>
  </si>
  <si>
    <t>Previously used by managers in support of the business and HR planning cycles administered by the Finance group</t>
  </si>
  <si>
    <t>APP-02017</t>
  </si>
  <si>
    <t>Mailing List</t>
  </si>
  <si>
    <t>Previously used for the sharing of contacts in order to facilitate communication with communities of common and interested parties</t>
  </si>
  <si>
    <t>Canadian Food Inspection Agency</t>
  </si>
  <si>
    <t>CFIA-CFIA - 0001</t>
  </si>
  <si>
    <t>Enterprise Application Services (SOA)</t>
  </si>
  <si>
    <t>SOA-EAS</t>
  </si>
  <si>
    <t>AO - Software Foundation</t>
  </si>
  <si>
    <t>The Enterprise Application (EA) Services are software infrastructure services which provide  underlying system functionalities for other applications.  Instead of having to code independent security, data access, caching, email, exception management, and other functionalities for each application, the EA Services instead make them available to client applications through service connections.  Application coding is decreased in favour of simpler service configuration.  The EAS-client applications also inherit a consistent service delivery format, which ensures that application operations are repeatable and scalable.</t>
  </si>
  <si>
    <t>CFIA-CFIA - 0002</t>
  </si>
  <si>
    <t>COM Lookup Services</t>
  </si>
  <si>
    <t>CLS</t>
  </si>
  <si>
    <t>The COM Lookup Services are an extension of the Enterprise Application Services (EAS-SOA) which provide read-only access to the most global COM_DBA tables, including CFIA_STAFF, CFIA_OFFICE, countries, provides, programs, etc.</t>
  </si>
  <si>
    <t>CFIA-CFIA - 0003</t>
  </si>
  <si>
    <t>Client Management System</t>
  </si>
  <si>
    <t>CMS</t>
  </si>
  <si>
    <t>The Client Management System (CMS) is used to process and store information received about clients for registration, licencing, accreditation, recognition or other related activities. CMS records client data, and facilitates producing licences for these clients.  CMS is linked closely with the  Multi-Commodity Activities Program (MCAP) inspection application and provides client details to MCAP users for inspection recording purposes.</t>
  </si>
  <si>
    <t>CFIA-CFIA - 0004</t>
  </si>
  <si>
    <t>Client Management System (Fresh Fruit and Vegetable)</t>
  </si>
  <si>
    <t>CMS-FFV</t>
  </si>
  <si>
    <t>The Client Management System - Fresh, Fruit and Vegetables (CMS-FFV) is a variant of the CMS application used specifically for licensing processes related to the Fresh Fruit and Vegetables (FFV) program.  The application is used to process and store information received about clients for registration, licencing, accreditation, recognition or other related activities. CMS records client data, and facilitates producing licences for these clients.  CMS is linked closely with the  Multi-Commodity Activities Program (MCAP) inspection application and provides client details to MCAP users for inspection recording purposes.</t>
  </si>
  <si>
    <t>CFIA-CFIA - 0005</t>
  </si>
  <si>
    <t>Common Data Management System</t>
  </si>
  <si>
    <t>CDMS</t>
  </si>
  <si>
    <t>The Common Data Management System (CDMS) is an integral part of the CFIA information and knowledge management system. The client data collected and stored in the CDMS assists the Agency in meeting its business lines through the provision of standardized reports designed to make the Agency more responsive in the areas of risk management, enforcement, resource allocation, program design and delivery, and policy development. The CDMS, through single data entry, provides a seamless-client-interface to the Agency's software applications.</t>
  </si>
  <si>
    <t>CFIA-CFIA - 0006</t>
  </si>
  <si>
    <t>Reset Intranet Password (used by SOS - Help desk)</t>
  </si>
  <si>
    <t>RIPS</t>
  </si>
  <si>
    <t>AO - Corporate</t>
  </si>
  <si>
    <t>RIPS provides means for the SOS Help desk to reset user passwords when they are either lost or expired.</t>
  </si>
  <si>
    <t>CFIA-CFIA - 0007</t>
  </si>
  <si>
    <t>Animal Health Risk Assessment (SP)</t>
  </si>
  <si>
    <t>AHRA</t>
  </si>
  <si>
    <t>&lt;div&gt;The Animal Health Risk Assessment (AHRA) SharePoint database contains information used internally to track the work done by AHRA. &amp;nbsp;Some of the final reports are &amp;nbsp;made accessible to CFIA staff through the CFIA &amp;nbsp;application website. The nature of the reports includes; decks, science advice and briefing notes prepared for upper administration; terrestrial and aquatic science advice, risk assessments, outbreak reports, simulation reports, country (zone,regions) evaluations and specific disease status reports. &amp;nbsp;Most reports are over 30 pages long.&lt;/div&gt;</t>
  </si>
  <si>
    <t>CFIA-CFIA - 0008</t>
  </si>
  <si>
    <t>Identification / Designation Card System</t>
  </si>
  <si>
    <t>IDCS</t>
  </si>
  <si>
    <t>The Identification/Designation Card System (IDCS) is used to maintain the information relating to the issuance, use and cancellation of the combined identification/designation and access card. ID cards are the main method of identifying individuals who access CFIA facilities, and assist in the safety and security of individuals and assets present in these facilities. As a secondary purpose the card could contain designation information which authorizes the holder to inspect establishments under one or more of the 13 Acts of Parliament.</t>
  </si>
  <si>
    <t>CFIA-CFIA - 0009</t>
  </si>
  <si>
    <t>Procurement and Contract Request Tracking</t>
  </si>
  <si>
    <t>PCRT</t>
  </si>
  <si>
    <t>&lt;div&gt;The Procurement/Contract Request Tracking system (PCRT) is owned and utilized by procurement officers in the National Procurement &amp;amp; Contracting Service Centre in Ottawa. The purpose of this system is to summarize all procurement and contracting requests coming through this office. It allows an overview of each contract issued as well as pertinent details such as contract value, reference number and officer responsible for the contract. Each officer is responsible for ensuring their data is kept up to date and new data is entered as new contracts are issued. Management uses various reports created by this system for performance reporting and end of year follow up reports.&lt;/div&gt;</t>
  </si>
  <si>
    <t>CFIA-CFIA - 0010</t>
  </si>
  <si>
    <t>Reference Database for Hazard Identification (internal)</t>
  </si>
  <si>
    <t>RDHI Internal</t>
  </si>
  <si>
    <t>&lt;div&gt;The Reference Database for Hazard Identification (RDHI) is a tool used by the Canadian Food Inspection Agency (CFIA), other government departments, and industry in the identification and evaluation of biological, chemical and physical hazards associated with food processing steps and ingredients. The purpose of this database is to identify hazards in all food products used as ingredients (e.g. milk, spice). The database covers hazards associated with ingredients, intermediates, and final products that could be used to manufacture other products.&lt;/div&gt;</t>
  </si>
  <si>
    <t>CFIA-CFIA - 0011</t>
  </si>
  <si>
    <t>Staffing Log</t>
  </si>
  <si>
    <t>The Staffing Log captures staffing transaction information from the initial request to the appointment. It allows users to produce customized, real-time reports and verify using the built-in integrity verification function. The Staffing Log generates process numbers using a standardized format to ensure consistency across the Agency. In addition, the Staffing Log provides an effective means of monitoring and managing human resources workload.</t>
  </si>
  <si>
    <t>CFIA-CFIA - 0012</t>
  </si>
  <si>
    <t>Fast Tracking Staffing</t>
  </si>
  <si>
    <t>&lt;div&gt;The Fast Tracking Staffing (FTS) is a tool to provide employers with easy, on-line secure access to determine their staffing requirements. Once their staffing requirements are selected, an email is generated and sent to Human Resources (HR) Department for further analysis. These applications use a Secure Channel solution to ensure that the employee's information is authenticated, secure and private. Employees have access 24 hours a day, seven days a week.Web-enabled information portal used to simplify and expedite staffing process by limited HR consultation. &amp;nbsp;Fast Track Staffing (FTS) is a web-based self-service tool that CFIA managers use to initiate staffing actions which normally require limited Human Resources (HR) consultation. These sta</t>
  </si>
  <si>
    <t>OTS</t>
  </si>
  <si>
    <t>CFIA-CFIA - 0015</t>
  </si>
  <si>
    <t>SAP Interface</t>
  </si>
  <si>
    <t>This application is used by manager-users in Moncton to allow them to modify all aspects of invoice information. The application is primarily used to fix invoice information before it gets moved to SATURN.</t>
  </si>
  <si>
    <t>CFIA-CFIA - 0016</t>
  </si>
  <si>
    <t>Standalone Electronic Invoicing System</t>
  </si>
  <si>
    <t>STEL</t>
  </si>
  <si>
    <t>The stand alone version of electronic invoicing is intended to be used when the electronic invoicing module is not available within a front end system. This system of invoicing will enable invoice data to be electronically transferred to CFIA's financial system. The uploading of data from the invoice module to the financial system, Saturn, will appear seamless to the end user.</t>
  </si>
  <si>
    <t>CFIA-CFIA - 0017</t>
  </si>
  <si>
    <t>SAP Upload</t>
  </si>
  <si>
    <t>SAP Upload is an automated process that copies data from the Invoice tables to the SAP tables.</t>
  </si>
  <si>
    <t>CFIA-CFIA - 0018</t>
  </si>
  <si>
    <t>SAP-FIRM Upload</t>
  </si>
  <si>
    <t>FIRM Upload</t>
  </si>
  <si>
    <t>The Firm Upload process takes invoice information for billable products and sends it to tables in the FIRM database.</t>
  </si>
  <si>
    <t>CFIA-CFIA - 0019</t>
  </si>
  <si>
    <t>SAP-Admin version</t>
  </si>
  <si>
    <t>Admin Tool</t>
  </si>
  <si>
    <t>Tool used to maintain/modify the STEL application.</t>
  </si>
  <si>
    <t>CFIA-CFIA - 0020</t>
  </si>
  <si>
    <t>Product Registration System</t>
  </si>
  <si>
    <t>The Product Registration System is an computerized application used to issue product registrations and licences. The guarantees (Feed, Fertilizer) and product specifications (Veterinary Biologics) are assigned to the product. Seed products (varieties) have characteristics assigned to them.</t>
  </si>
  <si>
    <t>CFIA-CFIA - 0021</t>
  </si>
  <si>
    <t>Alert Import/AIL</t>
  </si>
  <si>
    <t>MISB/AIL</t>
  </si>
  <si>
    <t>&lt;div&gt;List of foreign Fish and Seafood establishments subject to mandatory inspections.&lt;/div&gt;</t>
  </si>
  <si>
    <t>AO - Emergency &amp; Incidents/Recall</t>
  </si>
  <si>
    <t>CFIA-CFIA - 0023</t>
  </si>
  <si>
    <t>Canadian Emergency Management Response System</t>
  </si>
  <si>
    <t>CEMRS</t>
  </si>
  <si>
    <t>&lt;div&gt;The Canadian Emergency Management Response System (CEMRS) is a Canadian version of the Emergency Management Response System (EMRS) developed by the United States Department of Agriculture, Animal and Plant Health Inspection Service, Veterinary Services (USDA-APHIS-VS), Emergency Programs section. It was received from the US in 2002, and has undergone significant adaptation.&lt;/div&gt;  &lt;div&gt;&amp;nbsp;&lt;/div&gt;  &lt;div&gt;CEMRS is an internet based information management tool that allows for the collection, storage and sharing of data and documentation associated with animal disease investigations and outbreaks, and emergency management activities. &amp;nbsp;It has linkages to CFIA's &amp;nbsp;Laboratory Submission Tracking System (LSTS) and eForms system (Informed Fil</t>
  </si>
  <si>
    <t>CFIA-CFIA - 0024</t>
  </si>
  <si>
    <t>Issues Management System</t>
  </si>
  <si>
    <t>The Issues Management System (IMS) is an information system used by the Agency to document, track, and communicate information relating to the investigation and resolution of food related issues including food recalls. It is used for centralized tracking of investigational activities and assigning tasks to offices and individuals. The system facilitates informed and effective decision making, and allows Agency staff to identify trends in food issues. The Agency is considering sharing data from the IMS with Health Canada to better manage risks to the Canadian public.</t>
  </si>
  <si>
    <t>CFIA-CFIA - 0025</t>
  </si>
  <si>
    <t>Outbreak Control Monitoring System OCMS/ALHB</t>
  </si>
  <si>
    <t>OCMS/ALHB</t>
  </si>
  <si>
    <t>The Outbreak Control Monitoring System (OCMS) is an informatics tool used to capture, track, and communicate information relating to the survey and eradication efforts associated with the Asian Longhorn Beetle in the Toronto Area. It is used to delimit the extent of the infestation, to assign both new and re-survey areas, control eradication efforts and prepare timely and accurate updates on activities for use by various committees and sub-committees to develop and amend existing strategies.</t>
  </si>
  <si>
    <t>CFIA-CFIA - 0026</t>
  </si>
  <si>
    <t>Export Certification System</t>
  </si>
  <si>
    <t>ECS</t>
  </si>
  <si>
    <t>AO - Export</t>
  </si>
  <si>
    <t>The Export Certification System (ECS) is a computerized application for the issuance of export certificates in support of the movement of Canadian goods to international markets. Each export certificate is a statement of integrity from the CFIA's regulatory programs. It promotes market confidence in the safety and quality of Canadian agricultural, forestry, fish, seafood and agri-food products. The Export Certification System currently supports the Fish Inspection and Plant Health Programs.</t>
  </si>
  <si>
    <t>CFIA-CFIA - 0027</t>
  </si>
  <si>
    <t>Meat Export Importing Country Requirements (ICR) Manager (Client)</t>
  </si>
  <si>
    <t>E-CERT Meat</t>
  </si>
  <si>
    <t>The Read ICR module is a web interface that enables the user to view all current market information, special notices, important messages and general export procedures as outlined in Chapter 11 of the Meat Hygiene Manual of procedures (MOP) in ‘real time’. It is a single, central, electronic version of the most current MOP Chapter 11.  It is predominantly used by inspectors.</t>
  </si>
  <si>
    <t>CFIA-CFIA - 0028</t>
  </si>
  <si>
    <t>Meat Export Read Importing Country Requirements (ICR) (Web)</t>
  </si>
  <si>
    <t>E-CERT Meat (web)</t>
  </si>
  <si>
    <t>The Read ICR module is a web interface that enables users to view all current market information, special notices, important messages and general export procedures as outlined in Chapter 11 of the Meat Hygiene Manual of procedures (MOP) in ‘real time’. It is a single, central, electronic version of the most current MOP Chapter 11, and is predominantly used by inspectors.</t>
  </si>
  <si>
    <t>CFIA-CFIA - 0029</t>
  </si>
  <si>
    <t>Management System for Meat Program Establishments</t>
  </si>
  <si>
    <t>MSMPE</t>
  </si>
  <si>
    <t>The Management System for Meat Program Establishments (MSMPE) is a software application used to process and store information received from meat clients for registration, licensing, accreditation, recognition, or other meat-related activities. This component provides immediate information to required levels within CFIA to review, comment, and approve meat export requests.</t>
  </si>
  <si>
    <t>CFIA-CFIA - 0030</t>
  </si>
  <si>
    <t>ASISST</t>
  </si>
  <si>
    <t>AO - Import</t>
  </si>
  <si>
    <t>Importers and brokers of meat and meat products from the United States can use the CFIA Automated Shipment Inspection Status Search Tool (ASISST) to find out if their meat shipment will require CFIA inspection.</t>
  </si>
  <si>
    <t>CFIA-CFIA - 0031</t>
  </si>
  <si>
    <t>AIRS Manager</t>
  </si>
  <si>
    <t>AIRS</t>
  </si>
  <si>
    <t>&lt;div&gt;The objectives of the Automated Import System (AIS) are to ensure compliance of imported commodities equivalent to domestic commodities for quality, health and safety; to allow the efficient and timely entry of compliant commodities; to standardize services across the country and between commodities; and to use government resources as efficiently as possible. &lt;/div&gt;</t>
  </si>
  <si>
    <t>CFIA-CFIA - 0033</t>
  </si>
  <si>
    <t>AIRS Requirements Analysis (Web)</t>
  </si>
  <si>
    <t>The ARA system analyzes import requirements for commodities, and determines if there are conflicting or errant requirements.  Once requirements been validated, they can be published to the other AIRS suite applications for use to determine import requirements by brokers and by other importers.</t>
  </si>
  <si>
    <t>CFIA-CFIA - 0034</t>
  </si>
  <si>
    <t>AIRS Query (Citrix)</t>
  </si>
  <si>
    <t>AQ Citrix</t>
  </si>
  <si>
    <t>&lt;div&gt;AIRS is a reference tool available to CFIA employees. It is a user-friendly, searchable database of CFIA import requirements. Through a series of questions and answers, the system leads users through applicable regulations and policies to information on all CFIA import requirements for specific commodities. The AIRS Query citrix application has additional search functionality that allows the user to refine their search with various data elements.&lt;/div&gt;  &lt;div&gt;&amp;nbsp;&lt;/div&gt;  &lt;div&gt;It was designed to:&lt;/div&gt;  &lt;div&gt;•Allow users to search for import requirements by commodity name, description, or the first 6 digits of the HS code.&lt;/div&gt;  &lt;div&gt;•Identify import requirements for CFIA commodities.&lt;/div&gt;  &lt;div&gt;•Display &amp;quot;documentation and/or regi</t>
  </si>
  <si>
    <t>CFIA-CFIA - 0035</t>
  </si>
  <si>
    <t>AIRS Verification Service</t>
  </si>
  <si>
    <t>AVS</t>
  </si>
  <si>
    <t>The AIRS Verification System (AVS) allows importers and brokers to pre-screen transactions before they are submitted to the automated electronic import submission queue (AIS-EDI) to expedite processing of import transactions.</t>
  </si>
  <si>
    <t>CFIA-CFIA - 0036</t>
  </si>
  <si>
    <t>AIRS Web Query</t>
  </si>
  <si>
    <t>AQ Web</t>
  </si>
  <si>
    <t>CFIA-CFIA - 0037</t>
  </si>
  <si>
    <t>Automated Directive Management System</t>
  </si>
  <si>
    <t>ADMS</t>
  </si>
  <si>
    <t>The Automated Directive Management System (ADMS) maintains plant directives and import requirements.</t>
  </si>
  <si>
    <t>CFIA-CFIA - 0038</t>
  </si>
  <si>
    <t>E-Cert Meat Import</t>
  </si>
  <si>
    <t>EMI</t>
  </si>
  <si>
    <t>E-Cert Meat Import (EMI) s a background process run for all import meat transactions.</t>
  </si>
  <si>
    <t>CFIA-CFIA - 0039</t>
  </si>
  <si>
    <t>Electronic Data Interface Input</t>
  </si>
  <si>
    <t>EDII</t>
  </si>
  <si>
    <t>&lt;div&gt;EDI is the CFIA’s electronic interface with the Canadian Border Services Agency (CBSA). It allows Importers and/or Brokers to submit electronic transactions for review and receive electronic recommendations/decisions by both the CFIA and CBSA. Requirements are determined by those outlined in AIRS. The system supporting EDI is available seven days a week, twenty-four hours a day (when an automated decision can be made). In excess of 3 million import transactions are handled by CFIA every year.&lt;/div&gt;  &lt;div&gt;There are two types of EDI messages:&lt;/div&gt;  &lt;div&gt;• Other Government Department Pre Arrival Release System/Release on Minimum Documentation (OGD PARS/RMD); and &lt;/div&gt;  &lt;div&gt;• Integrated Import Declaration (IID)&lt;/div&gt;  &lt;div&gt;CFIA/CBSA Electro</t>
  </si>
  <si>
    <t>CFIA-CFIA - 0040</t>
  </si>
  <si>
    <t>Ministerial Exemption Authorization System</t>
  </si>
  <si>
    <t>MEAS</t>
  </si>
  <si>
    <t>The Exemption Authorization System (EAS) is designed to process and administer Exemption Authorizations (EAs) for fresh fruit and vegetables (FFV), processed products (PP), maple products (MP) and honey (H). EAS also processes notice of exemptions for products destined for religious purposes/charitable organizations and for international or national exhibitions (for PP, MP and H); and authorizations for labelling, test marketing (for PP), and experimental/novelty containers (for H). The system is also designed to track any non-complying products imported internationally or interprovincially with the permission of the CFIA.</t>
  </si>
  <si>
    <t>CFIA-CFIA - 0041</t>
  </si>
  <si>
    <t>Import Control and Tracking System Phase 2</t>
  </si>
  <si>
    <t>ICTS.Net</t>
  </si>
  <si>
    <t>The Import Control and Tracking System captures and retrieves detailed information on imported commodities regulated by plant and animal health programs. It specifically tracks the location, status, and final decision on each imported commodity within a shipment. Active import tracking begins with the intent to import a shipment into Canada and concludes with the final disposition of goods.  The updated system currently supports commodities governed by the Animal and Plant Health programs.</t>
  </si>
  <si>
    <t>CFIA-CFIA - 0042</t>
  </si>
  <si>
    <t>Import Control and Tracking System</t>
  </si>
  <si>
    <t>ICTS</t>
  </si>
  <si>
    <t>The Import Control and Tracking System (ICTS) captures and retrieves detailed information on imported commodities regulated by the fish, meat and egg programs. It specifically tracks the location, status, and final decision on each imported commodity within a shipment. Active import tracking begins with the intent to import a shipment into Canada and concludes with the final disposition of goods.  The original system version supports imports related to commodities governed by the Meat, Fish, and Egg programs.</t>
  </si>
  <si>
    <t>CFIA-CFIA - 0043</t>
  </si>
  <si>
    <t>Import Permit System</t>
  </si>
  <si>
    <t>The purpose of the Import Permit System (IPS) is to support the processing of import permit applications. The system guarantees national-wide consistency in processing permits for the importation of regulated commodities. The IPS is used to state import permit conditions using any combination of standard pre-written import conditions or free text conditions. These functions allow the CFIA to regulate a commodity and take into consideration appropriate risk mitigation procedures.</t>
  </si>
  <si>
    <t>CFIA-CFIA - 0044</t>
  </si>
  <si>
    <t>Import Retrieval System</t>
  </si>
  <si>
    <t>IRS</t>
  </si>
  <si>
    <t>The Import Retrieval System (IRS) is an application which processes information sent weekly from the Canada Border Services Agency (CBSA) and produces reports from the data. This database is a listing of every shipment imported into Canada for all commodities regulated by the CFIA. The data includes key elements from each shipment such as the name and address of the importer, the business number, the product name, the corresponding Harmonized System (HS) Code number, port of entry, country of origin and weight of the shipment as well as several other less import pieces of data. The IRS enables CFIA personal to have access to key import information on Canadian importers and the products they import for goods regulated by the Agency. The most current dat</t>
  </si>
  <si>
    <t>CFIA-CFIA - 0045</t>
  </si>
  <si>
    <t>MCAP Return (background tasks)</t>
  </si>
  <si>
    <t>MCAP Return</t>
  </si>
  <si>
    <t>MCAP Return is a background software process which updates information in import records, based on data entries from the Multi-Commodity Activities Program inspection application.  MCAP Return ensures that there is a proper linkage between the import and inspection processes for information such as tasks lists, reference material, and reports on individual facility inspections, audits and product inspections.</t>
  </si>
  <si>
    <t>CFIA-CFIA - 0046</t>
  </si>
  <si>
    <t>MCAP Tracking (background tasks)</t>
  </si>
  <si>
    <t>MCAP Tracking</t>
  </si>
  <si>
    <t>MCAP  Tracking is a background software process which evaluates import records and determines if an inspection should occur, based on a number of predetermined flags.  If an inspection is required for a particular import action, MCAP Tracking prepares the record and delivers it to the Multi-Commodity Activities Program so that inspectors are aware that an inspection is required.  MCAP Tracking and MCAP Return together provide proper linkages between the import and inspection processes.</t>
  </si>
  <si>
    <t>CFIA-CFIA - 0047</t>
  </si>
  <si>
    <t>Digital Document Store</t>
  </si>
  <si>
    <t>DDS</t>
  </si>
  <si>
    <t>&lt;div&gt;The Digital Document Store (DDS) is a CFIA application that enhances the Agency's ability to manage import documents by replacing the fax process and providing a single electronic work queue of import documents. It allows for the electronic profiling and storage (by Program) of import documents received by the National Import Service Centre (NISC) and the NISC Satellite Office (NSO). The DDS facilitates the distribution of documents to all Canadian Food Inspection Agency (CFIA) offices across Canada by making documents available on the CFIA network. The import documents electronically profiled in the CFIA network are easily searchable and retrievable by a transaction number, province or commodity.&lt;/div&gt;</t>
  </si>
  <si>
    <t>Xerox</t>
  </si>
  <si>
    <t>CFIA-CFIA - 0048</t>
  </si>
  <si>
    <t>Compliance Verification System</t>
  </si>
  <si>
    <t>CVS</t>
  </si>
  <si>
    <t>AO - Inspection &amp; Auditing</t>
  </si>
  <si>
    <t>The Compliance Verification System (CVS) was developed for CFIA inspection staff to assess industry compliance for regulatory requirements for food safety (HACCP), non-food safety, exports and systems design with a uniform verification approach. Currently used by the Meat program, the application provides tasks lists and reports on individual facility inspections, audits, and product inspections.  Results and reports generated from these activities are made immediately available to management for further action.</t>
  </si>
  <si>
    <t>CFIA-CFIA - 0049</t>
  </si>
  <si>
    <t>Multi-Commodity Activities Program</t>
  </si>
  <si>
    <t>MCAP</t>
  </si>
  <si>
    <t>The Multi-Commodity Activities Program (MCAP) is the cornerstone inspection application which provides task lists, reference material and reports on individual facility inspections, audits and product inspections. Results and reports generated from these activities are made immediately available to the inspection staff and, where required, to other linked CFIA information systems</t>
  </si>
  <si>
    <t>CFIA-CFIA - 0050</t>
  </si>
  <si>
    <t>MCAP-Remote</t>
  </si>
  <si>
    <t>MCAP Remote</t>
  </si>
  <si>
    <t>The Multi-Commodity Activities Program - Remote (MCAP Remote) allows remote and offline access to the main MCAP application.  This tool permits inspectors to store their inspection results locally on their desktops, and then to later upload these results for integration into the main MCAP database.</t>
  </si>
  <si>
    <t>CFIA-CFIA - 0052</t>
  </si>
  <si>
    <t>SPRINT (Citrix)</t>
  </si>
  <si>
    <t>SPRINT</t>
  </si>
  <si>
    <t>SPRINT is the Fair Labelling Practices Program's (FLPP) inspection and information tool.  It features single data entry and immediate access to time utilization and product, project, and establishment compliance data. The system produces predefined and ad hoc establishment (list, compliance), inspection (compliance, violation, action) and time utilization reports.</t>
  </si>
  <si>
    <t>CFIA-CFIA - 0053</t>
  </si>
  <si>
    <t>Management Resource and Results Structure - Work Planning Tool</t>
  </si>
  <si>
    <t>MRRS</t>
  </si>
  <si>
    <t>The Management Resource and Results Structure (MRRS) is a user-friendly work planning tool used primarily by the Operations Branch. The tool allows Inspection Managers to plan key tasks and monitor progress against those plans. MRRS provides a repository for plans and timely service delivery information that aids in the effective and efficient management of resources. This information is used by Operations management at all levels, the Programs Branch, the Science Branch and the CPRA.</t>
  </si>
  <si>
    <t>CFIA-CFIA - 0054</t>
  </si>
  <si>
    <t>Quality Management System (Web)</t>
  </si>
  <si>
    <t>QMS</t>
  </si>
  <si>
    <t>The Quality Management System (QMS) is intended to be a system owned by the users and responsive to their needs while at the same time ensuring that Operations Branch maximizes the quality of activities it delivers and its contribution to meeting the Agency’s mission</t>
  </si>
  <si>
    <t>CFIA-CFIA - 0055</t>
  </si>
  <si>
    <t>Quality Management System Admin (Gupta)</t>
  </si>
  <si>
    <t>QMS (gupta)</t>
  </si>
  <si>
    <t>The QMS Administrative tool is used to modify core task and other static data used by the QMS system to perform its work.  It is used primarily during the annual review of tasks, task categories, and other data to prepare data for the next year.</t>
  </si>
  <si>
    <t>CFIA-CFIA - 0057</t>
  </si>
  <si>
    <t>National Enforcement Tracking Sytem</t>
  </si>
  <si>
    <t>NETS</t>
  </si>
  <si>
    <t>AO - Enforcement &amp; Compliance</t>
  </si>
  <si>
    <t>The National Enforcement Tracking System (NETS) is an electronic database used by the CFIA Enforcement and Investigation Services (EIS). Area and Regional EIS offices input and store information centrally at CFIA headquarters permitting information exchange between all EIS staff. The database records and tracks the following information: investigations; prosecutions; and administrative monetary penalty (AMPS) violations.</t>
  </si>
  <si>
    <t>AO - Lab &amp; Sampling</t>
  </si>
  <si>
    <t>CFIA-CFIA - 0059</t>
  </si>
  <si>
    <t>CLGA Data Sharing</t>
  </si>
  <si>
    <t>CLGA</t>
  </si>
  <si>
    <t>The Canadian Livestock Genetics Association (CLGA) Data Sharing process allows clients of the CLGA organization rapid access to their artificial insemination (AI) test results after they have been processed by the Laboratory &amp; Sample Tracking System (LSTS).</t>
  </si>
  <si>
    <t>CFIA-CFIA - 0062</t>
  </si>
  <si>
    <t>LSTS User Services 2006 (Web)</t>
  </si>
  <si>
    <t>LSTS-USER SERVICES 2006</t>
  </si>
  <si>
    <t>The Laboratory and Sampling Tracking System (LSTS) enables the electronic transmission of Sampling Sheet Forms (SSF)  to CFIA laboratories. The programs covered by this SSF initiative are the following:Terrestrial Animal Health, Veterinary Biologics, Feed, Plant Health miscellaneous, Fish &amp; Meat Products, AgriFood products and Food safety &amp; Consumer Protection products . LSTS partners with the SampleManager application to process and deliver results for submitted samples.</t>
  </si>
  <si>
    <t>CFIA-CFIA - 0063</t>
  </si>
  <si>
    <t>LSTS SampleManager   v10.0</t>
  </si>
  <si>
    <t>Sample Manager</t>
  </si>
  <si>
    <t>Thermo-Fisher</t>
  </si>
  <si>
    <t>SampleManager is a flexible, comprehensive and scalable Laboratory Information Management Systems (LIMS) for Quality Control operations. It is a proven tool for the efficient testing of samples that routinely pass through a typical lab - whether process testing, quality assurance, or R&amp;D - by sorting test information and organizing it into specific report formats to meet regulatory requirements. The complete testing routine is managed, from sample login to testing, re-testing, and final reporting.</t>
  </si>
  <si>
    <t>Enter custom Vendor and Produc</t>
  </si>
  <si>
    <t>Thermo Fisher Scientific</t>
  </si>
  <si>
    <t>CFIA-CFIA - 0064</t>
  </si>
  <si>
    <t>Residue, Anti-Microbial &amp; Micro-Organism System</t>
  </si>
  <si>
    <t>RAMS</t>
  </si>
  <si>
    <t>RAMS is a web-based tracking system which permits Area Residue Specialists to account for out-of-compliant residue analyses in meat products, to follow up the subsequent trace back activities to the farm of origin, and to correlate the results of the on-farm investigation.</t>
  </si>
  <si>
    <t>CFIA-CFIA - 0065</t>
  </si>
  <si>
    <t>Gemini</t>
  </si>
  <si>
    <t>AO - Cirrus</t>
  </si>
  <si>
    <t>CFIA-CFIA - 0066</t>
  </si>
  <si>
    <t>JIRA is used for issue tracking and project management functions</t>
  </si>
  <si>
    <t>CFIA-CFIA - 0067</t>
  </si>
  <si>
    <t>Executive Correspondence System - TRECS</t>
  </si>
  <si>
    <t>IM - Systems</t>
  </si>
  <si>
    <t>&lt;div&gt;Workflow tool that records tombstone data and location of correspondence, memos and briefing notes&lt;/div&gt;</t>
  </si>
  <si>
    <t>CFIA-CFIA - 0068</t>
  </si>
  <si>
    <t>Internal Conflict Management System - ICMS</t>
  </si>
  <si>
    <t>&lt;div&gt;This database will capture a variety of information on informal conflict resolution services offered. It will provide us with the capacity to track the status files, information on request for services (type of conflict, type of process used, number of parties involves, etc.)&lt;/div&gt;</t>
  </si>
  <si>
    <t>WorkDDynamics</t>
  </si>
  <si>
    <t>CFIA-CFIA - 0069</t>
  </si>
  <si>
    <t>Conflict and Appeals Office Tracking System - CAO</t>
  </si>
  <si>
    <t>CAO</t>
  </si>
  <si>
    <t>CFIA-CFIA - 0070</t>
  </si>
  <si>
    <t>Regulatory Affairs Workflow Management System - RAWMS</t>
  </si>
  <si>
    <t>RAWMS</t>
  </si>
  <si>
    <t>&lt;div&gt;RAWMS will allow Regulatory Affairs’ manager and officers to enter, track, monitor and report on activities, tasks, and timelines inherent in regulatory package document development; to share or reference information and/or documentation and products for review and comment; and to follow documents, tasks and resources through all process and approvals steps.&lt;/div&gt;</t>
  </si>
  <si>
    <t>CFIA-CFIA - 0071</t>
  </si>
  <si>
    <t>RDIMS - Records, Document and Information Management System</t>
  </si>
  <si>
    <t>RDIMS</t>
  </si>
  <si>
    <t>&lt;div&gt;Records, Documents, Information Management System, &amp;nbsp;All CFIA employees must file or submit their corporate official records to the CFIA corporate repository. Filing corporate information ensures that the corporate memory of CFIA is being preserved. The RDIMS modernization project objectives are to: - replace back end documents storage hardware and software services using an architecture that will improve performance, availability and reliability of RDIMS. - create a new RDIMS desktop client that will be &amp;nbsp;by users on demand that will meet &amp;nbsp;GEC and CFIA information management requirements.&lt;/div&gt;</t>
  </si>
  <si>
    <t>CFIA-CFIA - 0072</t>
  </si>
  <si>
    <t>&lt;div&gt;IRIMS is a records management software that automates and facilitates day to day records management functions. iRIMS provides full life cycle management of &amp;nbsp;information holdings, in paper or electronic formats.&lt;/div&gt;</t>
  </si>
  <si>
    <t>CFIA-CFIA - 0073</t>
  </si>
  <si>
    <t>Research Branch - STAT</t>
  </si>
  <si>
    <t>Research Branch - STAT(CCM)</t>
  </si>
  <si>
    <t>CFIA-CFIA - 0074</t>
  </si>
  <si>
    <t>Netmail Search</t>
  </si>
  <si>
    <t>CFIA-CFIA - 0075</t>
  </si>
  <si>
    <t>Alert Package- Reporting</t>
  </si>
  <si>
    <t>alert-rpt</t>
  </si>
  <si>
    <t>IM - ER</t>
  </si>
  <si>
    <t>The Cognos application supports reporting for all Business areas within the Agency. Packages are charectorized by Business Program, Line or source system as applicable</t>
  </si>
  <si>
    <t>CFIA-CFIA - 0076</t>
  </si>
  <si>
    <t>Audits Package- Reporting</t>
  </si>
  <si>
    <t>audit-rpt</t>
  </si>
  <si>
    <t>CFIA-CFIA - 0077</t>
  </si>
  <si>
    <t>Authorizations Package- Reporting</t>
  </si>
  <si>
    <t>auth-rpt</t>
  </si>
  <si>
    <t>CFIA-CFIA - 0078</t>
  </si>
  <si>
    <t>ECS Fish Package- Reporting</t>
  </si>
  <si>
    <t>ecs fish-rpt</t>
  </si>
  <si>
    <t>CFIA-CFIA - 0079</t>
  </si>
  <si>
    <t>ECS Meat- Reporting</t>
  </si>
  <si>
    <t>ecs meat - rpt</t>
  </si>
  <si>
    <t>CFIA-CFIA - 0080</t>
  </si>
  <si>
    <t>Fish Imports- Reporting</t>
  </si>
  <si>
    <t>fish imp-rpt</t>
  </si>
  <si>
    <t>CFIA-CFIA - 0081</t>
  </si>
  <si>
    <t>Imports Inspections Package- Reporting</t>
  </si>
  <si>
    <t>iip-rpt</t>
  </si>
  <si>
    <t>CFIA-CFIA - 0082</t>
  </si>
  <si>
    <t>Imports Cube - EN - Reporting</t>
  </si>
  <si>
    <t>ic-en-rpt</t>
  </si>
  <si>
    <t>CFIA-CFIA - 0083</t>
  </si>
  <si>
    <t>Imports Cube - FR - Reporting</t>
  </si>
  <si>
    <t>ic-ft-rpt</t>
  </si>
  <si>
    <t>CFIA-CFIA - 0084</t>
  </si>
  <si>
    <t>Inspections Package- Reporting</t>
  </si>
  <si>
    <t>insp-rpt</t>
  </si>
  <si>
    <t>CFIA-CFIA - 0085</t>
  </si>
  <si>
    <t>Licences Package- Reporting</t>
  </si>
  <si>
    <t>licen-rpt</t>
  </si>
  <si>
    <t>CFIA-CFIA - 0086</t>
  </si>
  <si>
    <t>IMS - Reporting</t>
  </si>
  <si>
    <t>ims-rpt</t>
  </si>
  <si>
    <t>IDSS - BIS</t>
  </si>
  <si>
    <t>CFIA-CFIA - 0087</t>
  </si>
  <si>
    <t>EDI - Feed- Reporting</t>
  </si>
  <si>
    <t>edi-feed-rpt</t>
  </si>
  <si>
    <t>CFIA-CFIA - 0088</t>
  </si>
  <si>
    <t>EDI - Fertilizer- Reporting</t>
  </si>
  <si>
    <t>edi-fert-rpt</t>
  </si>
  <si>
    <t>CFIA-CFIA - 0089</t>
  </si>
  <si>
    <t>EDI - Plant Health- Reporting</t>
  </si>
  <si>
    <t>edi-ph-rpt</t>
  </si>
  <si>
    <t>CFIA-CFIA - 0090</t>
  </si>
  <si>
    <t>EDI - IMFD- Reporting</t>
  </si>
  <si>
    <t>edi-imfd-rpt</t>
  </si>
  <si>
    <t>CFIA-CFIA - 0091</t>
  </si>
  <si>
    <t>EDI - Animal Health- Reporting</t>
  </si>
  <si>
    <t>edi-ah-rpt</t>
  </si>
  <si>
    <t>CFIA-CFIA - 0092</t>
  </si>
  <si>
    <t>EDI - Common- Reporting</t>
  </si>
  <si>
    <t>edi-rpt</t>
  </si>
  <si>
    <t>CFIA-CFIA - 0093</t>
  </si>
  <si>
    <t>PRS Applications - Feed- Reporting</t>
  </si>
  <si>
    <t>prsa-feed-rpt</t>
  </si>
  <si>
    <t>CFIA-CFIA - 0094</t>
  </si>
  <si>
    <t>PRS Registrations - Feed- Reporting</t>
  </si>
  <si>
    <t>prss-feed-rpt</t>
  </si>
  <si>
    <t>CFIA-CFIA - 0095</t>
  </si>
  <si>
    <t>PRS Registrations - Fertilizer- Reporting</t>
  </si>
  <si>
    <t>prsa-fert-rpt</t>
  </si>
  <si>
    <t>CFIA-CFIA - 0096</t>
  </si>
  <si>
    <t>PRS Submissions - Fertilizer- Reporting</t>
  </si>
  <si>
    <t>prss-fert-rpt</t>
  </si>
  <si>
    <t>CFIA-CFIA - 0097</t>
  </si>
  <si>
    <t>Lab - Feed- Reporting</t>
  </si>
  <si>
    <t>pab-feed-rpt</t>
  </si>
  <si>
    <t>CFIA-CFIA - 0098</t>
  </si>
  <si>
    <t>Lab - FSAP- Reporting</t>
  </si>
  <si>
    <t>lab-fsap-rpt</t>
  </si>
  <si>
    <t>CFIA-CFIA - 0099</t>
  </si>
  <si>
    <t>Lab - Fertilizer- Reporting</t>
  </si>
  <si>
    <t>lab-fert-rpt</t>
  </si>
  <si>
    <t>CFIA-CFIA - 0100</t>
  </si>
  <si>
    <t>CDMS- Reporting</t>
  </si>
  <si>
    <t>CDMS- Rpt</t>
  </si>
  <si>
    <t>CFIA-CFIA - 0101</t>
  </si>
  <si>
    <t>IRS- Reporting</t>
  </si>
  <si>
    <t>IRS- Rpt</t>
  </si>
  <si>
    <t>CFIA-CFIA - 0102</t>
  </si>
  <si>
    <t>MRRS - Reporting</t>
  </si>
  <si>
    <t>MRRS - Rpt</t>
  </si>
  <si>
    <t>CFIA-CFIA - 0103</t>
  </si>
  <si>
    <t>IPS - Reporting</t>
  </si>
  <si>
    <t>IPS - Rpt</t>
  </si>
  <si>
    <t>CFIA-CFIA - 0104</t>
  </si>
  <si>
    <t>EAS - Processed Products- Reporting</t>
  </si>
  <si>
    <t>eas-pp-prt</t>
  </si>
  <si>
    <t>CFIA-CFIA - 0105</t>
  </si>
  <si>
    <t>MCAP Facility - Processed Products- Reporting</t>
  </si>
  <si>
    <t>mcap-pp-rpt</t>
  </si>
  <si>
    <t>CFIA-CFIA - 0106</t>
  </si>
  <si>
    <t>LSTS - Food - Reporting</t>
  </si>
  <si>
    <t>food-rpt</t>
  </si>
  <si>
    <t>CFIA-CFIA - 0107</t>
  </si>
  <si>
    <t>LSTS - Animal Health- Reporting</t>
  </si>
  <si>
    <t>ah-rpt</t>
  </si>
  <si>
    <t>CFIA-CFIA - 0108</t>
  </si>
  <si>
    <t>Plant Health- Reporting</t>
  </si>
  <si>
    <t>ph-rpt</t>
  </si>
  <si>
    <t>CFIA-CFIA - 0109</t>
  </si>
  <si>
    <t>IMFD Audit- Reporting</t>
  </si>
  <si>
    <t>imfd-rpt</t>
  </si>
  <si>
    <t>CFIA-CFIA - 0110</t>
  </si>
  <si>
    <t>TNIP - Reporting</t>
  </si>
  <si>
    <t>TNIP - Rpt</t>
  </si>
  <si>
    <t>&lt;div&gt;The Traceability National Information Portal is a decision support tool that brings together inter-jurisdictional information about animal identification, premises identification and movement reporting. TNIP pieces together disparate elements to establish an intelligent picture of animal traceability information for Canada, in support of animal health and disease control, public health, emergency management, and food safety. &lt;/div&gt;</t>
  </si>
  <si>
    <t>CFIA-CFIA - 0111</t>
  </si>
  <si>
    <t>CVS - Meat- Reporting</t>
  </si>
  <si>
    <t>CVS-Rpt</t>
  </si>
  <si>
    <t>CFIA-CFIA - 0112</t>
  </si>
  <si>
    <t>US Export- Reporting</t>
  </si>
  <si>
    <t>US-Rpt</t>
  </si>
  <si>
    <t>CFIA-CFIA - 0113</t>
  </si>
  <si>
    <t>E-Cert- Reporting</t>
  </si>
  <si>
    <t>ecert-rpt</t>
  </si>
  <si>
    <t>CFIA-CFIA - 0114</t>
  </si>
  <si>
    <t>ICTS - Meat- Reporting</t>
  </si>
  <si>
    <t>icts-rpt</t>
  </si>
  <si>
    <t>CFIA-CFIA - 0115</t>
  </si>
  <si>
    <t>QMS - Meat- Reporting</t>
  </si>
  <si>
    <t>qms-rpt</t>
  </si>
  <si>
    <t>CFIA-CFIA - 0116</t>
  </si>
  <si>
    <t>HR - Reporting</t>
  </si>
  <si>
    <t>hr-rpt</t>
  </si>
  <si>
    <t>CFIA-CFIA - 0117</t>
  </si>
  <si>
    <t>Feed - Metrics - Reporting</t>
  </si>
  <si>
    <t>feedm-rpt</t>
  </si>
  <si>
    <t>CFIA-CFIA - 0118</t>
  </si>
  <si>
    <t>Fertilizer - Metrics - Reporting</t>
  </si>
  <si>
    <t>fertm-rpt</t>
  </si>
  <si>
    <t>CFIA-CFIA - 0119</t>
  </si>
  <si>
    <t>Processes products(fruits &amp; vegetables) - Metrics - Reporting</t>
  </si>
  <si>
    <t>pp-rpt</t>
  </si>
  <si>
    <t>CFIA-CFIA - 0120</t>
  </si>
  <si>
    <t>Fish &amp; Seafood - Metrics - Reporting</t>
  </si>
  <si>
    <t>fsm-rpt</t>
  </si>
  <si>
    <t>CFIA-CFIA - 0121</t>
  </si>
  <si>
    <t>Maple Products - Metrics - Reporting</t>
  </si>
  <si>
    <t>mpm-rpt</t>
  </si>
  <si>
    <t>CFIA-CFIA - 0122</t>
  </si>
  <si>
    <t>Meat Hygiene - Metrics - Reporting</t>
  </si>
  <si>
    <t>mhm-rpt</t>
  </si>
  <si>
    <t>CFIA-CFIA - 0123</t>
  </si>
  <si>
    <t>Animal Health - Metrics - Reporting</t>
  </si>
  <si>
    <t>ahm-rpt</t>
  </si>
  <si>
    <t>CFIA-CFIA - 0124</t>
  </si>
  <si>
    <t>Parlimentary - Metrics - Reporting</t>
  </si>
  <si>
    <t>partm-rpt</t>
  </si>
  <si>
    <t>CFIA-CFIA - 0125</t>
  </si>
  <si>
    <t>wcms</t>
  </si>
  <si>
    <t>IM - Web &amp; Forms</t>
  </si>
  <si>
    <t>&lt;div&gt;System that allows CFIA to store, manage and publish web content&lt;/div&gt;</t>
  </si>
  <si>
    <t>CFIA-CFIA - 0126</t>
  </si>
  <si>
    <t>CFIA RSS Feeds</t>
  </si>
  <si>
    <t>rss</t>
  </si>
  <si>
    <t>CFIA-CFIA - 0127</t>
  </si>
  <si>
    <t>CFIA External Website Search</t>
  </si>
  <si>
    <t>ews</t>
  </si>
  <si>
    <t>Web Analytics</t>
  </si>
  <si>
    <t>Google</t>
  </si>
  <si>
    <t>CFIA-CFIA - 0128</t>
  </si>
  <si>
    <t>NetInsight</t>
  </si>
  <si>
    <t>CFIA-CFIA - 0129</t>
  </si>
  <si>
    <t>Adobe Livecycle</t>
  </si>
  <si>
    <t>Adobe Systems Incorporated</t>
  </si>
  <si>
    <t>CFIA-CFIA - 0130</t>
  </si>
  <si>
    <t>e-forms (IBM)</t>
  </si>
  <si>
    <t>EFORM</t>
  </si>
  <si>
    <t>Storage and publication of CFIA images</t>
  </si>
  <si>
    <t>CFIA-CFIA - 0131</t>
  </si>
  <si>
    <t>Internal Image Gallery</t>
  </si>
  <si>
    <t>Digital Asset Management Software</t>
  </si>
  <si>
    <t>CFIA-CFIA - 0132</t>
  </si>
  <si>
    <t>Asset Master Record Number (AMR) and/or Equipment Number Request</t>
  </si>
  <si>
    <t>amr</t>
  </si>
  <si>
    <t>CFIA-CFIA - 0133</t>
  </si>
  <si>
    <t>Email Notification Subscription Self-Service (Listserv sign-up) - internal</t>
  </si>
  <si>
    <t>enssi</t>
  </si>
  <si>
    <t>&lt;div&gt;&lt;font face="Times New Roman" size=3 color=black&gt;Lists available to CFIA employees only are highlighted in RED and identified with an asterisk*. You can subscribe to as many notification services as you want but make sure at least one service is selected before you submit this form.&lt;/font&gt;&lt;/div&gt;</t>
  </si>
  <si>
    <t>CFIA-CFIA - 0135</t>
  </si>
  <si>
    <t>Ground Transportation Cost Calculator</t>
  </si>
  <si>
    <t>gtcc</t>
  </si>
  <si>
    <t>CFIA-CFIA - 0136</t>
  </si>
  <si>
    <t>Employee Exit Survey</t>
  </si>
  <si>
    <t>ees</t>
  </si>
  <si>
    <t>CFIA-CFIA - 0137</t>
  </si>
  <si>
    <t>Veterinary Medicine (VM) Group Classification Decisions</t>
  </si>
  <si>
    <t>vmgc</t>
  </si>
  <si>
    <t>A web interface to an access database containing a list of  Classification Decisions for Veterinary Medicine (VM) Group</t>
  </si>
  <si>
    <t>CFIA-CFIA - 0138</t>
  </si>
  <si>
    <t>CFIA Course Catalogue plus Admin Module</t>
  </si>
  <si>
    <t>ccam</t>
  </si>
  <si>
    <t>CFIA-CFIA - 0139</t>
  </si>
  <si>
    <t>Software Certification for Infrastructure Environment (SCIE)</t>
  </si>
  <si>
    <t>scie</t>
  </si>
  <si>
    <t>CFIA-CFIA - 0140</t>
  </si>
  <si>
    <t>Addition Request for New Employees (DirectInfo)</t>
  </si>
  <si>
    <t>arne</t>
  </si>
  <si>
    <t>To improve Canadian Food Inspection Agency's (CFIA) Client credit control, the National Accounts Receivable Service Centre has added a new site on Merlin to include a "CASH ONLY" client reference for CFIA inspection staff.</t>
  </si>
  <si>
    <t>CFIA-CFIA - 0141</t>
  </si>
  <si>
    <t>Finance "Cash Only" Table</t>
  </si>
  <si>
    <t>fintab</t>
  </si>
  <si>
    <t>&lt;div&gt;Table is used to track all clients that their credit privileges have been revoked. This list is then sent to Merlin on a weekly basis. &lt;/div&gt;</t>
  </si>
  <si>
    <t>CFIA-CFIA - 0142</t>
  </si>
  <si>
    <t>Saturn Customer Table</t>
  </si>
  <si>
    <t>sattab</t>
  </si>
  <si>
    <t>Repertory enclosing table of Saturn Customer Master Data</t>
  </si>
  <si>
    <t>CFIA-CFIA - 0143</t>
  </si>
  <si>
    <t>Forms Catalogue plus Admin Module</t>
  </si>
  <si>
    <t>fcam</t>
  </si>
  <si>
    <t>CFIA-CFIA - 0144</t>
  </si>
  <si>
    <t>HR Web Publishing Request Form</t>
  </si>
  <si>
    <t>hrwprf</t>
  </si>
  <si>
    <t>listing of CFIA staffing appointments</t>
  </si>
  <si>
    <t>CFIA-CFIA - 0145</t>
  </si>
  <si>
    <t>Notice of Recourse plus Admin Module</t>
  </si>
  <si>
    <t>nram</t>
  </si>
  <si>
    <t>A web interface for  CFIA Course Catalogue and Admin Module</t>
  </si>
  <si>
    <t>CFIA-CFIA - 0146</t>
  </si>
  <si>
    <t>New Blackberry User Request</t>
  </si>
  <si>
    <t>nbur</t>
  </si>
  <si>
    <t>CFIA-CFIA - 0147</t>
  </si>
  <si>
    <t>"Contact Us" page (Internal)</t>
  </si>
  <si>
    <t>contact us</t>
  </si>
  <si>
    <t>publication of proactive disclosure on CFIA external website</t>
  </si>
  <si>
    <t>CFIA-CFIA - 0148</t>
  </si>
  <si>
    <t>Proactive Disclosure Reports</t>
  </si>
  <si>
    <t>pdr</t>
  </si>
  <si>
    <t>CFIA-CFIA - 0149</t>
  </si>
  <si>
    <t>CFIA Feedback form (external)</t>
  </si>
  <si>
    <t>feedback</t>
  </si>
  <si>
    <t>CFIA-CFIA - 0150</t>
  </si>
  <si>
    <t>Federally Registered Meat Establishments and Licensed Operators</t>
  </si>
  <si>
    <t>frme</t>
  </si>
  <si>
    <t>List of federally registered meat establishments and licensed operators.</t>
  </si>
  <si>
    <t>CFIA-CFIA - 0151</t>
  </si>
  <si>
    <t>Mandatory Inspection List (Fish)</t>
  </si>
  <si>
    <t>mil</t>
  </si>
  <si>
    <t>List of Canadian Establishments Approved for Export to the United States</t>
  </si>
  <si>
    <t>CFIA-CFIA - 0152</t>
  </si>
  <si>
    <t>List of Establishments Approved for Export (Fish)</t>
  </si>
  <si>
    <t>leae</t>
  </si>
  <si>
    <t>CFIA-CFIA - 0153</t>
  </si>
  <si>
    <t>CFIA Fish List</t>
  </si>
  <si>
    <t>fish list</t>
  </si>
  <si>
    <t>CFIA-CFIA - 0154</t>
  </si>
  <si>
    <t>List of Permitted Additives in Fish &amp; Fish Products</t>
  </si>
  <si>
    <t>lpaf</t>
  </si>
  <si>
    <t>CFIA-CFIA - 0155</t>
  </si>
  <si>
    <t>Reference Listing of Accepted Construction Materials, Packaging Materials and No</t>
  </si>
  <si>
    <t>rlac</t>
  </si>
  <si>
    <t>This reference listing operates in a database format. The database organizes entries by categories which indicate basic accepted product usage (e.g. cleaners). These primary categories are then divided into sub-categories which indicate more specific perm</t>
  </si>
  <si>
    <t>CFIA-CFIA - 0156</t>
  </si>
  <si>
    <t>Veterinary Biologics Licensed in Canada</t>
  </si>
  <si>
    <t>vblc</t>
  </si>
  <si>
    <t>The database is a publicly-searchable list of Veterinary Biologics Licensed in Canada. It is updated as new veterinary biologics are licensed for use in Canada or as licences are cancelled without prejudice.  The database can be searched according to reco</t>
  </si>
  <si>
    <t>CFIA-CFIA - 0157</t>
  </si>
  <si>
    <t>Registered Products List (Fertilizer)</t>
  </si>
  <si>
    <t>rpl</t>
  </si>
  <si>
    <t>searchable database listing the fertilizer products that are registered</t>
  </si>
  <si>
    <t>CFIA-CFIA - 0158</t>
  </si>
  <si>
    <t>Email Notification Subscription Self-Service (Listserv sign-up) - external</t>
  </si>
  <si>
    <t>ensse</t>
  </si>
  <si>
    <t>CFIA-CFIA - 0159</t>
  </si>
  <si>
    <t>Plants Evaluated for Environmental and Livestock Feed Safety</t>
  </si>
  <si>
    <t>peel</t>
  </si>
  <si>
    <t>CFIA-CFIA - 0160</t>
  </si>
  <si>
    <t>Internal Website Search</t>
  </si>
  <si>
    <t>iws</t>
  </si>
  <si>
    <t>google inc.</t>
  </si>
  <si>
    <t>CFIA-CFIA - 0161</t>
  </si>
  <si>
    <t>Foodrecall Publishing Service</t>
  </si>
  <si>
    <t>fps</t>
  </si>
  <si>
    <t>This Application is treating the record of Food recall</t>
  </si>
  <si>
    <t>CFIA-CFIA - 0162</t>
  </si>
  <si>
    <t>Chemical Residue and Biological Reports</t>
  </si>
  <si>
    <t>crbr</t>
  </si>
  <si>
    <t>website compliance checker</t>
  </si>
  <si>
    <t>CFIA-CFIA - 0163</t>
  </si>
  <si>
    <t>Watchfire</t>
  </si>
  <si>
    <t>Computer Forensics Software</t>
  </si>
  <si>
    <t>CFIA-CFIA - 0164</t>
  </si>
  <si>
    <t>Client Services</t>
  </si>
  <si>
    <t>Tracking Sheet for PPB on all access to information &amp; privacy requests</t>
  </si>
  <si>
    <t>CSDC Systems Inc</t>
  </si>
  <si>
    <t>CFIA-CFIA - 0166</t>
  </si>
  <si>
    <t>GIS</t>
  </si>
  <si>
    <t>Data for the production of maps in support of Animal and Plant Health, Food Safety and Corporate Management.</t>
  </si>
  <si>
    <t>ArcGIS for Server Enterprise S</t>
  </si>
  <si>
    <t>ESRI Inc.</t>
  </si>
  <si>
    <t>Geographic Information Systems (GIS) Software</t>
  </si>
  <si>
    <t>CFIA-CFIA - 0167</t>
  </si>
  <si>
    <t>Fumigant</t>
  </si>
  <si>
    <t>Collection of fumigant data in fumigated environments or on fumigated commodities.</t>
  </si>
  <si>
    <t>Industrial Scientific Corporation</t>
  </si>
  <si>
    <t>Equipment Control Systems Software</t>
  </si>
  <si>
    <t>CFIA-CFIA - 0168</t>
  </si>
  <si>
    <t>&lt;div&gt;Physical access security system&lt;/div&gt;</t>
  </si>
  <si>
    <t>RBH Access Technologies Incorporated</t>
  </si>
  <si>
    <t>CFIA-CFIA - 0170</t>
  </si>
  <si>
    <t>Employee Transition Management System</t>
  </si>
  <si>
    <t>ETMS</t>
  </si>
  <si>
    <t>CFIA-CFIA - 0171</t>
  </si>
  <si>
    <t>Electronic Exchange of Export Certificates</t>
  </si>
  <si>
    <t>EEEC</t>
  </si>
  <si>
    <t>&lt;div&gt;Facilitates the exchange of export certificates between CFIA and USDA inspectors.&lt;/div&gt;</t>
  </si>
  <si>
    <t>CFIA-CFIA - 0172</t>
  </si>
  <si>
    <t>Traceability National Information Portal</t>
  </si>
  <si>
    <t>TNIP</t>
  </si>
  <si>
    <t>TBD</t>
  </si>
  <si>
    <t>&lt;div&gt;Provide information to enhance emergency management, market access, industry competitiveness and consumer confidence&lt;/div&gt;</t>
  </si>
  <si>
    <t>CFIA-CFIA - 0173</t>
  </si>
  <si>
    <t>RSTS (Rabies Sample Tracking System)   v1.0</t>
  </si>
  <si>
    <t>RSTS</t>
  </si>
  <si>
    <t>Following a Budget 2012 decision, rabies samples will no longer be picked up by CFIA Inspector.  As of the 1 of April, 2014, this responsibility will shift to the provincial authorities.  In order to allow rabies samples to still being tracked by the Laboratory Sample Tracking System (LSTS), a new system will be put in place to allow provinces to submit samples directly into LSTS.  This new system will consist of: 1 a: A new fillable PDF Rabies form for individual rabies samples;    b: A new web service to accept rabies data; 2: Modification to the existing SampleManager receiving software; 3: A new Record of Analysis mailed to outside clients.</t>
  </si>
  <si>
    <t>CFIA-CFIA - 0174</t>
  </si>
  <si>
    <t>Ombudsman - Tracking System</t>
  </si>
  <si>
    <t>OMB</t>
  </si>
  <si>
    <t>&lt;div&gt;Provides capability to register &amp;amp; track cases, generate reports and identify trends&lt;/div&gt;</t>
  </si>
  <si>
    <t>CFIA-CFIA - 0175</t>
  </si>
  <si>
    <t>Center of Administration</t>
  </si>
  <si>
    <t>COA</t>
  </si>
  <si>
    <t>&lt;div&gt;This tool will be used by about 40 users connected the CFIA network and located in various areas across the country. &amp;nbsp;&lt;/div&gt;</t>
  </si>
  <si>
    <t>CFIA-CFIA - 0176</t>
  </si>
  <si>
    <t>CCM Exchange</t>
  </si>
  <si>
    <t>&lt;div&gt;The Cognos application supports reporting for all Business areas within the Agency. Packages are charectorized by Business Program, Line or source system as applicable&lt;/div&gt;</t>
  </si>
  <si>
    <t>CFIA-CFIA - 0177</t>
  </si>
  <si>
    <t>Guidance Document Repository</t>
  </si>
  <si>
    <t>GDR</t>
  </si>
  <si>
    <t>&lt;div&gt;&lt;font face="Times New Roman" size=3 color=black&gt;The CFIA is responsible for regulating the safety and quality of food, animal and plant health in Canada. CFIA's official Guidance Documents provide the Agency's functional direction to its front line staff regarding their compliance verification activities. They also provide guidance to regulated parties regarding program requirements&lt;/font&gt;&lt;/div&gt;</t>
  </si>
  <si>
    <t>CFIA-CFIA - 0178</t>
  </si>
  <si>
    <t>Report a Food Safety Concern</t>
  </si>
  <si>
    <t>RFSC</t>
  </si>
  <si>
    <t>Database containing Food Safety Concern report from food service inspections, retail food inspections, Safety or quality of a food product, Food labelling</t>
  </si>
  <si>
    <t>CFIA-CFIA - 0179</t>
  </si>
  <si>
    <t>Foreign countries establishments eligible to export meat products to Canada Sear</t>
  </si>
  <si>
    <t>FCEEM</t>
  </si>
  <si>
    <t>Database and web list containing the list of foreign countries establishments eligible to export meat products to Canada.</t>
  </si>
  <si>
    <t>CFIA-CFIA - 0180</t>
  </si>
  <si>
    <t>Food Labelling - Oracle Policy Analyst</t>
  </si>
  <si>
    <t>FL</t>
  </si>
  <si>
    <t>CFIA-CFIA - 0181</t>
  </si>
  <si>
    <t>Food Safety Process (HTML5 Interactive Content)</t>
  </si>
  <si>
    <t>FSP</t>
  </si>
  <si>
    <t>web interface presenting food safety process</t>
  </si>
  <si>
    <t>CFIA-CFIA - 0182</t>
  </si>
  <si>
    <t>Professional Development and Continuous Learning</t>
  </si>
  <si>
    <t>PDLC</t>
  </si>
  <si>
    <t>CFIA-CFIA - 0183</t>
  </si>
  <si>
    <t>Trial Tracker</t>
  </si>
  <si>
    <t>TT</t>
  </si>
  <si>
    <t>CFIA/PBO Trial tracker/Request Tracker is a database created in the Filemaker application which runs from a Filemaker Server. The database contains tombstone data for all applications for unconfined, confined release or importation of Plants with Novel Traits (PNTs). The database is maintained and backed up to a virtual server.   It is used by the Plant Biosafety Office, the Pre-market Application Submissions Office, and the Plant Biotech Risk Assessment Unit of the CFIA to store and maintain records related to the Confined Research Field Trial program as well as the risk assessment documents for Unconfined Release authorizations. Almost all program data is entered into the database, including submission data, inspection data, enforcement records, deci</t>
  </si>
  <si>
    <t>CFIA-CFIA - 0184</t>
  </si>
  <si>
    <t>&lt;div&gt;The AEB Audit Management Server is a net-new installation being implemented in conjunction with Shared Services Canada and will be subject to any existing and future memorandums of understanding that exist with respect to Shared Services Canada (SSC) and CFIA. The audit group and user base will be up to 15 simultaneous user sessions; however, this may grow with the requirements of CFIA’s audit group. &lt;/div&gt;</t>
  </si>
  <si>
    <t>CFIA-CFIA - 0185</t>
  </si>
  <si>
    <t>MQ - Sphere</t>
  </si>
  <si>
    <t>&lt;div&gt;Manage the transmission of messages between CFIA and CBSA.&lt;/div&gt;</t>
  </si>
  <si>
    <t>CFIA-CFIA - 0186</t>
  </si>
  <si>
    <t>Samplemanager - mail gateway</t>
  </si>
  <si>
    <t>GATEWAY</t>
  </si>
  <si>
    <t>&lt;div&gt;Email notification system linked to Sample Manager, responsible to notify all staff based on their subscriptions registered.&lt;/div&gt;</t>
  </si>
  <si>
    <t>CFIA-CFIA - 0187</t>
  </si>
  <si>
    <t>AIRS Query Web - External</t>
  </si>
  <si>
    <t>AQW</t>
  </si>
  <si>
    <t>CFIA-CFIA - 0188</t>
  </si>
  <si>
    <t>AIRS Query Service</t>
  </si>
  <si>
    <t>AQS</t>
  </si>
  <si>
    <t>CFIA-CFIA - 0189</t>
  </si>
  <si>
    <t>MISB - Reporting</t>
  </si>
  <si>
    <t>MISBR</t>
  </si>
  <si>
    <t>CFIA-CFIA - 0190</t>
  </si>
  <si>
    <t>Regulatory Science (SR) Classification</t>
  </si>
  <si>
    <t>RSC</t>
  </si>
  <si>
    <t>The SR Group combines  the Biological Sciences (BI), Chemistry (CH) and Agriculture (AG) classification groups that are currently in use at the Agency.</t>
  </si>
  <si>
    <t>CFIA-CFIA - 0191</t>
  </si>
  <si>
    <t>Mental Health Peer Support Program (PSP) Tool</t>
  </si>
  <si>
    <t>MHPSP</t>
  </si>
  <si>
    <t>List of tool for Mental Health Peer Support Program (PSP)</t>
  </si>
  <si>
    <t>CFIA-CFIA - 0192</t>
  </si>
  <si>
    <t>Together Working for Canadians Submit</t>
  </si>
  <si>
    <t>TWCS</t>
  </si>
  <si>
    <t>CFIA employees submit personal work contact information along with story ideas for publication on the Merlin intranet as part of the Together, Working for Canadians: 100 Different Ways project.</t>
  </si>
  <si>
    <t>CFIA-CFIA - 0193</t>
  </si>
  <si>
    <t>Together Working for Canadians Vote</t>
  </si>
  <si>
    <t>TWCV</t>
  </si>
  <si>
    <t>CFIA employees submit an email to vote for their favourite published stories and photos on the Merlin intranet as part of the Together, Working for Canadians: 100 Different Ways project.</t>
  </si>
  <si>
    <t>CFIA-CFIA - 0194</t>
  </si>
  <si>
    <t>Pres Info</t>
  </si>
  <si>
    <t>PRES INFO</t>
  </si>
  <si>
    <t>CFIA-CFIA - 0195</t>
  </si>
  <si>
    <t>Status Update on the Surveillance of Wild Anadromous Salmonids in British Columb</t>
  </si>
  <si>
    <t>SUSWASBC</t>
  </si>
  <si>
    <t>Status update for three infectious diseases of concern, namely infectious haematopoietic necrosis (IHNV), infectious pancreatic necrosis virus (IPNV), and infectious salmon anaemia virus (ISAV).</t>
  </si>
  <si>
    <t>CFIA-CFIA - 0196</t>
  </si>
  <si>
    <t>Epidemiological Evaluation of Surveillance Activities in British Columbia Farmed</t>
  </si>
  <si>
    <t>EESABC</t>
  </si>
  <si>
    <t>&lt;div&gt;&amp;nbsp;this report details the quantitative epidemiological evaluation of the existing surveillance programs in British Columbia farmed salmon for the following viruses: infectious salmon anemia virus (ISAV), both pathogenic (ISAV HPRΔ) and non-pathogenic (ISAV HPR0) strains; infectious pancreatic necrosis virus (IPNV); and infectious hematopoietic necrosis virus (IHNV). Stochastic modelling was used to conduct the evaluation.&lt;/div&gt;</t>
  </si>
  <si>
    <t>CFIA-CFIA - 0197</t>
  </si>
  <si>
    <t>Web Coding Form</t>
  </si>
  <si>
    <t>WCF</t>
  </si>
  <si>
    <t>CFIA-CFIA - 0198</t>
  </si>
  <si>
    <t>Questions and Comments Form</t>
  </si>
  <si>
    <t>QCF</t>
  </si>
  <si>
    <t>CFIA-CFIA - 0199</t>
  </si>
  <si>
    <t>LSTS  Reports</t>
  </si>
  <si>
    <t>LSTSR</t>
  </si>
  <si>
    <t>CFIA-CFIA - 0200</t>
  </si>
  <si>
    <t>Plant Varieties of Crop Kinds Registered in Canada</t>
  </si>
  <si>
    <t>PVCKR</t>
  </si>
  <si>
    <t>List of  Plant Varieties of Crop Kinds Registered in Canada</t>
  </si>
  <si>
    <t>CFIA-CFIA - 0201</t>
  </si>
  <si>
    <t>Payment and Invoicing System</t>
  </si>
  <si>
    <t>System delivering  a report of CFIA Payment and Invoicing</t>
  </si>
  <si>
    <t>CFIA-CFIA - 0202</t>
  </si>
  <si>
    <t>Enterprise Secure Authentication Services</t>
  </si>
  <si>
    <t>CFIA-CFIA - 0203</t>
  </si>
  <si>
    <t>CRM</t>
  </si>
  <si>
    <t>CFIA-CFIA - 0204</t>
  </si>
  <si>
    <t>Electronic Data Interface Output</t>
  </si>
  <si>
    <t>EDIO</t>
  </si>
  <si>
    <t>CFIA-CFIA - 0205</t>
  </si>
  <si>
    <t>Electronic Data Interface Manager Services</t>
  </si>
  <si>
    <t>EDIMS</t>
  </si>
  <si>
    <t>&lt;div&gt;Process the messages between CFIA and CBSA coming from the application MQ-Sphere.&lt;/div&gt;</t>
  </si>
  <si>
    <t>CFIA-CFIA - 0206</t>
  </si>
  <si>
    <t>AIRS Query (Internal web)</t>
  </si>
  <si>
    <t>AIRSQI</t>
  </si>
  <si>
    <t>CFIA-CFIA - 0207</t>
  </si>
  <si>
    <t>ABBYY processing (DDS)</t>
  </si>
  <si>
    <t>ABBYY</t>
  </si>
  <si>
    <t>CFIA-CFIA - 0208</t>
  </si>
  <si>
    <t>DDS Monitoring Dashboard</t>
  </si>
  <si>
    <t>DDSMD</t>
  </si>
  <si>
    <t>CFIA-CFIA - 0209</t>
  </si>
  <si>
    <t>Common lookup - Recherche Commune</t>
  </si>
  <si>
    <t>CL</t>
  </si>
  <si>
    <t>CFIA-CFIA - 0210</t>
  </si>
  <si>
    <t>SPLUNK</t>
  </si>
  <si>
    <t>&lt;div&gt;&lt;font face="Times New Roman" size=3 color=black&gt;Splunk Light is a comprehensive solution for small IT environments that automates log search and analysis. It speeds tactical troubleshooting by gathering real-time log data from your distributed applications and infrastructure in one place to enable powerful searches, dynamic dashboards and alerts, and reporting for real-time analysis&lt;/font&gt;&lt;/div&gt;</t>
  </si>
  <si>
    <t>splunk Inc.</t>
  </si>
  <si>
    <t>CFIA-CFIA - 0211</t>
  </si>
  <si>
    <t>SQUID</t>
  </si>
  <si>
    <t>&lt;div&gt;&lt;font face="Times New Roman" size=3 color=black&gt;&lt;strong&gt;Squid&lt;/strong&gt; is a &lt;/font&gt;&lt;font face="Times New Roman" size=3 color=blue&gt;&lt;u&gt;caching&lt;/u&gt;&lt;/font&gt;&lt;font face="Times New Roman" size=3 color=black&gt; and forwarding &lt;/font&gt;&lt;font face="Times New Roman" size=3 color=blue&gt;&lt;u&gt;web proxy&lt;/u&gt;&lt;/font&gt;&lt;font face="Times New Roman" size=3 color=black&gt;. It has a wide variety of uses, from speeding up a &lt;/font&gt;&lt;font face="Times New Roman" size=3 color=blue&gt;&lt;u&gt;web server&lt;/u&gt;&lt;/font&gt;&lt;font face="Times New Roman" size=3 color=black&gt; by caching repeated requests; to caching &lt;/font&gt;&lt;font face="Times New Roman" size=3 color=blue&gt;&lt;u&gt;web&lt;/u&gt;&lt;/font&gt;&lt;font face="Times New Roman" size=3 color=black&gt;, &lt;/font&gt;&lt;font face="Times New Roman" size=3 color=blue&gt;&lt;u&gt;DNS&lt;/u&gt;&lt;/f</t>
  </si>
  <si>
    <t>Squid</t>
  </si>
  <si>
    <t>CFIA-CFIA - 0212</t>
  </si>
  <si>
    <t>SOLARWINDS</t>
  </si>
  <si>
    <t>&lt;div&gt;Centralized system for managing and monitoring systems and applications. &lt;font face="Times New Roman" size=3 color=black&gt;&lt;em&gt;SolarWinds&lt;/em&gt; IT monitoring and management tools are built for SysAdmins and network engineers who need powerful and affordable tools&lt;/font&gt;&lt;/div&gt;</t>
  </si>
  <si>
    <t>CFIA-CFIA - 0213</t>
  </si>
  <si>
    <t>IBM License Management Tool</t>
  </si>
  <si>
    <t>IBMLMT</t>
  </si>
  <si>
    <t>&lt;div&gt;&lt;font face="Times New Roman" size=3 color=black&gt;The IBM License Metric Tool [ILMT] helps you maintain an inventory of the PVU based software deployed for your Full Capacity or Virtualization (Sub-) Capacity environment, and measures the PVU licenses required by software Product. It is intended to help you manage your IBM software licensing requirements, and help you maintain an audit ready posture&lt;/font&gt;&lt;/div&gt;</t>
  </si>
  <si>
    <t>CFIA-CFIA - 0214</t>
  </si>
  <si>
    <t>Oracle Report Server</t>
  </si>
  <si>
    <t>CFIA-CFIA - 0215</t>
  </si>
  <si>
    <t>Single Sign On</t>
  </si>
  <si>
    <t>SSO</t>
  </si>
  <si>
    <t>&lt;div&gt;&lt;font face="Times New Roman" size=3 color=black&gt;&lt;strong&gt;Single sign-on&lt;/strong&gt; (&lt;strong&gt;SSO&lt;/strong&gt;) is a property of &lt;/font&gt;&lt;font face="Times New Roman" size=3 color=blue&gt;&lt;u&gt;access control&lt;/u&gt;&lt;/font&gt;&lt;font face="Times New Roman" size=3 color=black&gt; of multiple related, but independent &lt;/font&gt;&lt;font face="Times New Roman" size=3 color=blue&gt;&lt;u&gt;software&lt;/u&gt;&lt;/font&gt;&lt;font face="Times New Roman" size=3 color=black&gt; systems. With this property a user &lt;/font&gt;&lt;font face="Times New Roman" size=3 color=blue&gt;&lt;u&gt;logs in&lt;/u&gt;&lt;/font&gt;&lt;font face="Times New Roman" size=3 color=black&gt; with a single ID and password to gain access to a connected system or systems without using different usernames or passwords, or in some configurations seamlessly sign on at each</t>
  </si>
  <si>
    <t>CFIA-CFIA - 0216</t>
  </si>
  <si>
    <t>Application Integration Hub</t>
  </si>
  <si>
    <t>AIH</t>
  </si>
  <si>
    <t>&lt;div&gt;The Enterprise Service Bus (ESB) serves as a centralized integration point for reusable enterprise services.&lt;/div&gt;</t>
  </si>
  <si>
    <t>CFIA-CFIA - 0217</t>
  </si>
  <si>
    <t>License management System</t>
  </si>
  <si>
    <t>CFIA-CFIA - 0218</t>
  </si>
  <si>
    <t>Import Admissability Application</t>
  </si>
  <si>
    <t>IAA</t>
  </si>
  <si>
    <t>&lt;div&gt;The Import Admissibility Application provides access to import information (transaction) declared by importers/brokers through the Canada Border Services Agency (CBSA) to the CFIA. This application permits the NISC and the NISC Satellite Office (NSO) to provide admissibility recommendations to CBSA on shipments imported into Canada for the Food, Animal and Plant related programs declared using the Integrated Import Declaration (IID) message (Service Option).&lt;/div&gt;  &lt;div&gt;IAA:&lt;/div&gt;  &lt;div&gt;• Displays transactional information and import documents declared to CFIA.&lt;/div&gt;  &lt;div&gt;• Allows the CFIA to determine eligibility of entry for shipments ahead of arrival at the border and refuse entry if necessary;&lt;/div&gt;  &lt;div&gt;• Captures and displays infor</t>
  </si>
  <si>
    <t>CFIA-CFIA - 0219</t>
  </si>
  <si>
    <t>SWI Receiver Service</t>
  </si>
  <si>
    <t>SWIR</t>
  </si>
  <si>
    <t>&lt;div&gt;Provides access to import information (transaction) declared by importers/brokers through the Canada Border Services Agency (CBSA) to the CFIA. This application permits the NISC and the NISC Satellite Office (NSO) to provide admissibility recommendations to CBSA on shipments imported into Canada for the Food, Animal and Plant related programs declared using the Integrated Import Declaration (IID) message (Service Option).&lt;/div&gt;  &lt;div&gt;IAA:&lt;/div&gt;  &lt;div&gt;• Displays transactional information and import documents declared to CFIA.&lt;/div&gt;  &lt;div&gt;• Allows the CFIA to determine eligibility of entry for shipments ahead of arrival at the border and refuse entry if necessary;&lt;/div&gt;  &lt;div&gt;• Captures and displays information IID messages received via the</t>
  </si>
  <si>
    <t>CFIA-CFIA - 0220</t>
  </si>
  <si>
    <t>SWI Responder Service</t>
  </si>
  <si>
    <t>SWIRS</t>
  </si>
  <si>
    <t>CFIA-CFIA - 0221</t>
  </si>
  <si>
    <t>SWI Processor Service</t>
  </si>
  <si>
    <t>SWIPS</t>
  </si>
  <si>
    <t>CFIA-CFIA - 0222</t>
  </si>
  <si>
    <t>SWI Tasks Service</t>
  </si>
  <si>
    <t>SWITS</t>
  </si>
  <si>
    <t>CFIA-CFIA - 0223</t>
  </si>
  <si>
    <t>WSFTP Pro</t>
  </si>
  <si>
    <t>&lt;div&gt;&lt;font face="Times New Roman" size=3 color=black&gt;WS_FTP Professional from Ipswitch File Transfer to simplify file transfer tasks, save time, and improve communications.&lt;/font&gt;&lt;/div&gt;</t>
  </si>
  <si>
    <t>CFIA-CFIA - 0224</t>
  </si>
  <si>
    <t>SWI HS Code Filter</t>
  </si>
  <si>
    <t>SWIHS</t>
  </si>
  <si>
    <t>CFIA-CFIA - 0225</t>
  </si>
  <si>
    <t>Docushare Tier 1</t>
  </si>
  <si>
    <t>DDST1</t>
  </si>
  <si>
    <t>CFIA-CFIA - 0226</t>
  </si>
  <si>
    <t>Compliance Verification System  (secondary)</t>
  </si>
  <si>
    <t>CVS2</t>
  </si>
  <si>
    <t>CFIA-CFIA - 0227</t>
  </si>
  <si>
    <t>WEB_CDO</t>
  </si>
  <si>
    <t>CFIA-CFIA - 0228</t>
  </si>
  <si>
    <t>Public Web Site</t>
  </si>
  <si>
    <t>pws</t>
  </si>
  <si>
    <t>&lt;div&gt;Official CFIA public web site to notify the public on all food-related issues.&lt;/div&gt;</t>
  </si>
  <si>
    <t>CFIA-CFIA - 0229</t>
  </si>
  <si>
    <t>Listserv sign up: Food recall notifications</t>
  </si>
  <si>
    <t>frn</t>
  </si>
  <si>
    <t>CFIA-CFIA - 0230</t>
  </si>
  <si>
    <t>Listserv sign up: Other food-related notifications</t>
  </si>
  <si>
    <t>ofrn</t>
  </si>
  <si>
    <t>CFIA-CFIA - 0231</t>
  </si>
  <si>
    <t>Listserv sign up: Animal health and feed-related notifications</t>
  </si>
  <si>
    <t>ahfn</t>
  </si>
  <si>
    <t>CFIA-CFIA - 0232</t>
  </si>
  <si>
    <t>Listserv sign up: Plant health, seed and fertilizer-related notifications</t>
  </si>
  <si>
    <t>phfn</t>
  </si>
  <si>
    <t>CFIA-CFIA - 0233</t>
  </si>
  <si>
    <t>Listserv sign up: "What's New" and general information notifications</t>
  </si>
  <si>
    <t>whgin</t>
  </si>
  <si>
    <t>CFIA-CFIA - 0234</t>
  </si>
  <si>
    <t>Electronic Inspection Worksheet (Wave 1)</t>
  </si>
  <si>
    <t>EIW</t>
  </si>
  <si>
    <t>&lt;div&gt;&lt;font face=Arial size=2 color=black&gt;Wave 1 is a solution designed to translate the PCP verification inspection worksheet into a CRM solution and pilot the solution with a subset of CFIA inspectors. &lt;/font&gt;&lt;font size=2 color=black&gt;The scope of the initial roll out will target on PCP inspections in Dairy, Greenhouse, Fish and Oil Seeds business lines. &amp;nbsp;There are approximately 30 inspectors from each business line distributed across the country.&lt;/font&gt;&lt;/div&gt;</t>
  </si>
  <si>
    <t>CFIA-CFIA - 0235</t>
  </si>
  <si>
    <t>RDHI External</t>
  </si>
  <si>
    <t>rdhie</t>
  </si>
  <si>
    <t>CFIA-CFIA - 0236</t>
  </si>
  <si>
    <t>Farm Layout Manager</t>
  </si>
  <si>
    <t>flm</t>
  </si>
  <si>
    <t>&lt;div&gt;Is an administrative module within the Laboratory Sample Tracking System (LSTS) which directly supports the Plum Pox Virus Survey activities conducted by the CFIA.&lt;/div&gt;  &lt;div&gt;&amp;nbsp;&lt;/div&gt;  &lt;div&gt;FLM provides functionality to authorized LSTS Plant Health Administrators allowing them to maintain:&lt;/div&gt;  &lt;div&gt;- Farm Block Layouts;&lt;/div&gt;  &lt;div&gt;- Farm Block Types; and&lt;/div&gt;  &lt;div&gt;- Designate Quarantine Area.&lt;/div&gt;</t>
  </si>
  <si>
    <t>CFIA-CFIA - 0237</t>
  </si>
  <si>
    <t>Pre-market Application Submission</t>
  </si>
  <si>
    <t>PASO</t>
  </si>
  <si>
    <t>UNKNOWN</t>
  </si>
  <si>
    <t>CFIA-CFIA - 0238</t>
  </si>
  <si>
    <t>TMA/EMM</t>
  </si>
  <si>
    <t>TMA non-simplified table includes the date application was received, applicant, products, reason for TMA, brand names, container size, period for which the TMA is granted, TMA number, marketing area, country of origin, hyperlinks to TMA letter pdf and lab</t>
  </si>
  <si>
    <t>CFIA-CFIA - 0239</t>
  </si>
  <si>
    <t>Regulatory Agenda "Green and Gold"</t>
  </si>
  <si>
    <t>RA</t>
  </si>
  <si>
    <t>This Excel spreadsheet keeps a basic information repository of all regulatory amendment projects (completed and in development). Updated weekly, it provides information for use in further reports to senior management.</t>
  </si>
  <si>
    <t>CFIA-CFIA - 0240</t>
  </si>
  <si>
    <t>Accredited Veterinarian Information System</t>
  </si>
  <si>
    <t>AVIS</t>
  </si>
  <si>
    <t>AVIS in a Microsoft Access database and was created to provide a standard form across the four areas to track and maintain data associated with the Animal Health Accredited Vet program.  There are four stand-alone databases, one in each area.  They can no longer be synchronized, as the individual data sets are too large.  Each database is exceeding its threshold for data storage.</t>
  </si>
  <si>
    <t>Personal Database Software</t>
  </si>
  <si>
    <t>CFIA-CFIA - 0241</t>
  </si>
  <si>
    <t>ACIA Enquete Quebec Principal</t>
  </si>
  <si>
    <t>EQP</t>
  </si>
  <si>
    <t>Base de données regroupant tous les dossiers d'enquêtes des SEAL québec.</t>
  </si>
  <si>
    <t>CFIA-CFIA - 0242</t>
  </si>
  <si>
    <t>Aquapiq</t>
  </si>
  <si>
    <t>CFIA-CFIA - 0243</t>
  </si>
  <si>
    <t>EJS</t>
  </si>
  <si>
    <t>CFIA-CFIA - 0244</t>
  </si>
  <si>
    <t>Business Continuity Planning data</t>
  </si>
  <si>
    <t>BCPD</t>
  </si>
  <si>
    <t>&lt;div&gt;Under the Government of Canada operational standard for Business Continuity Planning, the components of the BCP program are: &lt;/div&gt;  &lt;div&gt;a. &amp;nbsp;The establishment of BCP Program governance. &lt;/div&gt;  &lt;div&gt;b. The conduct of a business impact analysis.&lt;/div&gt;  &lt;div&gt;c. The development of business continuity plans and arrangements. &lt;/div&gt;  &lt;div&gt;d. The maintenance of BCP Program readiness.&lt;/div&gt;</t>
  </si>
  <si>
    <t>Business Continuity Software</t>
  </si>
  <si>
    <t>CFIA-CFIA - 0245</t>
  </si>
  <si>
    <t>CCVB Annual Licence Permit Holders</t>
  </si>
  <si>
    <t>CCVBALPH</t>
  </si>
  <si>
    <t>&lt;div&gt;The Veterinary Biologics Annual Licence and Import Permit Holders database is an Excel-based spreadsheet listing all holders of Veterinary Biologics Annual Commercial Import Permits, Veterinary Biologics Annual Non-commercial Import Permits, Canadian Veterinary Biologics Product Licences and Canadian Veterinary Biologics Establishment Licences. The dataset contains contact information, site location, type of annual licence or import permit held, the approved activities at each licenced or permitted site, the date of last inspection by Veterinary Biologics (VB) program inspectors, frequency of inspection and the due date for the next inspection. &lt;/div&gt;</t>
  </si>
  <si>
    <t>CFIA-CFIA - 0246</t>
  </si>
  <si>
    <t>CCVB Export Certificates Log 2012</t>
  </si>
  <si>
    <t>CCVBECL</t>
  </si>
  <si>
    <t>&lt;div&gt;The CCVB Export Certificates Log Book tracks issued export certificates and health certificates for Canadian manufactured veterinary biologics prepared by the Canadian Centre for Veterinary Biologics. The captured data includes: the applicant /manufacturer/ of the veterinary biologic product, the product(s) being exported, the date of application receipt and the date of issuance of the export certificate.&lt;/div&gt;</t>
  </si>
  <si>
    <t>CFIA-CFIA - 0247</t>
  </si>
  <si>
    <t>CCVB Inspection tracking Log 2012</t>
  </si>
  <si>
    <t>CCVBITL</t>
  </si>
  <si>
    <t>&lt;div&gt;Lists all administrative and financial details of inspections of veterinary biologics (VB) manufacturers and of Canadian-based VB importers as carried out by Canadian Centre for Veterinary Biologics reviewers/inspectors and by VB Operations inspectors from the year 2010 onwards&lt;/div&gt;</t>
  </si>
  <si>
    <t>CFIA-CFIA - 0248</t>
  </si>
  <si>
    <t>CCVB New Product Submission</t>
  </si>
  <si>
    <t>CCVBNPS</t>
  </si>
  <si>
    <t>&lt;div&gt;The Excel-based spreadsheet captures data for the receipt, paid fees for services, and service standard data for screening, initial review and licensing activities of veterinary biologic dossiers or submissions. &lt;/div&gt;</t>
  </si>
  <si>
    <t>CFIA-CFIA - 0249</t>
  </si>
  <si>
    <t>CCVB Non-Annual Import Permit Log 2012</t>
  </si>
  <si>
    <t>CCVBNAIPL</t>
  </si>
  <si>
    <t>&lt;div&gt;&amp;nbsp;Veterinary Biologics Non Annual Import Permit database is an Excel-based spreadsheet listing all holders of Veterinary Biologics Import Permits for Research or for Emergency Use. The dataset contains contact information, site location, the permitted product, the date of application receipt and the date of permit isuance.&lt;/div&gt;</t>
  </si>
  <si>
    <t>CFIA-CFIA - 0250</t>
  </si>
  <si>
    <t>CCVB Permit to Release Log Book</t>
  </si>
  <si>
    <t>CCVBPRLB</t>
  </si>
  <si>
    <t>&lt;div&gt;This dataset provides a record of all serials (also known as batches) of veterinary biologics (vaccines, diagnostic kits, antibody products) subject to a review of quality control data prior to approval (referred to as a 'serial release') by Canadian Centre for Veterinary Biologics for sale and distribution in Canada.&lt;/div&gt;</t>
  </si>
  <si>
    <t>CFIA-CFIA - 0251</t>
  </si>
  <si>
    <t>CCVB Revenues-VB Log 2012</t>
  </si>
  <si>
    <t>CCVBRVBL</t>
  </si>
  <si>
    <t>&lt;div&gt;Administrative collation of CCVB revenue from fees collected as per CFIA Fees Notice. Listed by financial code (VB number) and date.&lt;/div&gt;</t>
  </si>
  <si>
    <t>CFIA-CFIA - 0252</t>
  </si>
  <si>
    <t>CCVB Serial Release Log 2012</t>
  </si>
  <si>
    <t>CCVBSRL</t>
  </si>
  <si>
    <t>CFIA-CFIA - 0253</t>
  </si>
  <si>
    <t>CCVB Suspected Adverse Events Log 2012</t>
  </si>
  <si>
    <t>CCVBSAEL</t>
  </si>
  <si>
    <t>&lt;div&gt;All details for reports of suspected adverse reactions to veterinary biologics. Decommissioned. &amp;nbsp;To be replaced by the software application PV Works (currently undergoing user acceptance testing).&lt;/div&gt;</t>
  </si>
  <si>
    <t>CFIA-CFIA - 0254</t>
  </si>
  <si>
    <t>CFIA Fish List (dai)</t>
  </si>
  <si>
    <t>&lt;div&gt;Database of acceptable common names for fish that can be used for labeling.&lt;/div&gt;</t>
  </si>
  <si>
    <t>CFIA-CFIA - 0255</t>
  </si>
  <si>
    <t>CVS Feed Database</t>
  </si>
  <si>
    <t>CVSFD</t>
  </si>
  <si>
    <t>&lt;div&gt;Microsoft Access database used by data entry staff to process, store, and report on information related to compliance verifications at federally registered Feed establishments. Clerical staff receive inspection reports from inspection staff directly. &lt;/div&gt;</t>
  </si>
  <si>
    <t>CFIA-CFIA - 0256</t>
  </si>
  <si>
    <t>CVS Rendereing database</t>
  </si>
  <si>
    <t>CVSRD</t>
  </si>
  <si>
    <t>&lt;div&gt;Microsoft Access database used by data entry staff to process, store, and report on information related to compliance verifications at federally registered Rendering establishments. Clerical staff receive inspection reports from inspection staff directly. &lt;/div&gt;</t>
  </si>
  <si>
    <t>CFIA-CFIA - 0257</t>
  </si>
  <si>
    <t>Canada Organic Office Complaint Register</t>
  </si>
  <si>
    <t>COOCR</t>
  </si>
  <si>
    <t>All complaints are logged in the Complaint register. The completed file contains all the information related to complaint investigation. The register is an Excel spread sheet  organised by type of complaint, date received, originator, follow up action, and status. It is maintained internally. Only COO has access to the data.</t>
  </si>
  <si>
    <t>CFIA-CFIA - 0258</t>
  </si>
  <si>
    <t>Canadian Emergency Management Response System(dai)</t>
  </si>
  <si>
    <t>CFIA-CFIA - 0259</t>
  </si>
  <si>
    <t>Challenge Check Samples 2012</t>
  </si>
  <si>
    <t>&lt;div&gt;An Access database containing data collected from technicians using CFIA protocols and standard operating procedures.&lt;/div&gt;</t>
  </si>
  <si>
    <t>CFIA-CFIA - 0260</t>
  </si>
  <si>
    <t>Charlottetown Lab Culture Collection Database</t>
  </si>
  <si>
    <t>CLCCD</t>
  </si>
  <si>
    <t>&lt;div&gt;An Access database containing bacteria information.&lt;/div&gt;</t>
  </si>
  <si>
    <t>CFIA-CFIA - 0261</t>
  </si>
  <si>
    <t>Charlottetown Laboratory Master Sample Inventory</t>
  </si>
  <si>
    <t>CLMSI</t>
  </si>
  <si>
    <t>&lt;div&gt;An Access database containing sample inventory for the Charlottetown laboratory. &lt;/div&gt;</t>
  </si>
  <si>
    <t>CFIA-CFIA - 0262</t>
  </si>
  <si>
    <t>Cheese Import database</t>
  </si>
  <si>
    <t>CID</t>
  </si>
  <si>
    <t>This Access database was created in QC to track imports of cheese and compliance data to facilitate follow-up and control over imports.    There was an attempt to make the database national but being in Access there was difficult making available to all and in maintenance.</t>
  </si>
  <si>
    <t>CFIA-CFIA - 0263</t>
  </si>
  <si>
    <t>Culture Validation database</t>
  </si>
  <si>
    <t>CVD</t>
  </si>
  <si>
    <t>&lt;div&gt;Access database containing cultures information. &lt;/div&gt;</t>
  </si>
  <si>
    <t>CFIA-CFIA - 0264</t>
  </si>
  <si>
    <t>Dairy List of Registered Establishments and List of Establishments for Distribut</t>
  </si>
  <si>
    <t>DLRE</t>
  </si>
  <si>
    <t>This database is used to capture all client information including products and volume produced of registered dairy establishments.    The information is used by Accounts Receivable for sending out invoices, by Programs to send out program updates, to track types of products made, for data when determining inspection frequencies etc.. The distribution file is used by other government agencies to list dairy companies in Canada and is sent out on request to the public or other interested stakeholders.</t>
  </si>
  <si>
    <t>CFIA-CFIA - 0265</t>
  </si>
  <si>
    <t>Dairy MCAP data</t>
  </si>
  <si>
    <t>DMCAP</t>
  </si>
  <si>
    <t>&lt;div&gt;This folder contains data dumps from MCAP but is also used to capture data on follow-ups that aren't tracked in MCAP. Establishments with outstanding tasks are identified and then an email is sent to each inspection office of these plants and an update on follow-ups is requested.&lt;/div&gt;</t>
  </si>
  <si>
    <t>CFIA-CFIA - 0266</t>
  </si>
  <si>
    <t>Dairy Program Policy Decision Database</t>
  </si>
  <si>
    <t>DPPDD</t>
  </si>
  <si>
    <t>CFIA-CFIA - 0267</t>
  </si>
  <si>
    <t>Dairy QLIs and audit findings</t>
  </si>
  <si>
    <t>DQLI</t>
  </si>
  <si>
    <t>CFIA-CFIA - 0268</t>
  </si>
  <si>
    <t>Data_0910</t>
  </si>
  <si>
    <t>Data_0911</t>
  </si>
  <si>
    <t>Database contains results of CFIA and private lab testing various food commodities (meat, fresh, processed, dairy, honey, maple, egg) of under NCRMP and FSAP Special Surveys and Allergens sampling, NCRMP and FSAP testing results from contract labs.</t>
  </si>
  <si>
    <t>CFIA-CFIA - 0269</t>
  </si>
  <si>
    <t>Egg - Decisions and Label database</t>
  </si>
  <si>
    <t>CFIA-CFIA - 0270</t>
  </si>
  <si>
    <t>Egg - List of registered establishments</t>
  </si>
  <si>
    <t>ELRE</t>
  </si>
  <si>
    <t>&lt;div&gt;Provides the list of registered shell egg and processed egg establishments, including establishment number, name, address and contact information.&lt;/div&gt;</t>
  </si>
  <si>
    <t>CFIA-CFIA - 0271</t>
  </si>
  <si>
    <t>Egg  Inspection Reports</t>
  </si>
  <si>
    <t>EIR</t>
  </si>
  <si>
    <t>&lt;div&gt;Template of reports that capture data that reflects different activities carried out under the Egg Program, as well as events, issues, challenges and accomplishments related to program delivery &amp;nbsp;and the industry. This information will help streamline tasks, resources and improve delivery of program priorities.&lt;/div&gt;</t>
  </si>
  <si>
    <t>CFIA-CFIA - 0272</t>
  </si>
  <si>
    <t>Equipment database</t>
  </si>
  <si>
    <t>EQUIP_D</t>
  </si>
  <si>
    <t>This database hold all of the critical equipment in our building</t>
  </si>
  <si>
    <t>CFIA-CFIA - 0273</t>
  </si>
  <si>
    <t>List of Regulated Commodoties</t>
  </si>
  <si>
    <t>LRC</t>
  </si>
  <si>
    <t>CFIA-CFIA - 0274</t>
  </si>
  <si>
    <t>FSD_Micro_STEC Trims Industry Database</t>
  </si>
  <si>
    <t>FSDMST</t>
  </si>
  <si>
    <t>Designed by the CFIA for abattoirs producing raw beef manufacturing trimmings for the export to the USA.  Samples collected by the operators and submitted to private labs for the analysis of Shiga toxins-producing Escherichia coli (STEC) O26, O103, O111, O121, O45, O145, and 0157. All results reported to CFIA.</t>
  </si>
  <si>
    <t>CFIA-CFIA - 0275</t>
  </si>
  <si>
    <t>fact2013</t>
  </si>
  <si>
    <t>Fact2013</t>
  </si>
  <si>
    <t>Système de facturation qui génère les factures trimestriellement pour les établissements agréés du Québec en copiant les factures du trimestre précédent, permet au titulaire de modifié / de créer de nouvelles factures. Il est relié à un Plan d'action dans MS Access, qui est un répertoire de tous les établissements.</t>
  </si>
  <si>
    <t>The database records all details related to import, confined and unconfined release applications; inspection reports; records of decision; financial information related to applications; and requests for science advice.</t>
  </si>
  <si>
    <t>CFIA-CFIA - 0277</t>
  </si>
  <si>
    <t>Fish List reporting names solution</t>
  </si>
  <si>
    <t>FLRNS</t>
  </si>
  <si>
    <t>CFIA-CFIA - 0278</t>
  </si>
  <si>
    <t>Foreign Plant Quarantine Import Requirement Forestry Tracking Sheet</t>
  </si>
  <si>
    <t>FPQIR</t>
  </si>
  <si>
    <t>Used to summarize changes to Export Certification System (ECS) specific to forestry issues. Allows to track how often we update ECS and to record decision of how ECS was changed in response to request for information.</t>
  </si>
  <si>
    <t>CFIA-CFIA - 0279</t>
  </si>
  <si>
    <t>Guide to Additives Permitted in Fish and Fish Products</t>
  </si>
  <si>
    <t>FISPOIADD</t>
  </si>
  <si>
    <t>CFIA-CFIA - 0280</t>
  </si>
  <si>
    <t>HT draft master</t>
  </si>
  <si>
    <t>HT</t>
  </si>
  <si>
    <t>Access data base. master resides on O drive and replicas in 5 locations throughout the country</t>
  </si>
  <si>
    <t>CFIA-CFIA - 0281</t>
  </si>
  <si>
    <t>ID draft master</t>
  </si>
  <si>
    <t>IDM</t>
  </si>
  <si>
    <t>CFIA-CFIA - 0282</t>
  </si>
  <si>
    <t>Illegal Importation of VB, Log Book</t>
  </si>
  <si>
    <t>IIVB</t>
  </si>
  <si>
    <t>CFIA-CFIA - 0283</t>
  </si>
  <si>
    <t>Inquiry team - Tracking Document</t>
  </si>
  <si>
    <t>ITD</t>
  </si>
  <si>
    <t>The database contains questions and responses to inquiries requiring clarification for Operations Area Specialists/Program Officers on labelling and claims for foods. The database can be searched using key words. Each inquiry response is saved as a RDIMS</t>
  </si>
  <si>
    <t>CFIA-CFIA - 0284</t>
  </si>
  <si>
    <t>Complaints &amp; Appeals Log</t>
  </si>
  <si>
    <t>CAL</t>
  </si>
  <si>
    <t>The Complaints and Appeals Office log contains information to date, on the status of all complaints filed  with the Complaints and Appeals Office.</t>
  </si>
  <si>
    <t>CFIA-CFIA - 0285</t>
  </si>
  <si>
    <t>Language Training Status Report - Non Imperative Appointments</t>
  </si>
  <si>
    <t>LTSR</t>
  </si>
  <si>
    <t>Information in the reports: number of employees that are currently staffed in a non-imperative position who still need to meet their language levels, exemption period, how many attended/completed language training to meet their language levels as part of</t>
  </si>
  <si>
    <t>CFIA-CFIA - 0286</t>
  </si>
  <si>
    <t>Learning Activity Database</t>
  </si>
  <si>
    <t>LAD</t>
  </si>
  <si>
    <t>CFIA-CFIA - 0287</t>
  </si>
  <si>
    <t>Letter of No Objection Log</t>
  </si>
  <si>
    <t>LNOL</t>
  </si>
  <si>
    <t>The log contains a list of the letters of no objection issued by Health Canada in response to industry submissions including pre-market notifications, novel food submissions and interim marketing authorization requests for food products.</t>
  </si>
  <si>
    <t>CFIA-CFIA - 0288</t>
  </si>
  <si>
    <t>List of Cheese Import Licenses</t>
  </si>
  <si>
    <t>LCIL</t>
  </si>
  <si>
    <t>This list is used by the Import Service Centre to verify that the licence number on the import declaration is valid and belongs to the importer.  This allows them to make their recommendation to CBSA to release or refuse product.</t>
  </si>
  <si>
    <t>CFIA-CFIA - 0289</t>
  </si>
  <si>
    <t>List of USDA Processed Egg Establishment</t>
  </si>
  <si>
    <t>LPEE</t>
  </si>
  <si>
    <t>List of USDA Processed Egg Establishments which are eligible for exporting egg products to Canada. Includes establishment number, name, address, contact information.</t>
  </si>
  <si>
    <t>CFIA-CFIA - 0290</t>
  </si>
  <si>
    <t>Liste d'etablissement du Quebec</t>
  </si>
  <si>
    <t>LEQ</t>
  </si>
  <si>
    <t>A list created to have all the information of Québecs establishments for all programs. Name, address, contact person and number, emergecy contact person and number etc. presently updated by the supervisors.</t>
  </si>
  <si>
    <t>CFIA-CFIA - 0291</t>
  </si>
  <si>
    <t>Liste de permis MRS</t>
  </si>
  <si>
    <t>LMRS</t>
  </si>
  <si>
    <t>Four spreadsheets containing SRM annual permit information.  They include additional information on the CFIA office that issued the license.</t>
  </si>
  <si>
    <t>CFIA-CFIA - 0292</t>
  </si>
  <si>
    <t>Live Animal Health Module - ICTS</t>
  </si>
  <si>
    <t>LAHM</t>
  </si>
  <si>
    <t>CFIA-CFIA - 0293</t>
  </si>
  <si>
    <t>ATIES</t>
  </si>
  <si>
    <t>CFIA-CFIA - 0294</t>
  </si>
  <si>
    <t>ARCigs</t>
  </si>
  <si>
    <t>CFIA-CFIA - 0295</t>
  </si>
  <si>
    <t>Mail_Services</t>
  </si>
  <si>
    <t>This database is used to create and re-create Debit memos, Credit memos, cheque returns. It also allows reporting and monitoring.  This database is used and managed solely by the National Accounts Receivable Service Centre.</t>
  </si>
  <si>
    <t>CFIA-CFIA - 0296</t>
  </si>
  <si>
    <t>NHP Database Temporary Marketing Authorization Letters</t>
  </si>
  <si>
    <t>NHPDB</t>
  </si>
  <si>
    <t>CFIA-CFIA - 0297</t>
  </si>
  <si>
    <t>Net Quantity Verification Tool</t>
  </si>
  <si>
    <t>NQVT</t>
  </si>
  <si>
    <t>CFIA-CFIA - 0298</t>
  </si>
  <si>
    <t>New_Inquiry</t>
  </si>
  <si>
    <t>Used for the tracking of inquiries by regulated parties related to cost recovery invoices.  This database is used and managed solely by the National Accounts Receivable Service Centre.</t>
  </si>
  <si>
    <t>CFIA-CFIA - 0299</t>
  </si>
  <si>
    <t>PIP access</t>
  </si>
  <si>
    <t>PIP</t>
  </si>
  <si>
    <t>CFIA-CFIA - 0300</t>
  </si>
  <si>
    <t>Plandac2000</t>
  </si>
  <si>
    <t>Plandac2001</t>
  </si>
  <si>
    <t>contient l'appellation légale des établissements sous inspection fédérale du Québec, leur bureau de vente, leur numéros de compte clients, leur adresse, leurs numéros de téléphone et fax, leur statut (ouvert ou fermé).  Ce plan d'action est relié au système de facturation: Fact2013.mdb</t>
  </si>
  <si>
    <t>CFIA-CFIA - 0301</t>
  </si>
  <si>
    <t>Plant Breeders' right FoxPro database</t>
  </si>
  <si>
    <t>PBR</t>
  </si>
  <si>
    <t>CFIA-CFIA - 0302</t>
  </si>
  <si>
    <t>Plant Protection Survey databases (pre-2010)</t>
  </si>
  <si>
    <t>CFIA-CFIA - 0303</t>
  </si>
  <si>
    <t>Poultry Team Folder</t>
  </si>
  <si>
    <t>PTF</t>
  </si>
  <si>
    <t>CFIA-CFIA - 0304</t>
  </si>
  <si>
    <t>Quality Management System Document Database (charlottetown)</t>
  </si>
  <si>
    <t>QMSDD</t>
  </si>
  <si>
    <t>CFIA-CFIA - 0305</t>
  </si>
  <si>
    <t>Risk-based data - RTE Meat Environmental Sampling</t>
  </si>
  <si>
    <t>RTEMES</t>
  </si>
  <si>
    <t>Meat Program Manual of Procedures Chapter 4 Annex I. Risk-based Verification Sampling of Ready-to-Eat Meat and Poultry Products. Operators are responsible for product testing, at a defined frequency, for Listeria monocytogenes, Salmonella and E. coli 0157, and reporting these results to CIFA's Food Safety Division.</t>
  </si>
  <si>
    <t>CFIA-CFIA - 0306</t>
  </si>
  <si>
    <t>Security Incident Reports database</t>
  </si>
  <si>
    <t>SIR</t>
  </si>
  <si>
    <t>In 2008 and every year after, security incidents reports on a national policy process, uses a Desktop Eform for employees to use. Forms Management designed a databank to collect all SIRs on an annual basis. The databank is kept by corporate security.</t>
  </si>
  <si>
    <t>CFIA-CFIA - 0307</t>
  </si>
  <si>
    <t>Simultation Exam for Inspectors</t>
  </si>
  <si>
    <t>SEI</t>
  </si>
  <si>
    <t>Access database backend required to capture and store exam results from inspector recruitment processes. Automated scanning of test results and tracking of applicant scores.</t>
  </si>
  <si>
    <t>CFIA-CFIA - 0308</t>
  </si>
  <si>
    <t>Staffing Log (DAI)</t>
  </si>
  <si>
    <t>SL</t>
  </si>
  <si>
    <t>Tracking log for 3811s and various staffing and classification requests</t>
  </si>
  <si>
    <t>CFIA-CFIA - 0309</t>
  </si>
  <si>
    <t>SurveyMonkey / FluidSurvey's</t>
  </si>
  <si>
    <t>SMFS</t>
  </si>
  <si>
    <t>This online tool is used to create online surveys for a variety of purposes, including stakeholder and employee feedback and consultations.    There are between 150-200 individual surveys that would require more time to assess their appropriateness agains</t>
  </si>
  <si>
    <t>CFIA-CFIA - 0310</t>
  </si>
  <si>
    <t>System des autorisations/exemtions</t>
  </si>
  <si>
    <t>SAE</t>
  </si>
  <si>
    <t>CFIA-CFIA - 0311</t>
  </si>
  <si>
    <t>TIES Historical</t>
  </si>
  <si>
    <t>TIESH</t>
  </si>
  <si>
    <t>Data transfered from excel spreadsheets post 2006 for import and export of live animals, semen and embryos.</t>
  </si>
  <si>
    <t>CFIA-CFIA - 0312</t>
  </si>
  <si>
    <t>TMA Simplified Process - Tracking Table</t>
  </si>
  <si>
    <t>TMASP</t>
  </si>
  <si>
    <t>Spreadsheet that logs approved Test Market Authorizations (TMA) for the simplified process granted under the authority of Part 1.2 Section 9.1 of the Processed Products Regulations. The table includes company names, products, reason for TMA, brand names a</t>
  </si>
  <si>
    <t>CFIA-CFIA - 0313</t>
  </si>
  <si>
    <t>Tracking</t>
  </si>
  <si>
    <t>CFIA-CFIA - 0314</t>
  </si>
  <si>
    <t>Tracking Import Export System</t>
  </si>
  <si>
    <t>TIES</t>
  </si>
  <si>
    <t>&lt;div&gt;Copies, faxes or scanned Export and import certificates are sent to NCR, entered by 4 clerks into the MSAccess database (TIES), all documents are scanned and saved and are linked to the data in the system, we can query with TIES and have an EOR package.&lt;/div&gt;</t>
  </si>
  <si>
    <t>CFIA-CFIA - 0315</t>
  </si>
  <si>
    <t>Tracking sheet for IMFD Web Responses</t>
  </si>
  <si>
    <t>TIMFD</t>
  </si>
  <si>
    <t>&lt;div&gt;This Excel spreadsheet tracks all web responses generated by the Imported and Manufactured Food Division. It is a useful resource for locating previous correspondence to assist in wording of new responses. It is also used to report on communication activities.&lt;/div&gt;</t>
  </si>
  <si>
    <t>CFIA-CFIA - 0316</t>
  </si>
  <si>
    <t>db3</t>
  </si>
  <si>
    <t>DB3</t>
  </si>
  <si>
    <t>This database tracks the controlled documents in our laboratory's management system. It tracks the documents, when they are due to be reviewed, acknowledgements from employees, etc.</t>
  </si>
  <si>
    <t>CFIA-CFIA - 0317</t>
  </si>
  <si>
    <t>CIAQ - Semences des bovins</t>
  </si>
  <si>
    <t>ciaq</t>
  </si>
  <si>
    <t>Tous les tests faits (date &amp; résultats) pour permettre:  - l'entrée de nouveaux taureaux au CIAQ.  - de rencontrer les exigences du programme     canadien d'insémination artificielle (tests semi-annuels et annuels)  - de rencontrer les exigences supplémentaires d'exportation de semence des différents pays.</t>
  </si>
  <si>
    <t>CFIA-CFIA - 0318</t>
  </si>
  <si>
    <t>Base de données pour les fromages importés</t>
  </si>
  <si>
    <t>Historique des fromages importés.  Données sur la description de ces fromages, avec ses analyses de microbiologie et composition, donnant la fréquence d'inspection de ces fromages, soit normale ou dirigé.  Ceci pour valider l'article 26 du règlement sur les produits laitiers et chapitre 16 du manuel inspection sur des produits laitiers.</t>
  </si>
  <si>
    <t>CFIA-CFIA - 0319</t>
  </si>
  <si>
    <t>Recall Publishing</t>
  </si>
  <si>
    <t>CFIA-CFIA - 0321</t>
  </si>
  <si>
    <t>National Strain Bank</t>
  </si>
  <si>
    <t>This database is an inventory of all bacterial isolates that were detected and identified from food, feed or fertilizer samples by the CFIA food microbiology labs. This inventory list is a biosafety requirement and must be available at all labs that have</t>
  </si>
  <si>
    <t>CFIA-CFIA - 0323</t>
  </si>
  <si>
    <t>(6 Spreadsheets) 1) PSP Sample Submission Tracking and Contacts, 2) Contaminated</t>
  </si>
  <si>
    <t>Spreadsheets used to track and monitor marine biotoxin samples and sample results, for tracking illnesses and analyzing trends, maintain sampler contact information, provide historical context on test results, contain information for making assessments on openings and closures of shellfish growing areas, to generate reports for industry and other government agencies.</t>
  </si>
  <si>
    <t>CFIA-CFIA - 0324</t>
  </si>
  <si>
    <t>NCFADDocControldb6.mdb</t>
  </si>
  <si>
    <t>Tracks issued, destroyed and archived barcoded documents eg test methods, Standard Operating Procedures (SOPs). Only system in use for this purpose.</t>
  </si>
  <si>
    <t>CFIA-CFIA - 0325</t>
  </si>
  <si>
    <t>LRRU Reg Database 1999(H) - 2013 AND LRRU eSubmissions_data2005 - 2013</t>
  </si>
  <si>
    <t>CFIA-CFIA - 0326</t>
  </si>
  <si>
    <t>Orchard</t>
  </si>
  <si>
    <t>The database tracks location of test samples while undergoing a full range of testing at facility; tracks testing and results; generates test reports and information on specific test samples; tracks virus tested stock for Cdn export programs; tracks distr</t>
  </si>
  <si>
    <t>CFIA-CFIA - 0327</t>
  </si>
  <si>
    <t>MSDS Manager &amp; Chemical Inventory</t>
  </si>
  <si>
    <t>CFIA-CFIA - 0328</t>
  </si>
  <si>
    <t>CertExp.mdb</t>
  </si>
  <si>
    <t>CFIA-CFIA - 0329</t>
  </si>
  <si>
    <t>AGM Ship Database</t>
  </si>
  <si>
    <t>CFIA-CFIA - 0330</t>
  </si>
  <si>
    <t>ciesubs 2k2a.mdb</t>
  </si>
  <si>
    <t>An Access database containing information on applications for submissions.</t>
  </si>
  <si>
    <t>CFIA-CFIA - 0332</t>
  </si>
  <si>
    <t>Check Samples</t>
  </si>
  <si>
    <t>An Access database containing assessment details of tests performed on samples.</t>
  </si>
  <si>
    <t>CFIA-CFIA - 0333</t>
  </si>
  <si>
    <t>Alberta South Egg Tracking Report 2012-2013</t>
  </si>
  <si>
    <t>CFIA-CFIA - 0334</t>
  </si>
  <si>
    <t>PT Trending Control Charts</t>
  </si>
  <si>
    <t>This Excel database contains data on our lab's performance in various Proficiency Testing (PT) programs, and includes various charts which are used to detect any trends.</t>
  </si>
  <si>
    <t>CFIA-CFIA - 0335</t>
  </si>
  <si>
    <t>IMFP Establishment Lists</t>
  </si>
  <si>
    <t>CFIA-CFIA - 0336</t>
  </si>
  <si>
    <t>Quality Management System Document Database (saskatoon)</t>
  </si>
  <si>
    <t>CFIA-CFIA - 0337</t>
  </si>
  <si>
    <t>CFIA Fleet Inventories and Fleet Reporting</t>
  </si>
  <si>
    <t>The Excel spreadsheets capture comprehensive information and reporting on each CFIA fleet vehicle broken down by Branch/Operational Area/Region. The information can be accessed by all CFIA staff as read only and is used to monitor, control and administer</t>
  </si>
  <si>
    <t>CFIA-CFIA - 0338</t>
  </si>
  <si>
    <t>MC Sample Log In</t>
  </si>
  <si>
    <t>Used for tracking samples in the Calgary Lab.</t>
  </si>
  <si>
    <t>CFIA-CFIA - 0339</t>
  </si>
  <si>
    <t>BioSubs1 2k2a.mdb</t>
  </si>
  <si>
    <t>&lt;div&gt;Access database containing details of supplement submissions.&lt;/div&gt;</t>
  </si>
  <si>
    <t>CFIA-CFIA - 0340</t>
  </si>
  <si>
    <t>RABDATABASE</t>
  </si>
  <si>
    <t>&lt;div&gt;Several files, by year, of rabies samples sent to the Lethbridge rabies lab since its inception.&lt;/div&gt;</t>
  </si>
  <si>
    <t>CFIA-CFIA - 0341</t>
  </si>
  <si>
    <t>ACCU Database</t>
  </si>
  <si>
    <t>&lt;div&gt;Allows lab to control and monitor testing by assigning tests, creating worksheets, tracking completion of testing and disposition of samples as well as creating reports analyst responsibilities and lab status.&lt;/div&gt;  &lt;div&gt;&amp;nbsp;&lt;/div&gt;  &lt;div&gt;Access database used to monitor progress of samples in the lab by assigning testing, creating worksheets, tracking stages of analysis and creating reports on analysis within the Additives and Chemical Contaminants Unit (ACCU) of the Calgary Laboratory&lt;/div&gt;</t>
  </si>
  <si>
    <t>CFIA-CFIA - 0342</t>
  </si>
  <si>
    <t>Calgary Lab Chemical Inventory</t>
  </si>
  <si>
    <t>&lt;div&gt;An Access database containing acquisition and safety data chemicals used in the Calgary Laboratory. &lt;/div&gt;</t>
  </si>
  <si>
    <t>CFIA-CFIA - 0343</t>
  </si>
  <si>
    <t>ACCU QA Database</t>
  </si>
  <si>
    <t>&lt;div&gt;Data is collected from individual analyses to assess the performance of analysts and methods in support of the laboratory Quality System.&lt;/div&gt;  &lt;div&gt;&amp;nbsp;&lt;/div&gt;  &lt;div&gt;Additives and Chemical Contaminants Unit (ACCU)&lt;/div&gt;</t>
  </si>
  <si>
    <t>CFIA-CFIA - 0344</t>
  </si>
  <si>
    <t>Monthly Test Tally</t>
  </si>
  <si>
    <t>A spreadsheet containing information of sample assessments by the Serology/Immunology Department at National Centre for Foreign Animal Disease (NCFAD) - Winnipeg.</t>
  </si>
  <si>
    <t>CFIA-CFIA - 0345</t>
  </si>
  <si>
    <t>QC Charts</t>
  </si>
  <si>
    <t>Used to track Quality control Performace statistics for all diagnostic tests performed by CFIA @ NCFAD - Serology Department.</t>
  </si>
  <si>
    <t>CFIA-CFIA - 0346</t>
  </si>
  <si>
    <t>Plate Reader Verifications</t>
  </si>
  <si>
    <t>Database for tracking verification information for all spectrophotometric Plate readers used by the CFIA Serology Department at National Centre for Foreign Animal Disease (NCFAD) in Winnipeg.</t>
  </si>
  <si>
    <t>CFIA-CFIA - 0347</t>
  </si>
  <si>
    <t>Nov2006_database.mdb (2)</t>
  </si>
  <si>
    <t>Used to log all products receiving letters of exemption based on 3.(1)(i) of MIR from 1994 - 2011.</t>
  </si>
  <si>
    <t>CFIA-CFIA - 0348</t>
  </si>
  <si>
    <t>ofsr recall database jan 14 2009</t>
  </si>
  <si>
    <t>MS Access database to track food recall data.</t>
  </si>
  <si>
    <t>CFIA-CFIA - 0349</t>
  </si>
  <si>
    <t>Crop Inspection</t>
  </si>
  <si>
    <t>Used to record crop inspection applications and inspections as completed.</t>
  </si>
  <si>
    <t>CFIA-CFIA - 0350</t>
  </si>
  <si>
    <t>Grande Prairie 2012 Crop Inspection.mdb</t>
  </si>
  <si>
    <t>This information is used to expedite business processes. Loss of this information will slow down business processes and procedures but not result in direct loss or injury. For example it is used to consolidate information for reporting purposes.</t>
  </si>
  <si>
    <t>CFIA-CFIA - 0351</t>
  </si>
  <si>
    <t>ZY Index</t>
  </si>
  <si>
    <t>CFIA-CFIA - 0352</t>
  </si>
  <si>
    <t>PSP Sample Submission Tracking and Contacts</t>
  </si>
  <si>
    <t>Excel spreadsheet tracks frequency of marine biotoxin sample submissions for all marine biotoxin monitoring stations along BC's coastline. Contains information to make assessments for opening/closing shellfish growing areas. Contains sampler contact infor</t>
  </si>
  <si>
    <t>CFIA-CFIA - 0353</t>
  </si>
  <si>
    <t>Vancouver Harbour Post Office Database</t>
  </si>
  <si>
    <t>Collect information on each parcel inspected by CFIA at the Vancouver posy office. There is one main form that inspection data is entered, the canada post tracking number for each package is scanned by barcode reader. Compliance forms are generated by the</t>
  </si>
  <si>
    <t>CFIA-CFIA - 0354</t>
  </si>
  <si>
    <t>Grain Samples Data base</t>
  </si>
  <si>
    <t>Tracks sample submissions of grains for exports, their status in test, and amount used for phytosanitary certificates.</t>
  </si>
  <si>
    <t>CFIA-CFIA - 0355</t>
  </si>
  <si>
    <t>DQUAL</t>
  </si>
  <si>
    <t>contains historical and current information on the levels of infestation of Triaenophorus Crassus in whitefish and tullibee based on the lake from which they are fished.  Llst 10 yrs of information generates reports on lakes meeting US tolerances.  supports export of product without certificates. applicable to praires, north, Ontario</t>
  </si>
  <si>
    <t>CFIA-CFIA - 0356</t>
  </si>
  <si>
    <t>Active crop inspection database</t>
  </si>
  <si>
    <t>&lt;div&gt;Captures all the application information from the Application for Crop Inspection and Membership in the Canadian Seed Growers' Association. Captures growers growing pedigreed seed crops, number of acres, variety, and seeding date. Captures which inspector inspected a field, when, and what type of inspection. Totals how many fields should be inspected.&lt;/div&gt;</t>
  </si>
  <si>
    <t>CFIA-CFIA - 0357</t>
  </si>
  <si>
    <t>Social Media monitoring database</t>
  </si>
  <si>
    <t>&lt;div&gt;The database is a record of all online public mentions about the CFIA or one of its business lines.&lt;/div&gt;  &lt;div&gt;&amp;nbsp;&lt;/div&gt;  &lt;div&gt;System Status is currently suspended pending review of services. However we anticipate it will be reactivated shortly. &lt;/div&gt;</t>
  </si>
  <si>
    <t>CFIA-CFIA - 0358</t>
  </si>
  <si>
    <t>téléphonieXP</t>
  </si>
  <si>
    <t>CFIA-CFIA - 0359</t>
  </si>
  <si>
    <t>Inventory</t>
  </si>
  <si>
    <t>CFIA-CFIA - 0360</t>
  </si>
  <si>
    <t>Multiple Endnote libraries</t>
  </si>
  <si>
    <t>The Endnote files are reference libraries. Each botanist in our unit has their own library, plus we have some additional file-specific libraries.  COMMENT: This database is a simple listing of references for internal convenience only and is not of value f</t>
  </si>
  <si>
    <t>CFIA-CFIA - 0361</t>
  </si>
  <si>
    <t>Base de données exportation produits laitiers 03-06-2010</t>
  </si>
  <si>
    <t>CFIA-CFIA - 0362</t>
  </si>
  <si>
    <t>Quality Managment System Document Database (dai)</t>
  </si>
  <si>
    <t>CFIA-CFIA - 0363</t>
  </si>
  <si>
    <t>samples 2k2a.mdb</t>
  </si>
  <si>
    <t>CFIA-CFIA - 0364</t>
  </si>
  <si>
    <t>BioSubs1_Access97.mdb</t>
  </si>
  <si>
    <t>CFIA-CFIA - 0365</t>
  </si>
  <si>
    <t>ciesubsAccess97.mdb</t>
  </si>
  <si>
    <t>CFIA-CFIA - 0366</t>
  </si>
  <si>
    <t>samplesAccess97.mdb</t>
  </si>
  <si>
    <t>CFIA-CFIA - 0367</t>
  </si>
  <si>
    <t>ACC Column Inventory</t>
  </si>
  <si>
    <t>CFIA-CFIA - 0368</t>
  </si>
  <si>
    <t>Calgary Laboratory Document Tracking System - ACC Documents</t>
  </si>
  <si>
    <t>Collects information about Quality System documents including revision history and schedules for review  Additives and Chemical Contaminents (ACC)</t>
  </si>
  <si>
    <t>CFIA-CFIA - 0369</t>
  </si>
  <si>
    <t>Data Backup Information Directory</t>
  </si>
  <si>
    <t>Tracks information and back up of instrument data to enable recovery of archived data</t>
  </si>
  <si>
    <t>CFIA-CFIA - 0370</t>
  </si>
  <si>
    <t>MSP-003 Trend Chart, Cooked ELISA</t>
  </si>
  <si>
    <t>Used for tracking and trending of quality control samples associated with meat species testing.  in Excel, not a database but a spreadsheet with integrated graphs</t>
  </si>
  <si>
    <t>CFIA-CFIA - 0372</t>
  </si>
  <si>
    <t>North Alberta MRRS database</t>
  </si>
  <si>
    <t>CFIA-CFIA - 0373</t>
  </si>
  <si>
    <t>Nested Experiment Template V2.04.xlt</t>
  </si>
  <si>
    <t>This excel template is used to facilitate Analysis of Variance (ANOVA) analysis of method validation data for SAS. It does contain a macro to calculate values for estimation of uncertainty.</t>
  </si>
  <si>
    <t>CFIA-CFIA - 0374</t>
  </si>
  <si>
    <t>données Nématode doré version 3</t>
  </si>
  <si>
    <t>CFIA-CFIA - 0375</t>
  </si>
  <si>
    <t>Equipment Inventory</t>
  </si>
  <si>
    <t>An Access database containing information regarding the equipment inventory in the Technology Development section of the Charlottetown Laboratory.</t>
  </si>
  <si>
    <t>CFIA-CFIA - 0376</t>
  </si>
  <si>
    <t>CAHSN ordering</t>
  </si>
  <si>
    <t>CFIA-CFIA - 0377</t>
  </si>
  <si>
    <t>SschenkeveldS</t>
  </si>
  <si>
    <t>Palisade Corporation</t>
  </si>
  <si>
    <t>Accelrys Software Inc</t>
  </si>
  <si>
    <t>CFIA-CFIA - 0381</t>
  </si>
  <si>
    <t>@RISK 7.5   v7.5.01146.0</t>
  </si>
  <si>
    <t>CFIA-CFIA - 0383</t>
  </si>
  <si>
    <t>Accelrys Gene 2.5   v2.5</t>
  </si>
  <si>
    <t>ACD Systems Ltd.</t>
  </si>
  <si>
    <t>CFIA-CFIA - 0385</t>
  </si>
  <si>
    <t>ACD/Labs Software in C:\ACD12\   vv12.00, NETWORK</t>
  </si>
  <si>
    <t>CFIA-CFIA - 0387</t>
  </si>
  <si>
    <t>ACDSee Photo Manager 2009   v11.0.115</t>
  </si>
  <si>
    <t>CFIA-CFIA - 0388</t>
  </si>
  <si>
    <t>ACDSee Pro 8 (64-bits)   v8.2.0.287</t>
  </si>
  <si>
    <t>CFIA-CFIA - 0390</t>
  </si>
  <si>
    <t>ActivePerl 5.18.2 Build 1802 (64-bit)   v5.18.1802</t>
  </si>
  <si>
    <t>CFIA-CFIA - 0391</t>
  </si>
  <si>
    <t>ActiveState Komodo Edit 10.1.4   v10.1.4</t>
  </si>
  <si>
    <t>PREMIER Biosoft International</t>
  </si>
  <si>
    <t>Life Technologies</t>
  </si>
  <si>
    <t>DNASTAR</t>
  </si>
  <si>
    <t>CFIA-CFIA - 0416</t>
  </si>
  <si>
    <t>Adobe Acrobat XI Standard   v11.0.19</t>
  </si>
  <si>
    <t>CFIA-CFIA - 0419</t>
  </si>
  <si>
    <t>Adobe After Effects CS4   v9</t>
  </si>
  <si>
    <t>Tom Hall</t>
  </si>
  <si>
    <t>CFIA-CFIA - 0420</t>
  </si>
  <si>
    <t>Adobe Animate CC 2017   v16.1</t>
  </si>
  <si>
    <t>Applied Maths</t>
  </si>
  <si>
    <t>CFIA-CFIA - 0422</t>
  </si>
  <si>
    <t>Adobe Captivate 5   v5</t>
  </si>
  <si>
    <t>CFIA-CFIA - 0423</t>
  </si>
  <si>
    <t>Adobe Contribute CS4   v5</t>
  </si>
  <si>
    <t>Bio-Rad</t>
  </si>
  <si>
    <t>CFIA-CFIA - 0424</t>
  </si>
  <si>
    <t>Adobe Creative Cloud   v3.9.5.353</t>
  </si>
  <si>
    <t>CambridgeSoft Corporation</t>
  </si>
  <si>
    <t>Qiagen</t>
  </si>
  <si>
    <t>CFIA-CFIA - 0434</t>
  </si>
  <si>
    <t>Adobe Creative Suite 5 Web Premium   v5</t>
  </si>
  <si>
    <t>Hearne Scientific Software</t>
  </si>
  <si>
    <t>CFIA-CFIA - 0435</t>
  </si>
  <si>
    <t>Adobe CS6 Design and Web Premium   v6</t>
  </si>
  <si>
    <t>Sci Ed Software</t>
  </si>
  <si>
    <t>University College Dublin</t>
  </si>
  <si>
    <t>CFIA-CFIA - 0437</t>
  </si>
  <si>
    <t>Adobe Device Central CS4   v2</t>
  </si>
  <si>
    <t>CFIA-CFIA - 0444</t>
  </si>
  <si>
    <t>Adobe Dreamweaver CS6   v12</t>
  </si>
  <si>
    <t>CFIA-CFIA - 0445</t>
  </si>
  <si>
    <t>Adobe eLearning Suite   v1</t>
  </si>
  <si>
    <t>CFIA-CFIA - 0446</t>
  </si>
  <si>
    <t>Adobe Encore CS4   v4</t>
  </si>
  <si>
    <t>CFIA-CFIA - 0448</t>
  </si>
  <si>
    <t>Adobe Fireworks CS6   v12.0.1</t>
  </si>
  <si>
    <t>The University of Kansas</t>
  </si>
  <si>
    <t>CFIA-CFIA - 0450</t>
  </si>
  <si>
    <t>Adobe Flash Professional CC 2014   v14.2</t>
  </si>
  <si>
    <t>The CUCKOO Workgroup</t>
  </si>
  <si>
    <t>CFIA-CFIA - 0451</t>
  </si>
  <si>
    <t>Adobe Illustrator CC 2014   v18.1.1</t>
  </si>
  <si>
    <t>Allflex</t>
  </si>
  <si>
    <t>Thomson Reuters</t>
  </si>
  <si>
    <t>CFIA-CFIA - 0457</t>
  </si>
  <si>
    <t>Adobe Illustrator CS6   v16</t>
  </si>
  <si>
    <t>CFIA-CFIA - 0464</t>
  </si>
  <si>
    <t>Adobe InDesign CS4   v6</t>
  </si>
  <si>
    <t>Point Grey Research</t>
  </si>
  <si>
    <t>BioTek Instruments</t>
  </si>
  <si>
    <t>CFIA-CFIA - 0478</t>
  </si>
  <si>
    <t>Adobe Photoshop CS6   v13</t>
  </si>
  <si>
    <t>Biomatters Ltd</t>
  </si>
  <si>
    <t>CFIA-CFIA - 0479</t>
  </si>
  <si>
    <t>Adobe Photoshop Elements 5.0   v5</t>
  </si>
  <si>
    <t>CFIA-CFIA - 0482</t>
  </si>
  <si>
    <t>Adobe Photoshop Elements 9   v9.0.3.0</t>
  </si>
  <si>
    <t>CFIA-CFIA - 0483</t>
  </si>
  <si>
    <t>Adobe Photoshop Lightroom 5.3 64-bit   v5.3.1</t>
  </si>
  <si>
    <t>CFIA-CFIA - 0485</t>
  </si>
  <si>
    <t>Adobe Prelude CC 2017   v6.0.2</t>
  </si>
  <si>
    <t>CFIA-CFIA - 0489</t>
  </si>
  <si>
    <t>Adobe Premiere Pro CS4   v4</t>
  </si>
  <si>
    <t>OptiGene Ltd</t>
  </si>
  <si>
    <t>CFIA-CFIA - 0490</t>
  </si>
  <si>
    <t>Adobe Reader 9   v9.0.0</t>
  </si>
  <si>
    <t>The Git Development Community</t>
  </si>
  <si>
    <t>CFIA-CFIA - 0493</t>
  </si>
  <si>
    <t>Adobe Refresh Manager   v1.8.0</t>
  </si>
  <si>
    <t>IATA Products</t>
  </si>
  <si>
    <t>CFIA-CFIA - 0496</t>
  </si>
  <si>
    <t>Adobe SING CS4   v2</t>
  </si>
  <si>
    <t>CFIA-CFIA - 0498</t>
  </si>
  <si>
    <t>Adobe SpeedGrade CC 2015   v9.1.0</t>
  </si>
  <si>
    <t>IDT</t>
  </si>
  <si>
    <t>CFIA-CFIA - 0500</t>
  </si>
  <si>
    <t>Adobe Stock Photos CS3   v1.5</t>
  </si>
  <si>
    <t>Illumina</t>
  </si>
  <si>
    <t>CFIA-CFIA - 0501</t>
  </si>
  <si>
    <t>Agilent ChemStation   v04.03.054</t>
  </si>
  <si>
    <t>CFIA-CFIA - 0502</t>
  </si>
  <si>
    <t>Agilent Lab Advisor   v02.08.169</t>
  </si>
  <si>
    <t>NIH</t>
  </si>
  <si>
    <t>CFIA-CFIA - 0508</t>
  </si>
  <si>
    <t>Agilent MassHunter Workstation Quantitative Analysis Supplemental B.07.01   v7.1</t>
  </si>
  <si>
    <t>CFIA-CFIA - 0509</t>
  </si>
  <si>
    <t>Alertus Desktop Alert   v3.2.34.188</t>
  </si>
  <si>
    <t>EpiSoft Ltd and EpiCentre, Massey University</t>
  </si>
  <si>
    <t>CFIA-CFIA - 0511</t>
  </si>
  <si>
    <t>AlleleID 7.83   v7.83</t>
  </si>
  <si>
    <t>CFIA-CFIA - 0512</t>
  </si>
  <si>
    <t>Altova MissionKit 2015 sp1 (x64) Enterprise Edition   v2015.00.01</t>
  </si>
  <si>
    <t>Infometrix, Inc.</t>
  </si>
  <si>
    <t>CFIA-CFIA - 0513</t>
  </si>
  <si>
    <t>Analyst® 1.6 Software   v1.6.0.3773</t>
  </si>
  <si>
    <t>J2 Scientific, LLC</t>
  </si>
  <si>
    <t>CFIA-CFIA - 0514</t>
  </si>
  <si>
    <t>Analytica 4.2, from Lumina Decision Systems, Inc.   vAnalytica 4.2.3</t>
  </si>
  <si>
    <t>The Jackson Laboratory</t>
  </si>
  <si>
    <t>Syscan-ID</t>
  </si>
  <si>
    <t>CFIA-CFIA - 0519</t>
  </si>
  <si>
    <t>Antidote HD   v7.6.7022</t>
  </si>
  <si>
    <t>CFIA-CFIA - 0523</t>
  </si>
  <si>
    <t>AppGate Client 11.1.2   v11.1.2</t>
  </si>
  <si>
    <t>Design Science, Inc.</t>
  </si>
  <si>
    <t>CFIA-CFIA - 0525</t>
  </si>
  <si>
    <t>Applied Biosystems ViiA 7 Software   v1.2.3</t>
  </si>
  <si>
    <t>MedCalc Software</t>
  </si>
  <si>
    <t>CFIA-CFIA - 0527</t>
  </si>
  <si>
    <t>ArcGIS 10.2 for Desktop   v10.2.3348</t>
  </si>
  <si>
    <t>Arizona State University</t>
  </si>
  <si>
    <t>CFIA-CFIA - 0530</t>
  </si>
  <si>
    <t>ArcGIS Desktop   v9.2.1324</t>
  </si>
  <si>
    <t>Center for Evolutionary Medicine and Informatics</t>
  </si>
  <si>
    <t>CFIA-CFIA - 0533</t>
  </si>
  <si>
    <t>ArcGIS Diagrammer   v1.0.16</t>
  </si>
  <si>
    <t>CFIA-CFIA - 0536</t>
  </si>
  <si>
    <t>ArcGIS Earth   v1.3.1472</t>
  </si>
  <si>
    <t>Mestrelab Research S.L.</t>
  </si>
  <si>
    <t>Waters</t>
  </si>
  <si>
    <t>Minitab Inc</t>
  </si>
  <si>
    <t>CFIA-CFIA - 0541</t>
  </si>
  <si>
    <t>ArcPad 10.2   v10.2.00020050</t>
  </si>
  <si>
    <t>CFIA-CFIA - 0542</t>
  </si>
  <si>
    <t>APM Repository   v1.0</t>
  </si>
  <si>
    <t>apm</t>
  </si>
  <si>
    <t>&lt;div&gt;&amp;nbsp;&lt;font face="Times New Roman" size=3 color=black&gt;Application portfolio management (APM) repository &amp;nbsp;is a framework for managing enterprise IT software applications and software-based services. APM provides directors/managers with an inventory of the agency's software applications and metrics to illustrate the business benefits of each application.&lt;/font&gt;&lt;/div&gt;</t>
  </si>
  <si>
    <t>CFIA-CFIA - 0543</t>
  </si>
  <si>
    <t>Fertilizer Tracking System</t>
  </si>
  <si>
    <t>FerTS</t>
  </si>
  <si>
    <t>Sharepoint data base used by the fertilizer program to track submissions, including physical location, status, and reporting</t>
  </si>
  <si>
    <t>EPPO</t>
  </si>
  <si>
    <t>Laboratory Imaging s.r.o.</t>
  </si>
  <si>
    <t>CFIA-CFIA - 0551</t>
  </si>
  <si>
    <t>ArrayStar 5.1.0.114   v5.1.0.114</t>
  </si>
  <si>
    <t>CFIA-CFIA - 0555</t>
  </si>
  <si>
    <t>Audacity 2.1.2   v2.1.2</t>
  </si>
  <si>
    <t>University of Michigan</t>
  </si>
  <si>
    <t>Mekentosj</t>
  </si>
  <si>
    <t>CFIA-CFIA - 0559</t>
  </si>
  <si>
    <t>AutoCAD 2016   v20.1.49.0</t>
  </si>
  <si>
    <t>Resource Management System</t>
  </si>
  <si>
    <t>RMS</t>
  </si>
  <si>
    <t>Tracker Software</t>
  </si>
  <si>
    <t>CFIA-CFIA - 0562</t>
  </si>
  <si>
    <t>AutoCAD LT 2017 - English   v21.0.52.0</t>
  </si>
  <si>
    <t>CFIA-CFIA - 0564</t>
  </si>
  <si>
    <t>Autodesk App Manager 2016   v2.0.0</t>
  </si>
  <si>
    <t>CFIA-CFIA - 0565</t>
  </si>
  <si>
    <t>Autodesk AutoCAD LT 2015 - English   v20.0.51.0</t>
  </si>
  <si>
    <t>CFIA-CFIA - 0566</t>
  </si>
  <si>
    <t>Autodesk Design Review 2013   v13.0.0.82</t>
  </si>
  <si>
    <t>Prionics</t>
  </si>
  <si>
    <t>CFIA-CFIA - 0567</t>
  </si>
  <si>
    <t>Autodesk Inventor Fusion 2013   v2.0.0.206</t>
  </si>
  <si>
    <t>QuoData GmbH</t>
  </si>
  <si>
    <t>CFIA-CFIA - 0568</t>
  </si>
  <si>
    <t>Autodesk ReCap   v1.0.43.27</t>
  </si>
  <si>
    <t>CFIA-CFIA - 0569</t>
  </si>
  <si>
    <t>Autodesk ReCap 2016   v1.5.0.33</t>
  </si>
  <si>
    <t>CFIA-CFIA - 0570</t>
  </si>
  <si>
    <t>BAX Q7 Install   v3.5.4135</t>
  </si>
  <si>
    <t>QImaging</t>
  </si>
  <si>
    <t>CFIA-CFIA - 0571</t>
  </si>
  <si>
    <t>Beacon Designer 8.02   v8.02</t>
  </si>
  <si>
    <t>CFIA-CFIA - 0572</t>
  </si>
  <si>
    <t>BEAGLE   v2.1</t>
  </si>
  <si>
    <t>CFIA-CFIA - 0573</t>
  </si>
  <si>
    <t>Bentley Geo Web Publisher Map Viewer V8i (SELECTseries 5)   v08.11.13.26</t>
  </si>
  <si>
    <t>CFIA-CFIA - 0574</t>
  </si>
  <si>
    <t>BindIt for KingFisher   v3.1.024</t>
  </si>
  <si>
    <t>CFIA-CFIA - 0575</t>
  </si>
  <si>
    <t>BindIt Software 3.2 for KingFisher Instruments   v3.2.0</t>
  </si>
  <si>
    <t>R Core Team</t>
  </si>
  <si>
    <t>CFIA-CFIA - 0576</t>
  </si>
  <si>
    <t>BindIt Software 3.3 for KingFisher Instruments   v3.3.0</t>
  </si>
  <si>
    <t>CFIA-CFIA - 0577</t>
  </si>
  <si>
    <t>BioEdit   v7.2.5.0</t>
  </si>
  <si>
    <t>CFIA-CFIA - 0581</t>
  </si>
  <si>
    <t>Biolog GENIII Database</t>
  </si>
  <si>
    <t>CFIA-CFIA - 0585</t>
  </si>
  <si>
    <t>BioNumerics 7.6   v7.6.32287</t>
  </si>
  <si>
    <t>The R Foundation</t>
  </si>
  <si>
    <t>CFIA-CFIA - 0586</t>
  </si>
  <si>
    <t>Bio-Rad CFX Manager 3.0   v3.0.1216.0723</t>
  </si>
  <si>
    <t>Plant Research international</t>
  </si>
  <si>
    <t>CFIA-CFIA - 0588</t>
  </si>
  <si>
    <t>Bio-Rad iQ5 2.1 Standard Edition   v2.1.97</t>
  </si>
  <si>
    <t>CFIA-CFIA - 0589</t>
  </si>
  <si>
    <t>Bio-Rad Precision Melt Analysis Software 1.2   v1.2.131.1030</t>
  </si>
  <si>
    <t>Millipore</t>
  </si>
  <si>
    <t>CFIA-CFIA - 0590</t>
  </si>
  <si>
    <t>BlackBerry 10 Desktop Software   v1.1.0.22</t>
  </si>
  <si>
    <t>Gene Codes Corporation</t>
  </si>
  <si>
    <t>CFIA-CFIA - 0593</t>
  </si>
  <si>
    <t>Brackets   v1.3</t>
  </si>
  <si>
    <t>CFIA-CFIA - 0595</t>
  </si>
  <si>
    <t>CA ERwin Data Modeler r8.2   v8.200.3598</t>
  </si>
  <si>
    <t>Luke Hutteman</t>
  </si>
  <si>
    <t>CFIA-CFIA - 0596</t>
  </si>
  <si>
    <t>CambridgeSoft ChemOffice Ultra 2010   v12</t>
  </si>
  <si>
    <t>Systat Software, Inc.</t>
  </si>
  <si>
    <t>CFIA-CFIA - 0598</t>
  </si>
  <si>
    <t>CamStudio 2.7.4   v2.7.4</t>
  </si>
  <si>
    <t>CFIA-CFIA - 0599</t>
  </si>
  <si>
    <t>Camtasia 9   v9.0.3.1627</t>
  </si>
  <si>
    <t>LaserSoft Imaging AG</t>
  </si>
  <si>
    <t>CFIA-CFIA - 0601</t>
  </si>
  <si>
    <t>Camtasia Studio 8   v8.1.2.1327</t>
  </si>
  <si>
    <t>CFIA-CFIA - 0602</t>
  </si>
  <si>
    <t>CDAP   v2.1</t>
  </si>
  <si>
    <t>GSL Biotech LLC</t>
  </si>
  <si>
    <t>CFIA-CFIA - 0603</t>
  </si>
  <si>
    <t>Cellometer AutoT4   v3.1.1</t>
  </si>
  <si>
    <t>Molecular Devices</t>
  </si>
  <si>
    <t>CFIA-CFIA - 0609</t>
  </si>
  <si>
    <t>CLC Genomics Workbench 9.5.2   v9.5.2</t>
  </si>
  <si>
    <t>CFIA-CFIA - 0610</t>
  </si>
  <si>
    <t>CLC Sequence Viewer 7.0.2   v7.0.2</t>
  </si>
  <si>
    <t>CFIA-CFIA - 0613</t>
  </si>
  <si>
    <t>Climex and Dymex   v3.0.2</t>
  </si>
  <si>
    <t>Biodiversity Research Center, University of Kansas</t>
  </si>
  <si>
    <t>CFIA-CFIA - 0614</t>
  </si>
  <si>
    <t>Clone Manager Professional 9   v9.2</t>
  </si>
  <si>
    <t>CFIA-CFIA - 0615</t>
  </si>
  <si>
    <t>ClustalX2   v2.0.11</t>
  </si>
  <si>
    <t>CFIA-CFIA - 0616</t>
  </si>
  <si>
    <t>ClustalX2   v2.1</t>
  </si>
  <si>
    <t>CFIA-CFIA - 0617</t>
  </si>
  <si>
    <t>CodonCode Aligner   v4.2.2</t>
  </si>
  <si>
    <t>Daniel Huson and David Bryant</t>
  </si>
  <si>
    <t>CFIA-CFIA - 0618</t>
  </si>
  <si>
    <t>Content Manager   v2.7</t>
  </si>
  <si>
    <t>Peter Simmonds</t>
  </si>
  <si>
    <t>StataCorp LP</t>
  </si>
  <si>
    <t>CFIA-CFIA - 0622</t>
  </si>
  <si>
    <t>CorelDRAW Graphics Suite X5   v15.3</t>
  </si>
  <si>
    <t>CFIA-CFIA - 0624</t>
  </si>
  <si>
    <t>CPDSIndex 1.0</t>
  </si>
  <si>
    <t>StatSoft, Inc.</t>
  </si>
  <si>
    <t>Applied Biosystems</t>
  </si>
  <si>
    <t>CFIA-CFIA - 0626</t>
  </si>
  <si>
    <t>Crystal Reports 9   v1.00.0000</t>
  </si>
  <si>
    <t>CFIA-CFIA - 0627</t>
  </si>
  <si>
    <t>Cumulus 6 Workgroup Client   v6.0.1.0</t>
  </si>
  <si>
    <t>CFIA-CFIA - 0629</t>
  </si>
  <si>
    <t>Cytoscape 3.2.0   v3.2.0</t>
  </si>
  <si>
    <t>CFIA-CFIA - 0630</t>
  </si>
  <si>
    <t>DASHost 2.16 (remove only)   v2.16</t>
  </si>
  <si>
    <t>CAMO Software</t>
  </si>
  <si>
    <t>Invitrogen Corporation</t>
  </si>
  <si>
    <t>CFIA-CFIA - 0634</t>
  </si>
  <si>
    <t>DecisionTools Suite 7.5   v7.5.00104.0</t>
  </si>
  <si>
    <t>CFIA-CFIA - 0635</t>
  </si>
  <si>
    <t>Dendroscope 3.2.9   v3.2.9</t>
  </si>
  <si>
    <t>CFIA-CFIA - 0636</t>
  </si>
  <si>
    <t>Design-Expert 10   v10.0.0</t>
  </si>
  <si>
    <t>CFIA-CFIA - 0637</t>
  </si>
  <si>
    <t>Desktop Garp   v1.00.000</t>
  </si>
  <si>
    <t>CFIA-CFIA - 0638</t>
  </si>
  <si>
    <t>diashapes   v0.2.2</t>
  </si>
  <si>
    <t>CFIA-CFIA - 0639</t>
  </si>
  <si>
    <t>diashapes   v0.3.0</t>
  </si>
  <si>
    <t>CFIA-CFIA - 0641</t>
  </si>
  <si>
    <t>DNASTAR Lasergene 14   v14.0.0</t>
  </si>
  <si>
    <t>CFIA-CFIA - 0642</t>
  </si>
  <si>
    <t>Doc-It Colony Counter   v7.0.1</t>
  </si>
  <si>
    <t>CFIA-CFIA - 0643</t>
  </si>
  <si>
    <t>Dotfuscator and Analytics Community Edition 5.18.1   v5.18.1.2898</t>
  </si>
  <si>
    <t>CFIA-CFIA - 0648</t>
  </si>
  <si>
    <t>Dragon NaturallySpeaking 13   v13.00.000</t>
  </si>
  <si>
    <t>CFIA-CFIA - 0649</t>
  </si>
  <si>
    <t>EID Tag Manager version 2.0.4   v2.0.4</t>
  </si>
  <si>
    <t>Canadian Cooperative Wildlife Health Centre</t>
  </si>
  <si>
    <t>CFIA-CFIA - 0650</t>
  </si>
  <si>
    <t>EidTagManager   v1.1.2</t>
  </si>
  <si>
    <t>CFIA-CFIA - 0651</t>
  </si>
  <si>
    <t>Embarcadero RAD Studio XE2   v9</t>
  </si>
  <si>
    <t>CFIA-CFIA - 0657</t>
  </si>
  <si>
    <t>EndNote X7   v17.7.1.10036</t>
  </si>
  <si>
    <t>Zotero</t>
  </si>
  <si>
    <t>CFIA-CFIA - 0659</t>
  </si>
  <si>
    <t>Enthought Canopy (64-bit)   v1.6.1.3253</t>
  </si>
  <si>
    <t>CFIA-CFIA - 0661</t>
  </si>
  <si>
    <t>Epi Info 7   v7.2.0.1</t>
  </si>
  <si>
    <t>CFIA-CFIA - 0662</t>
  </si>
  <si>
    <t>EPI Suite 6.3   v6.3.30</t>
  </si>
  <si>
    <t>CFIA-CFIA - 0664</t>
  </si>
  <si>
    <t>EpiData Analysis 2.2.2.185</t>
  </si>
  <si>
    <t>cpsagu</t>
  </si>
  <si>
    <t>CFIA-CFIA - 0665</t>
  </si>
  <si>
    <t>EpiData Entry 3.1.2701.2008</t>
  </si>
  <si>
    <t>CFIA-CFIA - 0666</t>
  </si>
  <si>
    <t>EpiData Manager 4.0.0.95</t>
  </si>
  <si>
    <t>CFIA-CFIA - 0669</t>
  </si>
  <si>
    <t>ET GeoWizards 11.2 for ArcGIS 10.3   v11.2</t>
  </si>
  <si>
    <t>CFIA-CFIA - 0670</t>
  </si>
  <si>
    <t>eviSENSE   v1.1</t>
  </si>
  <si>
    <t>CFIA-CFIA - 0671</t>
  </si>
  <si>
    <t>EziLink   v3.4.0</t>
  </si>
  <si>
    <t>CFIA-CFIA - 0672</t>
  </si>
  <si>
    <t>Fact Sheet Fusion   v1.0.25</t>
  </si>
  <si>
    <t>CFIA-CFIA - 0673</t>
  </si>
  <si>
    <t>FedEx Ship Manager   v26.08.3905</t>
  </si>
  <si>
    <t>CFIA-CFIA - 0674</t>
  </si>
  <si>
    <t>Fiddler   v4.6.2.0</t>
  </si>
  <si>
    <t>CFIA-CFIA - 0677</t>
  </si>
  <si>
    <t>FileMaker Pro 14 (x64)   v14.0.3.0</t>
  </si>
  <si>
    <t>quantasoft</t>
  </si>
  <si>
    <t>CFIA-CFIA - 0678</t>
  </si>
  <si>
    <t>FileSecure Lite   v2.92.0.0</t>
  </si>
  <si>
    <t>CFIA-CFIA - 0679</t>
  </si>
  <si>
    <t>FlowBreeze3   v3.6.717</t>
  </si>
  <si>
    <t>Audit and Evaluation</t>
  </si>
  <si>
    <t>CFIA-CFIA - 0680</t>
  </si>
  <si>
    <t>FlyCapture 2.4 Release Candidate 8 (x64)   v2.4.8</t>
  </si>
  <si>
    <t>CFIA-CFIA - 0682</t>
  </si>
  <si>
    <t>Flypaper for Lectora   v3.9.0.2435</t>
  </si>
  <si>
    <t>CFIA-CFIA - 0683</t>
  </si>
  <si>
    <t>Food Defense Plan Builder   v1.1.8</t>
  </si>
  <si>
    <t>CFIA-CFIA - 0684</t>
  </si>
  <si>
    <t>Freedom Scientific Braille   v18.0.2515.0</t>
  </si>
  <si>
    <t>CFIA-CFIA - 0692</t>
  </si>
  <si>
    <t>Freezerworks Unlimited 6.0 Client   v6.0.0</t>
  </si>
  <si>
    <t>CFIA-CFIA - 0693</t>
  </si>
  <si>
    <t>FTDIDevice   v1.0.0</t>
  </si>
  <si>
    <t>Environmental Systems Research Institute, Inc.</t>
  </si>
  <si>
    <t>CFIA-CFIA - 0695</t>
  </si>
  <si>
    <t>Galapagos   v1.0.0.0</t>
  </si>
  <si>
    <t>CFIA-CFIA - 0696</t>
  </si>
  <si>
    <t>Garmin Express   v5.3.1.0</t>
  </si>
  <si>
    <t>CamStudio</t>
  </si>
  <si>
    <t>CFIA-CFIA - 0701</t>
  </si>
  <si>
    <t>Gen5 1.10   v1.10.8</t>
  </si>
  <si>
    <t>Magellan</t>
  </si>
  <si>
    <t>CFIA-CFIA - 0705</t>
  </si>
  <si>
    <t>Gene Runner   v5.0.998</t>
  </si>
  <si>
    <t>CWE computer services</t>
  </si>
  <si>
    <t>CFIA-CFIA - 0720</t>
  </si>
  <si>
    <t>Geneious 9.1.7   v9.1.7</t>
  </si>
  <si>
    <t>CFIA-CFIA - 0721</t>
  </si>
  <si>
    <t>Genie Explorer   v2.0.3</t>
  </si>
  <si>
    <t>CFIA-CFIA - 0722</t>
  </si>
  <si>
    <t>GenieII   v1.2.9</t>
  </si>
  <si>
    <t>CFIA-CFIA - 0727</t>
  </si>
  <si>
    <t>Git version 2.9.0   v2.9.0</t>
  </si>
  <si>
    <t>CFIA-CFIA - 0728</t>
  </si>
  <si>
    <t>GlobalMapper 15 (64-bit)   v15.00.0010</t>
  </si>
  <si>
    <t>CFIA-CFIA - 0732</t>
  </si>
  <si>
    <t>GraphPad Prism 7   v7.02</t>
  </si>
  <si>
    <t>CFIA-CFIA - 0733</t>
  </si>
  <si>
    <t>HerdMASTER Suite   v1.0.0</t>
  </si>
  <si>
    <t>CFIA-CFIA - 0734</t>
  </si>
  <si>
    <t>Hydranal Multimedia Guide   v4.0.0</t>
  </si>
  <si>
    <t>CFIA-CFIA - 0735</t>
  </si>
  <si>
    <t>i2 Analyst's Notebook 8   v8.5.1</t>
  </si>
  <si>
    <t>CFIA-CFIA - 0736</t>
  </si>
  <si>
    <t>i2 iBase 8   v8.1.1</t>
  </si>
  <si>
    <t>CFIA-CFIA - 0737</t>
  </si>
  <si>
    <t>i2 TextChart 8   v8.0.1</t>
  </si>
  <si>
    <t>CFIA-CFIA - 0738</t>
  </si>
  <si>
    <t>IATA Réglementation du transport des animaux vivants 2012   v39.00.000</t>
  </si>
  <si>
    <t>CFIA-CFIA - 0739</t>
  </si>
  <si>
    <t>IBM Cognos Insight   v10.2.2254.0</t>
  </si>
  <si>
    <t>CFIA-CFIA - 0740</t>
  </si>
  <si>
    <t>IBM i2 Analyst's Notebook 8   v8.9.7</t>
  </si>
  <si>
    <t>CFIA-CFIA - 0741</t>
  </si>
  <si>
    <t>IBM Informix Client-SDK 3.00   v3</t>
  </si>
  <si>
    <t>CFIA-CFIA - 0742</t>
  </si>
  <si>
    <t>IBM Notes 9.0.1 Social Edition   v9.01.13294</t>
  </si>
  <si>
    <t>CFIA-CFIA - 0743</t>
  </si>
  <si>
    <t>IBM Rational System Architect   v11.04.10252</t>
  </si>
  <si>
    <t>CFIA-CFIA - 0744</t>
  </si>
  <si>
    <t>IBM SmartCloud Meetings for IBM   v8.2.1</t>
  </si>
  <si>
    <t>CFIA-CFIA - 0745</t>
  </si>
  <si>
    <t>IBM SPSS Statistics 21   v21.0.0.0</t>
  </si>
  <si>
    <t>CFIA-CFIA - 0746</t>
  </si>
  <si>
    <t>iClone v5.51 PRO   v5.51.3507.1</t>
  </si>
  <si>
    <t>CFIA-CFIA - 0747</t>
  </si>
  <si>
    <t>IDEA 10.1   v10.1.2.11</t>
  </si>
  <si>
    <t>CFIA-CFIA - 0752</t>
  </si>
  <si>
    <t>Illumina Experiment Manager   v1.12.0</t>
  </si>
  <si>
    <t>CFIA-CFIA - 0754</t>
  </si>
  <si>
    <t>Illumina Sequencing Analysis Viewer 1.8.46.0   v1.8.46.0</t>
  </si>
  <si>
    <t>CFIA-CFIA - 0756</t>
  </si>
  <si>
    <t>Image Retriever 10   v10</t>
  </si>
  <si>
    <t>CFIA-CFIA - 0759</t>
  </si>
  <si>
    <t>Image Lab 5.2.1   v5.2.1.164</t>
  </si>
  <si>
    <t>CFIA-CFIA - 0762</t>
  </si>
  <si>
    <t>ImageJ 1.48v</t>
  </si>
  <si>
    <t>CFIA-CFIA - 0763</t>
  </si>
  <si>
    <t>Impromptu v7.1_EN   v0</t>
  </si>
  <si>
    <t>CFIA-CFIA - 0764</t>
  </si>
  <si>
    <t>Inkscape 0.91   v0.91</t>
  </si>
  <si>
    <t>CFIA-CFIA - 0765</t>
  </si>
  <si>
    <t>IntelliJ IDEA Community Edition 2016.3.5   v163.13906.18</t>
  </si>
  <si>
    <t>CFIA-CFIA - 0766</t>
  </si>
  <si>
    <t>IntelliPRINT Analytics   v3.5.36.6</t>
  </si>
  <si>
    <t>CFIA-CFIA - 0768</t>
  </si>
  <si>
    <t>InterSpread Plus CFE v6   v6.1.1.25</t>
  </si>
  <si>
    <t>CFIA-CFIA - 0769</t>
  </si>
  <si>
    <t>IPAK   v1.1.2148</t>
  </si>
  <si>
    <t>CFIA-CFIA - 0770</t>
  </si>
  <si>
    <t>IPAK   v1.5.0001</t>
  </si>
  <si>
    <t>CFIA-CFIA - 0771</t>
  </si>
  <si>
    <t>JAGS 3.3.0   v3.3.0</t>
  </si>
  <si>
    <t>CFIA-CFIA - 0772</t>
  </si>
  <si>
    <t>JAX-CMS   v1.0.0</t>
  </si>
  <si>
    <t>CFIA-CFIA - 0775</t>
  </si>
  <si>
    <t>JetBrains PyCharm 2016.3.1   v163.9735.8</t>
  </si>
  <si>
    <t>Druide informatique inc.</t>
  </si>
  <si>
    <t>CFIA-CFIA - 0776</t>
  </si>
  <si>
    <t>JetBrains PyCharm Community Edition 3.4.1   v135.1057</t>
  </si>
  <si>
    <t>CFIA-CFIA - 0777</t>
  </si>
  <si>
    <t>Kaluza 1.2   v1.2.12286.11234</t>
  </si>
  <si>
    <t>CFIA-CFIA - 0778</t>
  </si>
  <si>
    <t>Kaluza Analysis 1.5a   v1.5.20365.16139</t>
  </si>
  <si>
    <t>CFIA-CFIA - 0780</t>
  </si>
  <si>
    <t>LabX direct balance v2.5   v2.5.9</t>
  </si>
  <si>
    <t>atlassian</t>
  </si>
  <si>
    <t>CFIA-CFIA - 0781</t>
  </si>
  <si>
    <t>LabX direct pH   v3.3.6</t>
  </si>
  <si>
    <t>BlackBerry Ltd.</t>
  </si>
  <si>
    <t>CFIA-CFIA - 0783</t>
  </si>
  <si>
    <t>LAMP Designer 1.15   v1.15</t>
  </si>
  <si>
    <t>TechSmith Corporation</t>
  </si>
  <si>
    <t>PFU LIMITED</t>
  </si>
  <si>
    <t>CFIA-CFIA - 0786</t>
  </si>
  <si>
    <t>Leica Application Suite V4.9   v4.9.0.129</t>
  </si>
  <si>
    <t>CFIA-CFIA - 0787</t>
  </si>
  <si>
    <t>LightCycler® 96   v1.1.1320</t>
  </si>
  <si>
    <t>CFIA-CFIA - 0791</t>
  </si>
  <si>
    <t>Livetrack Manager 4.1.5   v4.1.5</t>
  </si>
  <si>
    <t>Carl Zeiss Imaging Solutions GmbH</t>
  </si>
  <si>
    <t>CFIA-CFIA - 0793</t>
  </si>
  <si>
    <t>Lotus Notes 8.5.3   v8.53.11258</t>
  </si>
  <si>
    <t>CFIA-CFIA - 0794</t>
  </si>
  <si>
    <t>Macromedia Dreamweaver 8   v8.0.0.2734</t>
  </si>
  <si>
    <t>OPTIMA Research Inc.</t>
  </si>
  <si>
    <t>CFIA-CFIA - 0795</t>
  </si>
  <si>
    <t>Macromedia Fireworks 8   v8.0.0.777</t>
  </si>
  <si>
    <t>Raize Software, Inc.</t>
  </si>
  <si>
    <t>CFIA-CFIA - 0796</t>
  </si>
  <si>
    <t>Manager   v15.5.3</t>
  </si>
  <si>
    <t>CFIA-CFIA - 0797</t>
  </si>
  <si>
    <t>MapInfo Professional 9.0   v9</t>
  </si>
  <si>
    <t>Corel Corporation</t>
  </si>
  <si>
    <t>CFIA-CFIA - 0798</t>
  </si>
  <si>
    <t>MATLAB(R) Compiler Runtime 7.14   v7.14</t>
  </si>
  <si>
    <t>CFIA-CFIA - 0801</t>
  </si>
  <si>
    <t>MedCalc v17.2   v17.2.2</t>
  </si>
  <si>
    <t>CFIA-CFIA - 0804</t>
  </si>
  <si>
    <t>MedCalc statistical software v8.1   v8.1.0.0</t>
  </si>
  <si>
    <t>Canto</t>
  </si>
  <si>
    <t>CFIA-CFIA - 0805</t>
  </si>
  <si>
    <t>MedCalc statistical software v8.2   v8.2.1.0</t>
  </si>
  <si>
    <t>Binary Fortress Software</t>
  </si>
  <si>
    <t>Telerik</t>
  </si>
  <si>
    <t>CFIA-CFIA - 0810</t>
  </si>
  <si>
    <t>MEGA7 version 7.0.14   v7.0.14</t>
  </si>
  <si>
    <t>FileMaker, Inc.</t>
  </si>
  <si>
    <t>CFIA-CFIA - 0811</t>
  </si>
  <si>
    <t>MEGAN 4.70.4   v4.70.4</t>
  </si>
  <si>
    <t>Flypaper Studio, Inc.</t>
  </si>
  <si>
    <t>CFIA-CFIA - 0812</t>
  </si>
  <si>
    <t>MestReNova LITE 5.2.5-4731   v5.2.5-4731</t>
  </si>
  <si>
    <t>LumaPix</t>
  </si>
  <si>
    <t>CFIA-CFIA - 0813</t>
  </si>
  <si>
    <t>MicroLog 3, Version 5.2.2</t>
  </si>
  <si>
    <t>FTR Pty. Ltd.</t>
  </si>
  <si>
    <t>CFIA-CFIA - 0814</t>
  </si>
  <si>
    <t>Micromass MassLynx V4.1   v04.10.0000</t>
  </si>
  <si>
    <t>Linoma Software</t>
  </si>
  <si>
    <t>CFIA-CFIA - 0815</t>
  </si>
  <si>
    <t>Microplate Manager 6 v3.2   v3.2.1</t>
  </si>
  <si>
    <t>GraphPad Software</t>
  </si>
  <si>
    <t>CFIA-CFIA - 0819</t>
  </si>
  <si>
    <t>Microsoft Azure Authoring Tools - v2.9.5.2   v2.9.8599.18</t>
  </si>
  <si>
    <t>i2 Limited</t>
  </si>
  <si>
    <t>CFIA-CFIA - 0820</t>
  </si>
  <si>
    <t>Microsoft Blend for Visual Studio 2015   v14.0.25420</t>
  </si>
  <si>
    <t>Reallusion Inc.</t>
  </si>
  <si>
    <t>CFIA-CFIA - 0822</t>
  </si>
  <si>
    <t>Microsoft Dynamics CRM 2013 English (United States) Language Pack   v6.1.0004.01</t>
  </si>
  <si>
    <t>CFIA-CFIA - 0825</t>
  </si>
  <si>
    <t>Microsoft InfoPath MUI (English) 2016   v16.0.4266.1001</t>
  </si>
  <si>
    <t>inkscape.org</t>
  </si>
  <si>
    <t>CFIA-CFIA - 0826</t>
  </si>
  <si>
    <t>Microsoft Lync 2010   v4.0.7577.4109</t>
  </si>
  <si>
    <t>Macromedia</t>
  </si>
  <si>
    <t>CFIA-CFIA - 0827</t>
  </si>
  <si>
    <t>Microsoft Mathematics (64-bit)   v4</t>
  </si>
  <si>
    <t>Mindjet</t>
  </si>
  <si>
    <t>CFIA-CFIA - 0833</t>
  </si>
  <si>
    <t>Microsoft NuGet - Visual Studio Express 2013 for Windows Desktop   v2.8.50926.66</t>
  </si>
  <si>
    <t>CFIA-CFIA - 0836</t>
  </si>
  <si>
    <t>Microsoft Office Publisher 2007   v12.0.4518.1014</t>
  </si>
  <si>
    <t>CFIA-CFIA - 0838</t>
  </si>
  <si>
    <t>Microsoft Office SharePoint Designer 2010   v14.0.4763.1000</t>
  </si>
  <si>
    <t>Next Generation Software</t>
  </si>
  <si>
    <t>CFIA-CFIA - 0839</t>
  </si>
  <si>
    <t>Microsoft Office Visio 2010   v14.0.4763.1000</t>
  </si>
  <si>
    <t>NetBeans.org</t>
  </si>
  <si>
    <t>Visioneer Inc.</t>
  </si>
  <si>
    <t>CFIA-CFIA - 0843</t>
  </si>
  <si>
    <t>Microsoft Project Professional 2002   v10.0.2915.0</t>
  </si>
  <si>
    <t>CFIA-CFIA - 0846</t>
  </si>
  <si>
    <t>Microsoft SharePoint Designer 2010   v14.0.7015.1000</t>
  </si>
  <si>
    <t>PlotSoft LLC</t>
  </si>
  <si>
    <t>PostgreSQL Global Development Group</t>
  </si>
  <si>
    <t>CFIA-CFIA - 0848</t>
  </si>
  <si>
    <t>Microsoft Silverlight   v5.1.50906.0</t>
  </si>
  <si>
    <t>Privasoft</t>
  </si>
  <si>
    <t>Python Software Foundation</t>
  </si>
  <si>
    <t>CFIA-CFIA - 0855</t>
  </si>
  <si>
    <t>Microsoft SQL Server 2016</t>
  </si>
  <si>
    <t>CFIA-CFIA - 0856</t>
  </si>
  <si>
    <t>Microsoft Streets &amp; Trips 2013   v19.0.18.2600</t>
  </si>
  <si>
    <t>SAS Institute (Canada) Inc</t>
  </si>
  <si>
    <t>CFIA-CFIA - 0861</t>
  </si>
  <si>
    <t>Microsoft Visual Studio Enterprise 2015   v14.0.23107.178</t>
  </si>
  <si>
    <t>CFIA-CFIA - 0869</t>
  </si>
  <si>
    <t>Microsoft Web Deploy 3.6 3.1   v3.1238.1962</t>
  </si>
  <si>
    <t>CFIA-CFIA - 0870</t>
  </si>
  <si>
    <t>Microsoft Windows Server 2003 Standard Edition   v5.2.3790</t>
  </si>
  <si>
    <t>CFIA-CFIA - 0872</t>
  </si>
  <si>
    <t>Mindjet 14   v14.0.345</t>
  </si>
  <si>
    <t>Tableau Software</t>
  </si>
  <si>
    <t>CFIA-CFIA - 0881</t>
  </si>
  <si>
    <t>MindMapper 12   v12.00.6010</t>
  </si>
  <si>
    <t>Steema Software</t>
  </si>
  <si>
    <t>CFIA-CFIA - 0883</t>
  </si>
  <si>
    <t>Minitab 17   v17.2.1</t>
  </si>
  <si>
    <t>kinook software</t>
  </si>
  <si>
    <t>CFIA-CFIA - 0884</t>
  </si>
  <si>
    <t>MKS Platform Components 9.x   v9.4.0100</t>
  </si>
  <si>
    <t>REL Software</t>
  </si>
  <si>
    <t>CFIA-CFIA - 0885</t>
  </si>
  <si>
    <t>Mplus Version 7.11 Base Program and Combination Add-On (64-bit)   v7.1.1</t>
  </si>
  <si>
    <t>CFIA-CFIA - 0888</t>
  </si>
  <si>
    <t>mRemoteNG 1.74   v1.74.6023.15437</t>
  </si>
  <si>
    <t>Agnovi Corporation</t>
  </si>
  <si>
    <t>Telmax Teleprompters</t>
  </si>
  <si>
    <t>CFIA-CFIA - 0890</t>
  </si>
  <si>
    <t>MySQL Server 5.5   v5.5.8</t>
  </si>
  <si>
    <t>CFIA-CFIA - 0891</t>
  </si>
  <si>
    <t>MySQL Workbench 6.0 CE   v6.0.8</t>
  </si>
  <si>
    <t>A9Tech</t>
  </si>
  <si>
    <t>CFIA-CFIA - 0894</t>
  </si>
  <si>
    <t>NanoDrop 2000 1.6   v1.6.198</t>
  </si>
  <si>
    <t>CFIA-CFIA - 0898</t>
  </si>
  <si>
    <t>NetBeans IDE 8.2   v8.2</t>
  </si>
  <si>
    <t>CFIA-CFIA - 0899</t>
  </si>
  <si>
    <t>NetDraw   v2.133</t>
  </si>
  <si>
    <t>CFIA-CFIA - 0903</t>
  </si>
  <si>
    <t>NIS-Elements D 4.20.00 (build 967)   v4.20.0.9670</t>
  </si>
  <si>
    <t>Aqua Data Studio</t>
  </si>
  <si>
    <t>CFIA-CFIA - 0904</t>
  </si>
  <si>
    <t>NIS-Elements HASP Utilities 2.2 (build 851)   v2.2.0.8510</t>
  </si>
  <si>
    <t>CFIA-CFIA - 0905</t>
  </si>
  <si>
    <t>Nitro Pro 10   v10.5.8.44</t>
  </si>
  <si>
    <t>CFIA-CFIA - 0907</t>
  </si>
  <si>
    <t>NWA Quality Analyst 6.3   v2.4.208</t>
  </si>
  <si>
    <t>getcomposer.org</t>
  </si>
  <si>
    <t>CFIA-CFIA - 0908</t>
  </si>
  <si>
    <t>Oligo 7.60</t>
  </si>
  <si>
    <t>CFIA-CFIA - 0909</t>
  </si>
  <si>
    <t>OligoArray 2.1.3</t>
  </si>
  <si>
    <t>CFIA-CFIA - 0910</t>
  </si>
  <si>
    <t>OligoArrayAux 3.8   v3.8</t>
  </si>
  <si>
    <t>CFIA-CFIA - 0913</t>
  </si>
  <si>
    <t>OneTouch 4.6.2   v4.6.2716.11040</t>
  </si>
  <si>
    <t>CFIA-CFIA - 0914</t>
  </si>
  <si>
    <t>OpenProj   v1.4.0</t>
  </si>
  <si>
    <t>CFIA-CFIA - 0916</t>
  </si>
  <si>
    <t>Oracle Database 11g Express Edition   v11.2.0</t>
  </si>
  <si>
    <t>Autodesk</t>
  </si>
  <si>
    <t>CFIA-CFIA - 0919</t>
  </si>
  <si>
    <t>Oracle VM VirtualBox 5.1.8   v5.1.8</t>
  </si>
  <si>
    <t>CFIA-CFIA - 0920</t>
  </si>
  <si>
    <t>Paint Shop Pro 7   v7.0.4.0000</t>
  </si>
  <si>
    <t>CFIA-CFIA - 0922</t>
  </si>
  <si>
    <t>Papers 3   v3.2.42</t>
  </si>
  <si>
    <t>CFIA-CFIA - 0923</t>
  </si>
  <si>
    <t>PASW Statistics 18   v18.0.0</t>
  </si>
  <si>
    <t>CFIA-CFIA - 0924</t>
  </si>
  <si>
    <t>PAUP4   v3.99.151</t>
  </si>
  <si>
    <t>CFIA-CFIA - 0925</t>
  </si>
  <si>
    <t>PDF Architect 4   v4.0.34.26215</t>
  </si>
  <si>
    <t>CFIA-CFIA - 0926</t>
  </si>
  <si>
    <t>PDF995   v7.61.1</t>
  </si>
  <si>
    <t>CFIA-CFIA - 0927</t>
  </si>
  <si>
    <t>PDFill PDF Editor with FREE Writer and FREE Tools   v10</t>
  </si>
  <si>
    <t>CFIA-CFIA - 0930</t>
  </si>
  <si>
    <t>PDF-XChange 4   v4.0.191.0</t>
  </si>
  <si>
    <t>CFIA-CFIA - 0931</t>
  </si>
  <si>
    <t>PDQuest   v16.0.0</t>
  </si>
  <si>
    <t>CFIA-CFIA - 0932</t>
  </si>
  <si>
    <t>PMI Byonic Node for Proteome Discoverer 2.1 (1.0.342)   v1.0.342</t>
  </si>
  <si>
    <t>CFIA-CFIA - 0934</t>
  </si>
  <si>
    <t>PostgreSQL 9.2   v9.2</t>
  </si>
  <si>
    <t>CFIA-CFIA - 0935</t>
  </si>
  <si>
    <t>PQR 5   v5</t>
  </si>
  <si>
    <t>CFIA-CFIA - 0938</t>
  </si>
  <si>
    <t>Prezi 5.2   v5.2.8</t>
  </si>
  <si>
    <t>CFIA-CFIA - 0939</t>
  </si>
  <si>
    <t>Prezi Desktop   v6.15.0.0</t>
  </si>
  <si>
    <t>CFIA-CFIA - 0941</t>
  </si>
  <si>
    <t>Primer Premier 6.20   v6.2</t>
  </si>
  <si>
    <t>CFIA-CFIA - 0942</t>
  </si>
  <si>
    <t>PrioSCAN 3.0   v3.0.2</t>
  </si>
  <si>
    <t>CFIA-CFIA - 0943</t>
  </si>
  <si>
    <t>Privasoft AccessPro Redaction   v2.5.1.24</t>
  </si>
  <si>
    <t>CFIA-CFIA - 0946</t>
  </si>
  <si>
    <t>ProjectLibre 1.7   v1.7.0.0</t>
  </si>
  <si>
    <t>CFIA-CFIA - 0947</t>
  </si>
  <si>
    <t>PSTrace 3.0   v3.0.6</t>
  </si>
  <si>
    <t>CFIA-CFIA - 0950</t>
  </si>
  <si>
    <t>PyroMark Q24 2.0.6.20   v2.0.6</t>
  </si>
  <si>
    <t>CFIA-CFIA - 0960</t>
  </si>
  <si>
    <t>Python 3.5.1 Add to Path (32-bit)   v3.5.1150.0</t>
  </si>
  <si>
    <t>CFIA-CFIA - 0962</t>
  </si>
  <si>
    <t>QGIS 2.18 2.18.0 Las</t>
  </si>
  <si>
    <t>CFIA-CFIA - 0963</t>
  </si>
  <si>
    <t>QGIS Wien 2.8.3 Wien</t>
  </si>
  <si>
    <t>CFIA-CFIA - 0964</t>
  </si>
  <si>
    <t>QIAxcel BioCalculator   v3.2.07</t>
  </si>
  <si>
    <t>IBM Corporation</t>
  </si>
  <si>
    <t>CFIA-CFIA - 0965</t>
  </si>
  <si>
    <t>QIAxcel ScreenGel 1.2.1   v1.2.1</t>
  </si>
  <si>
    <t>CFIA-CFIA - 0966</t>
  </si>
  <si>
    <t>QIAxcel ScreenGel 1.5.0   v1.5.0</t>
  </si>
  <si>
    <t>CFIA-CFIA - 0967</t>
  </si>
  <si>
    <t>Qtegra iCAP Q 2.1.1367.17   v2.1.1367.17</t>
  </si>
  <si>
    <t>CFIA-CFIA - 0969</t>
  </si>
  <si>
    <t>Quantity One 29   v29.0.0</t>
  </si>
  <si>
    <t>CFIA-CFIA - 0972</t>
  </si>
  <si>
    <t>QuantStudio(TM) Real-Time PCR Software   v1.3</t>
  </si>
  <si>
    <t>JetBrains Inc</t>
  </si>
  <si>
    <t>CFIA-CFIA - 0978</t>
  </si>
  <si>
    <t>R for Windows 3.3.3   v3.3.3</t>
  </si>
  <si>
    <t>CFIA-CFIA - 0979</t>
  </si>
  <si>
    <t>rapidN exceed 1.0.7   v1.0.7</t>
  </si>
  <si>
    <t>CFIA-CFIA - 0982</t>
  </si>
  <si>
    <t>Reference Manager 12 Professional Edition   v12.0.3.3262</t>
  </si>
  <si>
    <t>CFIA-CFIA - 0983</t>
  </si>
  <si>
    <t>RetroSpect2   v2.1.01</t>
  </si>
  <si>
    <t>CFIA-CFIA - 0984</t>
  </si>
  <si>
    <t>Rotor-Gene Q 2.3.1 (Build 49)</t>
  </si>
  <si>
    <t>CFIA-CFIA - 0986</t>
  </si>
  <si>
    <t>Rstudio 1   v1.0.136</t>
  </si>
  <si>
    <t>CFIA-CFIA - 0988</t>
  </si>
  <si>
    <t>Rtools 3.4</t>
  </si>
  <si>
    <t>CFIA-CFIA - 0989</t>
  </si>
  <si>
    <t>Sample   v1.00.0000</t>
  </si>
  <si>
    <t>CFIA-CFIA - 0990</t>
  </si>
  <si>
    <t>SampleManager 10 SP1 Client   v10.1</t>
  </si>
  <si>
    <t>CFIA-CFIA - 0991</t>
  </si>
  <si>
    <t>SampleManager for Windows 2004 R2   v8.1.0.0</t>
  </si>
  <si>
    <t>CFIA-CFIA - 0993</t>
  </si>
  <si>
    <t>SAS 9.4   v9.4</t>
  </si>
  <si>
    <t>CFIA-CFIA - 0995</t>
  </si>
  <si>
    <t>Scan to Microsoft SharePoint   v3.4.1</t>
  </si>
  <si>
    <t>CFIA-CFIA - 1000</t>
  </si>
  <si>
    <t>Sequencher 5.4.1   v5.4.1</t>
  </si>
  <si>
    <t>CFIA-CFIA - 1001</t>
  </si>
  <si>
    <t>Sequencing Analysis v5.2.0   v5.2.0</t>
  </si>
  <si>
    <t>CFIA-CFIA - 1002</t>
  </si>
  <si>
    <t>SharpDevelop 4.3   v4.3.9430</t>
  </si>
  <si>
    <t>CFIA-CFIA - 1005</t>
  </si>
  <si>
    <t>SigmaPlot 13.0   v13</t>
  </si>
  <si>
    <t>CFIA-CFIA - 1006</t>
  </si>
  <si>
    <t>SigmaStat 3.5   v3.5</t>
  </si>
  <si>
    <t>CFIA-CFIA - 1007</t>
  </si>
  <si>
    <t>SlimDX Runtime .NET 4.0 x86 (January 2012)   v2.0.13.43</t>
  </si>
  <si>
    <t>CFIA-CFIA - 1008</t>
  </si>
  <si>
    <t>SmartDraw 2007   v8</t>
  </si>
  <si>
    <t>CFIA-CFIA - 1009</t>
  </si>
  <si>
    <t>Smart-Vue   v1.0.0</t>
  </si>
  <si>
    <t>CFIA-CFIA - 1018</t>
  </si>
  <si>
    <t>Snagit 13   v13.0.3</t>
  </si>
  <si>
    <t>CFIA-CFIA - 1024</t>
  </si>
  <si>
    <t>SnapGene Viewer   v2.1.2</t>
  </si>
  <si>
    <t>CFIA-CFIA - 1028</t>
  </si>
  <si>
    <t>SoapUI 5.3.0 5.3.0   v5.3.0</t>
  </si>
  <si>
    <t>SmartBear Software</t>
  </si>
  <si>
    <t>CFIA-CFIA - 1036</t>
  </si>
  <si>
    <t>SoftMax Pro v5.4   v5.4</t>
  </si>
  <si>
    <t>CFIA-CFIA - 1037</t>
  </si>
  <si>
    <t>Specify 6.5.02   v6.5.02</t>
  </si>
  <si>
    <t>CFIA-CFIA - 1038</t>
  </si>
  <si>
    <t>SplitsTree4 4.13.1   v4.13.1</t>
  </si>
  <si>
    <t>CFIA-CFIA - 1039</t>
  </si>
  <si>
    <t>SSE version 1.1</t>
  </si>
  <si>
    <t>Dell Inc</t>
  </si>
  <si>
    <t>CFIA-CFIA - 1040</t>
  </si>
  <si>
    <t>Staden Package   v2.0.0.9</t>
  </si>
  <si>
    <t>CFIA-CFIA - 1042</t>
  </si>
  <si>
    <t>STAMP v2.1.3</t>
  </si>
  <si>
    <t>CFIA-CFIA - 1046</t>
  </si>
  <si>
    <t>Stata 14   v14</t>
  </si>
  <si>
    <t>CFIA-CFIA - 1047</t>
  </si>
  <si>
    <t>STATISTICA 8.0.725.0 CS   v8.0.725.0</t>
  </si>
  <si>
    <t>CFIA-CFIA - 1049</t>
  </si>
  <si>
    <t>StepOne Software v2.3   v2.3</t>
  </si>
  <si>
    <t>CFIA-CFIA - 1050</t>
  </si>
  <si>
    <t>Stick Reader Configurator   v2.29.0</t>
  </si>
  <si>
    <t>CFIA-CFIA - 1051</t>
  </si>
  <si>
    <t>Stylusoft Asset Trak Manager   v2.1.0</t>
  </si>
  <si>
    <t>CFIA-CFIA - 1052</t>
  </si>
  <si>
    <t>Symantec Backup Exec (TM) 2010 R3   v13.0.5204</t>
  </si>
  <si>
    <t>CFIA-CFIA - 1053</t>
  </si>
  <si>
    <t>Tableau Public 8.2 (32-bit)   v8.2.1961</t>
  </si>
  <si>
    <t>CFIA-CFIA - 1054</t>
  </si>
  <si>
    <t>TeeChart Standard 2013 for RAD XE2   vVersion 2013</t>
  </si>
  <si>
    <t>CFIA-CFIA - 1055</t>
  </si>
  <si>
    <t>The Merck Index v 14.0   v14</t>
  </si>
  <si>
    <t>CFIA-CFIA - 1057</t>
  </si>
  <si>
    <t>The Unscrambler® X 10.4 (64-bit)   v10.4</t>
  </si>
  <si>
    <t>CFIA-CFIA - 1058</t>
  </si>
  <si>
    <t>Thermo SampleManager 11.2   v11.2.0.0</t>
  </si>
  <si>
    <t>CFIA-CFIA - 1059</t>
  </si>
  <si>
    <t>ThermoIQ 2.15   v2.0.15</t>
  </si>
  <si>
    <t>CFIA-CFIA - 1060</t>
  </si>
  <si>
    <t>ThermoIQ 2.16   v2.0.26</t>
  </si>
  <si>
    <t>CFIA-CFIA - 1068</t>
  </si>
  <si>
    <t>Toad for Oracle 2015 R2 Suite (x64)   v2.0.0.1</t>
  </si>
  <si>
    <t>CFIA-CFIA - 1069</t>
  </si>
  <si>
    <t>Topaz e-Signatures SigPlus 4.4.0.24   v4.4.0.24</t>
  </si>
  <si>
    <t>CFIA-CFIA - 1070</t>
  </si>
  <si>
    <t>TopStyle Lite (Version 3.0)   v3.1.0</t>
  </si>
  <si>
    <t>CFIA-CFIA - 1071</t>
  </si>
  <si>
    <t>TortoiseGit 1.8.16.0 (64 bit)   v1.8.16.0</t>
  </si>
  <si>
    <t>CFIA-CFIA - 1072</t>
  </si>
  <si>
    <t>TortoiseSVN 1.9.4.27285 (64 bit)   v1.9.27285</t>
  </si>
  <si>
    <t>Jasc Software Inc</t>
  </si>
  <si>
    <t>CFIA-CFIA - 1076</t>
  </si>
  <si>
    <t>Total Validator Tool 8.6   v8.6.1</t>
  </si>
  <si>
    <t>CFIA-CFIA - 1077</t>
  </si>
  <si>
    <t>UCSF Chimera 1.8</t>
  </si>
  <si>
    <t>CFIA-CFIA - 1078</t>
  </si>
  <si>
    <t>V9PFAM   v9.3.0000</t>
  </si>
  <si>
    <t>CFIA-CFIA - 1079</t>
  </si>
  <si>
    <t>Variant Reporter Software v2.0   v2</t>
  </si>
  <si>
    <t>CFIA-CFIA - 1080</t>
  </si>
  <si>
    <t>Vector NTI 9   v9.1.0000</t>
  </si>
  <si>
    <t>Topaz Systems, Inc.</t>
  </si>
  <si>
    <t>CFIA-CFIA - 1081</t>
  </si>
  <si>
    <t>Waters MassLynx V4.1 SCN909   v04.20.0001</t>
  </si>
  <si>
    <t>BreezeTree</t>
  </si>
  <si>
    <t>CFIA-CFIA - 1082</t>
  </si>
  <si>
    <t>Waters TargetLynx   v4.00.0000</t>
  </si>
  <si>
    <t>CaseWare IDEA Inc</t>
  </si>
  <si>
    <t>CFIA-CFIA - 1083</t>
  </si>
  <si>
    <t>Web Link Validator 5.7 build 574</t>
  </si>
  <si>
    <t>CFIA-CFIA - 1085</t>
  </si>
  <si>
    <t>Wildlife Disease Database version 5.7.1   v5.7.1</t>
  </si>
  <si>
    <t>CFIA-CFIA - 1091</t>
  </si>
  <si>
    <t>AMPS Tracking</t>
  </si>
  <si>
    <t>amps</t>
  </si>
  <si>
    <t>Used for tracking and reporting for the AMPS.  This database is used and managed solely by the National Accounts Receivable Service Centre.</t>
  </si>
  <si>
    <t>CFIA-CFIA - 1092</t>
  </si>
  <si>
    <t>Animal Humane Transport draft master</t>
  </si>
  <si>
    <t>Microsoft Access database used by data entry staff to process, store, and report on information related to compliance verifications at locations with animal movement (e.g. Federal and Provincial slaughter facilities, aucition markets, points of entry, etc</t>
  </si>
  <si>
    <t>CFIA-CFIA - 1093</t>
  </si>
  <si>
    <t>Animal ID (traceability) draft master</t>
  </si>
  <si>
    <t>aid</t>
  </si>
  <si>
    <t>Microsoft Access database used by data entry staff to process, store, and report on related to compliance verifications related to animal idenfication, traceability, and movement.</t>
  </si>
  <si>
    <t>CFIA-CFIA - 1094</t>
  </si>
  <si>
    <t>Annual Plant Protection Survey Reports</t>
  </si>
  <si>
    <t>appsr</t>
  </si>
  <si>
    <t>&lt;div&gt;The objectives of the Plant Protection program within the Canadian Food Inspection Agency (CFIA) are to prevent the introduction and spread within Canada of plant pests of quarantine significance, to detect and control or eradicate designated plant pests in Canada, and to certify plants and plant products for domestic and export trade.&lt;/div&gt;  &lt;div&gt;&amp;nbsp;&lt;/div&gt;  &lt;div&gt;Surveys support the Plant Protection Program in a number of ways. They help to detect new populations of quarantine pests or potential quarantine pests being considered for regulation. Delimitation surveys are also conducted to determine the range of pest populations with limited distributions in Canada (ISPM No.08). &lt;/div&gt;</t>
  </si>
  <si>
    <t>CFIA-CFIA - 1095</t>
  </si>
  <si>
    <t>SAS Studio 3.3 Single-User Edition (32-bit)   v3.3.1768.0</t>
  </si>
  <si>
    <t>aibes</t>
  </si>
  <si>
    <t>The Enterprise Service Bus (ESB) serves as a centralized integration point for reusable enterprise services</t>
  </si>
  <si>
    <t>CFIA-CFIA - 1096</t>
  </si>
  <si>
    <t>ASC check inspection tracking sheet (3695396)</t>
  </si>
  <si>
    <t>asc</t>
  </si>
  <si>
    <t>audit checklist for internal inspectors auditing LSCIs</t>
  </si>
  <si>
    <t>CFIA-CFIA - 1097</t>
  </si>
  <si>
    <t>ASD-ACIS applications (RDIMS 3784701)</t>
  </si>
  <si>
    <t>asd</t>
  </si>
  <si>
    <t>List of applications received for alternate service crop inspectors and licensed afterwards</t>
  </si>
  <si>
    <t>CFIA-CFIA - 1098</t>
  </si>
  <si>
    <t>Asian Gypsy Moth (AGM) Ship Database</t>
  </si>
  <si>
    <t>agm</t>
  </si>
  <si>
    <t>&lt;div&gt;The Database tracks ocean-going vessels arriving in Canada, records vessel information, and is used to target vessels for inspection. It records inspection results which are used for work planning and negotiations with countries regulated for Asian Gypsy moth.&lt;/div&gt;</t>
  </si>
  <si>
    <t>CFIA-CFIA - 1099</t>
  </si>
  <si>
    <t>Asset disposition list (ADL)</t>
  </si>
  <si>
    <t>adl</t>
  </si>
  <si>
    <t>Provides details about sites and sub-sites assessments, and configuration for devices for current and future print devices.</t>
  </si>
  <si>
    <t>CFIA-CFIA - 1100</t>
  </si>
  <si>
    <t>Blackberry/Cell phone Statistics</t>
  </si>
  <si>
    <t>bcps</t>
  </si>
  <si>
    <t>Provides details on air time, the costs by users and other essential details.</t>
  </si>
  <si>
    <t>CFIA-CFIA - 1101</t>
  </si>
  <si>
    <t>Border Lookout Monitoring Report</t>
  </si>
  <si>
    <t>blmr</t>
  </si>
  <si>
    <t>&lt;div&gt;CFIA Border Lookout is a national system used to control products at the border by the Canada Border Services Agency (CBSA). &amp;nbsp;This system includes a mechanism to inform the CFIA of the arrival of these products in Canada. Through the implementation of a lookout or target, the CBSA and the CFIA operate in partnership at a national level to control movement of food, plant, and animal products at Canadian ports of entry.&lt;/div&gt;</t>
  </si>
  <si>
    <t>CFIA-CFIA - 1102</t>
  </si>
  <si>
    <t>BSE Enhanced Surveillance Program</t>
  </si>
  <si>
    <t>bsesp</t>
  </si>
  <si>
    <t>&lt;div&gt;Surveillance is one of many BSE-related actions Canada has implemented to manage BSE. The program tests a sample of animals from the national cattle herd and focuses on higher-risk animals that are most likely to be affected by the disease. The surveillance program's objectives are to determine and monitor the level of BSE present in Canada and to confirm the effectiveness of the suite of measures Canada has implemented to protect human and animal health from the disease&lt;/div&gt;</t>
  </si>
  <si>
    <t>CFIA-CFIA - 1103</t>
  </si>
  <si>
    <t>Canadian Centre for Veterinary Biologics (CCVB) Illegal Importation of VB / Impo</t>
  </si>
  <si>
    <t>ccvbii</t>
  </si>
  <si>
    <t>&lt;div&gt;The spreadsheet identifies foreign exporters who have shipped veterinary biologics to Canada without a valid import permit, the source of the imformation and the response taken by CCVB (letters, Border lookouts). &amp;nbsp;Data is populated by CCVB reviewers and by VB Operations inspectors.&lt;/div&gt;</t>
  </si>
  <si>
    <t>CFIA-CFIA - 1104</t>
  </si>
  <si>
    <t>Complaints and Appeals Office quarterly data</t>
  </si>
  <si>
    <t>caoqd</t>
  </si>
  <si>
    <t>The CFIA has a Complaints and Appeals process that allows stakeholders to register complaints and appeals related to quality of service, administrative errors and regulatory decisions. The Office of Complaints and Appeals was launched on April 2, 2012.</t>
  </si>
  <si>
    <t>CFIA-CFIA - 1105</t>
  </si>
  <si>
    <t>Configuration Management database (CMDB)</t>
  </si>
  <si>
    <t>cmdb</t>
  </si>
  <si>
    <t>Provides the details of the results of the tickets and verifies the performance of the systems involved.</t>
  </si>
  <si>
    <t>CFIA-CFIA - 1106</t>
  </si>
  <si>
    <t>Consultations</t>
  </si>
  <si>
    <t>cons</t>
  </si>
  <si>
    <t>&lt;div&gt;Consultation is a key activity of the Canadian Food Inspection Agency (CFIA). It supports open and transparent government. It allows for discussion among Canadians, and between Canadians and government, about designing, implementing and evaluating the following government activities:&lt;/div&gt;  &lt;div&gt;&amp;nbsp;&lt;/div&gt;  &lt;div&gt;&amp;nbsp;&amp;nbsp;&amp;nbsp;&amp;nbsp;public policy,&lt;/div&gt;  &lt;div&gt;&amp;nbsp;&amp;nbsp;&amp;nbsp;&amp;nbsp;regulation,&lt;/div&gt;  &lt;div&gt;&amp;nbsp;&amp;nbsp;&amp;nbsp;&amp;nbsp;programs, and&lt;/div&gt;  &lt;div&gt;&amp;nbsp;&amp;nbsp;&amp;nbsp;&amp;nbsp;accountability.&lt;/div&gt;</t>
  </si>
  <si>
    <t>CFIA-CFIA - 1107</t>
  </si>
  <si>
    <t>Database containing details regarding imported cheese products.</t>
  </si>
  <si>
    <t>dicp</t>
  </si>
  <si>
    <t>CFIA-CFIA - 1108</t>
  </si>
  <si>
    <t>Departmental Performance Report</t>
  </si>
  <si>
    <t>dpr</t>
  </si>
  <si>
    <t>Departmental Performance Reports are individual department and agency accounts of results achieved against planned performance expectations as set out in respective Reports on Plans and Priorities</t>
  </si>
  <si>
    <t>CFIA-CFIA - 1109</t>
  </si>
  <si>
    <t>Designation Cards Log</t>
  </si>
  <si>
    <t>dcl</t>
  </si>
  <si>
    <t>Tracking log for PPB designated employees</t>
  </si>
  <si>
    <t>CFIA-CFIA - 1110</t>
  </si>
  <si>
    <t>Enforcement and Investigation Services (EIS)</t>
  </si>
  <si>
    <t>eis</t>
  </si>
  <si>
    <t>CFIA-CFIA - 1111</t>
  </si>
  <si>
    <t>Federally Reportable Aquatic Animal Diseases in Canada</t>
  </si>
  <si>
    <t>fraad</t>
  </si>
  <si>
    <t>&lt;div&gt;This report lists the number of confirmed cases of a federally reportable aquatic animal disease in Canada this year. The numbers include both wild and farmed aquatic animals and are running totals, up until and including the last day of the previous months.&lt;/div&gt;</t>
  </si>
  <si>
    <t>CFIA-CFIA - 1112</t>
  </si>
  <si>
    <t>Federally Reportable Diseases for Terrestrial Animals in Canada</t>
  </si>
  <si>
    <t>frdta</t>
  </si>
  <si>
    <t>This report lists the number of confirmed farmed herds or flocks affected by federally reportable diseases in Canada this year. The numbers are running totals, up until and including the last day of the previous month.</t>
  </si>
  <si>
    <t>CFIA-CFIA - 1113</t>
  </si>
  <si>
    <t>Feed Application Report by Officer</t>
  </si>
  <si>
    <t>faro</t>
  </si>
  <si>
    <t>Cognos report derived from PRS to provide information on the number of active applications in Animal Feed Division, assignment and status.  Used for tracking submissions, and monthly reporting.</t>
  </si>
  <si>
    <t>CFIA-CFIA - 1114</t>
  </si>
  <si>
    <t>Fertilizer Registered Products</t>
  </si>
  <si>
    <t>frp</t>
  </si>
  <si>
    <t>CFIA-CFIA - 1115</t>
  </si>
  <si>
    <t>FIN Interim Invoicing</t>
  </si>
  <si>
    <t>finii</t>
  </si>
  <si>
    <t>This is used by the 3 regions in order to facilitate the entries of FINs. Each location has a copy of the DB and the DB with all master data is held at the AR Centre.</t>
  </si>
  <si>
    <t>CFIA-CFIA - 1116</t>
  </si>
  <si>
    <t>Food Safety Enhancement Program (FSEP) Tracking</t>
  </si>
  <si>
    <t>fsep</t>
  </si>
  <si>
    <t>Access data base. master resides on O drive and replicas in 5 locations throughout the country.</t>
  </si>
  <si>
    <t>CFIA-CFIA - 1117</t>
  </si>
  <si>
    <t>Food Safety Testing Reports</t>
  </si>
  <si>
    <t>fstr</t>
  </si>
  <si>
    <t>&lt;div&gt;The Canadian Food Inspection Agency's (CFIA) priority is to protect consumers by safeguarding Canada's food supply. The Agency verifies that industry is meeting federal food safety requirements and conducts sampling and testing to detect food safety risks.&lt;/div&gt;  &lt;div&gt;&amp;nbsp;&lt;/div&gt;  &lt;div&gt;Monitoring the levels of chemical hazards, microbiological hazards, undeclared allergens, sulphites and gluten in the food supply helps the CFIA identify food safety hazards and develop risk management strategies to minimize potential risks to Canadians.&lt;/div&gt;  &lt;div&gt;&amp;nbsp;&lt;/div&gt;  &lt;div&gt;When non-compliance is found, the CFIA does not hesitate to take appropriate action. These actions may include notifying the manufacturer or importer, requesting a corrective</t>
  </si>
  <si>
    <t>CFIA-CFIA - 1118</t>
  </si>
  <si>
    <t>Future-Oriented Financial Statements</t>
  </si>
  <si>
    <t>fofs</t>
  </si>
  <si>
    <t>&lt;div&gt;Future oriented financial statements are intended to serve as a general overview of the CFIA's financial position and operations. These future-oriented financial statements are prepared in order to strengthen accountability and improve transparency and financial management.&lt;/div&gt;</t>
  </si>
  <si>
    <t>CFIA-CFIA - 1119</t>
  </si>
  <si>
    <t>IBM contractors</t>
  </si>
  <si>
    <t>ibmc</t>
  </si>
  <si>
    <t>Provides data on all IBM contractors who have worked at the service desk.</t>
  </si>
  <si>
    <t>CFIA-CFIA - 1120</t>
  </si>
  <si>
    <t>Imported and Manufactured Food Program (IMFP), Establishment Lists</t>
  </si>
  <si>
    <t>imfd</t>
  </si>
  <si>
    <t>&lt;div&gt;Name, address and contacts of establishments that import or manufacture commodities inspected under IMFP Work Specifications. May include last date of inspection, status, commodity and process descriptions, etc, as appropriate to the project. Created by various Specialists as &amp;quot;National&amp;quot; databases; they are updated by all IMFP offices as required.&lt;/div&gt;</t>
  </si>
  <si>
    <t>CFIA-CFIA - 1121</t>
  </si>
  <si>
    <t>Installation Sources</t>
  </si>
  <si>
    <t>ints</t>
  </si>
  <si>
    <t>Provides files for the software with the set-up data.</t>
  </si>
  <si>
    <t>CFIA-CFIA - 1122</t>
  </si>
  <si>
    <t>inv</t>
  </si>
  <si>
    <t>Inventory for all diagnostic/research reagents used by the Serology/Immunology department CFIA @ National Centre for Foreign Animal Disease (NCFAD) in Winnipeg. This is tracked and maintained on a daily basis.</t>
  </si>
  <si>
    <t>CFIA-CFIA - 1123</t>
  </si>
  <si>
    <t>Invoice system</t>
  </si>
  <si>
    <t>insy</t>
  </si>
  <si>
    <t>CFIA-CFIA - 1124</t>
  </si>
  <si>
    <t>Isolated Bacterial Strains from CFIA Labs*</t>
  </si>
  <si>
    <t>ibs</t>
  </si>
  <si>
    <t>&lt;div&gt;This database is an inventory of all bacterial isolates that were detected and identified from food, feed or fertilizer samples by the CFIA food microbiology labs. This inventory list is a biosafety requirement and must be available at all labs that have bacterial pathogens stored or in use.&lt;/div&gt;</t>
  </si>
  <si>
    <t>CFIA-CFIA - 1125</t>
  </si>
  <si>
    <t>IT Equipment</t>
  </si>
  <si>
    <t>iteq</t>
  </si>
  <si>
    <t>Provides details on the inventory of IT equipment.</t>
  </si>
  <si>
    <t>CFIA-CFIA - 1126</t>
  </si>
  <si>
    <t>Knowledge base (PHPKB)</t>
  </si>
  <si>
    <t>phpkb</t>
  </si>
  <si>
    <t>Provides details on solutions to fix technical problems.</t>
  </si>
  <si>
    <t>CFIA-CFIA - 1127</t>
  </si>
  <si>
    <t>Leases for Managed Print Services (MPS)</t>
  </si>
  <si>
    <t>mps</t>
  </si>
  <si>
    <t>Provides details on all the AAFC and CFIA leases for managed print services.</t>
  </si>
  <si>
    <t>CFIA-CFIA - 1128</t>
  </si>
  <si>
    <t>List of Pests Regulated by Canada</t>
  </si>
  <si>
    <t>lprc</t>
  </si>
  <si>
    <t>The pests are regulated under the authority of the Plant Protection Act. Pests in this list are linked to the policy directives that are available electronically. The list may be revised at any time.</t>
  </si>
  <si>
    <t>CFIA-CFIA - 1129</t>
  </si>
  <si>
    <t>List of propagative plant material and other commodities that require an import</t>
  </si>
  <si>
    <t>lppm</t>
  </si>
  <si>
    <t>&lt;div&gt;All products of biotechnology unapproved for unconfined release in Canada, such as plants with novel traits (including transgenic plants) and their products require a permit to import. See: D-96-13.&lt;/div&gt;  &lt;div&gt;&amp;nbsp;&lt;/div&gt;  &lt;div&gt;The prior approval process and import requirements for plants rooted in approved media (Canadian Growing Media Program) is subject to D-96-20.&lt;/div&gt;</t>
  </si>
  <si>
    <t>CFIA-CFIA - 1130</t>
  </si>
  <si>
    <t>Managed Print Services (MPS) deployed sites</t>
  </si>
  <si>
    <t>mpss</t>
  </si>
  <si>
    <t>Provides details on all active sites including the location and technical contacts.</t>
  </si>
  <si>
    <t>CFIA-CFIA - 1131</t>
  </si>
  <si>
    <t>Managed Print Services (MPS) devices</t>
  </si>
  <si>
    <t>mpsd</t>
  </si>
  <si>
    <t>Provides the serial number, model, location, and other related information, and allows for service requests.</t>
  </si>
  <si>
    <t>CFIA-CFIA - 1132</t>
  </si>
  <si>
    <t>Mandatory Notification Tracking Log</t>
  </si>
  <si>
    <t>mntl</t>
  </si>
  <si>
    <t>The Mandatory Tracking Log is used to record information about an aquatic animal disease notification from the public, whether an Aquatic Premises Investigation Questionnaire was generated and if the disease was confirmed or not.</t>
  </si>
  <si>
    <t>CFIA-CFIA - 1133</t>
  </si>
  <si>
    <t>Microbiology reports</t>
  </si>
  <si>
    <t>mr</t>
  </si>
  <si>
    <t>&lt;div&gt;The CFIA operates a national microbiological monitoring program. The monitoring program includes the random selection and testing of samples for a wide variety of domestic and imported products. Sample tests are done every year to monitor the level of microbiological contamination in the food supply. Testing is done for a variety of high risk pathogens, including E. coli, Listeria monocytogenes, Salmonella and Shigella.&lt;/div&gt;</t>
  </si>
  <si>
    <t>CFIA-CFIA - 1134</t>
  </si>
  <si>
    <t>Monthly ATIP summaries</t>
  </si>
  <si>
    <t>matip</t>
  </si>
  <si>
    <t>The Access to Information and Privacy Office (ATIP) processes requests submitted by the public. These reports focus on subjects of public interest and may not be all-inclusive.</t>
  </si>
  <si>
    <t>CFIA-CFIA - 1135</t>
  </si>
  <si>
    <t>MyKey Validation</t>
  </si>
  <si>
    <t>mykey</t>
  </si>
  <si>
    <t>Provides AAFC and CFIA the ability to validate and verify MyKey accounts for employees.</t>
  </si>
  <si>
    <t>CFIA-CFIA - 1136</t>
  </si>
  <si>
    <t>National Health Products (NHP), Database Temporary Marketing Authorization Lette</t>
  </si>
  <si>
    <t>nhp</t>
  </si>
  <si>
    <t>The log contains products transitioned by Health Canada from NHP to food that have valid temporary marketing authorization.</t>
  </si>
  <si>
    <t>CFIA-CFIA - 1137</t>
  </si>
  <si>
    <t>Non Technical Course Catalogue</t>
  </si>
  <si>
    <t>ntcc</t>
  </si>
  <si>
    <t>A web interface to an Access backend to maintain non techincal CFIA Course Catalogue</t>
  </si>
  <si>
    <t>CFIA-CFIA - 1138</t>
  </si>
  <si>
    <t>Notice of Recourse</t>
  </si>
  <si>
    <t>nr</t>
  </si>
  <si>
    <t>A web interface to an Access backend to maintain CFIA Notice of Recourse</t>
  </si>
  <si>
    <t>CFIA-CFIA - 1139</t>
  </si>
  <si>
    <t>Phone statistics</t>
  </si>
  <si>
    <t>ps</t>
  </si>
  <si>
    <t>Provides details on how many calls were made, the number of calls dropped, the number of VIP clients calling in, and other essential details.</t>
  </si>
  <si>
    <t>CFIA-CFIA - 1140</t>
  </si>
  <si>
    <t>CFIA-CFIA - 1141</t>
  </si>
  <si>
    <t>Plant Growth Promoting Rhizbacteria Project database</t>
  </si>
  <si>
    <t>pgpr</t>
  </si>
  <si>
    <t>&lt;div&gt;The PGPR Project was designed to proactively address the anticipated increase in the submission of products containing species that have not been previously seen by the Fertilizer Section. This Excel document serves as an index or database for the project. It alphabetically lists genera and species that may be of interest and has links to documents summarizing relavent information for species that have been searched in the literaturect&lt;/div&gt;</t>
  </si>
  <si>
    <t>CFIA-CFIA - 1142</t>
  </si>
  <si>
    <t>Plant Variety Registration</t>
  </si>
  <si>
    <t>pvr</t>
  </si>
  <si>
    <t>CFIA-CFIA - 1143</t>
  </si>
  <si>
    <t>Plant with novel traits (PNT) database</t>
  </si>
  <si>
    <t>pnt</t>
  </si>
  <si>
    <t>&lt;div&gt;This page provides access to a database listing containing information on the status of regulated plants with novel traits in Canada, including whether products have been approved for unconfined environmental release, novel livestock feed use, variety registration and novel food use.&lt;/div&gt;</t>
  </si>
  <si>
    <t>CFIA-CFIA - 1144</t>
  </si>
  <si>
    <t>peelfs</t>
  </si>
  <si>
    <t>List of Plants Evaluated for Environmental and Livestock Feed Safety</t>
  </si>
  <si>
    <t>CFIA-CFIA - 1145</t>
  </si>
  <si>
    <t>PPB Governance Outlook</t>
  </si>
  <si>
    <t>ppbgo</t>
  </si>
  <si>
    <t>Tracking sheet for items going through Governance that fall under Program Management Committee (PMC).</t>
  </si>
  <si>
    <t>CFIA-CFIA - 1146</t>
  </si>
  <si>
    <t>Print Device Monitoring Statistics</t>
  </si>
  <si>
    <t>pdms</t>
  </si>
  <si>
    <t>Provides the Check Production Integrity (CPI) usage for each device, monitors the print devices and allows for invoicing for all the leases.</t>
  </si>
  <si>
    <t>CFIA-CFIA - 1147</t>
  </si>
  <si>
    <t>Proactive Disclosure Reports (Wrong Doing)</t>
  </si>
  <si>
    <t>CFIA-CFIA - 1148</t>
  </si>
  <si>
    <t>Prosecution Bulletins</t>
  </si>
  <si>
    <t>pb</t>
  </si>
  <si>
    <t>&lt;div&gt;The Canadian Food Inspection Agency is responsible for enforcing a number of Acts of Parliament in order to deliver inspection and related services for consumers and industry that contribute to food safety, animal health and plant protection.&lt;/div&gt;  &lt;div&gt;&amp;nbsp;&lt;/div&gt;  &lt;div&gt;As part of its ongoing effort to increase awareness of CFIA's role in encouraging compliance with the various Acts and Regulations, the CFIA issues prosecution bulletins when a conviction is obtained.&lt;/div&gt;</t>
  </si>
  <si>
    <t>CFIA-CFIA - 1149</t>
  </si>
  <si>
    <t>QP card log</t>
  </si>
  <si>
    <t>qpcl</t>
  </si>
  <si>
    <t>Tracking sheet for QP writer on all CFIA QP cards prepared for the Ministers of AAFC and Health</t>
  </si>
  <si>
    <t>CFIA-CFIA - 1150</t>
  </si>
  <si>
    <t>Quarterly Financial Report</t>
  </si>
  <si>
    <t>qfr</t>
  </si>
  <si>
    <t>&lt;div&gt;This quarterly report has been prepared by management as required by Section 65.1 of the Financial Administration Act and in the form and manner prescribed by the Treasury Board. This quarterly report should be read in conjunction with the Main Estimates, as well as the Supplementary Estimates (A).&lt;/div&gt;  &lt;div&gt;&amp;nbsp;&lt;/div&gt;  &lt;div&gt;A summary description of the Canadian Food Inspection Agency's (CFIA) program activities can be found in the CFIA's &amp;nbsp;Report on Plans and Priorities.&lt;/div&gt;  &lt;div&gt;&amp;nbsp;&lt;/div&gt;  &lt;div&gt;The quarterly report has not been subject to an external audit or review.&lt;/div&gt;</t>
  </si>
  <si>
    <t>CFIA-CFIA - 1151</t>
  </si>
  <si>
    <t>Quarterly reports of Administrative Monetary Penalties</t>
  </si>
  <si>
    <t>qramp</t>
  </si>
  <si>
    <t>&lt;div&gt;Under the Agriculture and Agri-Food Administrative Monetary Penalties Act and Regulations, the Canadian Food Inspection Agency (CFIA) may issue an Administrative Monetary Penalty (AMP) as an enforcement measure to encourage compliance with the Health of Animals Act, the Plant Protection Act, the Meat Inspection Act and their associated regulations.&lt;/div&gt;</t>
  </si>
  <si>
    <t>CFIA-CFIA - 1152</t>
  </si>
  <si>
    <t>Quarterly reports of Food Shipments Refused Entry into Canada</t>
  </si>
  <si>
    <t>qrfse</t>
  </si>
  <si>
    <t>&lt;div&gt;The Canada Border Services Agency (CBSA) and the Canadian Food Inspection Agency (CFIA) share responsibility for enforcing acts and regulations that govern the import, export and in-transit movement of food, agricultural inputs and agricultural products. The CFIA has the authority to refuse the entry of import shipments to Canada that are not compliant with Canadian requirements. This refusal is done prior to or on arrival at the Canadian border.&lt;/div&gt;</t>
  </si>
  <si>
    <t>CFIA-CFIA - 1153</t>
  </si>
  <si>
    <t>Quarterly reports of non-compliant and disposed food products</t>
  </si>
  <si>
    <t>qrncdf</t>
  </si>
  <si>
    <t>&lt;div&gt;The Canadian Food Inspection Agency (CFIA) has the authority to seize, detain and/or dispose of food products that do not meet Canadian requirements. All food products listed have been found to be non-compliant with one or more of our regulations. All listed food products have been removed from the food supply in a safe manner, thereby preventing their entry into the Canadian marketplace.&lt;/div&gt;</t>
  </si>
  <si>
    <t>CFIA-CFIA - 1154</t>
  </si>
  <si>
    <t>Rabies in Canada</t>
  </si>
  <si>
    <t>rabc</t>
  </si>
  <si>
    <t>&lt;div&gt;Rabies is a viral disease that attacks the central nervous system of mammals, including humans. Once clinical signs appear, rabies is almost always fatal in animals and people. In Canada, the animals that most often transmit rabies are bats, skunks and foxes.&lt;/div&gt;  &lt;div&gt;&amp;nbsp;&lt;/div&gt;  &lt;div&gt;Rabies is a reportable disease under the Health of Animals Act, and all suspect cases must be reported to the Canadian Food Inspection Agency (CFIA). All suspect rabies cases are verified in a CFIA rabies laboratory.&lt;/div&gt;  &lt;div&gt;&amp;nbsp;&lt;/div&gt;  &lt;div&gt;The report lists the number of confirmed rabies cases in Canada by year and &amp;nbsp;by months.&lt;/div&gt;</t>
  </si>
  <si>
    <t>CFIA-CFIA - 1155</t>
  </si>
  <si>
    <t>Registered Seed Establishment-Canadian Seed Institute database, is not owned or</t>
  </si>
  <si>
    <t>rse</t>
  </si>
  <si>
    <t>List of registered seed establishments in Canada, including name, location and scope of registration activities.</t>
  </si>
  <si>
    <t>CFIA-CFIA - 1156</t>
  </si>
  <si>
    <t>Registered user statistics for Enterprise Secure Access Services (ESAS)</t>
  </si>
  <si>
    <t>resas</t>
  </si>
  <si>
    <t>Provides tombstone data on registered clients.</t>
  </si>
  <si>
    <t>CFIA-CFIA - 1157</t>
  </si>
  <si>
    <t>Registered Varieties and Cancellations</t>
  </si>
  <si>
    <t>rvc</t>
  </si>
  <si>
    <t>&lt;div&gt;The purpose of variety registration is to provide government oversight to ensure that health and safety requirements are met and that information related to the identity of the variety is available to regulators to prevent fraud. It also facilitates seed certification, the international trade of seed and the tracking and tracing of varieties in commercial channels. This oversight is under the authority of the Seeds Act and Seed Regulations (Part III and Schedule III).&lt;/div&gt;</t>
  </si>
  <si>
    <t>CFIA-CFIA - 1158</t>
  </si>
  <si>
    <t>Report on Plans and Priorities</t>
  </si>
  <si>
    <t>rpp</t>
  </si>
  <si>
    <t>&lt;div&gt;Reports on Plans and Priorities are individual expenditure plans for each department and agency (excluding Crown corporations). These reports provide increased levels of detail over a three-year period on an organization's main priorities by strategic outcome(s), program activity(ies) and planned/expected results, including links to related resource requirements.&lt;/div&gt;</t>
  </si>
  <si>
    <t>CFIA-CFIA - 1159</t>
  </si>
  <si>
    <t>Safe Food for Canadians Action Plan - News Releases</t>
  </si>
  <si>
    <t>sfcap</t>
  </si>
  <si>
    <t>&lt;div&gt;The Government of Canada is taking further action to strengthen Canada's world-class food safety system with the launch of the Safe Food for Canadians Action Plan.&lt;/div&gt;  &lt;div&gt;&amp;nbsp;&lt;/div&gt;  &lt;div&gt;The Action Plan aims to strengthen Canada's food safety system through:&lt;/div&gt;  &lt;div&gt;&amp;nbsp;&lt;/div&gt;  &lt;div&gt;&amp;nbsp;&amp;nbsp;&amp;nbsp;&amp;nbsp;stronger food safety rules,&lt;/div&gt;  &lt;div&gt;&amp;nbsp;&amp;nbsp;&amp;nbsp;&amp;nbsp;more effective inspection,&lt;/div&gt;  &lt;div&gt;&amp;nbsp;&amp;nbsp;&amp;nbsp;&amp;nbsp;a renewed commitment to service, and&lt;/div&gt;  &lt;div&gt;&amp;nbsp;&amp;nbsp;&amp;nbsp;&amp;nbsp;more information for consumers.&lt;/div&gt;</t>
  </si>
  <si>
    <t>CFIA-CFIA - 1160</t>
  </si>
  <si>
    <t>Science Branch Research and Arrangements Database (RAD)</t>
  </si>
  <si>
    <t>rad</t>
  </si>
  <si>
    <t>&lt;div&gt;RAD is a a software built on the ccmMercury platform and used as a database for the storage of metadata and document links for Science Branch's research project and arrangements management. &amp;nbsp;Metadata entered into the database is reportable via Cognos.&lt;/div&gt;</t>
  </si>
  <si>
    <t>CFIA-CFIA - 1161</t>
  </si>
  <si>
    <t>Seed Identification Guide</t>
  </si>
  <si>
    <t>sig</t>
  </si>
  <si>
    <t>&lt;div&gt;The IDSeed tool is a web-based taxonomy tool that was developed by the Agency to meet a 2010 Canadian commitment for the Quads Science Working Group and is part of the regulatory committment for a training tool for the new Weed Seed Order (WSO) that comes into effect Noveember 1, 2016. &amp;nbsp;The tool contains scientific information and photographs of seeds gathered through research and was built using LUCID software (Lucidcentral.org) which gives it functionality to facilitate the identification of seeds that users are unfamiliar with by using the morphologic characteristics that they can see and describe. &lt;/div&gt;</t>
  </si>
  <si>
    <t>CFIA-CFIA - 1162</t>
  </si>
  <si>
    <t>Selfie Reporting SPRINT</t>
  </si>
  <si>
    <t>ssprint</t>
  </si>
  <si>
    <t>&lt;div&gt;The Self-contained Personal Reporting and Inspection Tool (SPRINT) is a database management system. It is a collection of database tables containing records that are further broken down into smaller units called fields. &amp;nbsp;In a practical sense, it is a computerised inspection system which provides officers of the Canadian Food Inspection Agency (CFIA) easy access to storage and retrieval of information needed to do business. &amp;nbsp;Specifically, this information includes, but is not limited to: &amp;nbsp;inspection details, establishment .&lt;/div&gt;</t>
  </si>
  <si>
    <t>CFIA-CFIA - 1163</t>
  </si>
  <si>
    <t>Service request, incident and change data</t>
  </si>
  <si>
    <t>sricd</t>
  </si>
  <si>
    <t>Provides details on the number of tickets, the source, the methods that the requests were received, the severity of the issues, the resolution time and other factors.</t>
  </si>
  <si>
    <t>CFIA-CFIA - 1164</t>
  </si>
  <si>
    <t>Severity reports</t>
  </si>
  <si>
    <t>sevrep</t>
  </si>
  <si>
    <t>Provides details on the severity of tickets and incidents.</t>
  </si>
  <si>
    <t>CFIA-CFIA - 1165</t>
  </si>
  <si>
    <t>signing authority list</t>
  </si>
  <si>
    <t>sal</t>
  </si>
  <si>
    <t>list of persons with signing authority for feed registrations by company name</t>
  </si>
  <si>
    <t>CFIA-CFIA - 1166</t>
  </si>
  <si>
    <t>Software licences</t>
  </si>
  <si>
    <t>softl</t>
  </si>
  <si>
    <t>Provides details on AAFC and CFIA licences for software.</t>
  </si>
  <si>
    <t>CFIA-CFIA - 1167</t>
  </si>
  <si>
    <t>Special Project Officer Log</t>
  </si>
  <si>
    <t>spol</t>
  </si>
  <si>
    <t>&lt;div&gt;Tracking sheet for PPB on travel, events and other miscellaneous items.&lt;/div&gt;</t>
  </si>
  <si>
    <t>CFIA-CFIA - 1168</t>
  </si>
  <si>
    <t>Susceptible Species of Aquatic Animals</t>
  </si>
  <si>
    <t>ssaa</t>
  </si>
  <si>
    <t>&lt;div&gt;Reportable and immediately notifiable diseases are of significant importance to aquatic animal health and to the Canadian economy.&lt;/div&gt;  &lt;div&gt;&amp;nbsp;&lt;/div&gt;  &lt;div&gt;Susceptibility in aquatic species is determined if the infection can be demonstrated by natural occurrence of the disease in the species, or by experimental exposure of the species to the disease agent through a pathway that mimics a natural route of infection.&lt;/div&gt;</t>
  </si>
  <si>
    <t>CFIA-CFIA - 1169</t>
  </si>
  <si>
    <t>Suspended and Cancelled Accreditation of Certification Bodies</t>
  </si>
  <si>
    <t>scacb</t>
  </si>
  <si>
    <t>&lt;div&gt;The Canadian Food Inspection Agency (CFIA) is responsible for monitoring and enforcing the Organic Products Regulations, 2009. Certification bodies are accredited by the CFIA to certify agricultural products as organic in accordance with the requirements of the Canada Organic Regime.&lt;/div&gt;  &lt;div&gt;&amp;nbsp;&lt;/div&gt;  &lt;div&gt;The CFIA has the authority to suspend the accreditation of a certification body if there is non-compliance with any provision of the Canada Agricultural Products Act (CAPA), the Organic Products Regulations, 2009, or ISO 17065 requirements.&lt;/div&gt;  &lt;div&gt;&amp;nbsp;&lt;/div&gt;  &lt;div&gt;Accreditation suspensions remain in effect until the required corrective measures are implemented and verified, or until the accreditation is cancelled.&lt;/div&gt;</t>
  </si>
  <si>
    <t>CFIA-CFIA - 1170</t>
  </si>
  <si>
    <t>Suspended and Cancelled Organic Certifications</t>
  </si>
  <si>
    <t>scoc</t>
  </si>
  <si>
    <t>&lt;div&gt;All organic certification holders under the Canada Organic Regime are required to comply with the Organic Products Regulations, 2009, the Canada Agricultural Products Act or the issued organic certificate.&lt;/div&gt;  &lt;div&gt;&amp;nbsp;&lt;/div&gt;  &lt;div&gt;Certification bodies accredited by the Canadian Food Inspection Agency can suspend a holder's certification if the holder has not complied with any provision of the Organic Products Regulations, 2009, the Canada Agricultural Products Act or the issued organic certificate.&lt;/div&gt;</t>
  </si>
  <si>
    <t>CFIA-CFIA - 1171</t>
  </si>
  <si>
    <t>Threat events</t>
  </si>
  <si>
    <t>te</t>
  </si>
  <si>
    <t>Tracks events and potential incidents.</t>
  </si>
  <si>
    <t>CFIA-CFIA - 1172</t>
  </si>
  <si>
    <t>Traceability data by province, livestock category and time period.</t>
  </si>
  <si>
    <t>tdp</t>
  </si>
  <si>
    <t>Currently holds cattle, bison and sheep animal ID and movement information (limited), along with premises information from AB, SK, MB, ON &amp; PE.</t>
  </si>
  <si>
    <t>CFIA-CFIA - 1173</t>
  </si>
  <si>
    <t>Training log</t>
  </si>
  <si>
    <t>trlog</t>
  </si>
  <si>
    <t>&lt;div&gt;Tracking log for PPB employees attending NTI and other training courses.&lt;/div&gt;</t>
  </si>
  <si>
    <t>CFIA-CFIA - 1174</t>
  </si>
  <si>
    <t>Viral and cell culture inventories</t>
  </si>
  <si>
    <t>vcci</t>
  </si>
  <si>
    <t>Freezerworks software program Which contains data of location and amount for cell cultures and viral cultures. These viral cultures include restricted CL-2-CL-4 agents.</t>
  </si>
  <si>
    <t>CFIA-CFIA - 1175</t>
  </si>
  <si>
    <t>VRO - List of crop kinds from different sources</t>
  </si>
  <si>
    <t>vrolc</t>
  </si>
  <si>
    <t>&lt;div&gt;Lists the official names of various crop types.&lt;/div&gt;</t>
  </si>
  <si>
    <t>CFIA-CFIA - 1176</t>
  </si>
  <si>
    <t>VRO- Multiplication Agreements Summary Tracking Sheet</t>
  </si>
  <si>
    <t>vromaa</t>
  </si>
  <si>
    <t>&lt;div&gt;Tracks the multiplication applications which resulted in agreements issued per year.&lt;/div&gt;</t>
  </si>
  <si>
    <t>CFIA-CFIA - 1177</t>
  </si>
  <si>
    <t>VRO Name Check Database (7763312)</t>
  </si>
  <si>
    <t>vroncd</t>
  </si>
  <si>
    <t>&lt;div&gt;List of variety names submitted to VRO for which a name check was conducted.&lt;/div&gt;</t>
  </si>
  <si>
    <t>CFIA-CFIA - 1178</t>
  </si>
  <si>
    <t>VRO Pedigree Database of Registered Varieties  O:\FID\PPD\Variety\VRO\PEDIGREE a</t>
  </si>
  <si>
    <t>vropdr</t>
  </si>
  <si>
    <t>&lt;div&gt;Pedigree database of varieties that are registered.&lt;/div&gt;</t>
  </si>
  <si>
    <t>CFIA-CFIA - 1179</t>
  </si>
  <si>
    <t>VRO Reference Sample Tracking (1399622)</t>
  </si>
  <si>
    <t>vrorst</t>
  </si>
  <si>
    <t>&lt;div&gt;Used to track seed samples submitted to VRO to eventually be send over to the lab.&lt;/div&gt;</t>
  </si>
  <si>
    <t>CFIA-CFIA - 1180</t>
  </si>
  <si>
    <t>VRO Registered Variety List</t>
  </si>
  <si>
    <t>vrorvl</t>
  </si>
  <si>
    <t>&lt;div&gt;List of varieties registered by VRO and posted externally 5956639.&lt;/div&gt;</t>
  </si>
  <si>
    <t>CFIA-CFIA - 1181</t>
  </si>
  <si>
    <t>VRO-maf-CGSA Plant Breeders List, July 2014</t>
  </si>
  <si>
    <t>vropbl</t>
  </si>
  <si>
    <t>&lt;div&gt;list of plant breeders supplied and maintained by the Canadian Seed Growers Association.&lt;/div&gt;</t>
  </si>
  <si>
    <t>CFIA-CFIA - 1182</t>
  </si>
  <si>
    <t>Canadian Establishments Approved List for Fish and Seafood Export</t>
  </si>
  <si>
    <t>cealfse</t>
  </si>
  <si>
    <t>CFIA-CFIA - 1183</t>
  </si>
  <si>
    <t>Chemical residue reports</t>
  </si>
  <si>
    <t>crr</t>
  </si>
  <si>
    <t>&lt;div&gt;The chemical residue surveillance program of the Canadian Food Inspection Agency (CFIA) consists of three well-defined components. The first is monitoring sampling, which probes the food supply for potential contamination and is managed under the National Chemical Residue Monitoring Program (NCRMP). The second is directed sampling which focuses on identified chemical contamination issues and the third is compliance sampling, which seeks removal of food in violation of standards from the marketplace.&lt;/div&gt;</t>
  </si>
  <si>
    <t>CFIA-CFIA - 1184</t>
  </si>
  <si>
    <t>RightFax [SSC Managed]</t>
  </si>
  <si>
    <t>CFIA-CFIA - 1185</t>
  </si>
  <si>
    <t>Array Designer 4.40   v4.4</t>
  </si>
  <si>
    <t>CFIA-CFIA - 1186</t>
  </si>
  <si>
    <t>Array-Pro Analyzer   v6.3.1</t>
  </si>
  <si>
    <t>CFIA-CFIA - 1187</t>
  </si>
  <si>
    <t>ZaPrompt Pro 3.4.4   v3.4.4</t>
  </si>
  <si>
    <t>CFIA-CFIA - 1189</t>
  </si>
  <si>
    <t>XMind 6 (v3.5.1)   v3.5.1.201411201906</t>
  </si>
  <si>
    <t>CFIA-CFIA - 1190</t>
  </si>
  <si>
    <t>XLSTAT 2017   v19.02.01.43255</t>
  </si>
  <si>
    <t>CFIA-CFIA - 1196</t>
  </si>
  <si>
    <t>X-FIRE Client   v2.3.0.0</t>
  </si>
  <si>
    <t>CFIA-CFIA - 1197</t>
  </si>
  <si>
    <t>xChekPlus   v4.1.0</t>
  </si>
  <si>
    <t>CFIA-CFIA - 1198</t>
  </si>
  <si>
    <t>Xamarin   v4.1.0.530</t>
  </si>
  <si>
    <t>CFIA-CFIA - 1199</t>
  </si>
  <si>
    <t>WordPerfect Office X6 - WT   v16.1</t>
  </si>
  <si>
    <t>CGC-001</t>
  </si>
  <si>
    <t>Cargo Complaints</t>
  </si>
  <si>
    <t>CGC-002</t>
  </si>
  <si>
    <t>CIPRS</t>
  </si>
  <si>
    <t>CGC-003</t>
  </si>
  <si>
    <t>Data Dictionary</t>
  </si>
  <si>
    <t>CGC-004</t>
  </si>
  <si>
    <t>Grain Safety</t>
  </si>
  <si>
    <t>CGC-005</t>
  </si>
  <si>
    <t>Grain Standards</t>
  </si>
  <si>
    <t>CGC-006</t>
  </si>
  <si>
    <t>GRL Monitoring of Export Cargoes (GMEC)</t>
  </si>
  <si>
    <t>CGC-007</t>
  </si>
  <si>
    <t>GRL Sample</t>
  </si>
  <si>
    <t>CGC-008</t>
  </si>
  <si>
    <t>GRL Service Requests</t>
  </si>
  <si>
    <t>CGC-009</t>
  </si>
  <si>
    <t>GRL Tally</t>
  </si>
  <si>
    <t>CGC-010</t>
  </si>
  <si>
    <t>GSC Database</t>
  </si>
  <si>
    <t>CGC-011</t>
  </si>
  <si>
    <t>Licensing and Bonding Financials (LBFIN)</t>
  </si>
  <si>
    <t>CGC-012</t>
  </si>
  <si>
    <t>Licensed Elevators in Canada (LEIC)</t>
  </si>
  <si>
    <t>CGC-013</t>
  </si>
  <si>
    <t>MT Maintenance</t>
  </si>
  <si>
    <t>CGC-014</t>
  </si>
  <si>
    <t>National Inspection Monitoring - Outwards (NIM-O)</t>
  </si>
  <si>
    <t>CGC-015</t>
  </si>
  <si>
    <t>National Inspection Monitoring - Submitted Samples (NIM-SOS)</t>
  </si>
  <si>
    <t>CGC-016</t>
  </si>
  <si>
    <t>OSCAR</t>
  </si>
  <si>
    <t>CGC-017</t>
  </si>
  <si>
    <t>Security Application</t>
  </si>
  <si>
    <t>CGC-018</t>
  </si>
  <si>
    <t>Submitted/Official Samples (SOS)</t>
  </si>
  <si>
    <t>CGC-019</t>
  </si>
  <si>
    <t>Weed Seeds</t>
  </si>
  <si>
    <t>CGC-020</t>
  </si>
  <si>
    <t>Budget</t>
  </si>
  <si>
    <t>CGC-021</t>
  </si>
  <si>
    <t>CGC Website</t>
  </si>
  <si>
    <t>CGC-022</t>
  </si>
  <si>
    <t>Data Collection</t>
  </si>
  <si>
    <t>CGC-023</t>
  </si>
  <si>
    <t>FIS</t>
  </si>
  <si>
    <t>CGC-024</t>
  </si>
  <si>
    <t>Grain Dealers Monthly Reporting</t>
  </si>
  <si>
    <t>CGC-025</t>
  </si>
  <si>
    <t>Grain Elevators in Canada Online (GEICO)</t>
  </si>
  <si>
    <t>CGC-026</t>
  </si>
  <si>
    <t>Harvest Reporting</t>
  </si>
  <si>
    <t>CGC-027</t>
  </si>
  <si>
    <t>Harvest Sample Web Inquiry</t>
  </si>
  <si>
    <t>CGC-028</t>
  </si>
  <si>
    <t>LEIC Web (Renewal, Maintenance, and Producer Purchases)</t>
  </si>
  <si>
    <t>CGC-029</t>
  </si>
  <si>
    <t>CGC-030</t>
  </si>
  <si>
    <t>Primary Elevator Annual Reporting (PEAR)</t>
  </si>
  <si>
    <t>CGC-031</t>
  </si>
  <si>
    <t>Primary /Process Weekly Reporting (PPEWR)</t>
  </si>
  <si>
    <t>CGC-032</t>
  </si>
  <si>
    <t>Producer Cars</t>
  </si>
  <si>
    <t>CGC-033</t>
  </si>
  <si>
    <t>Producer Cars - Online Ordering</t>
  </si>
  <si>
    <t>CGC-034</t>
  </si>
  <si>
    <t>SAS</t>
  </si>
  <si>
    <t>CGC-035</t>
  </si>
  <si>
    <t>SE Suites</t>
  </si>
  <si>
    <t>CGC-036</t>
  </si>
  <si>
    <t>IS Docs</t>
  </si>
  <si>
    <t>CGC-037</t>
  </si>
  <si>
    <t>Canadian Heritage</t>
  </si>
  <si>
    <t>PCH-PCH-001</t>
  </si>
  <si>
    <t>Aboriginal Affairs Database</t>
  </si>
  <si>
    <t>Heritage</t>
  </si>
  <si>
    <t>The Aboriginal Affairs Database is a custom application conventionally known as the Treaties Database. This database supports the Government of Canada in their characteristically lengthy and on-going negotiations pertaining to self-government, comprehensive claims, and sectorial agreements</t>
  </si>
  <si>
    <t>Unknown</t>
  </si>
  <si>
    <t>PCH-PCH-002</t>
  </si>
  <si>
    <t>Call Log Database</t>
  </si>
  <si>
    <t>CHIN</t>
  </si>
  <si>
    <t>Heritage and Celebration</t>
  </si>
  <si>
    <t>This MS Access database serves to register all calls received and who it was assigned to.</t>
  </si>
  <si>
    <t>Microsoft Corporation, Access</t>
  </si>
  <si>
    <t>PCH-PCH-003</t>
  </si>
  <si>
    <t>CHIN Members DB</t>
  </si>
  <si>
    <t>CMTS - Members</t>
  </si>
  <si>
    <t>The software helps monitor thes processes, and supplicments related reporting requirements such as outstanding items and upcoming events.</t>
  </si>
  <si>
    <t>PCH-PCH-017</t>
  </si>
  <si>
    <t>AC Contributor Registration Form</t>
  </si>
  <si>
    <t>MSSQL</t>
  </si>
  <si>
    <t>Online registration form for museums who want to become AC Contributors   **NOTE: Online submissions are received at CHIN via email This application is part of PCH-375 PCH Online Forms.</t>
  </si>
  <si>
    <t>Developed in-house</t>
  </si>
  <si>
    <t>PCH-PCH-023</t>
  </si>
  <si>
    <t>Fogbugz</t>
  </si>
  <si>
    <t>Information Technology Services,Information Technology Services</t>
  </si>
  <si>
    <t>Tracking System - Service request for Web</t>
  </si>
  <si>
    <t>Fog Creek Software, FogBugz</t>
  </si>
  <si>
    <t>PCH-PCH-025</t>
  </si>
  <si>
    <t>PCH gateway</t>
  </si>
  <si>
    <t>The PCH gateway is the application getting all requests from browsers and calling each application on an internal server. It applies homogeneously the same WET template on all applications.</t>
  </si>
  <si>
    <t>PCH-PCH-028</t>
  </si>
  <si>
    <t>Authentication - CAS</t>
  </si>
  <si>
    <t>Central authentication service to support AICH (Artists in Canada) and CHIN DD</t>
  </si>
  <si>
    <t>PCH-PCH-038</t>
  </si>
  <si>
    <t>Artefacts Canada Humanities</t>
  </si>
  <si>
    <t>Artefacts Canada - Humanities is Canada’s national inventory of museum humanities collections; it includes approximately 4 million object records and 800,000 images contributed by hundreds of museums and galleries across Canada. It is used by national and international audiences to research and discover Canadian cultural collections.</t>
  </si>
  <si>
    <t>PCH-PCH-040</t>
  </si>
  <si>
    <t>Artefacts Canada Contribution</t>
  </si>
  <si>
    <t>This application allows CHIN contributing members to map their data/fields to ours and to upload/contribute their data to Artefacts Canada</t>
  </si>
  <si>
    <t>PCH-PCH-041</t>
  </si>
  <si>
    <t>Artefacts Canada Registration Admin Tool</t>
  </si>
  <si>
    <t>This application allows CHIN to complete the registration process for new Artefacts Canada contributors</t>
  </si>
  <si>
    <t>PCH-PCH-042</t>
  </si>
  <si>
    <t>World War Commemoration Community Fund - Tools and Templates</t>
  </si>
  <si>
    <t>A document library for sharing documents and tools with regions for the new World War Commemorations Community Fund</t>
  </si>
  <si>
    <t>IBM, Lotus Notes</t>
  </si>
  <si>
    <t>PCH-PCH-051</t>
  </si>
  <si>
    <t>Artists in Canada Reference Database and Administration</t>
  </si>
  <si>
    <t>AICH</t>
  </si>
  <si>
    <t>Artists in Canada is compiled and maintained by the National Gallery of Canada Library (NGC). It is a bilingual union list that identifies the location of documentation files on almost 56,000 Canadian artists. There is also a contribution tool that enables NGC to modify current records and contribute new records.</t>
  </si>
  <si>
    <t>PCH-PCH-053</t>
  </si>
  <si>
    <t>Data Dictionaries Reference Database and Administration</t>
  </si>
  <si>
    <t>CHINDD</t>
  </si>
  <si>
    <t>The CHIN Data Dictionary contains a description of database fields for museum collection management and documentation</t>
  </si>
  <si>
    <t>PCH-PCH-055</t>
  </si>
  <si>
    <t>Reference Database - Parks Visual Dictionary</t>
  </si>
  <si>
    <t>PVD</t>
  </si>
  <si>
    <t>Web version of the Parks Canada Descriptive and Visual Dictionary of Objects. The Descriptive and Visual Dictionary of Objects is a bilingual museum classification system and vocabulary standard used in Canada for humanities collections.</t>
  </si>
  <si>
    <t>Forum</t>
  </si>
  <si>
    <t>PCH-PCH-059</t>
  </si>
  <si>
    <t>Forum - Administration</t>
  </si>
  <si>
    <t>Allows CHIN to manage the Forum application.  Allows CHIN to review new content added to the Forum by any user and allows CHIN to accept, delete or archive submissions</t>
  </si>
  <si>
    <t>PCH-PCH-060</t>
  </si>
  <si>
    <t>Feedback and Administration</t>
  </si>
  <si>
    <t>Feedback</t>
  </si>
  <si>
    <t>Anti-spam Feedback for the website and web applications. Administration interface.</t>
  </si>
  <si>
    <t>PCH-PCH-063</t>
  </si>
  <si>
    <t>SVN Version Control</t>
  </si>
  <si>
    <t>Internal version control tool</t>
  </si>
  <si>
    <t>Apache, SVN Version Control</t>
  </si>
  <si>
    <t>PCH-PCH-065</t>
  </si>
  <si>
    <t>Wordpress CHIN and Administration</t>
  </si>
  <si>
    <t>Wordpress</t>
  </si>
  <si>
    <t>Content Management for Newsletter items published on CHIN Blog</t>
  </si>
  <si>
    <t>WordPress</t>
  </si>
  <si>
    <t>PCH-PCH-071</t>
  </si>
  <si>
    <t>Nagios</t>
  </si>
  <si>
    <t>Nagios is a monitoring tool used to monitor the status of CHIN's applications and servers. Emails are sent to administrators to notify them of problems of the environment.</t>
  </si>
  <si>
    <t>PCH-PCH-072</t>
  </si>
  <si>
    <t>tikiwiki</t>
  </si>
  <si>
    <t>Application holding part of our technical documentation for CHIN Environment</t>
  </si>
  <si>
    <t>Tikiwiki</t>
  </si>
  <si>
    <t>CAMP</t>
  </si>
  <si>
    <t>These Canadian Artists Materials Databases contain physical, chemical and other identifying information (Title, Creation date, dimensions and ref to pictures) of various Canadian artists’ artworks.    They have been created from a common database template. They are very similar in structure and type of content except for few artwork attributes that may differ among artists.  Database Name Subject Matter Expert  MorriseauProject Elizabeth Moffatt  Riopelle,   Marie-Claude Corbeil  Fortin,   Marie-Claude Corbeil  Dulongpré,   Kate Helwig   Icepatch,   Kate Helwig         MacDonald  Kate Helwig</t>
  </si>
  <si>
    <t>Canadian Artists / Artist Materials Database / Riopelle</t>
  </si>
  <si>
    <t>These Canadian Artists Materials Databases contain physical, chemical and other identifying information (Title, Creation date, dimensions and ref to pictures) of various Canadian artists’ artworks.   They have been created from a common database template. They are very similar in structure and type of content except for few artwork attributes that may differ among artists.  Database Name Subject Matter Expert  MorriseauProject Elizabeth Moffatt  Riopelle,   Marie-Claude Corbeil  Fortin,   Marie-Claude Corbeil  Dulongpré,   Kate Helwig   Icepatch,   Kate Helwig         MacDonald  Kate Helwig</t>
  </si>
  <si>
    <t>Canadian Artists / Artist Materials Database / IcePatch</t>
  </si>
  <si>
    <t>Human Resources Management Services,Other</t>
  </si>
  <si>
    <t>Information Management Services,Materiel Services</t>
  </si>
  <si>
    <t>PCH-PCH-092</t>
  </si>
  <si>
    <t>eNewsletter Admin Form</t>
  </si>
  <si>
    <t>Back-end db for tracking subscribers; Sends out corporate announcements, including calls for service applications, comms/marketing messages, training event notices, etc. to clients. ; To be integrated with PIMS</t>
  </si>
  <si>
    <t>PCH-PCH-097</t>
  </si>
  <si>
    <t>Issues Management System. This application mainly tracks PIM issues. It also tracks Lotus Notes issues. Application has not been maintained, last purchase was in 2009.</t>
  </si>
  <si>
    <t>Gemini, Countersoft</t>
  </si>
  <si>
    <t>PCH-PCH-099</t>
  </si>
  <si>
    <t>Help Desk/Bureau d'Aide</t>
  </si>
  <si>
    <t>Used by Building Services and Tenants Services for moves, supplies, telecom,  chemicals, shipments, building issues, warehouse, room setup.  NOTE: AngusAnywhere Pilot Project likely to begin in December 2014 including Work Order automation for Building maintenance portion.   A part of the Tenant Services component could be addressed with Angus COTS (Work Order automation). LotusNotes will be migrated to a new platform (pending Angus Pilot Project).</t>
  </si>
  <si>
    <t>Engineering Analysis Software</t>
  </si>
  <si>
    <t>Logiterm</t>
  </si>
  <si>
    <t>Mathematical and Computational Software</t>
  </si>
  <si>
    <t>PCH-PCH-114</t>
  </si>
  <si>
    <t>Preservation Information Management System</t>
  </si>
  <si>
    <t>PIMS</t>
  </si>
  <si>
    <t>Financial Management Services,Information Management Services,Management and Oversight Services,Other</t>
  </si>
  <si>
    <t>Content management system- PIMS contains and manages all projects done for clients as well as internal project. The focus is on client projects.  Agreements with $$ figure, time forms, treatment, scientific analysis, workshop lectures, client contact information, storing of all legal documentation, reports for each project are stored in PIMS. This application is also used to track revenue.  Canditate applications for migration to PCH-114 PIMS and then be retired are: PCH-352 Proteus ( CCI Book Store Purchase), PCH-103 Icarus, PCH-117 Proteus Archive, Client Database (picklist), PCH-118 Proteus Dynamic List (picklist to keep)  Destop windows application .net.</t>
  </si>
  <si>
    <t>PCH-PCH-124</t>
  </si>
  <si>
    <t>Risk Compliation Database</t>
  </si>
  <si>
    <t>PCH-PCH-127</t>
  </si>
  <si>
    <t>Shipment / Expédition</t>
  </si>
  <si>
    <t>For each shipment requests contains detailed information about the shipment.  Uses email to send a document link. Sends email notification to shipping.</t>
  </si>
  <si>
    <t>PCH-PCH-128</t>
  </si>
  <si>
    <t>Sigma Plot</t>
  </si>
  <si>
    <t>Scientific analysis tool, desktop installed, shared license managed by a licensing server or service. Used to produce publication quality graphics from scientific data. Used for data analysis.  Alternative to Origin.</t>
  </si>
  <si>
    <t>Systat Software Inc., Sigma Plot</t>
  </si>
  <si>
    <t>PCH-PCH-137</t>
  </si>
  <si>
    <t>GCBO/CCPERB</t>
  </si>
  <si>
    <t>Engagement and Community Participation</t>
  </si>
  <si>
    <t>Official Languages</t>
  </si>
  <si>
    <t>PCH-PCH-149</t>
  </si>
  <si>
    <t>Human Rights Publications</t>
  </si>
  <si>
    <t>Diversity and Inclusion</t>
  </si>
  <si>
    <t>Intro email send 17 Aug 2015, requesting to meet for an assessment. MS Access application used by the Human Right Program to collect data on the publications it distributes to the public. This information is collected for performance measurement and evaluation purposes. - Service Request Tracking - Tracks Human Rights Program Publications</t>
  </si>
  <si>
    <t>PCH-PCH-151</t>
  </si>
  <si>
    <t>TracerPlus - Bar Code Tracking System</t>
  </si>
  <si>
    <t>Used  by Material Systems &amp; Assets group - COTS with scanner Nov. 26 - Nicholas Neveu advised that CEP currently uses an inventory system for their Rent and Load Program and that Nicholas will be meeting with CEP next week to discuss the possibilities to use their system.  Nicholas was informed by CIOB last year that conversion of their MsAccess 2003 database would cost $12,000.  He does not wish to spend that much money on their existing database.  Follow-up with Nicholas again at the end of December 2013 to confirm if he is moving on to the CEP inventory system and if not what he wishes to do with his existing MsAccess 2003 database.</t>
  </si>
  <si>
    <t>TracerPlus</t>
  </si>
  <si>
    <t>PCH-PCH-152</t>
  </si>
  <si>
    <t>Access to Information Privacy ATIP (COTS: Access Pro Case Management and Access</t>
  </si>
  <si>
    <t>APCM_ATIP</t>
  </si>
  <si>
    <t>CSDC Systems, AccessPro Case Management and ReDaction</t>
  </si>
  <si>
    <t>CMT</t>
  </si>
  <si>
    <t>PCH-PCH-177</t>
  </si>
  <si>
    <t>Book Index Management System</t>
  </si>
  <si>
    <t>BIMS</t>
  </si>
  <si>
    <t>Attachment to Canada</t>
  </si>
  <si>
    <t>PCH-PCH-178</t>
  </si>
  <si>
    <t>Book Publishing Industry Development Program - Aid to Publishers / Supply Chain</t>
  </si>
  <si>
    <t>CIOB</t>
  </si>
  <si>
    <t>PCH-PCH-181</t>
  </si>
  <si>
    <t>DGIC Launcher</t>
  </si>
  <si>
    <t>DGIC</t>
  </si>
  <si>
    <t>Director General Cultural Industries, DGIC access tool ( icon on desktop) allows users to access all .net IMSU applications</t>
  </si>
  <si>
    <t>PCH-PCH-182</t>
  </si>
  <si>
    <t>Music Entrepreneur Component- Canadian Music Fund (CMF) program IMSU</t>
  </si>
  <si>
    <t>MEC</t>
  </si>
  <si>
    <t>Creativity, Arts and Culture</t>
  </si>
  <si>
    <t>PCH-PCH-183</t>
  </si>
  <si>
    <t>Publications Assistance Program (From 2003-2004 to 2012-2013)</t>
  </si>
  <si>
    <t>PCH-PCH-185</t>
  </si>
  <si>
    <t>SendSuite Package (Pitney Bowes)</t>
  </si>
  <si>
    <t>SST</t>
  </si>
  <si>
    <t>Travel and Other Administrative Services</t>
  </si>
  <si>
    <t>Software  that captures signatures for incoming  courier that need signatures</t>
  </si>
  <si>
    <t>Pitney Bowes, SendSuite Package</t>
  </si>
  <si>
    <t>PCH-PCH-187</t>
  </si>
  <si>
    <t>CCM Correspondence Tracking Ministerial Correspondence System</t>
  </si>
  <si>
    <t>CCM Mercury</t>
  </si>
  <si>
    <t>Case management system used to manage and report on Ministerial Correspondence and archives; integration with InfoCentre; 4 groups: CCM Mercury – this application assessment, CH: Line Daigle (DM’s office), COM: Luc Rouleau, Martine Fauvel, IIM: Luc Rouleau</t>
  </si>
  <si>
    <t>PCH-PCH-197</t>
  </si>
  <si>
    <t>Arts Policy Database</t>
  </si>
  <si>
    <t>Arts Policy DB</t>
  </si>
  <si>
    <t>As the central information system for program management, this MS Access application contains performance-related data for Canada Arts Presentation Fund (CAPF), Canada Cultural Spaces Funds (CCSF) and Canada Cultural Investment Fund (CCIF) It also contains performance data from previous programs managed by the Arts Policy Branch including CIP and NATCP (now Canada Arts Training Fund). For Reference see description on Inventory numbers (PCH-191, 192,193 and 194).</t>
  </si>
  <si>
    <t>PCH-PCH-204</t>
  </si>
  <si>
    <t>Grants and Contributions Business Online (GCBO/CAVCO)</t>
  </si>
  <si>
    <t>GCBO/CAVCO</t>
  </si>
  <si>
    <t>PCH-PCH-209</t>
  </si>
  <si>
    <t>Cultural Sector Investment Review (CSIR)</t>
  </si>
  <si>
    <t>CSIR</t>
  </si>
  <si>
    <t>Adobe, ColdFusion</t>
  </si>
  <si>
    <t>PCH-PCH-213</t>
  </si>
  <si>
    <t>WCMS - Teamsite (Internet and Intranet)</t>
  </si>
  <si>
    <t>Web Content Management System for department of Canadian heritage utilized for both Internet and Intranet publishing PCH-221 and PCH-315 have merged to this application</t>
  </si>
  <si>
    <t>Hewlett Packard, Interwoven</t>
  </si>
  <si>
    <t>PCH-PCH-215</t>
  </si>
  <si>
    <t>PCH Telephone Directory</t>
  </si>
  <si>
    <t>Phone</t>
  </si>
  <si>
    <t>Intranet phone directory, tool for employees to manage and update some of their information and, perform searches</t>
  </si>
  <si>
    <t>PCH-PCH-225</t>
  </si>
  <si>
    <t>Gap Analyzer</t>
  </si>
  <si>
    <t>PCH-PCH-230</t>
  </si>
  <si>
    <t>Peoplesoft GC HRMS</t>
  </si>
  <si>
    <t>Peoplesoft</t>
  </si>
  <si>
    <t>PCH-PCH-235</t>
  </si>
  <si>
    <t>Facilities Management Client Tracking</t>
  </si>
  <si>
    <t>FM</t>
  </si>
  <si>
    <t>Building Service and Tenant Request Management application  A pilot project will begin early 2015 to use the COTS Angus Anywhere to manage service and tenant management requests for CCI.  Angus Anywhere automates also work order management.  Angus Anywhere will replace a cloud application called OPSIS, service contracted with a company based in Montreal ending March 31, 2015. FA resulted in Angus Anywhere recommended, pilot project underway.</t>
  </si>
  <si>
    <t>PCH-PCH-236</t>
  </si>
  <si>
    <t>Site Secure Project (Formerly Personel Security Management System)</t>
  </si>
  <si>
    <t>PSMS</t>
  </si>
  <si>
    <t>Site Secure is a meta-solution for enterprise security and building management.  The software, and its module-based functionality, offers an innovative, efficient and integrated approach to an array of security related problems.  For PCH, Site secure has the potential to address a large number of existing, mission critical projects and#of IBP.</t>
  </si>
  <si>
    <t>PCH-PCH-240</t>
  </si>
  <si>
    <t>Org Plus</t>
  </si>
  <si>
    <t>Organizational chart creation tool (independent, can make whatever org chart you want) - Create Organigrams</t>
  </si>
  <si>
    <t>Insperity, OrgPlus</t>
  </si>
  <si>
    <t>PCH-PCH-243</t>
  </si>
  <si>
    <t>Nakisa Org Management</t>
  </si>
  <si>
    <t>Nakisa OrgChart Module Nakisa OrgModeler Module Organizational chart creation tool - can extract data from PeopleSoft  Org Chart:  Org Chart reader</t>
  </si>
  <si>
    <t>PCH-PCH-245</t>
  </si>
  <si>
    <t>Ombudsman Tracking System</t>
  </si>
  <si>
    <t>Microsoft Corporation, CRM Dynamics</t>
  </si>
  <si>
    <t>PCH-PCH-247</t>
  </si>
  <si>
    <t>Staffing Tools / Outils de dotation</t>
  </si>
  <si>
    <t>Information Sharing to Community - Document Library Life Expectancy: Until Lotus notes are transferred. May be considered as to how it can be transferred to a new system. This application was developed a few years ago for the sector but sharing with the sector was never completed.</t>
  </si>
  <si>
    <t>PCH-PCH-248</t>
  </si>
  <si>
    <t>GiC Appointment Database</t>
  </si>
  <si>
    <t>GiC</t>
  </si>
  <si>
    <t>PCH-PCH-253</t>
  </si>
  <si>
    <t>Reservations and Itineraries Services (Tours)</t>
  </si>
  <si>
    <t>Tours_MSCRM</t>
  </si>
  <si>
    <t>PCH-PCH-254</t>
  </si>
  <si>
    <t>Protocol</t>
  </si>
  <si>
    <t>ITS</t>
  </si>
  <si>
    <t>One application to manage VIP lists and track information on each events. Uses  'CAMPAIGN MONITOR' software to track invitation. … CRM Interface pour transfer les donnees pour faire le masse mailling…could have a work around</t>
  </si>
  <si>
    <t>Microsoft Dynamics CRM 2011 CA</t>
  </si>
  <si>
    <t>PCH-PCH-257</t>
  </si>
  <si>
    <t>IntelliEvent</t>
  </si>
  <si>
    <t>The primary purpose of the INTELEVENT is as event rental software, however the NCC uses it more as a job event hardware tracking-scheduling tool for production celebration/event services. COTS used to manage and schedule equipment for events (audio-visual,lighting,staging,sound ….)</t>
  </si>
  <si>
    <t>Intellievent</t>
  </si>
  <si>
    <t>PCH-PCH-258</t>
  </si>
  <si>
    <t>Volunteer Works</t>
  </si>
  <si>
    <t>The NCC has been using Volunteer Works since 1998; this application is used to store information on volunteers and related events.  Volunteer Works is replacing their client software with a hosted service called Volgistics, as a result Volunteer Works will no longer support operating systems that are post Windows XP/2000. Under these circumstances it is in the NCC’s best interest to find a stable solution that will be compatible with future technologies.</t>
  </si>
  <si>
    <t>VSYSONE</t>
  </si>
  <si>
    <t>PCH-PCH-260</t>
  </si>
  <si>
    <t>Commemorate Canada</t>
  </si>
  <si>
    <t>Information Sharing to Community - Document Library Content is a duplicate of the G drive</t>
  </si>
  <si>
    <t>PCH-PCH-264</t>
  </si>
  <si>
    <t>Gift Bank Database</t>
  </si>
  <si>
    <t>PCH-PCH-273</t>
  </si>
  <si>
    <t>Quebec Room Reservation</t>
  </si>
  <si>
    <t>System de reservation des salles de conference et video. 5 salle a Montreal et 2 a Quebec)</t>
  </si>
  <si>
    <t>PCH-PCH-279</t>
  </si>
  <si>
    <t>Athlete Assistance Program Management  Information System (AAPMIS)  - Business E</t>
  </si>
  <si>
    <t>AAPMIS</t>
  </si>
  <si>
    <t>Sport</t>
  </si>
  <si>
    <t>Grant program interacts with SAP to make payments to grant recipient. Track, manage, report, payment evaluations, documentations and schedule</t>
  </si>
  <si>
    <t>PCH-PCH-281</t>
  </si>
  <si>
    <t>Sport Tracking, Assessment and Technical Statistic</t>
  </si>
  <si>
    <t>STATS</t>
  </si>
  <si>
    <t>The Sport Tracking, Assessment and Technical Statistics database application is a 'warehouse' of all the relevant information pertaining to National Sport Organizations (NSOs) required for processing the Sport Funding and Accountability Framework (SFAF). It is an analytical tool used to both help determine and apply the criteria used in processing the SFAF assessments of NSOs and generate assessment scores in the form of funding points. In addition, the application's data mining functionalities support Sport Canada's Sport Observatory function of providing accurate and comprehensive analytical reports.</t>
  </si>
  <si>
    <t>PCH-PCH-282</t>
  </si>
  <si>
    <t>Sports Canada Contribution Database</t>
  </si>
  <si>
    <t>SCCD</t>
  </si>
  <si>
    <t>This application is used to manage financial aspect of division for 2 contribution programs. Sport Canada Contributions Database is used to manage Sport Canada funding programs. (holds client information; those funded and not as well as related client such as coaches) These programs enhance our high performance sport system, advance the Canadian Sport Policy, and help Canadian Sport organizations or organizing committees to host international sport events and the Canada Games.</t>
  </si>
  <si>
    <t>CDTS</t>
  </si>
  <si>
    <t>PCH-PCH-287</t>
  </si>
  <si>
    <t>Grants and Contributions Information System</t>
  </si>
  <si>
    <t>GCIMS</t>
  </si>
  <si>
    <t>PCH-PCH-288</t>
  </si>
  <si>
    <t>GCLinks (Grants and Contributions Information Management System .Net component )</t>
  </si>
  <si>
    <t>GCLinks</t>
  </si>
  <si>
    <t>PCH-PCH-297</t>
  </si>
  <si>
    <t>Phone Directory Administrator's Tools</t>
  </si>
  <si>
    <t>Administrative tool to manage PCH-215; the dashboard allows administrator to modify fields as well as add and remove employees from the db</t>
  </si>
  <si>
    <t>PCH-PCH-304</t>
  </si>
  <si>
    <t>InfoCentre</t>
  </si>
  <si>
    <t>PCH-PCH-305</t>
  </si>
  <si>
    <t>Remedy</t>
  </si>
  <si>
    <t>ARSystem</t>
  </si>
  <si>
    <t>Remedy is an incident management system. Manages help desk, trouble tickets. It is the nerve center of the business</t>
  </si>
  <si>
    <t>BCM Software, Remedy 2</t>
  </si>
  <si>
    <t>PCH-PCH-310</t>
  </si>
  <si>
    <t>GCIMS Web Form</t>
  </si>
  <si>
    <t>PCH-PCH-312</t>
  </si>
  <si>
    <t>Records Document Information Management System</t>
  </si>
  <si>
    <t>RDIMS/Info Centre</t>
  </si>
  <si>
    <t>To manage the full life cycle of any type of electronic document, including electronic mail, correspondence, reports, manuals, images, graphics and spreadsheets. RDIMS is a Canadian Federal Government initiative that pre-defines a solution for certain information management challenges shared by many departments.</t>
  </si>
  <si>
    <t>Open Text LiveLink ECM</t>
  </si>
  <si>
    <t>PCH-PCH-314</t>
  </si>
  <si>
    <t>IRIMS Client</t>
  </si>
  <si>
    <t>An electronic records management system that enables the PCH to manage its information holdings from creation to final disposition</t>
  </si>
  <si>
    <t>PCH-PCH-318</t>
  </si>
  <si>
    <t>Pay List and cheques distribution / Liste de paie et distribution des cheques</t>
  </si>
  <si>
    <t>LPDC</t>
  </si>
  <si>
    <t>The distribution cheques list system is a tool to manage the distribution of the pay cheques. The main functionality of the system is to gather employee information and provide reports.</t>
  </si>
  <si>
    <t>PCH-PCH-319</t>
  </si>
  <si>
    <t>Taxi Chits Information System</t>
  </si>
  <si>
    <t>TCIS</t>
  </si>
  <si>
    <t>The Taxi Chits information system is a tool to manage and distribute all the taxi chits through-out PCH, it also facilitates the management of the expenses of all the Taxi chits within PCH directorate.</t>
  </si>
  <si>
    <t>PCH-PCH-321</t>
  </si>
  <si>
    <t>PCH-PCH-321-01</t>
  </si>
  <si>
    <t>Transactional system - SAP Financial Management System</t>
  </si>
  <si>
    <t>STAR</t>
  </si>
  <si>
    <t>Being hosted at Agriculture Canada on a Cluster server. The PCH version of SAP (Systems, Applications and Products) an enterprise management suite. PCH-250-01) SAP: ERP Transactional System PCH-250-02) SAP Business Warehouse PCH-250-03) SAP Portal</t>
  </si>
  <si>
    <t>SAP ECC</t>
  </si>
  <si>
    <t>PCH-PCH-321-02</t>
  </si>
  <si>
    <t>Business Warehouse - SAP Financial Management System</t>
  </si>
  <si>
    <t>The PCH version of SAP (Systems, Applications and Products) an enterprise management suite. PCH-250-01) SAP: ERP Transactional System PCH-250-02) SAP Business Warehouse PCH-250-03) SAP Portal</t>
  </si>
  <si>
    <t>PCH-PCH-321-03</t>
  </si>
  <si>
    <t>Portal - SAP Financial Management System</t>
  </si>
  <si>
    <t>Portal Netweaver 7.4, SAP ECC</t>
  </si>
  <si>
    <t>PCH-PCH-322</t>
  </si>
  <si>
    <t>Sales and Billings</t>
  </si>
  <si>
    <t>Financial Management Services,Materiel Services</t>
  </si>
  <si>
    <t>This application is used for inventory management and purchasing of office equipment and supplies</t>
  </si>
  <si>
    <t>PCH-PCH-323</t>
  </si>
  <si>
    <t>Treasury Board Submissions Program</t>
  </si>
  <si>
    <t>PCH-PCH-324</t>
  </si>
  <si>
    <t>FIS Interface Files Tool</t>
  </si>
  <si>
    <t>FIS - FMD</t>
  </si>
  <si>
    <t>The FIS system is a shared service between some of the federal government departments such as PWGCS and PCH.  The system has been built and is maintained by an external company.  The cost for the support and maintenance of the system is shared between the departments using the tool.  The main functionality of the system is to decode the encrypted financial information from the Receiver General.  The application is used to modify and read the content of an encrypted file before importing it to SAP production environment. To create and review flat files (readable format) key tool to test and troubleshoot</t>
  </si>
  <si>
    <t>All</t>
  </si>
  <si>
    <t>PCH-PCH-331</t>
  </si>
  <si>
    <t>Museum Assistant Program</t>
  </si>
  <si>
    <t>MAP - PAM</t>
  </si>
  <si>
    <t>The Museum Assistance Program (MAP) is regionally delivered so the MAP application  (a Lotus Notes Document Library) is required to provide regional office access to pertinent material, including:  terms of reference, funding application forms and policies as well as various templates and information. Lynda Dupuis /Coordonnatrice nationale | National Coordinator / Programme d'aide aux musées | Museums Assistance Program</t>
  </si>
  <si>
    <t>PCH-PCH-334</t>
  </si>
  <si>
    <t>Web workflow tool - CMS (Content Management Solution)</t>
  </si>
  <si>
    <t>WFFT</t>
  </si>
  <si>
    <t>WFFT, kind of a WCMS, internal tool - Content management for some parts of website; application developer was Susan Dodge and others. Susan is familiar with the back end of this application; Bruce Gordon and Qiong Pei also have experience with this. Retain until GoC CMS implemented across government (recommendation to CCI from both CIOB and PCH Comms is "retain business as usual approach for managing CCI website until GoC CMS implemented.”</t>
  </si>
  <si>
    <t>PCH-PCH-349</t>
  </si>
  <si>
    <t>Work Force Adjustment</t>
  </si>
  <si>
    <t>WFA</t>
  </si>
  <si>
    <t>Application for tracking staff who want to alternate with someone affected - to enable switches.  Work Force Adjustments tracking system for Opting and Alternate employees. Note: Bien qu’il n’y ait plus de coupures à PCH, le ministère doit permettre aux employés optants de d’autres ministères de  trouver une opportunité à PCH. Les employées optants peuvent s’inscrire sur le site intranet de PCH grâce à un formulaire MS-Excel qui est envoyé à un courriel générique dans LotusNotes.  Un agent dans LotusNotes copie les formulaires remplis dans le répertoire partagé restreint M:.</t>
  </si>
  <si>
    <t>PCH-PCH-350</t>
  </si>
  <si>
    <t>Client eNews Subscription Tool</t>
  </si>
  <si>
    <t>Clients signup to CCI eNewsletter</t>
  </si>
  <si>
    <t>PCH-PCH-354</t>
  </si>
  <si>
    <t>TableCurve</t>
  </si>
  <si>
    <t>Software to generate models starting with experimental data (equations) Logiciel pour générer des modèles à partir de données expérimentales (équations)</t>
  </si>
  <si>
    <t>Systat Software, Inc, TableCurve</t>
  </si>
  <si>
    <t>PCH-PCH-356</t>
  </si>
  <si>
    <t>Angus Anywhere</t>
  </si>
  <si>
    <t>Angus</t>
  </si>
  <si>
    <t>Facilities Management initiative, Building Service and Tenant Management Software Beginning with CCI building maintenance, expected to expand to all PCH</t>
  </si>
  <si>
    <t>Angus Systems, Angus Anywhere</t>
  </si>
  <si>
    <t>PCH-PCH-359</t>
  </si>
  <si>
    <t>MatLab</t>
  </si>
  <si>
    <t>MATLAB combines a desktop environment tuned for iterative analysis and design processes with a programming language that expresses matrix and array mathematics directly.</t>
  </si>
  <si>
    <t>MathWorks,  MatLab</t>
  </si>
  <si>
    <t>PCH-PCH-360</t>
  </si>
  <si>
    <t>Hoboware</t>
  </si>
  <si>
    <t>HOBOware's graphing and analysis tools allow you to plot, analyze and extract key data with a few simple clicks.</t>
  </si>
  <si>
    <t>Onset, HOBOware Graphing &amp; Analysis Software</t>
  </si>
  <si>
    <t>PCH-PCH-361</t>
  </si>
  <si>
    <t>Analytica</t>
  </si>
  <si>
    <t>Analytica is a visual software package developed by Lumina Decision Systems for creating, analyzing and communicating quantitative decision models.</t>
  </si>
  <si>
    <t>Lumina Decision Systems, Analytica</t>
  </si>
  <si>
    <t>PCH-PCH-362</t>
  </si>
  <si>
    <t>SketchUp</t>
  </si>
  <si>
    <t>is a 3D modeling computer program for a wide range of drawing applications such as architectural, interior design, landscape architecture, civil and mechanical engineering, film and video game design. It is available as a freeware version, SketchUp Make, and a paid version with additional functionality, SketchUp Pro.</t>
  </si>
  <si>
    <t>Trimble Inc, SketchUp</t>
  </si>
  <si>
    <t>CAD, CAE &amp; CAM Software</t>
  </si>
  <si>
    <t>PCH-PCH-363</t>
  </si>
  <si>
    <t>SolidWorks</t>
  </si>
  <si>
    <t>is a solid modeling computer-aided design (CAD) and computer-aided engineering (CAE) computer program that runs on Microsoft Windows</t>
  </si>
  <si>
    <t>Dassault Systèmes, SolidWorks</t>
  </si>
  <si>
    <t>PCH-PCH-364</t>
  </si>
  <si>
    <t>Wufi Bio</t>
  </si>
  <si>
    <t>WUFI® is a family of software products that allows realistic calculation of the transient coupled one- and twodimensional heat and moisture transport in walls and other multi-layer building components exposed to natural weather. WUFI® is an acronym for Wärme Und Feuchte Instationär—which, translated, means heat and moisture transiency. WUFI® software uses the latest findings regarding vapor diffusion and moisture transport in building materials. The software has been validated by detailed comparison with measurements obtained in the laboratory and on IBP’s outdoor testing field.</t>
  </si>
  <si>
    <t>Fraunhofer, Wofi</t>
  </si>
  <si>
    <t>PCH-PCH-369</t>
  </si>
  <si>
    <t>Publications sales</t>
  </si>
  <si>
    <t>Online order form for publications currently including payment External Host</t>
  </si>
  <si>
    <t>PCH-PCH-370</t>
  </si>
  <si>
    <t>Internal Audit - TeamMate</t>
  </si>
  <si>
    <t>Track the entire audit process, including risk assessment, planning, execution, review, reporting, trend analysis, storage and follow-up on recommendations as well as facilitate compliance with applicable Institute of Internal Auditors (IIA), and Treasury Board Secretariat (TBS) standards and guidelines.</t>
  </si>
  <si>
    <t>Wolters Kluwer, TeamMate</t>
  </si>
  <si>
    <t>PCH-PCH-372</t>
  </si>
  <si>
    <t>Authent</t>
  </si>
  <si>
    <t>Auth</t>
  </si>
  <si>
    <t>Authentication apps for Jobs and Forum</t>
  </si>
  <si>
    <t>PCH-PCH-375</t>
  </si>
  <si>
    <t>PCH Online Forms</t>
  </si>
  <si>
    <t>Online form designed in Java:  the list of forms is provided in the Notes. Please also be mindful that not all applications have individual inventory numbers.</t>
  </si>
  <si>
    <t>PCH-PCH-376</t>
  </si>
  <si>
    <t>Archaeological Conservation Treatment - Pre-excavation (Web forms)</t>
  </si>
  <si>
    <t>Assessment not required</t>
  </si>
  <si>
    <t>PCH-PCH-377</t>
  </si>
  <si>
    <t>Archaeological Conservation Treatment - Post-excavation/Museum Collections (Web</t>
  </si>
  <si>
    <t>PCH-PCH-378</t>
  </si>
  <si>
    <t>Conservation Treatments (Web forms)</t>
  </si>
  <si>
    <t>PCH-PCH-379</t>
  </si>
  <si>
    <t>Conservation Services - On-site (Web forms)</t>
  </si>
  <si>
    <t>PCH-PCH-380</t>
  </si>
  <si>
    <t>Environmental Monitoring Equipment Loans (Web forms)</t>
  </si>
  <si>
    <t>Assessment not required http://forms-formulaires.cci-icc.gc.ca/index-eng.aspx?formid=5 http://forms-formulaires.cci-icc.gc.ca/index-fra.aspx?formid=5</t>
  </si>
  <si>
    <t>PCH-PCH-381</t>
  </si>
  <si>
    <t>Facilities Assessments (Web forms)</t>
  </si>
  <si>
    <t>Assessment not required http://forms-formulaires.cci-icc.gc.ca/index-eng.aspx?formid=6 http://forms-formulaires.cci-icc.gc.ca/index-fra.aspx?formid=6</t>
  </si>
  <si>
    <t>PCH-PCH-382</t>
  </si>
  <si>
    <t>Artifact Analysis and Examination (Web forms)</t>
  </si>
  <si>
    <t>PCH-PCH-383</t>
  </si>
  <si>
    <t>Product and Material Evaluation (Web forms)</t>
  </si>
  <si>
    <t>Assessment not required http://forms-formulaires.cci-icc.gc.ca/index-eng.aspx?formid=11 http://forms-formulaires.cci-icc.gc.ca/index-fra.aspx?formid=11</t>
  </si>
  <si>
    <t>PCH-PCH-384</t>
  </si>
  <si>
    <t>On-site Scientific Services (Web forms)</t>
  </si>
  <si>
    <t>Assessment not required http://forms-formulaires.cci-icc.gc.ca/index-eng.aspx?formid=12 http://forms-formulaires.cci-icc.gc.ca/index-fra.aspx?formid=12</t>
  </si>
  <si>
    <t>PCH-PCH-385</t>
  </si>
  <si>
    <t>Contact Us (enquiry) Form (Web form)</t>
  </si>
  <si>
    <t>PCH-PCH-386</t>
  </si>
  <si>
    <t>Internships (Web forms)</t>
  </si>
  <si>
    <t>Assessment not required http://forms-formulaires.cci-icc.gc.ca/index-eng.aspx?formid=9 http://forms-formulaires.cci-icc.gc.ca/index-fra.aspx?formid=9</t>
  </si>
  <si>
    <t>PCH-PCH-387</t>
  </si>
  <si>
    <t>Host a CCI Workshop (Web forms)</t>
  </si>
  <si>
    <t>Assessment not required http://forms-formulaires.cci-icc.gc.ca/index-eng.aspx?formid=7 http://forms-formulaires.cci-icc.gc.ca/index-fra.aspx?formid=7</t>
  </si>
  <si>
    <t>PCH-PCH-388</t>
  </si>
  <si>
    <t>CIOB &amp; CCI Document Library</t>
  </si>
  <si>
    <t>This application is used to share documents between CIOB and CCI It is a Document Library and has no email functionality or dependencies.  The application is on the PCH-NOTES-APP server It is in the folder CIOB The file name is CIOBCCI.NSF</t>
  </si>
  <si>
    <t>PCH-PCH-391</t>
  </si>
  <si>
    <t>Application used in conjunction with PCH-279 AAPMIS to produce reports in various formats</t>
  </si>
  <si>
    <t>SAP, Crystal Reports</t>
  </si>
  <si>
    <t>PCH-PCH-394</t>
  </si>
  <si>
    <t>MediaScope</t>
  </si>
  <si>
    <t>MediaScope: on-demand media retrieval, tools and resources</t>
  </si>
  <si>
    <t>Densan Consultants</t>
  </si>
  <si>
    <t>PCH-PCH-398</t>
  </si>
  <si>
    <t>Arc GIS</t>
  </si>
  <si>
    <t>ArcGIS is geographic information system, a mapping platform for interacting with geospatial data Display data in a geospatial manner; perform special calculations, key performance indicator</t>
  </si>
  <si>
    <t>ArcGIS</t>
  </si>
  <si>
    <t>PCH-PCH-399</t>
  </si>
  <si>
    <t>Statistical Package for Social Sciences permits the statistical analysis of quantitative data, particularly survey data and population research such as the General Social Survey and Canadian Elections Study</t>
  </si>
  <si>
    <t>IBM, SPSS</t>
  </si>
  <si>
    <t>PCH-PCH-400</t>
  </si>
  <si>
    <t>nVivo</t>
  </si>
  <si>
    <t>This recently acquired application allows for the structure and analysis of qualitative information</t>
  </si>
  <si>
    <t>PCH-PCH-401</t>
  </si>
  <si>
    <t>Public Opinion Research Database</t>
  </si>
  <si>
    <t>This Access database contains survey meta data such as dates, project status, descriptions and costs.  Data goes back to 2009 and is hosted on the E drive.</t>
  </si>
  <si>
    <t>PCH-PCH-402</t>
  </si>
  <si>
    <t>FluidSurveys</t>
  </si>
  <si>
    <t>2017-IBP-003 To replace FluidSurvey This application is used to quickly generate and manage surveys on line</t>
  </si>
  <si>
    <t>Survey Monkey Inc., FluidSurveys</t>
  </si>
  <si>
    <t>PCH-PCH-404</t>
  </si>
  <si>
    <t>Data Integration Tool</t>
  </si>
  <si>
    <t>MS Access used to open large data set, clean-up and use the data in combination with other tools; the data is also linked to ArcGIS software</t>
  </si>
  <si>
    <t>PCH-PCH-405</t>
  </si>
  <si>
    <t>Beyond 20/20</t>
  </si>
  <si>
    <t>Data management software used to extract data from IVT files which are produced by Statistics Canada as part of their data dissemination strategy Upgrade to latest version?</t>
  </si>
  <si>
    <t>PowerBroker Windows Desktops</t>
  </si>
  <si>
    <t>PCH-PCH-406</t>
  </si>
  <si>
    <t>Statistical Analysis System</t>
  </si>
  <si>
    <t>SAS Inc.</t>
  </si>
  <si>
    <t>PCH-PCH-408</t>
  </si>
  <si>
    <t>Smart URL Redirect Management Tool</t>
  </si>
  <si>
    <t>This tool allows CIOB to manage all  TomCat CHIN website redirect (Excluding Apache redirects)</t>
  </si>
  <si>
    <t>Developed in-house, Smart URL Redirect Management Tool</t>
  </si>
  <si>
    <t>PCH-PCH-409</t>
  </si>
  <si>
    <t>InfoSys (Formerly BBM)</t>
  </si>
  <si>
    <t>NLogic, Infosys+</t>
  </si>
  <si>
    <t>PCH-PCH-410</t>
  </si>
  <si>
    <t>Konversation</t>
  </si>
  <si>
    <t>This application is a mass email tool for CHIN Newsletter and subscription</t>
  </si>
  <si>
    <t>External service provider</t>
  </si>
  <si>
    <t>INTEMA (Montreal)</t>
  </si>
  <si>
    <t>PCH-PCH-415</t>
  </si>
  <si>
    <t>Mobile App: Winterlude</t>
  </si>
  <si>
    <t>Mobile Apps that are maintained by Communications</t>
  </si>
  <si>
    <t>PCH-PCH-416</t>
  </si>
  <si>
    <t>Mobile App: Canada Day in the Capital</t>
  </si>
  <si>
    <t>Mobile apps support by Communications</t>
  </si>
  <si>
    <t>PCH-PCH-417</t>
  </si>
  <si>
    <t>Mobile App: Canadian Crown</t>
  </si>
  <si>
    <t>Mobile apps supported by Communications</t>
  </si>
  <si>
    <t>PCH-PCH-418</t>
  </si>
  <si>
    <t>Mobile App: Canada's Capital Walking Tour</t>
  </si>
  <si>
    <t>PCH-PCH-420</t>
  </si>
  <si>
    <t>PCH Application Inventory</t>
  </si>
  <si>
    <t>PCHAI</t>
  </si>
  <si>
    <t>An inventory of all PCH information systems (applications)</t>
  </si>
  <si>
    <t>PCH-PCH-421</t>
  </si>
  <si>
    <t>Events Calendar</t>
  </si>
  <si>
    <t>Calendar to render WET format from json feed created by mobile apps</t>
  </si>
  <si>
    <t>PCH-PCH-422</t>
  </si>
  <si>
    <t>DM Blog</t>
  </si>
  <si>
    <t>Intranet DM Blog</t>
  </si>
  <si>
    <t>PCH-PCH-423</t>
  </si>
  <si>
    <t>Distribution List Server</t>
  </si>
  <si>
    <t>Listserv</t>
  </si>
  <si>
    <t>List-Plex, cloud solution to email distribution list</t>
  </si>
  <si>
    <t>L-Soft, ListPlex</t>
  </si>
  <si>
    <t>PCH-PCH-425</t>
  </si>
  <si>
    <t>Tour of the Capital</t>
  </si>
  <si>
    <t>Drupal application hosted externally (RAD) that manages the data that is used to produce the mobile app PCH-418</t>
  </si>
  <si>
    <t>PCH-PCH-426</t>
  </si>
  <si>
    <t>Server, application and desktop virtualization, networking, software as a service, and cloud computing technologies</t>
  </si>
  <si>
    <t>Citrix Systems, Inc., Citrix</t>
  </si>
  <si>
    <t>PCH-PCH-427</t>
  </si>
  <si>
    <t>Vubis Smart Integrated Library System</t>
  </si>
  <si>
    <t>PCH Library Management System. (back end) email: bib-lib@pch.gc.ca</t>
  </si>
  <si>
    <t>VUB TechTransfer, Vubis Library System</t>
  </si>
  <si>
    <t>PCH-PCH-430</t>
  </si>
  <si>
    <t>Microsoft System Center Configuration Manager</t>
  </si>
  <si>
    <t>Infrastructure tool - System Center Configuration Manager is a systems management software product developed by Microsoft for managing large groups of computers running Windows NT, Windows Embedded, macOS, Linux or UNIX, as well as Windows Phone, Symbian, iOS and Android mobile operating systems.[3] Configuration Manager provides remote control, patch management, software distribution, operating system deployment, network access protection and hardware and software inventory.</t>
  </si>
  <si>
    <t>PCH-PCH-431</t>
  </si>
  <si>
    <t>Microsoft Deployment Toolkit</t>
  </si>
  <si>
    <t>MDT</t>
  </si>
  <si>
    <t>Infrastructure tool - The Microsoft Deployment Toolkit (MDT) is for Windows operating system deployment.</t>
  </si>
  <si>
    <t>Microsoft Corporation, Microsoft Deployment Toolkit</t>
  </si>
  <si>
    <t>PCH-PCH-432</t>
  </si>
  <si>
    <t>BitLocker</t>
  </si>
  <si>
    <t>Microsoft BitLocker Administration and Monitoring for disk encryption</t>
  </si>
  <si>
    <t>Malwarebytes, MBAM</t>
  </si>
  <si>
    <t>PCH-PCH-433</t>
  </si>
  <si>
    <t>Iguana</t>
  </si>
  <si>
    <t>(front end web interface) Knowledge Center Library</t>
  </si>
  <si>
    <t>PCH-PCH-434</t>
  </si>
  <si>
    <t>MOVEit</t>
  </si>
  <si>
    <t>FTP Toll to transfer large documents to the public.</t>
  </si>
  <si>
    <t>Ipswitch, Inc., MOVEit</t>
  </si>
  <si>
    <t>PCH-PCH-436</t>
  </si>
  <si>
    <t>Promotional Items</t>
  </si>
  <si>
    <t>Tracks distribution of Canadian promotional material (e.g. paper hand flags, pins, etc) There exists 1 version of this application for HQ and 1 version for the 6 regional offices. - Asset Tracking</t>
  </si>
  <si>
    <t>Microsoft Corporation, CRM Dynamics 2013</t>
  </si>
  <si>
    <t>PCH-PCH-437</t>
  </si>
  <si>
    <t>VSysOne</t>
  </si>
  <si>
    <t>Bespoke Software Inc. , V-Sys One</t>
  </si>
  <si>
    <t>PCH-PCH-438</t>
  </si>
  <si>
    <t>Transformation Timeline Tool</t>
  </si>
  <si>
    <t>What''s Up</t>
  </si>
  <si>
    <t>Purpose:  The Tracking/Reporting of Department initiatives and Activities - Transformation Timeline Tool (TTT) History: This application was developed by and is in use at PWGSC.</t>
  </si>
  <si>
    <t>PCH-PCH-441</t>
  </si>
  <si>
    <t>Online Auction</t>
  </si>
  <si>
    <t>tool to manage the silent auction for PCH</t>
  </si>
  <si>
    <t>PCH-PCH-442</t>
  </si>
  <si>
    <t>SQL Monitor</t>
  </si>
  <si>
    <t>CIOB tool to manage and monitor the databases and the SQL servers (servers and jobs failures, server performance, sends alerts)</t>
  </si>
  <si>
    <t>Redgate 4.2</t>
  </si>
  <si>
    <t>PCH-PCH-445</t>
  </si>
  <si>
    <t>WordToWET</t>
  </si>
  <si>
    <t>Useful utility to convert Word to WET4, which we call, WordToWET (version v1.0.0.3 Released)  C# 6.0, WPF (Windows Presentation Foundation),  .Net v 4.x ; WordCleaner (API https://wordcleaner.com/), HTML Agility Pack (https://htmlagilitypack.codeplex.com/).</t>
  </si>
  <si>
    <t>PCH-PCH-449</t>
  </si>
  <si>
    <t>PCH Dataset Inventory</t>
  </si>
  <si>
    <t>Inventory of dataset maintained throughout PCH.  The inventory support Open Government.</t>
  </si>
  <si>
    <t>PCH-PCH-452</t>
  </si>
  <si>
    <t>Tableau Desktop/Server</t>
  </si>
  <si>
    <t>Financial Management Services,Human Resources Management Services,Management and Oversight Services</t>
  </si>
  <si>
    <t>Business Intelligence and Analytics tool Reader for Tableau (visualization software) Service Standards Phase I, II, III, completed, IV underway</t>
  </si>
  <si>
    <t>PCH-PCH-453</t>
  </si>
  <si>
    <t>Screening Request est une application qui leur ont été fourni par CSIS en 2009.  C’est une application qui lis une base de donnée Access. Le client (Carl Major) a confirmer que la base de donnée est de niveau Protégé A</t>
  </si>
  <si>
    <t>PCH-PCH-454</t>
  </si>
  <si>
    <t>PadCad</t>
  </si>
  <si>
    <t>Tool developed by CCI to design packaging boxes to store and transport fragile artworks. A web version of this tool is now presented on the web.</t>
  </si>
  <si>
    <t>PCH-PCH-455</t>
  </si>
  <si>
    <t>Evaluation</t>
  </si>
  <si>
    <t>Evaluation - TeamMate</t>
  </si>
  <si>
    <t>Track the entire audit process, including risk assessment, planning, execution, review, reporting, trend analysis, storage and follow-up on recommendations as well as facilitate compliance with applicable Institute of Internal Auditors (IIA), and Treasury Board Secretariat (TBS) standards and guidelines. Duplicate of PCH-370 TeamMate application</t>
  </si>
  <si>
    <t>PCH-PCH-456</t>
  </si>
  <si>
    <t>Recipient Audit</t>
  </si>
  <si>
    <t>Recipient Audit - TeamMate</t>
  </si>
  <si>
    <t>Track the entire audit process, including risk assessment, planning, execution, review, reporting, trend analysis, storage and follow-up on recommendations as well as facilitate compliance with applicable Institute of Internal Auditors (IIA), and Treasury Board Secretariat (TBS) standards and guidelines. Duplicate of PCH-370 TeamMate</t>
  </si>
  <si>
    <t>PCH-PCH-457</t>
  </si>
  <si>
    <t>PaperCut</t>
  </si>
  <si>
    <t>Application to manage printers</t>
  </si>
  <si>
    <t>Konica Minolta, PaperCut</t>
  </si>
  <si>
    <t>PCH-PCH-458</t>
  </si>
  <si>
    <t>Site Server</t>
  </si>
  <si>
    <t>To block from November 24 to February 21 to see if any complaints are received.   There are no users of this application.</t>
  </si>
  <si>
    <t>PCH-PCH-459</t>
  </si>
  <si>
    <t>EOS</t>
  </si>
  <si>
    <t>An online system used by Canadians to apply for 3 of the PCH Gs &amp; Cs programs.</t>
  </si>
  <si>
    <t>PCH-PCH-460</t>
  </si>
  <si>
    <t>Team Foundation Server (commonly abbreviated to TFS) is a Microsoft product that provides source code management (either with Team Foundation Version Control or Git), reporting, requirements management, project management (for both agile software development and waterfall teams), automated builds, lab management, testing and release management capabilities. It covers the entire application lifecycle, and enables DevOps capabilities.[1] TFS can be used as a back-end to numerous integrated development environments (IDEs) but is tailored for Microsoft Visual Studio and Eclipse on all platforms.[2]</t>
  </si>
  <si>
    <t>Microsoft Corporation, Team Foundation Server</t>
  </si>
  <si>
    <t>Ask Guy Malette</t>
  </si>
  <si>
    <t>PCH-PCH-467</t>
  </si>
  <si>
    <t>AutoCad Design Review</t>
  </si>
  <si>
    <t>Industry standard product for design</t>
  </si>
  <si>
    <t>Autodesk, AutoDesk Design Review 2013</t>
  </si>
  <si>
    <t>PCH-PCH-468</t>
  </si>
  <si>
    <t>Autocad LT</t>
  </si>
  <si>
    <t>Industry standard application for design</t>
  </si>
  <si>
    <t>Autodesk, Autocad LT</t>
  </si>
  <si>
    <t>PCH-PCH-469</t>
  </si>
  <si>
    <t>AutoDesk DWG TrueView 2014</t>
  </si>
  <si>
    <t>AutoDesk TrueView</t>
  </si>
  <si>
    <t>Viewer utility</t>
  </si>
  <si>
    <t>Autodesk, AutoDesk DWG TrueView 2014</t>
  </si>
  <si>
    <t>PCH-PCH-470</t>
  </si>
  <si>
    <t>AutoDesk</t>
  </si>
  <si>
    <t>Design software</t>
  </si>
  <si>
    <t>PCH-PCH-472</t>
  </si>
  <si>
    <t>CanadaPostEST</t>
  </si>
  <si>
    <t>Mail software for Canada post EST.  Business Application for mailing for sending packages via Canada Post</t>
  </si>
  <si>
    <t>Canada Post</t>
  </si>
  <si>
    <t>PCH-PCH-474</t>
  </si>
  <si>
    <t>Adobe CC - DreamWeaver</t>
  </si>
  <si>
    <t>Web page development tool for Intranet and Internet</t>
  </si>
  <si>
    <t>Dreamwearver</t>
  </si>
  <si>
    <t>PCH-PCH-475</t>
  </si>
  <si>
    <t>Encore Program</t>
  </si>
  <si>
    <t>PCH-PCH-476</t>
  </si>
  <si>
    <t>InteGREAT</t>
  </si>
  <si>
    <t>PCH-PCH-479</t>
  </si>
  <si>
    <t>TabQuik</t>
  </si>
  <si>
    <t>Software for creating Colour Labels for our Archive files.</t>
  </si>
  <si>
    <t>TAB Products of Canada, TabQuik</t>
  </si>
  <si>
    <t>PCH-PCH-481</t>
  </si>
  <si>
    <t>VMWare Workstation</t>
  </si>
  <si>
    <t>Create virtual OS</t>
  </si>
  <si>
    <t>Desktop Virtualization Software</t>
  </si>
  <si>
    <t>PCH-PCH-482</t>
  </si>
  <si>
    <t>nLogic MicroPPM</t>
  </si>
  <si>
    <t>A trusted resource for audience insights as well as critical advertising intelligence with ads tracking for TV, radio and newspaper.</t>
  </si>
  <si>
    <t>nLogic, nLogic MicroPPM</t>
  </si>
  <si>
    <t>PCH-PCH-483</t>
  </si>
  <si>
    <t>nLogic Infosys+ Meter</t>
  </si>
  <si>
    <t>nLogic, nLogic Infosys+ Meter</t>
  </si>
  <si>
    <t>PCH-PCH-484</t>
  </si>
  <si>
    <t>nLogic MicroBBM</t>
  </si>
  <si>
    <t>nLogic, nLogic MicroBBM</t>
  </si>
  <si>
    <t>PCH-PCH-485</t>
  </si>
  <si>
    <t>nLogic Infosys+ Diary</t>
  </si>
  <si>
    <t>nLogic, nLogic Infosys+ Diary</t>
  </si>
  <si>
    <t>PCH-PCH-487</t>
  </si>
  <si>
    <t>C150</t>
  </si>
  <si>
    <t>SharePoint site Main C150 Site acting as the parent site for various C150 activities</t>
  </si>
  <si>
    <t>SharePoint Online Plan 1 (User</t>
  </si>
  <si>
    <t>PCH-PCH-515</t>
  </si>
  <si>
    <t>AMX Xpert Management Suite – Composer</t>
  </si>
  <si>
    <t>Application used to control the output of the screens located outside of The Zone (25 Eddy, 4th floor)</t>
  </si>
  <si>
    <t>Gensis</t>
  </si>
  <si>
    <t>PCH-PCH-520</t>
  </si>
  <si>
    <t>Proactive Disclosure Reporting</t>
  </si>
  <si>
    <t>MS Access is used  monthly for proactive disclosures to combine reports provided to us by CIOB for programs and Athlete Assistance Program (AAP)  The database is also used for some « Ad-hoc » reports that we have to produce for certain requests.</t>
  </si>
  <si>
    <t>PCH-PCH-526</t>
  </si>
  <si>
    <t>MailChimp</t>
  </si>
  <si>
    <t>Cloud service to send mass emails MailChimp is a marketing automation platform and an email marketing service and a trading name of its operator, Rocket Science Group, an American company founded in 2001. MailChimp began as a paid service and added a freemium option in 2009</t>
  </si>
  <si>
    <t>Rocket Science Group, MailChimp</t>
  </si>
  <si>
    <t>PCH-PCH-532</t>
  </si>
  <si>
    <t>R (R Studio)</t>
  </si>
  <si>
    <t>Statistical computing and graphic The goal is to replace SPSS if R proves itself to be a suitable replacement.</t>
  </si>
  <si>
    <t>The R Foundation, R</t>
  </si>
  <si>
    <t>PCH-PCH-534</t>
  </si>
  <si>
    <t>Canada 150 Skating Day Fund</t>
  </si>
  <si>
    <t>Tacking System: a CRM solution that will only live until Christmas</t>
  </si>
  <si>
    <t>PCH-27</t>
  </si>
  <si>
    <t>PCH-30</t>
  </si>
  <si>
    <t>Canadian Institutes of Health Research</t>
  </si>
  <si>
    <t>APP-03794</t>
  </si>
  <si>
    <t>Researchnet</t>
  </si>
  <si>
    <t>Canadian Intergovernmental Conference Secretariat</t>
  </si>
  <si>
    <t>APP-01841</t>
  </si>
  <si>
    <t>GX MSFT</t>
  </si>
  <si>
    <t>GX AND MSFT</t>
  </si>
  <si>
    <t>CRAFT - CMS (Corporate Memory System)</t>
  </si>
  <si>
    <t>Corporate Memory System. Legacy system used to capture supplementary project information.  CMS is a computerized data bank of project and evaluation information about the delivery and results of development projects carried out by CIDA and other donors. Designed as a feedback mechanism, the system is used to enhance the design, planning and management of proposed and operational projects, and to report on CIDA's past activities contained within the Corporate Memory: project specific information, project descriptions, key documents, lessons learned.</t>
  </si>
  <si>
    <t>CRAFT - Lesson Learned</t>
  </si>
  <si>
    <t>CRAFT-LL</t>
  </si>
  <si>
    <t>e-lessons evaluations</t>
  </si>
  <si>
    <t>CRAFT on the Web</t>
  </si>
  <si>
    <t>CRAFT-WEB</t>
  </si>
  <si>
    <t>Web-based application to a repository of predefined reports on projects, vendors, lessons learned, documents and financial data for internal CIDA users</t>
  </si>
  <si>
    <t>Credit Reporting System</t>
  </si>
  <si>
    <t>CRS++</t>
  </si>
  <si>
    <t>EDRMS Common Interface Component</t>
  </si>
  <si>
    <t>ECIC</t>
  </si>
  <si>
    <t>ECIC interface between SAPGUI/SAPortal Applications and the Open Text (eDOCS) Client DLL . These interfaces are only available to CIDA employees with SAP user accounts.</t>
  </si>
  <si>
    <t>EDRMS - DM (eDOCS)</t>
  </si>
  <si>
    <t>EDRMS-DM-EDOCS</t>
  </si>
  <si>
    <t>EDRMS - RM (eDOCS)</t>
  </si>
  <si>
    <t>EDRMS-RM-LLRM</t>
  </si>
  <si>
    <t>EDRMS - WebTop</t>
  </si>
  <si>
    <t>EDRMS-WebTop</t>
  </si>
  <si>
    <t>Web-based Documents Management (based on e-Docs product running in dotNet environment)</t>
  </si>
  <si>
    <t>Open Text - Webtop</t>
  </si>
  <si>
    <t>Fiduciary Risk Evaluation Tool</t>
  </si>
  <si>
    <t>FRET</t>
  </si>
  <si>
    <t>IATI - XML Activity and Organisation file Publication</t>
  </si>
  <si>
    <t>IATI-XML</t>
  </si>
  <si>
    <t>iRIMS (Livelink Record Server)</t>
  </si>
  <si>
    <t>Open Text - LLRS</t>
  </si>
  <si>
    <t>MIMSY-XG</t>
  </si>
  <si>
    <t>CRAFT - AIDIS Archive.</t>
  </si>
  <si>
    <t>CRAFT-AIDIS</t>
  </si>
  <si>
    <t>Data repository before SAP. An application accessed through CRAFT on the Web to query CIDA legacy data (AIDIS).</t>
  </si>
  <si>
    <t>Canadian engagement for development</t>
  </si>
  <si>
    <t>PMIS</t>
  </si>
  <si>
    <t>Remedy - BMC Action Request (AR) System</t>
  </si>
  <si>
    <t>REMEDY-BMC-AR</t>
  </si>
  <si>
    <t>BMC Action Request (AR) System provides a consolidated Service Process Management platform for automating and managing Service Management business processes.</t>
  </si>
  <si>
    <t>BMCSoftware - Remedy ITSM</t>
  </si>
  <si>
    <t>RBM</t>
  </si>
  <si>
    <t>RM Navigator</t>
  </si>
  <si>
    <t>RM-NAV</t>
  </si>
  <si>
    <t>The RM Navigator is the Agency's paper-records search tool.</t>
  </si>
  <si>
    <t>CFO</t>
  </si>
  <si>
    <t>VMware</t>
  </si>
  <si>
    <t>Acquisition Services,Materiel Services</t>
  </si>
  <si>
    <t>WEBTRENDS</t>
  </si>
  <si>
    <t>WebTrends</t>
  </si>
  <si>
    <t>Year-end Information Session</t>
  </si>
  <si>
    <t>This web tool provides an on-line registration mechanism for Agency users wanting to attend the year-end information sessions.   Via the database, HRCS-Finance controls what sessions are available, location and language.</t>
  </si>
  <si>
    <t>Canadian Nuclear Safety Commission</t>
  </si>
  <si>
    <t>APP-01407</t>
  </si>
  <si>
    <t>Annual Compliance Reports</t>
  </si>
  <si>
    <t>ACR</t>
  </si>
  <si>
    <t>Regulatory Framework Program</t>
  </si>
  <si>
    <t>APP-01445</t>
  </si>
  <si>
    <t>Access Pro</t>
  </si>
  <si>
    <t>PrivaSoft</t>
  </si>
  <si>
    <t>Access Pro Case Management</t>
  </si>
  <si>
    <t>Privacy Software</t>
  </si>
  <si>
    <t>APP-01447</t>
  </si>
  <si>
    <t>Applicant Tracking System</t>
  </si>
  <si>
    <t>NJoyn</t>
  </si>
  <si>
    <t>Applicant Tracking System (ATS)</t>
  </si>
  <si>
    <t>APP-01449</t>
  </si>
  <si>
    <t>BORIS</t>
  </si>
  <si>
    <t>Microsoft Corp</t>
  </si>
  <si>
    <t>SharePoint 2007</t>
  </si>
  <si>
    <t>APP-01451</t>
  </si>
  <si>
    <t>BORIS Calendar of Events</t>
  </si>
  <si>
    <t>Calendar of Events</t>
  </si>
  <si>
    <t>Microsoft Corp.</t>
  </si>
  <si>
    <t>Sharepoint 2007</t>
  </si>
  <si>
    <t>APP-01561</t>
  </si>
  <si>
    <t>Computer Associates (CA) Project and Portfolio Management (PPM)</t>
  </si>
  <si>
    <t>CA PPM</t>
  </si>
  <si>
    <t>Computer Associates (CA)</t>
  </si>
  <si>
    <t>Portfolio Management (PPM)</t>
  </si>
  <si>
    <t>APP-01092</t>
  </si>
  <si>
    <t>Case Management</t>
  </si>
  <si>
    <t>Dynamics CRM</t>
  </si>
  <si>
    <t>Dynamics CRM Online Per User</t>
  </si>
  <si>
    <t>APP-01453</t>
  </si>
  <si>
    <t>Correspondance Tracking</t>
  </si>
  <si>
    <t>WorkDynamic Technologies Inc.</t>
  </si>
  <si>
    <t>APP-01409</t>
  </si>
  <si>
    <t>Central Event Reporting &amp; Tracking System</t>
  </si>
  <si>
    <t>CERTS</t>
  </si>
  <si>
    <t>Licensing and Certification Program</t>
  </si>
  <si>
    <t>APP-01457</t>
  </si>
  <si>
    <t>CPMRS</t>
  </si>
  <si>
    <t>Cognos Enterprise Planning &amp; Cognos Business Intel</t>
  </si>
  <si>
    <t>APP-01459</t>
  </si>
  <si>
    <t>e-Access statistics</t>
  </si>
  <si>
    <t>SAP Crystal Solutions</t>
  </si>
  <si>
    <t>APP-01461</t>
  </si>
  <si>
    <t>Integrated Library System (Horizon)</t>
  </si>
  <si>
    <t>CURIE</t>
  </si>
  <si>
    <t>SirsiDynix</t>
  </si>
  <si>
    <t>Horizon</t>
  </si>
  <si>
    <t>APP-01433</t>
  </si>
  <si>
    <t>Occupational Safety and  Health / Dose Information Tracking</t>
  </si>
  <si>
    <t>OSH / DITS</t>
  </si>
  <si>
    <t>APP-01463</t>
  </si>
  <si>
    <t>Regulatory Document Public Consultation System</t>
  </si>
  <si>
    <t>Document Consultation System</t>
  </si>
  <si>
    <t>APP-01413</t>
  </si>
  <si>
    <t>e-Access</t>
  </si>
  <si>
    <t>Hummingbird</t>
  </si>
  <si>
    <t>RDMIS</t>
  </si>
  <si>
    <t>Compliance Program</t>
  </si>
  <si>
    <t>APP-01469</t>
  </si>
  <si>
    <t>Electronic Individual Learning Plan</t>
  </si>
  <si>
    <t>eILP</t>
  </si>
  <si>
    <t>APP-01415</t>
  </si>
  <si>
    <t>Event Information Tracking System</t>
  </si>
  <si>
    <t>EITS</t>
  </si>
  <si>
    <t>APP-01523</t>
  </si>
  <si>
    <t>BORIS New Employee Orientation with Quizzes</t>
  </si>
  <si>
    <t>New Employee Orientation</t>
  </si>
  <si>
    <t>APP-01473</t>
  </si>
  <si>
    <t>Executive Tracking System</t>
  </si>
  <si>
    <t>ETT</t>
  </si>
  <si>
    <t>APP-01477</t>
  </si>
  <si>
    <t>FreeBalance Financial Management System</t>
  </si>
  <si>
    <t>FMS</t>
  </si>
  <si>
    <t>FreeBalance</t>
  </si>
  <si>
    <t>Accountability Suite: Public Financials Management</t>
  </si>
  <si>
    <t>APP-01479</t>
  </si>
  <si>
    <t>CNSC Google Maps (Nuclear, medical facilities, etc.)</t>
  </si>
  <si>
    <t>Google Maps</t>
  </si>
  <si>
    <t>Mapping and Cartography Software</t>
  </si>
  <si>
    <t>APP-01483</t>
  </si>
  <si>
    <t>TSC-CST Ticket System</t>
  </si>
  <si>
    <t>HP Service Manager</t>
  </si>
  <si>
    <t>Hewlitt-Packard Canada</t>
  </si>
  <si>
    <t>APP-01485</t>
  </si>
  <si>
    <t>APP-01481</t>
  </si>
  <si>
    <t>BORIS Health and Safety Orientation with Quizzes</t>
  </si>
  <si>
    <t>Health and Safety Orientation</t>
  </si>
  <si>
    <t>APP-01487</t>
  </si>
  <si>
    <t>Internet Content Administration Modules</t>
  </si>
  <si>
    <t>Internet Content Admin Modules</t>
  </si>
  <si>
    <t>Used to drive various parts of external website</t>
  </si>
  <si>
    <t>APP-01511</t>
  </si>
  <si>
    <t>Subscription service for public to manage alerts from CNSC</t>
  </si>
  <si>
    <t>Internet Site Subscription Service</t>
  </si>
  <si>
    <t>APP-01513</t>
  </si>
  <si>
    <t>Records Information Management System</t>
  </si>
  <si>
    <t>iRims</t>
  </si>
  <si>
    <t>OpenText</t>
  </si>
  <si>
    <t>APP-01515</t>
  </si>
  <si>
    <t>Integrated Time Accounting System</t>
  </si>
  <si>
    <t>ITAS</t>
  </si>
  <si>
    <t>APP-01419</t>
  </si>
  <si>
    <t>Job Management System</t>
  </si>
  <si>
    <t>JMS</t>
  </si>
  <si>
    <t>LOUIS</t>
  </si>
  <si>
    <t>APP-01087</t>
  </si>
  <si>
    <t>Laboratory Information Management System</t>
  </si>
  <si>
    <t>LIMS</t>
  </si>
  <si>
    <t>Lab &amp; Medical Equipment Software</t>
  </si>
  <si>
    <t>APP-01421</t>
  </si>
  <si>
    <t>Licensing Information Management System for Export and Import Controls</t>
  </si>
  <si>
    <t>LISE</t>
  </si>
  <si>
    <t>APP-01519</t>
  </si>
  <si>
    <t>Learning Management System</t>
  </si>
  <si>
    <t>LearnFlex</t>
  </si>
  <si>
    <t>APP-01425</t>
  </si>
  <si>
    <t>Licensing Operations User Integrated System</t>
  </si>
  <si>
    <t>APP-01521</t>
  </si>
  <si>
    <t>Legal Service Records Information Management System</t>
  </si>
  <si>
    <t>LS iRims</t>
  </si>
  <si>
    <t>APP-01525</t>
  </si>
  <si>
    <t>On-line Licence Search</t>
  </si>
  <si>
    <t>Licence Search</t>
  </si>
  <si>
    <t>APP-01085</t>
  </si>
  <si>
    <t>Mobile Inspection Kit</t>
  </si>
  <si>
    <t>MIK</t>
  </si>
  <si>
    <t>APP-01429</t>
  </si>
  <si>
    <t>Nuclear Materials Accountancy Reporting</t>
  </si>
  <si>
    <t>NMAR</t>
  </si>
  <si>
    <t>APP-01431</t>
  </si>
  <si>
    <t>Nuclear Materials Accounting System</t>
  </si>
  <si>
    <t>NMAS</t>
  </si>
  <si>
    <t>APP-01455</t>
  </si>
  <si>
    <t>Interactive Outreach Tool</t>
  </si>
  <si>
    <t>CNSC Online</t>
  </si>
  <si>
    <t>APP-01527</t>
  </si>
  <si>
    <t>Operational Planning and Reporting Tool</t>
  </si>
  <si>
    <t>OPRT</t>
  </si>
  <si>
    <t>APP-01529</t>
  </si>
  <si>
    <t>Org. Charts</t>
  </si>
  <si>
    <t>OrgPublisher</t>
  </si>
  <si>
    <t>Aquire</t>
  </si>
  <si>
    <t>APP-01531</t>
  </si>
  <si>
    <t>Personnel Allocation Lists</t>
  </si>
  <si>
    <t>PAL</t>
  </si>
  <si>
    <t>APP-01533</t>
  </si>
  <si>
    <t>Financial System</t>
  </si>
  <si>
    <t>APP-01537</t>
  </si>
  <si>
    <t>Personnel Information Profile</t>
  </si>
  <si>
    <t>APP-01417</t>
  </si>
  <si>
    <t>e-business Portal</t>
  </si>
  <si>
    <t>APP-01437</t>
  </si>
  <si>
    <t>Regulatory Information Bank</t>
  </si>
  <si>
    <t>RIB</t>
  </si>
  <si>
    <t>APP-01547</t>
  </si>
  <si>
    <t>Radiation Protection Online Orientation/Quizzes</t>
  </si>
  <si>
    <t>RPO</t>
  </si>
  <si>
    <t>APP-01549</t>
  </si>
  <si>
    <t>Research and Support Program Division</t>
  </si>
  <si>
    <t>RSPD</t>
  </si>
  <si>
    <t>APP-01439</t>
  </si>
  <si>
    <t>Safety Performance Indicators Evaluation System</t>
  </si>
  <si>
    <t>SPIES</t>
  </si>
  <si>
    <t>APP-01441</t>
  </si>
  <si>
    <t>Sealed Source Tracking System</t>
  </si>
  <si>
    <t>SSTS</t>
  </si>
  <si>
    <t>APP-01551</t>
  </si>
  <si>
    <t>SSTS statistics</t>
  </si>
  <si>
    <t>APP-01094</t>
  </si>
  <si>
    <t>Single Window Initiative</t>
  </si>
  <si>
    <t>APP-01555</t>
  </si>
  <si>
    <t>Team Foundation Server 2012</t>
  </si>
  <si>
    <t>APP-01443</t>
  </si>
  <si>
    <t>Transport Package Certification System</t>
  </si>
  <si>
    <t>Transport</t>
  </si>
  <si>
    <t>APP-01559</t>
  </si>
  <si>
    <t>Webtrends</t>
  </si>
  <si>
    <t>Webtrends Analytics On Premises</t>
  </si>
  <si>
    <t>Canadian Radio-television and Telecommunications Commission</t>
  </si>
  <si>
    <t>E-Hearing</t>
  </si>
  <si>
    <t>APP-02410</t>
  </si>
  <si>
    <t>Application for public hearing documents access portal.</t>
  </si>
  <si>
    <t>APP-02415</t>
  </si>
  <si>
    <t>K2 IDOL</t>
  </si>
  <si>
    <t>Web site search engine</t>
  </si>
  <si>
    <t>PDFConvert</t>
  </si>
  <si>
    <t>APP-02420</t>
  </si>
  <si>
    <t>Convert files to PDF for internal custom applications.</t>
  </si>
  <si>
    <t>APP-02430</t>
  </si>
  <si>
    <t>Secure Intranet</t>
  </si>
  <si>
    <t>Host intranet web site and internal in house applications.</t>
  </si>
  <si>
    <t>APP-02428</t>
  </si>
  <si>
    <t>Secure Web</t>
  </si>
  <si>
    <t>Server who host external web site and in house web applications.</t>
  </si>
  <si>
    <t>Canadian Space Agency</t>
  </si>
  <si>
    <t>APP-00585</t>
  </si>
  <si>
    <t>Registre de contrôles des accès au bâtiment</t>
  </si>
  <si>
    <t>RCA</t>
  </si>
  <si>
    <t>Services de gestion des ressources</t>
  </si>
  <si>
    <t>Used at the reception to register all the visitors when they arrive and when they leave and the cards loaned.</t>
  </si>
  <si>
    <t>not applicable</t>
  </si>
  <si>
    <t>APP-00679</t>
  </si>
  <si>
    <t>Configuration Management Statistics</t>
  </si>
  <si>
    <t>CMStat</t>
  </si>
  <si>
    <t>CMStat Corporation</t>
  </si>
  <si>
    <t>Données, informations et services spatiaux</t>
  </si>
  <si>
    <t>Application Used To Manage The Configuration Management Documents And Parts of some space projects such as Radarsat</t>
  </si>
  <si>
    <t>APP-00631</t>
  </si>
  <si>
    <t>Système d'accès aux ressources informatiques</t>
  </si>
  <si>
    <t>SARI</t>
  </si>
  <si>
    <t>APP-00604</t>
  </si>
  <si>
    <t>Répertoire des applications</t>
  </si>
  <si>
    <t>RDA</t>
  </si>
  <si>
    <t>This is the registry of our applications.</t>
  </si>
  <si>
    <t>APP-00683</t>
  </si>
  <si>
    <t>IBM Rational DOORS</t>
  </si>
  <si>
    <t>DOORS</t>
  </si>
  <si>
    <t>Exploration spatiale</t>
  </si>
  <si>
    <t>DOORS is a requirements management tool for traceability of the requirements from the senior specification to the final specification. Used for the traceability for the Canadarm, MBS an now SPDM.</t>
  </si>
  <si>
    <t>Doors</t>
  </si>
  <si>
    <t>APP-00633</t>
  </si>
  <si>
    <t>Système de départs</t>
  </si>
  <si>
    <t>SD</t>
  </si>
  <si>
    <t>Ce système envoie des rappels par courriel aux personnes enregistrées dans le systeme de la sécurité de l'ASC (SIA) dont la date de départ approche. Les rappels sont aussi envoyés au superviseur ou autorité contractuelle des personnes ainsi qu'à divers secteurs de l'ASC qui ont besoin de connaître cette information (e.g. la bibliothèque, la gestion de l'information, etc.).</t>
  </si>
  <si>
    <t>APP-00547</t>
  </si>
  <si>
    <t>Electronic Document Release Administration</t>
  </si>
  <si>
    <t>EDRAdmin</t>
  </si>
  <si>
    <t>Application to manage electronically the release of documents related to Canadian Arm, Space Station, Etc.</t>
  </si>
  <si>
    <t>APP-00735</t>
  </si>
  <si>
    <t>Internal services</t>
  </si>
  <si>
    <t>System composed of various modules for a variety of operations such as accountability, assets management, purchasing of goods and services and financial operations. CSA is part of a cluster the Agriculture Canada Cluster.</t>
  </si>
  <si>
    <t>APP-00561</t>
  </si>
  <si>
    <t>Gestion des incidents</t>
  </si>
  <si>
    <t>APP-00695</t>
  </si>
  <si>
    <t>Nucleus</t>
  </si>
  <si>
    <t>FuturePath</t>
  </si>
  <si>
    <t>Soutien à la gouvernance et à la gestion</t>
  </si>
  <si>
    <t>System used to manage the intellectual property.</t>
  </si>
  <si>
    <t>APP-00563</t>
  </si>
  <si>
    <t>Integrated Planning System</t>
  </si>
  <si>
    <t>Permet de faire la planification financière pour toute l'Agence.</t>
  </si>
  <si>
    <t>APP-00687</t>
  </si>
  <si>
    <t>Jeeves</t>
  </si>
  <si>
    <t>MDR Robotics</t>
  </si>
  <si>
    <t>Space Station Program</t>
  </si>
  <si>
    <t>MD Robotics System accessed by CSA's personnel. A replication of the system is at the Agency and the data is refreshed periodically. The system is owned by NASA. It was developed by MD Robotics.</t>
  </si>
  <si>
    <t>APP-00559</t>
  </si>
  <si>
    <t>Gestion des clés</t>
  </si>
  <si>
    <t>GC</t>
  </si>
  <si>
    <t>Services de gestion des biens</t>
  </si>
  <si>
    <t>The Security Office is responsible for the control of office and cabinet.  This system allows the management of the specimens of keys, the management of the loans of key ring and individual keys, the management of the specimen of keys inventory, to visualize the keys being able to open a specific door, and to visualize all the keys and key ring which a person has.</t>
  </si>
  <si>
    <t>APP-00689</t>
  </si>
  <si>
    <t>Livelink</t>
  </si>
  <si>
    <t>OpenText Corporation</t>
  </si>
  <si>
    <t>Content Server 2010 (alias Livelink alias GCDOCS)</t>
  </si>
  <si>
    <t>BMC Software</t>
  </si>
  <si>
    <t>APP-00571</t>
  </si>
  <si>
    <t>Materials, Parts and Procedures</t>
  </si>
  <si>
    <t>MPP</t>
  </si>
  <si>
    <t>Programme canadien de la station spatiale</t>
  </si>
  <si>
    <t>System used to gather information on materials, parts and procedures related to Space Mission.</t>
  </si>
  <si>
    <t>APP-00697</t>
  </si>
  <si>
    <t>PlannExpert</t>
  </si>
  <si>
    <t>PlannSoft</t>
  </si>
  <si>
    <t>Software for monitoring mechanical and electric equipment of the John H. Chapman Space centre.  System composed of 4 modules: Asset Management, Preventive Module, Corrective Module and Parts Follow-up.</t>
  </si>
  <si>
    <t>iRIMS</t>
  </si>
  <si>
    <t>APP-00610</t>
  </si>
  <si>
    <t>Réception, Expédition et Douanes</t>
  </si>
  <si>
    <t>RED</t>
  </si>
  <si>
    <t>System used by the Logistics Unit employees to manage the reception and expedition of merchandises and the customs related.</t>
  </si>
  <si>
    <t>APP-00646</t>
  </si>
  <si>
    <t>Sécurité, Administration, Installations</t>
  </si>
  <si>
    <t>SIA</t>
  </si>
  <si>
    <t>Human Resources Management Services,Other,Real Property Services</t>
  </si>
  <si>
    <t>Système utilisé pour gérer les bureaux, le personnel, la téléphonie et la sécurité pour toute l'Agence. Contient 2 systèmes: Sécurité (utilisé pour la gestion des informations de sécurité du personnel de l'ASC) et Installations (Gestion de l'occupation des espaces-bureaux à l'ASC ainsi que de l'équipement téléphonique)</t>
  </si>
  <si>
    <t>APP-00639</t>
  </si>
  <si>
    <t>Système d'enquête de sécurité</t>
  </si>
  <si>
    <t>SES</t>
  </si>
  <si>
    <t>APP-00737</t>
  </si>
  <si>
    <t>Système principal des Ressources humaines</t>
  </si>
  <si>
    <t>TIPS</t>
  </si>
  <si>
    <t>System used to manage the Human Resources processes: classification, official languages, staffing, employment equity, staff relations, etc.</t>
  </si>
  <si>
    <t>APP-00739</t>
  </si>
  <si>
    <t>Système de la bibliothèque</t>
  </si>
  <si>
    <t>Symphony</t>
  </si>
  <si>
    <t>Système utilisé par le personnel de la bibliothèque pour gérer la collection et la rendre disponible aux clients internes (intranet) et externes (site Web).</t>
  </si>
  <si>
    <t>Symphony (previously Unicorn)</t>
  </si>
  <si>
    <t>APP-00741</t>
  </si>
  <si>
    <t>Tracer ES</t>
  </si>
  <si>
    <t>Trane</t>
  </si>
  <si>
    <t>Logiciel installé sur un poste de travail servant à gérer la machinerie du système de refroidissement et de l'ASC</t>
  </si>
  <si>
    <t>Tracer Summit</t>
  </si>
  <si>
    <t>OHS</t>
  </si>
  <si>
    <t>APP-00581</t>
  </si>
  <si>
    <t>Proactive Disclosure Sytem</t>
  </si>
  <si>
    <t>PDS</t>
  </si>
  <si>
    <t>The Government of Canada has adopted a series of measures to further strengthen transparency, supervision, accountability and management across the public sector. Among these measures, the government has introduced a proactive disclosure policy that requires the mandatory quarterly publication of travel and hospitality expenses; contracts of more than $ 10,000; reclassifications; grants and contributions and requests for access to information.</t>
  </si>
  <si>
    <t>APP-00553</t>
  </si>
  <si>
    <t>Electronic Work Plan</t>
  </si>
  <si>
    <t>eWP</t>
  </si>
  <si>
    <t>Management and Oversight Services,Other</t>
  </si>
  <si>
    <t>Applications that assist the conception of CSA Work Plans (Summary Work Plan and Operational Work Plan).</t>
  </si>
  <si>
    <t>APP-00551</t>
  </si>
  <si>
    <t>Electronic Resource Allocation Matrix</t>
  </si>
  <si>
    <t>eRAM</t>
  </si>
  <si>
    <t>System used to plan the allocation of human resources on the various projects especially those that are assigned on a matrix basis</t>
  </si>
  <si>
    <t>APP-01355</t>
  </si>
  <si>
    <t>Artisan Studio</t>
  </si>
  <si>
    <t>Artisan</t>
  </si>
  <si>
    <t>PTC - Atego</t>
  </si>
  <si>
    <t>Modeling application</t>
  </si>
  <si>
    <t>APP-00565</t>
  </si>
  <si>
    <t>IT Asset Management System</t>
  </si>
  <si>
    <t>ITAMS</t>
  </si>
  <si>
    <t>Information Technology Services,Materiel Services</t>
  </si>
  <si>
    <t>System used to ask for IT approval before purchasing software or hardware. Also used by IT Asset team to manage the list of standards products.</t>
  </si>
  <si>
    <t>Software Asset Management Software</t>
  </si>
  <si>
    <t>APP-00532</t>
  </si>
  <si>
    <t>Certification of Flight Readiness</t>
  </si>
  <si>
    <t>CoFR</t>
  </si>
  <si>
    <t>Système pour maintenir le statut des produits pour les vols du MSS et la mission de l'équipage. Permet aux usagers de soumettre les preuves de conformité aux exigences et fournir une image concrète pour savoir à quel point le vol est prêt.</t>
  </si>
  <si>
    <t>APP-00545</t>
  </si>
  <si>
    <t>Demandes pour des services aux installations</t>
  </si>
  <si>
    <t>DSI</t>
  </si>
  <si>
    <t>Materiel Services,Real Property Services</t>
  </si>
  <si>
    <t>Application to manage requests for security and facilities</t>
  </si>
  <si>
    <t>APP-00830</t>
  </si>
  <si>
    <t>AD User Management</t>
  </si>
  <si>
    <t>ADUser</t>
  </si>
  <si>
    <t>Services internes</t>
  </si>
  <si>
    <t>Generic system used to maintain the different AD Groups used in systems using the Windows Authentication</t>
  </si>
  <si>
    <t>APP-00653</t>
  </si>
  <si>
    <t>Scientific and Operational Applications Research</t>
  </si>
  <si>
    <t>SOAR</t>
  </si>
  <si>
    <t>Recherche sur les applications scientifiques et opérationnelles (SOAR)</t>
  </si>
  <si>
    <t>APP-00743</t>
  </si>
  <si>
    <t>Portail des RH incluant LEX</t>
  </si>
  <si>
    <t>LEX</t>
  </si>
  <si>
    <t>Portail des RH rendant disponibles diverses applications: organigrammes, Leave and extra duty, demandes de service en RH, etc.</t>
  </si>
  <si>
    <t>Portail des RH et LEX</t>
  </si>
  <si>
    <t>APP-01348</t>
  </si>
  <si>
    <t>RETOS</t>
  </si>
  <si>
    <t>Retos</t>
  </si>
  <si>
    <t>Retos calculation system</t>
  </si>
  <si>
    <t>Pension Software</t>
  </si>
  <si>
    <t>APP-01353</t>
  </si>
  <si>
    <t>Canadian Automated Export Declaration</t>
  </si>
  <si>
    <t>CAED-DECA</t>
  </si>
  <si>
    <t>Statistics Canada</t>
  </si>
  <si>
    <t>APP-03600</t>
  </si>
  <si>
    <t>countersoft</t>
  </si>
  <si>
    <t>bug tracking system</t>
  </si>
  <si>
    <t>APP-00824</t>
  </si>
  <si>
    <t>Warehouse Management Tracer</t>
  </si>
  <si>
    <t>WM</t>
  </si>
  <si>
    <t>Materiel Services,Other</t>
  </si>
  <si>
    <t>Portable Technology Solutions</t>
  </si>
  <si>
    <t>Système qui permet l'utilisation du Wifi pour les lecteurs Motorola.  TracerPlus est le relais qui écrit sur une table Oracle.  Les données sont ensuite exporté en fichier texte tabulé pour être importé sous SAP.</t>
  </si>
  <si>
    <t>TracerPlus Wireless Server</t>
  </si>
  <si>
    <t>APP-00936</t>
  </si>
  <si>
    <t>Business Intelligence</t>
  </si>
  <si>
    <t>BI</t>
  </si>
  <si>
    <t>Entrepôt de données pour les données des RH et des finances.</t>
  </si>
  <si>
    <t>APP-00745</t>
  </si>
  <si>
    <t>Earth Observation Radarsat Reporting</t>
  </si>
  <si>
    <t>EORR</t>
  </si>
  <si>
    <t>Système permettant de sauvegarder dans une base de données Oracle les acquisitions et l'utilisation du crédit de Radarsat-2 à partir des factures mensuelles fournies par le partenaire privée. Le système comprend aussi de l'information sur les images satellitaires traités.  Il contient toutes les transactions facturées au crédit du Gouvernement du Canada depuis le lancement de Radarsat-2. Les rapports officiels de consommation du crédit sont faits à partir de ce système.</t>
  </si>
  <si>
    <t>APP-00944</t>
  </si>
  <si>
    <t>Système d'inventaire des Communications</t>
  </si>
  <si>
    <t>SIDC</t>
  </si>
  <si>
    <t>Catalogue en ligne des produits de communication.</t>
  </si>
  <si>
    <t>APP-00747</t>
  </si>
  <si>
    <t>Unitas</t>
  </si>
  <si>
    <t>UNITAS</t>
  </si>
  <si>
    <t>APP-00834</t>
  </si>
  <si>
    <t>ESA Program Application</t>
  </si>
  <si>
    <t>ESAPA</t>
  </si>
  <si>
    <t>Le Programme de contribution ESA (european Space Agency) était dépourvu d'outils intégrés visant à appuyer une saine gestion, à faciliter les communications, l'analyse et la reddition de comptes.
Compte tenu des particularités propres à la gestion du programme ESA, une base de données programmatique est indispensable. Elle minimisera les risques d'erreur, automatisera certaines tâches et simplifiera par le fait même l'analyse et la reddition de comptes. De plus, elle facilitera la communication avec tous les intervenants (ex : ESA, ASC, Gouvernement du Canada et secteur spatial canadien).</t>
  </si>
  <si>
    <t>APP-00832</t>
  </si>
  <si>
    <t>Assembly/Integration/Testing Facilities and R&amp;D Laboratories database</t>
  </si>
  <si>
    <t>AIT</t>
  </si>
  <si>
    <t>Permet de rechercher des capacités pour des laboratoires principalement au Laboratoire David Florida</t>
  </si>
  <si>
    <t>APP-00924</t>
  </si>
  <si>
    <t>Map Server</t>
  </si>
  <si>
    <t>MAPSERVER</t>
  </si>
  <si>
    <t>Le Groupe BusCom (revendeur pour AutoDesk)</t>
  </si>
  <si>
    <t>Application servant à générer des plans de bureaux à partir de fichiers Autocad et à les publier sur un site Web.</t>
  </si>
  <si>
    <t>MapServer</t>
  </si>
  <si>
    <t>APP-00524</t>
  </si>
  <si>
    <t>Apprentissage, conférences et événements</t>
  </si>
  <si>
    <t>Système de soumission, de contrôle et d'approbation des demandes de formation et de participation à des conférences et événements. Intègre le contrôle des coûts. 
C'est probablement une des meilleures applications du genre du gouvernement fédéral!</t>
  </si>
  <si>
    <t>APP-00826</t>
  </si>
  <si>
    <t>Executive Committee Presentation Management</t>
  </si>
  <si>
    <t>XC</t>
  </si>
  <si>
    <t>Ce système permet de soumettre des demandes de présentation au CE. Il permet au secrétariat du CE de gérer les demandes, créer l'ordre du jour, etc.</t>
  </si>
  <si>
    <t>APP-00828</t>
  </si>
  <si>
    <t>Security Profiler</t>
  </si>
  <si>
    <t>SEC</t>
  </si>
  <si>
    <t>System used to define the security level needed for a person working at CSA.</t>
  </si>
  <si>
    <t>APP-00867</t>
  </si>
  <si>
    <t>Approved Parts List</t>
  </si>
  <si>
    <t>APL</t>
  </si>
  <si>
    <t>System used to manage the parts that have been approved to be part of material sent in space.</t>
  </si>
  <si>
    <t>APP-00987</t>
  </si>
  <si>
    <t>Platform to Organize</t>
  </si>
  <si>
    <t>PLATO</t>
  </si>
  <si>
    <t>Canadian Space Station Program</t>
  </si>
  <si>
    <t>Système utilisé pour gérer les formations pour les astronautes.</t>
  </si>
  <si>
    <t>APP-00989</t>
  </si>
  <si>
    <t>Project Status Report System</t>
  </si>
  <si>
    <t>PSRS</t>
  </si>
  <si>
    <t>System used to make periodical Status Reports on projects.</t>
  </si>
  <si>
    <t>DACS</t>
  </si>
  <si>
    <t>APP-00981</t>
  </si>
  <si>
    <t>DRUPAL</t>
  </si>
  <si>
    <t>Drupal.org</t>
  </si>
  <si>
    <t>Content management System used for the intranet.</t>
  </si>
  <si>
    <t>APP-00983</t>
  </si>
  <si>
    <t>Target 911</t>
  </si>
  <si>
    <t>TARGET</t>
  </si>
  <si>
    <t>ICO</t>
  </si>
  <si>
    <t>System used by the security for the Business Continuity Plan.</t>
  </si>
  <si>
    <t>BeeOn Urgence</t>
  </si>
  <si>
    <t>APP-00965</t>
  </si>
  <si>
    <t>Reqtify</t>
  </si>
  <si>
    <t>REQTIFY</t>
  </si>
  <si>
    <t>Dassault Systèmes</t>
  </si>
  <si>
    <t>System used to manage requirements</t>
  </si>
  <si>
    <t>APP-00969</t>
  </si>
  <si>
    <t>S-Filer</t>
  </si>
  <si>
    <t>SFILER</t>
  </si>
  <si>
    <t>Okiok Data ltd</t>
  </si>
  <si>
    <t>APP-00974</t>
  </si>
  <si>
    <t>Wolters Kluwer(CCH Canadian Limited)</t>
  </si>
  <si>
    <t>APP-00979</t>
  </si>
  <si>
    <t>REMEDY</t>
  </si>
  <si>
    <t>System used by IMIT for the ITIL Processes (incidents, changes, problems management, etc).</t>
  </si>
  <si>
    <t>APP-03921</t>
  </si>
  <si>
    <t>Média entrevues communication</t>
  </si>
  <si>
    <t>Permet de faire la gestion des entrevues faites avec les médias par les employés de l'ASC.</t>
  </si>
  <si>
    <t>APP-01164</t>
  </si>
  <si>
    <t>Gestion des accès au réseau sécurisé</t>
  </si>
  <si>
    <t>SND</t>
  </si>
  <si>
    <t>Système de gestion des accès au réseau sécurisé ainsi que du matériel informatique dédié au réseau informatique (DTU, imprimantes, cartes d'accès).</t>
  </si>
  <si>
    <t>APP-01220</t>
  </si>
  <si>
    <t>Lyris Listmanager</t>
  </si>
  <si>
    <t>Lyris</t>
  </si>
  <si>
    <t>Logiciel de listes de courriel utilisé par les gens des communications principalement</t>
  </si>
  <si>
    <t>APP-01366</t>
  </si>
  <si>
    <t>Snap survey</t>
  </si>
  <si>
    <t>Snap</t>
  </si>
  <si>
    <t>Snap Survey</t>
  </si>
  <si>
    <t>Système permettant de faire des questionnaires et des sondages en ligne à l'externe ou à l'interne qui ne demandent pas de persistance des informations récoltées.</t>
  </si>
  <si>
    <t>APP-01362</t>
  </si>
  <si>
    <t>Laserfiche</t>
  </si>
  <si>
    <t>Ricoh</t>
  </si>
  <si>
    <t>APP-01360</t>
  </si>
  <si>
    <t>Enteliweb</t>
  </si>
  <si>
    <t>Regulvar</t>
  </si>
  <si>
    <t>Logiciel pour contrôler les salles mécanique de l'ASC</t>
  </si>
  <si>
    <t>APP-01357</t>
  </si>
  <si>
    <t>Autocad Vault</t>
  </si>
  <si>
    <t>permet de stocker des dessins CAD, la gestion de versions et facilite la collaboration en environnement multi-utilisateur. Il consiste d’un COTS, voûte documents et DB SQL 2008. Ces composantes sont installées sur un serveur physique (celeno) Win 2008 R2 à Ottawa</t>
  </si>
  <si>
    <t>autodesk Vault</t>
  </si>
  <si>
    <t>APP-01364</t>
  </si>
  <si>
    <t>APP-03919</t>
  </si>
  <si>
    <t>Cadenassage</t>
  </si>
  <si>
    <t>Permet de faire des fiches de cadenassage</t>
  </si>
  <si>
    <t>APP-02205</t>
  </si>
  <si>
    <t>Configuration and data management system</t>
  </si>
  <si>
    <t>CADMS2</t>
  </si>
  <si>
    <t>System to assist the configuration and data management of the projects. The database contains the metadata. The documents are located in Livelink (GCDOC).</t>
  </si>
  <si>
    <t>APP-03917</t>
  </si>
  <si>
    <t>Bureau des conférenciers</t>
  </si>
  <si>
    <t>Permet au publique canadien de demander des conférenciers tel que les astronautes et autres scientifiques pour des événements situés à travers le monde.</t>
  </si>
  <si>
    <t>APP-03915</t>
  </si>
  <si>
    <t>GER (Global Exploration Roadmap) Technology Development Map</t>
  </si>
  <si>
    <t>GTDM</t>
  </si>
  <si>
    <t>APP-03913</t>
  </si>
  <si>
    <t>Demande de permis de visite au LDF</t>
  </si>
  <si>
    <t>VCR</t>
  </si>
  <si>
    <t>Demande de Permis de visite au LDF</t>
  </si>
  <si>
    <t>APP-03911</t>
  </si>
  <si>
    <t>Gestion Automatisé des Comptes Réseaux</t>
  </si>
  <si>
    <t>GACR</t>
  </si>
  <si>
    <t>APP-03331</t>
  </si>
  <si>
    <t>Information Management Services,Travel and Other Administrative Services</t>
  </si>
  <si>
    <t>APP-03321</t>
  </si>
  <si>
    <t>MGE Enterprise Power Manager</t>
  </si>
  <si>
    <t>MGE</t>
  </si>
  <si>
    <t>MGE UPS Systems</t>
  </si>
  <si>
    <t>System that permits centralized monitoring of networked UPS devices</t>
  </si>
  <si>
    <t>APP-03907</t>
  </si>
  <si>
    <t>Bureau de commande de Radarsat2</t>
  </si>
  <si>
    <t>BCR2</t>
  </si>
  <si>
    <t>Application pour la gestion des demandes d'images de Radarsat 1 et 2 (Service de données RADARSAT pour le gouvernement (SDRG))</t>
  </si>
  <si>
    <t>APP-03909</t>
  </si>
  <si>
    <t>Système d’inventaire et de diffusion des données et de l’information</t>
  </si>
  <si>
    <t>SIDDI</t>
  </si>
  <si>
    <t>Le système administré par l'équipe du gouvernement ouvert, sert à répertorier et analyser les ensembles de données de l'ASC.</t>
  </si>
  <si>
    <t>APP-00528</t>
  </si>
  <si>
    <t>Builder Operational Baseline</t>
  </si>
  <si>
    <t>BOB</t>
  </si>
  <si>
    <t>BoB is the software management tool used to manage MSS product baselines and software CIs, to support software documents generation (MSS software Baseline report CSA-SS-Rpr-0294) and NASA Integrated Flight Load (IFL) Build Specification Requirements (BSR) reviews. It also supports CSA Mission Planning documents generation.</t>
  </si>
  <si>
    <t>APP-00537</t>
  </si>
  <si>
    <t>Canadian Space Station OnLine Document System</t>
  </si>
  <si>
    <t>COLDS</t>
  </si>
  <si>
    <t>Web Site used to share documents and configuration files between CSA and NASA.
Only documents having been previously approved by the Canadian Space Station Program (CSSP) Control Board are available.</t>
  </si>
  <si>
    <t>APP-00543</t>
  </si>
  <si>
    <t>Data Management Application</t>
  </si>
  <si>
    <t>DMA</t>
  </si>
  <si>
    <t>Application used to provide the capability to store, update, retrieve data and exchange CSSP specific files with external NASA, ESA, and internal SOSC users.</t>
  </si>
  <si>
    <t>APP-00573</t>
  </si>
  <si>
    <t>Mission Planning Tool</t>
  </si>
  <si>
    <t>MPT</t>
  </si>
  <si>
    <t>Manage MSS configuration files. Generate report for Combined Robotics Team. Generate GUI configuration files to provide overview of all files.</t>
  </si>
  <si>
    <t>APP-00629</t>
  </si>
  <si>
    <t>Intranet System Access Request Program</t>
  </si>
  <si>
    <t>ISARP</t>
  </si>
  <si>
    <t>Anomaly tracking and problem resolution for Ground Segment systems.  Also provides systems and configuration status through the System Status Tracking Application (SSTA) functionality required for COFR (Certification of Flight Readiness) concurrence.</t>
  </si>
  <si>
    <t>APP-01753</t>
  </si>
  <si>
    <t>Exploration Ground Infrastructure Activity Manager</t>
  </si>
  <si>
    <t>Activity Manager</t>
  </si>
  <si>
    <t>APP-01756</t>
  </si>
  <si>
    <t>CSSP Operations and Engineering Center Console Position Information Tracker</t>
  </si>
  <si>
    <t>COCPIT</t>
  </si>
  <si>
    <t>Provides the capability for the CSA OEC and other CSSP personnel to maintain awareness and track the status of various mission documents (in Real-Time or Near Real-Time) necessary to perform the duties of the CSA OEC console positions</t>
  </si>
  <si>
    <t>APP-01758</t>
  </si>
  <si>
    <t>Exploration Ground Infrastructure Software Accounts Portal</t>
  </si>
  <si>
    <t>ESAP</t>
  </si>
  <si>
    <t>ESAP eases the accounts management  and CSSP tool access approval for internal and external NASA, MDA users.</t>
  </si>
  <si>
    <t>APP-01760</t>
  </si>
  <si>
    <t>Query Based Entity Relationship Tool</t>
  </si>
  <si>
    <t>Q*BERT</t>
  </si>
  <si>
    <t>Provides the capability for the Mission Operations MSS FSW support personnel to maintain cognisance of the MSS technical details, from data in the CSSP and National Aeronautics and Space Administration (NASA) International Space Station (ISS) program official database (CSA Configuration Management (CM) EDR Admin, NASA/Boeing Polytron Version Control S/W (PVCS) and MacDonald Dettwiler Robotics (MDR) Jeeves).</t>
  </si>
  <si>
    <t>APP-01764</t>
  </si>
  <si>
    <t>Standard Out Search</t>
  </si>
  <si>
    <t>SOS</t>
  </si>
  <si>
    <t>Provides the capability for the Mission Operations Mobile Servicing System (MSS) Flight Software support personnel to view any International Space Station (ISS) signal (telemetry and command signals) definition from the Standard Out IPCL files provided by NASA.</t>
  </si>
  <si>
    <t>APP-01762</t>
  </si>
  <si>
    <t>Mobile Servicing System (MSS) Operational Workaround Parsing Tool</t>
  </si>
  <si>
    <t>MOWA</t>
  </si>
  <si>
    <t>Provides the capability for MPS personnel to keep Q*BERT up-to-date and is necessary to perform the duties of the CSA OEC console positions.</t>
  </si>
  <si>
    <t>APP-00873</t>
  </si>
  <si>
    <t>Ground Segment Data Redistribution System</t>
  </si>
  <si>
    <t>GSDRS</t>
  </si>
  <si>
    <t>Extranet - Distribution of "live" and historical data on exploration projects and some experiences regarding the International Space Station. 
Includes the following projects: Greenhouse, mvis, vascular, msrtd, Telemedecine, gsdrs. Will become an internal website.</t>
  </si>
  <si>
    <t>APP-00942</t>
  </si>
  <si>
    <t>Space Exploration Technology Database</t>
  </si>
  <si>
    <t>SETED</t>
  </si>
  <si>
    <t>APP-04166</t>
  </si>
  <si>
    <t>RADARSAT Constellation Mission (RCM) Order Handling Subsystem</t>
  </si>
  <si>
    <t>RCM OHS</t>
  </si>
  <si>
    <t>Supports the RADARSAT Constellation Mission satellites.
The Order Handling Subsystem (OHS) provides an interface for external Order Clients to query the Catalogue of archived RCM Science Data and place Orders for RCM Products to be generated either from archived Science Data or from Science Data to be acquired. It also provides for delivery of the Products to the Product Recipients.</t>
  </si>
  <si>
    <t>APP-04173</t>
  </si>
  <si>
    <t>RADARSAT Constellation Mission (RCM ) Restoration and Archiving Subsystem</t>
  </si>
  <si>
    <t>RCM RAS</t>
  </si>
  <si>
    <t>Subsystem that supports the RADARSAT Constellation Mission satellites.  
The Restoration and Archiving Subsystem (RAS) coordinates restoration (decryption, space packet demultiplexing) and archival of this data, and provision of the Science Data to the Product Generation Subsystem.</t>
  </si>
  <si>
    <t>Canadian Transportation Agency</t>
  </si>
  <si>
    <t>APP-02640</t>
  </si>
  <si>
    <t>Oracle RDBMS</t>
  </si>
  <si>
    <t>Correctional Service Canada</t>
  </si>
  <si>
    <t>CSC-A002</t>
  </si>
  <si>
    <t>AccessPro Case Management (CSC-APCM)</t>
  </si>
  <si>
    <t>APCM CSC</t>
  </si>
  <si>
    <t>4.0 Internal Services</t>
  </si>
  <si>
    <t>X86-64</t>
  </si>
  <si>
    <t>CSC-A003</t>
  </si>
  <si>
    <t>Access Pro Case Management PBC</t>
  </si>
  <si>
    <t>APCM PBC</t>
  </si>
  <si>
    <t>PBC 1.4 Internal Services</t>
  </si>
  <si>
    <t>CSC-A007</t>
  </si>
  <si>
    <t>ANGUS Maintenance System</t>
  </si>
  <si>
    <t>Angus for Windows is a comprehensive computerized maintenance system that ensures that necessary maintenance work is performed when needed and that all historical information, including labour and materials, are collected for further analysis. It is used for the Chief of Plant Maintenance and their employees all across the regions to create work orders.</t>
  </si>
  <si>
    <t>Angus Systems Group Inc.</t>
  </si>
  <si>
    <t>CSC-A010</t>
  </si>
  <si>
    <t>Archived File Management System</t>
  </si>
  <si>
    <t>AFMS</t>
  </si>
  <si>
    <t>CSC-A013</t>
  </si>
  <si>
    <t>Arrival XE (Pitney Bowes) CSC</t>
  </si>
  <si>
    <t>This is application provides an internal tracking and delivery management system for CSC mailroom and Records Office.  It provides real-time status of any item- who has it now, previously, when they had and where it is located.  **To be replaced by PWGSC Web App</t>
  </si>
  <si>
    <t>Vendor Management Software</t>
  </si>
  <si>
    <t>CSC-A017</t>
  </si>
  <si>
    <t>Service Management for Information Management - Assyst Enterprise</t>
  </si>
  <si>
    <t>SMiT</t>
  </si>
  <si>
    <t>Axios System</t>
  </si>
  <si>
    <t>AMMIS</t>
  </si>
  <si>
    <t>CSC-A020</t>
  </si>
  <si>
    <t>Awards Database</t>
  </si>
  <si>
    <t>CSC-A023</t>
  </si>
  <si>
    <t>Botin Téléphonique</t>
  </si>
  <si>
    <t>Excel workbook with Macros  Allows a phone listing to be displayed in a different format</t>
  </si>
  <si>
    <t>CSC-A027</t>
  </si>
  <si>
    <t>Canadian Police Information Centre - OMS (MOM)</t>
  </si>
  <si>
    <t>CPIC MOM</t>
  </si>
  <si>
    <t>3.0 Community Supervision</t>
  </si>
  <si>
    <t>CSC-A045</t>
  </si>
  <si>
    <t>Force Ten - PWGSC</t>
  </si>
  <si>
    <t>F10 - CBT</t>
  </si>
  <si>
    <t>IBM / Force Ten</t>
  </si>
  <si>
    <t>CSC-A092</t>
  </si>
  <si>
    <t>CCM Exchan</t>
  </si>
  <si>
    <t>ccmExchange</t>
  </si>
  <si>
    <t>CSC-A104</t>
  </si>
  <si>
    <t>Claims Settlement Management System - ccmEnterprise</t>
  </si>
  <si>
    <t>CSMS</t>
  </si>
  <si>
    <t>CCM enterprise</t>
  </si>
  <si>
    <t>1.0 Custody</t>
  </si>
  <si>
    <t>CSC-A114</t>
  </si>
  <si>
    <t>Computerized Assessment of Substance Abuse</t>
  </si>
  <si>
    <t>CASA/QIT</t>
  </si>
  <si>
    <t>2.0 Correctional Interventions</t>
  </si>
  <si>
    <t>CSC-A116</t>
  </si>
  <si>
    <t>Computerized Mental Health Intake Screening System-WEB</t>
  </si>
  <si>
    <t>COMHISS SI</t>
  </si>
  <si>
    <t>CSC-A118</t>
  </si>
  <si>
    <t>PBC - Conditional Release Information Management System</t>
  </si>
  <si>
    <t>CRIMS / SG</t>
  </si>
  <si>
    <t>PBC 1.1 Conditional Release Decisions</t>
  </si>
  <si>
    <t>CSC-A120</t>
  </si>
  <si>
    <t>Contact Information Manager</t>
  </si>
  <si>
    <t>CIM/GDC</t>
  </si>
  <si>
    <t>This web national application allow an employee to change his personal information Outlook / Active Directory (division, title, phone number, fax, cell).    C’est une application web nationale qui permet à un employé de modifier ses informations personnelles Outlook/Active Directory (division, titre, numéro de téléphone, fax, cell).</t>
  </si>
  <si>
    <t>CSC-A121</t>
  </si>
  <si>
    <t>Continuum</t>
  </si>
  <si>
    <t>AST Inc</t>
  </si>
  <si>
    <t>Contracts</t>
  </si>
  <si>
    <t>CSC-A127</t>
  </si>
  <si>
    <t>CORCAN Warehouse Management System</t>
  </si>
  <si>
    <t>SAGE Data - It is used to manage inventory and related activities in the Kingston warehouse. It is a training tool for offenders. Four (4) interfaces between WMS and IFMMS were developed in-house.  </t>
  </si>
  <si>
    <t>CSC-A130</t>
  </si>
  <si>
    <t>Correctional Intelligence Management System</t>
  </si>
  <si>
    <t>CIMS</t>
  </si>
  <si>
    <t>IBM i2 iBase and Analyst Notebook</t>
  </si>
  <si>
    <t>CSC-A136</t>
  </si>
  <si>
    <t>Crisis Response and Security Information Management System</t>
  </si>
  <si>
    <t>CRSIMS / SGIURS</t>
  </si>
  <si>
    <t>CSC-A140</t>
  </si>
  <si>
    <t>CSC Uniform</t>
  </si>
  <si>
    <t>A national online uniform ordering system managed by Logistik Unicorp. It replaced the national depot’s national manual process.</t>
  </si>
  <si>
    <t>Logistik Unicorp</t>
  </si>
  <si>
    <t>CSC-A143</t>
  </si>
  <si>
    <t>Data Warehouse System MCINT</t>
  </si>
  <si>
    <t>DWS MCINT</t>
  </si>
  <si>
    <t>CSC-A144</t>
  </si>
  <si>
    <t>DBX Geomatics - GeoCoding</t>
  </si>
  <si>
    <t>DBX Geomatics</t>
  </si>
  <si>
    <t>CSC-A147</t>
  </si>
  <si>
    <t>Electronic Work Order System - Demande de Service Electronique</t>
  </si>
  <si>
    <t>DDSE</t>
  </si>
  <si>
    <t>Une application pour généré les demandes de services en établissement, utilisé par plusieurs établissements.</t>
  </si>
  <si>
    <t>DRM</t>
  </si>
  <si>
    <t>CSC-A155</t>
  </si>
  <si>
    <t>Documentum - PBC</t>
  </si>
  <si>
    <t>Documentum 6.7</t>
  </si>
  <si>
    <t>CSC-A160</t>
  </si>
  <si>
    <t>Email Web Service</t>
  </si>
  <si>
    <t>Email Web Service is a Web based application to provide email functionality for other applications.</t>
  </si>
  <si>
    <t>CSC-A162</t>
  </si>
  <si>
    <t>ALGO - Enterprise Recording System</t>
  </si>
  <si>
    <t>ALGO</t>
  </si>
  <si>
    <t>CSC-A164</t>
  </si>
  <si>
    <t>NMC - EPAS Suite</t>
  </si>
  <si>
    <t>NMC - EPAS</t>
  </si>
  <si>
    <t>Management of calls to and from the National Monitoring Centre. Saas - Bell Enhanced Per Agent Service. includes IceBar, iceAdmin, IceMonitor.  IceBar Agent component on desktop.</t>
  </si>
  <si>
    <t>Computer Talk / EPAS Suite</t>
  </si>
  <si>
    <t>CSC-A165</t>
  </si>
  <si>
    <t>Enterprise Project Management System</t>
  </si>
  <si>
    <t>EPMS</t>
  </si>
  <si>
    <t>Microsoft / Project Server</t>
  </si>
  <si>
    <t>CSC-A168</t>
  </si>
  <si>
    <t>HR eForms</t>
  </si>
  <si>
    <t>ELS</t>
  </si>
  <si>
    <t>IMSIS</t>
  </si>
  <si>
    <t>CSC-A171</t>
  </si>
  <si>
    <t>Fiche pour les cas de liberté illégale</t>
  </si>
  <si>
    <t>CSC-A178</t>
  </si>
  <si>
    <t>Documentum - Records Manager (CSC)</t>
  </si>
  <si>
    <t>Foremost</t>
  </si>
  <si>
    <t>Documentum</t>
  </si>
  <si>
    <t>FITS</t>
  </si>
  <si>
    <t>CSC-A184</t>
  </si>
  <si>
    <t>PBC - FreeBalance Financials</t>
  </si>
  <si>
    <t>Freebalance PBC</t>
  </si>
  <si>
    <t>FreeBalance Financials</t>
  </si>
  <si>
    <t>CSC-A190</t>
  </si>
  <si>
    <t>Gestion de l'Emploi et de la Rémunération des Détenus</t>
  </si>
  <si>
    <t>GERD</t>
  </si>
  <si>
    <t>CSC-A203</t>
  </si>
  <si>
    <t>CSIS Canadian Security Information Service Screening Request - PBC</t>
  </si>
  <si>
    <t>CSIS</t>
  </si>
  <si>
    <t>CSIS Canadian Security Information Service Screening Request</t>
  </si>
  <si>
    <t>CSC-A206</t>
  </si>
  <si>
    <t>Health Vision</t>
  </si>
  <si>
    <t>Eclipsys, Healthvision version 4.9_A</t>
  </si>
  <si>
    <t>CSC-A208</t>
  </si>
  <si>
    <t>Horaire des detenues - Inmate schedule</t>
  </si>
  <si>
    <t>CSC-A213</t>
  </si>
  <si>
    <t>Human Resources Management System</t>
  </si>
  <si>
    <t>HRMS / SGR</t>
  </si>
  <si>
    <t>PeopleSoft / PeopleTools</t>
  </si>
  <si>
    <t>CSC-A230</t>
  </si>
  <si>
    <t>InfoPol - Information for Police</t>
  </si>
  <si>
    <t>InfoPol</t>
  </si>
  <si>
    <t>CSC-A231</t>
  </si>
  <si>
    <t>Internet National Injury Compensation System</t>
  </si>
  <si>
    <t>INICS</t>
  </si>
  <si>
    <t>Internet New Injury Compensation System</t>
  </si>
  <si>
    <t>CSC-A232</t>
  </si>
  <si>
    <t>Inmate Account Balances</t>
  </si>
  <si>
    <t>IAB</t>
  </si>
  <si>
    <t>CSC-A234</t>
  </si>
  <si>
    <t>Inmate Bank</t>
  </si>
  <si>
    <t>Records management tracking program.     Inmate Bank is a DOS based Records management tracking program. It is not used on the network but is still used at some sites in Ontario. It is used to track Offender Releases, Transfers and where the offender’s paper based records are located.    </t>
  </si>
  <si>
    <t>CSC-A236</t>
  </si>
  <si>
    <t>Inmate Movement System</t>
  </si>
  <si>
    <t>IP</t>
  </si>
  <si>
    <t>CSC-A242</t>
  </si>
  <si>
    <t>Integrated Financial and Materiel Management System</t>
  </si>
  <si>
    <t>IFMMS/SIGF</t>
  </si>
  <si>
    <t>Acquisition Services,Financial Management Services,Materiel Services</t>
  </si>
  <si>
    <t>CSC-A250</t>
  </si>
  <si>
    <t>International Transfers System</t>
  </si>
  <si>
    <t>CSC-A259</t>
  </si>
  <si>
    <t>PBC - Justice Time Keeping System</t>
  </si>
  <si>
    <t>Application owned by Justice for lawyers to keep track of their billing.  Would be used by lawyers for CSC as well as PBC. This is used by Legal Services through a Citrix Client to a remote service from Department of Justice Canada.</t>
  </si>
  <si>
    <t>Justice Time Keeping System</t>
  </si>
  <si>
    <t>CSC-A262</t>
  </si>
  <si>
    <t>CSC-A264</t>
  </si>
  <si>
    <t>Compliance and Operational Risk Report</t>
  </si>
  <si>
    <t>CORR/RCRO  CMF</t>
  </si>
  <si>
    <t>CSC-A265</t>
  </si>
  <si>
    <t>MEK Inventory Application (National Depot)</t>
  </si>
  <si>
    <t>MEK</t>
  </si>
  <si>
    <t>CSC-A280</t>
  </si>
  <si>
    <t>Food Services Information Management System</t>
  </si>
  <si>
    <t>FSIMS</t>
  </si>
  <si>
    <t>CSC-A282</t>
  </si>
  <si>
    <t>Offender Based Content Management</t>
  </si>
  <si>
    <t>OBCM</t>
  </si>
  <si>
    <t>CSC-A284</t>
  </si>
  <si>
    <t>Offender Management System - Migration</t>
  </si>
  <si>
    <t>OMSM, OMS-M</t>
  </si>
  <si>
    <t>CSC-A285</t>
  </si>
  <si>
    <t>Offender Management System - Renewal</t>
  </si>
  <si>
    <t>OMS-R</t>
  </si>
  <si>
    <t>CSC-A286</t>
  </si>
  <si>
    <t>Offender Placement and Institutional Counts</t>
  </si>
  <si>
    <t>OPIC</t>
  </si>
  <si>
    <t>Microsoft SharePoint</t>
  </si>
  <si>
    <t>CSC-A296</t>
  </si>
  <si>
    <t>Resource Management Tool</t>
  </si>
  <si>
    <t>RMT / OGR</t>
  </si>
  <si>
    <t>RMT is CSC’s financial reporting and forecasting tool. It provides you with the relevant financial information for your area of responsibility.  The RMT is made up of several workbooks, each of which is tailored to a different user community.      </t>
  </si>
  <si>
    <t>CSC-A298</t>
  </si>
  <si>
    <t>PBC - Pardon and Record Suspension System</t>
  </si>
  <si>
    <t>PARSS/SSPE</t>
  </si>
  <si>
    <t>PBC 1.3 Record Suspension Decisions/Clemency Recommendations</t>
  </si>
  <si>
    <t>CSC-A305</t>
  </si>
  <si>
    <t>EPAS Suite (PBC, IMS, HR, Victims)</t>
  </si>
  <si>
    <t>Management of calls to and from PBC, IMS Helpdesk, HR Helpdesk and Victims. Saas - Bell Enhanced Per Agent Service. includes IceBar, iceAdmin, IceMonitor.  IceBar Agent component on desktop.   </t>
  </si>
  <si>
    <t>CSC-A309</t>
  </si>
  <si>
    <t>Personal Security Screening</t>
  </si>
  <si>
    <t>PSS/VSP</t>
  </si>
  <si>
    <t>CSC-A311</t>
  </si>
  <si>
    <t>Point of Sale</t>
  </si>
  <si>
    <t>POS</t>
  </si>
  <si>
    <t>CSC-A312</t>
  </si>
  <si>
    <t>Police and Court Information Module</t>
  </si>
  <si>
    <t>PCIMM</t>
  </si>
  <si>
    <t>CSC-A313</t>
  </si>
  <si>
    <t>Position Exclusion System</t>
  </si>
  <si>
    <t>PES</t>
  </si>
  <si>
    <t>CSC-A315</t>
  </si>
  <si>
    <t>Provincial Access II</t>
  </si>
  <si>
    <t>PAII</t>
  </si>
  <si>
    <t>CSC-A316</t>
  </si>
  <si>
    <t>RDIMS - Records Document and Information Management System</t>
  </si>
  <si>
    <t>RDIMS/eDoc</t>
  </si>
  <si>
    <t>OpenText eDocs</t>
  </si>
  <si>
    <t>CSC-A317</t>
  </si>
  <si>
    <t>Real Time Identification</t>
  </si>
  <si>
    <t>RTID</t>
  </si>
  <si>
    <t>RCMP</t>
  </si>
  <si>
    <t>CSC-A326</t>
  </si>
  <si>
    <t>Reports of Automated Data Applied to Reintegration</t>
  </si>
  <si>
    <t>RADAR</t>
  </si>
  <si>
    <t>CSC-A328</t>
  </si>
  <si>
    <t>Reservations System</t>
  </si>
  <si>
    <t>The Reservations System is designed to allow staff to reserve items from a reservation category like Boardrooms, Computers, Audio/Visual, Vehicles and Videoconference.  The categories can be regional or local. A local category will display items from a site and only at that site (i.e. Vehicles). A regional category will display items from all sites in the region for that category (i.e. Videoconference). Only categories with 1 or more items are displayed.  </t>
  </si>
  <si>
    <t>CSC-A337</t>
  </si>
  <si>
    <t>Salary Management System CSC</t>
  </si>
  <si>
    <t>SMS - CSC</t>
  </si>
  <si>
    <t>Freebalance</t>
  </si>
  <si>
    <t>CSC-A338</t>
  </si>
  <si>
    <t>PBC - Salary Management System</t>
  </si>
  <si>
    <t>Freebalanc</t>
  </si>
  <si>
    <t>CSC-A339</t>
  </si>
  <si>
    <t>Scheduling and  Deployment System</t>
  </si>
  <si>
    <t>SDS</t>
  </si>
  <si>
    <t>CSC-A345</t>
  </si>
  <si>
    <t>Security Clearance System (ATL)</t>
  </si>
  <si>
    <t>SCS/SAS</t>
  </si>
  <si>
    <t>CSC-A352</t>
  </si>
  <si>
    <t>Sex Offender Tracking System</t>
  </si>
  <si>
    <t>CSC-A362</t>
  </si>
  <si>
    <t>Site Orders (PAC)</t>
  </si>
  <si>
    <t>CSC-A363</t>
  </si>
  <si>
    <t>Site Secure</t>
  </si>
  <si>
    <t>CSC-A365</t>
  </si>
  <si>
    <t>Speakers Bureau</t>
  </si>
  <si>
    <t>SB</t>
  </si>
  <si>
    <t>The SB is a web App with a database designed to help connect members of the public to search the database against certain criteria to return a list of relevant speakers and their contact information who can speak to their community, organization or school about corrections in Canada.</t>
  </si>
  <si>
    <t>CSC-A369</t>
  </si>
  <si>
    <t>Système Consultation adresses personnelles des employés 343</t>
  </si>
  <si>
    <t>CSC-A370</t>
  </si>
  <si>
    <t>Security Clearance System - Système d'autorisation de sécurité (QUE)</t>
  </si>
  <si>
    <t>SAS-SCS</t>
  </si>
  <si>
    <t>CSC-A377</t>
  </si>
  <si>
    <t>Système de Gestion des Documents de la Cour</t>
  </si>
  <si>
    <t>SGDC</t>
  </si>
  <si>
    <t>CSC-A378</t>
  </si>
  <si>
    <t>Système de gestion des permis (groupe)</t>
  </si>
  <si>
    <t>Afficheur</t>
  </si>
  <si>
    <t>Système pour générer les permis de sortie individuel et en groupe à l'établissement CFF uniquement.</t>
  </si>
  <si>
    <t>CSC-A385</t>
  </si>
  <si>
    <t>GeoTalent</t>
  </si>
  <si>
    <t>Geo Talent</t>
  </si>
  <si>
    <t>This is a training and development administration/management system.</t>
  </si>
  <si>
    <t>Geometrix Data Systems Inc.</t>
  </si>
  <si>
    <t>CSC-A396</t>
  </si>
  <si>
    <t>Web-Infectious Disease Surveillance System</t>
  </si>
  <si>
    <t>Web IDSS</t>
  </si>
  <si>
    <t>CSC-A402</t>
  </si>
  <si>
    <t>Force Ten - CSC</t>
  </si>
  <si>
    <t>Human Resources Management Services,Management and Oversight Services</t>
  </si>
  <si>
    <t>CSC-A408</t>
  </si>
  <si>
    <t>Inmate Pay System (ATL)</t>
  </si>
  <si>
    <t>CSC-A410</t>
  </si>
  <si>
    <t>Institutional Services System (ATL)</t>
  </si>
  <si>
    <t>This application is used for institutional supplies inventory &amp; distribution (i.e. clothing, etc...). Will be replaced by FSIMS.</t>
  </si>
  <si>
    <t>CSC-A413</t>
  </si>
  <si>
    <t>InfoPoint</t>
  </si>
  <si>
    <t>Infopoint</t>
  </si>
  <si>
    <t>CSC-A414</t>
  </si>
  <si>
    <t>Forms Management InfoNet site</t>
  </si>
  <si>
    <t>intranet</t>
  </si>
  <si>
    <t>Forms management Infonet site (search, etc, …) - Part of InfoNet  The Offical Government CSC Forms are maintained by Information Management- Forms Management.  The current file types are PDF and Word.  INET team facilitates the uploading of new and updated forms to the internal facing CSC Intranet Website.  Access to view the forms are through the use of Internet Explorer and Adobe and Microsoft word to open the form.  </t>
  </si>
  <si>
    <t>CSC-A419</t>
  </si>
  <si>
    <t>COGZ Maintenance Management System</t>
  </si>
  <si>
    <t>COGZ CMMS</t>
  </si>
  <si>
    <t>TPS</t>
  </si>
  <si>
    <t>Vendor: COGZ Systems (Product: COGZ CMMS 5.1)</t>
  </si>
  <si>
    <t>CSC-A421</t>
  </si>
  <si>
    <t>PharmaClik Rx</t>
  </si>
  <si>
    <t>McKesson Canada’s Pharmacy Technology Solutions / PharmaClik Rx</t>
  </si>
  <si>
    <t>CSC-A422</t>
  </si>
  <si>
    <t>Cardex</t>
  </si>
  <si>
    <t>CSC-A423</t>
  </si>
  <si>
    <t>Calendrier Visites Familiales Privees</t>
  </si>
  <si>
    <t>CSC-A424</t>
  </si>
  <si>
    <t>Application and Network Availability</t>
  </si>
  <si>
    <t>http://apps-que/sir/DispoDesApplications/Default.aspx</t>
  </si>
  <si>
    <t>CSC-A426</t>
  </si>
  <si>
    <t>Isolement préventif</t>
  </si>
  <si>
    <t>CSC-A439</t>
  </si>
  <si>
    <t>Système de Laisser-Passez - Pass System (ePass)</t>
  </si>
  <si>
    <t>ePass</t>
  </si>
  <si>
    <t>CSC-A442</t>
  </si>
  <si>
    <t>CSC-A443</t>
  </si>
  <si>
    <t>Dossier</t>
  </si>
  <si>
    <t>CSC-A446</t>
  </si>
  <si>
    <t>Calendrier de réservation des visites</t>
  </si>
  <si>
    <t>CSC-A448</t>
  </si>
  <si>
    <t>Portal on Results, Information, Measurement and Evaluation</t>
  </si>
  <si>
    <t>PRIME</t>
  </si>
  <si>
    <t>CSC-A449</t>
  </si>
  <si>
    <t>Performance Direct / Performance Measurement Framework</t>
  </si>
  <si>
    <t>PD/PMF</t>
  </si>
  <si>
    <t>CSC-A450</t>
  </si>
  <si>
    <t>Cuisine</t>
  </si>
  <si>
    <t>CSC-A451</t>
  </si>
  <si>
    <t>Victims Portal</t>
  </si>
  <si>
    <t>Victims</t>
  </si>
  <si>
    <t>CSC-A452</t>
  </si>
  <si>
    <t>Archives</t>
  </si>
  <si>
    <t>Cette application locale permet au département des archives de faire la gestion des documents entreposés aux Archives Nationales..      </t>
  </si>
  <si>
    <t>CSC-A454</t>
  </si>
  <si>
    <t>CSC Internet Site</t>
  </si>
  <si>
    <t>Internet Site for CSC. Hosted at PWGSC Moving to Canada.gc.ca</t>
  </si>
  <si>
    <t>CSC-A456</t>
  </si>
  <si>
    <t>TeamMate Audit Management System ( CCH TeamMate )</t>
  </si>
  <si>
    <t>Wolters Kluwer - CCH TeamMate</t>
  </si>
  <si>
    <t>CSC-A457</t>
  </si>
  <si>
    <t>Data Access and Tracking Information System</t>
  </si>
  <si>
    <t>DATIS</t>
  </si>
  <si>
    <t>OCI Office of the Correctional Investigator</t>
  </si>
  <si>
    <t>CSC-A459</t>
  </si>
  <si>
    <t>Grapevine</t>
  </si>
  <si>
    <t>The Grapevine is a message board for staff to post messages for other staff members.   </t>
  </si>
  <si>
    <t>CSC-A470</t>
  </si>
  <si>
    <t>Electronic Monitoring</t>
  </si>
  <si>
    <t>EM</t>
  </si>
  <si>
    <t>SaaSThis will be an externally provided service</t>
  </si>
  <si>
    <t>CSC-A476</t>
  </si>
  <si>
    <t>Human Resources Reporting System-CSC</t>
  </si>
  <si>
    <t>CSC-HRRS</t>
  </si>
  <si>
    <t>CSC-A478</t>
  </si>
  <si>
    <t>Information Sharing with External Partners Web Services</t>
  </si>
  <si>
    <t>ISEP</t>
  </si>
  <si>
    <t>CSC-A479</t>
  </si>
  <si>
    <t>Inmate Accounting System Replacement</t>
  </si>
  <si>
    <t>IASR</t>
  </si>
  <si>
    <t>CSC-A484</t>
  </si>
  <si>
    <t>L'ordonnance - Services LogiPharm</t>
  </si>
  <si>
    <t>L''ordonnance - Services LogiPharm</t>
  </si>
  <si>
    <t>CSC-A490</t>
  </si>
  <si>
    <t>Integrated Decision System-PBC</t>
  </si>
  <si>
    <t>PBC-IDS</t>
  </si>
  <si>
    <t>CSC-A499</t>
  </si>
  <si>
    <t>Telus Simplicity</t>
  </si>
  <si>
    <t>Prairies Regional Pharmacy System</t>
  </si>
  <si>
    <t>CSC-A502</t>
  </si>
  <si>
    <t>Translation Requests Register System</t>
  </si>
  <si>
    <t>TRRS</t>
  </si>
  <si>
    <t>Microsoft / Access</t>
  </si>
  <si>
    <t>CSC-A505</t>
  </si>
  <si>
    <t>IBM Rational System Architect</t>
  </si>
  <si>
    <t>RSA</t>
  </si>
  <si>
    <t>IBM® Rational® System Architect is an enterprise architecture solution for visualizing, analyzing, and communicating enterprise architecture and business process analysis. This solution provides decision support, process optimization, and integration into solution delivery. Rational System Architect addresses all aspects of your organization’s enterprise architecture, including modeling, publishing, analysis, and execution.</t>
  </si>
  <si>
    <t>CSC-A506</t>
  </si>
  <si>
    <t>Secure Web Intelligence Forms Tool</t>
  </si>
  <si>
    <t>SWIFT</t>
  </si>
  <si>
    <t>CSC-A551</t>
  </si>
  <si>
    <t>eGang (ATL)</t>
  </si>
  <si>
    <t>CSC-A552</t>
  </si>
  <si>
    <t>eGang (ONT)</t>
  </si>
  <si>
    <t>CSC-A553</t>
  </si>
  <si>
    <t>eGang (QUE)</t>
  </si>
  <si>
    <t>CSC-A554</t>
  </si>
  <si>
    <t>Access Pro Case Management (OCI-APCM)</t>
  </si>
  <si>
    <t>OCI-APCM</t>
  </si>
  <si>
    <t>CSC-A557</t>
  </si>
  <si>
    <t>BitLocker MBAM</t>
  </si>
  <si>
    <t>Microsoft / MBAM</t>
  </si>
  <si>
    <t>CSC-A558</t>
  </si>
  <si>
    <t>Blancco</t>
  </si>
  <si>
    <t>Blanco</t>
  </si>
  <si>
    <t>data erasure software, has a server components as it counts usage of the software and is also available to deploy images of the software to be used.  The internal website to access the App is http://blancco</t>
  </si>
  <si>
    <t>Data Loss Prevention Software</t>
  </si>
  <si>
    <t>CSC-A561</t>
  </si>
  <si>
    <t>AutoCad License Server</t>
  </si>
  <si>
    <t>CSC-A566</t>
  </si>
  <si>
    <t>Offender Health Informaiton System - OSCAR</t>
  </si>
  <si>
    <t>OHIS-OSCAR</t>
  </si>
  <si>
    <t>CSC-A574</t>
  </si>
  <si>
    <t>IBM Rational ClearQuest</t>
  </si>
  <si>
    <t>Windows Server 2003</t>
  </si>
  <si>
    <t>CSC-A575</t>
  </si>
  <si>
    <t>IBM Rational Jazz</t>
  </si>
  <si>
    <t>JAZZ</t>
  </si>
  <si>
    <t>IBM / Rational Jazz</t>
  </si>
  <si>
    <t>CSC-A578</t>
  </si>
  <si>
    <t>IDEA</t>
  </si>
  <si>
    <t>Data analysis tool designed to help auditors, accountants and other finance professionals perform data analysis quickly to help improve audits and identify control breakdown  http://www.casewareanalytics.com/products/idea-data-analysis  </t>
  </si>
  <si>
    <t>CSC-A581</t>
  </si>
  <si>
    <t>Information Screen Board</t>
  </si>
  <si>
    <t>ISB</t>
  </si>
  <si>
    <t>The Information Screen Board (ISB) is an application/system which has the capability to cycle through powerpoint presentations, currently, up to 3 levels (NAT, REG, and LOC); the process is configurable to only display slides from one level, ie. NHQ.  It will display each slide for a configurable period of time, close the slide and than display the next slide in sequence and loop forever.  Newer versions of the PPT files are downloaded in the background; only changed PPT files will be downloaded.  The remote server the ISB system connects to can have the users open the files directly on the remote server (ie.\\s000103\grpreg$;  whenever the files are saved the ISB will pull down the updated copies, if the user leaves the file open then robocopy will no</t>
  </si>
  <si>
    <t>CSC-A584</t>
  </si>
  <si>
    <t>Liste de distribution</t>
  </si>
  <si>
    <t>CSC-A586</t>
  </si>
  <si>
    <t>CSC-A587</t>
  </si>
  <si>
    <t>CSC-A588</t>
  </si>
  <si>
    <t>Oracle Enterprise Manager</t>
  </si>
  <si>
    <t>OEM</t>
  </si>
  <si>
    <t>Set of web-based tools aimed at managing sofware and hardware produced by Oracle Corporation as well as by some non-Oracle entities</t>
  </si>
  <si>
    <t>CSC-A589</t>
  </si>
  <si>
    <t>HRMS - Oracle Productivity Kit</t>
  </si>
  <si>
    <t>HRMS-UPK</t>
  </si>
  <si>
    <t>Oracle UPK is an easy-to-use and comprehensive content development, deployment, and maintenance platform for increasing project, program, and user productivity. With Oracle UPK, project teams can mitigate risk through all phases of any project lifecycle, dramatically reduce the time to deployment, and ensure end user adoption. This instance of UPK is associated with the HRMS application.</t>
  </si>
  <si>
    <t>Oracle / User Productivity Kit</t>
  </si>
  <si>
    <t>CSC-A590</t>
  </si>
  <si>
    <t>Parole Office Dashboard</t>
  </si>
  <si>
    <t>POD</t>
  </si>
  <si>
    <t>Oracle 12g</t>
  </si>
  <si>
    <t>CSC-A592</t>
  </si>
  <si>
    <t>Recruitement Initiatives Testing Application (RITA)</t>
  </si>
  <si>
    <t>RITA</t>
  </si>
  <si>
    <t>Teleform</t>
  </si>
  <si>
    <t>CSC-A594</t>
  </si>
  <si>
    <t>Corporate Reporting System - Modernization SharePoint Business Intelligence</t>
  </si>
  <si>
    <t>SP BI</t>
  </si>
  <si>
    <t>CSC-A596</t>
  </si>
  <si>
    <t>Snap Survey License Server</t>
  </si>
  <si>
    <t>CSC-A597</t>
  </si>
  <si>
    <t>SourceSafe</t>
  </si>
  <si>
    <t>Source control software package</t>
  </si>
  <si>
    <t>Storage Management Software</t>
  </si>
  <si>
    <t>CSC-A598</t>
  </si>
  <si>
    <t>Special Initiatives Workflow</t>
  </si>
  <si>
    <t>To track special requests for hardware typically or some other form of a solution that the sites need?  It is a vetting format where a request from a site goes in and all the other sites (AWMS') can comment on it in relation to how it may be perceived from an overall expansion perspective.</t>
  </si>
  <si>
    <t>CSC-A599</t>
  </si>
  <si>
    <t>SPSS License Server</t>
  </si>
  <si>
    <t>CSC-A600</t>
  </si>
  <si>
    <t>Source control and project requirement gathering tool from Microsoft which integrated with Visual Studio</t>
  </si>
  <si>
    <t>Microsoft Team Foundation Server</t>
  </si>
  <si>
    <t>CSC-A604</t>
  </si>
  <si>
    <t>MapInfo Professional</t>
  </si>
  <si>
    <t>desktop mapping and geographic analysis application designed to show the relationship between data and geography in a more visual way</t>
  </si>
  <si>
    <t>CSC-A606</t>
  </si>
  <si>
    <t>Mastercook (Mountain)</t>
  </si>
  <si>
    <t>The MasterCook application is a COTS recipe management application that provides users with a pre-built list of recipes and the ability to add additional recipes. Being used with Cookchill.</t>
  </si>
  <si>
    <t>MasterCook</t>
  </si>
  <si>
    <t>CSC-A624</t>
  </si>
  <si>
    <t>CCM Enterprise-CCU (Correspondence Control Manager )</t>
  </si>
  <si>
    <t>CCU</t>
  </si>
  <si>
    <t>CSC-A636</t>
  </si>
  <si>
    <t>IMS Solutions Portal</t>
  </si>
  <si>
    <t>SharePoint site to publish installation instructions for all Solutions.</t>
  </si>
  <si>
    <t>CSC-A638</t>
  </si>
  <si>
    <t>ipMonitor</t>
  </si>
  <si>
    <t>CSC-A639</t>
  </si>
  <si>
    <t>IMS Information System</t>
  </si>
  <si>
    <t>The CMDB, Notification and Outage website.</t>
  </si>
  <si>
    <t>CSC-A643</t>
  </si>
  <si>
    <t>Medinet</t>
  </si>
  <si>
    <t>CSC-A657</t>
  </si>
  <si>
    <t>Infonet Hub CSC/PBC on SP2013</t>
  </si>
  <si>
    <t>Infonet</t>
  </si>
  <si>
    <t>This is the infonet and Hub, running under Sharepoint 2013</t>
  </si>
  <si>
    <t>Infonet CSC/PBC on SP2013</t>
  </si>
  <si>
    <t>CSC-A658</t>
  </si>
  <si>
    <t>IFMMS - Oracle User Productivity Kit</t>
  </si>
  <si>
    <t>IFMMS-UPK</t>
  </si>
  <si>
    <t>Oracle UPK is an easy-to-use and comprehensive content development, deployment, and maintenance platform for increasing project, program, and user productivity. With Oracle UPK, project teams can mitigate risk through all phases of any project lifecycle, dramatically reduce the time to deployment, and ensure end user adoption. This instance of UPK is associated with the IFMMS application.</t>
  </si>
  <si>
    <t>CSC-A659</t>
  </si>
  <si>
    <t>POpedia</t>
  </si>
  <si>
    <t>POpedia - ALCpedia</t>
  </si>
  <si>
    <t>Wiki for Parole Officers.</t>
  </si>
  <si>
    <t>MediaWiki</t>
  </si>
  <si>
    <t>CSC-A660</t>
  </si>
  <si>
    <t>CSC Data Dictionary Wiki</t>
  </si>
  <si>
    <t>CSCDD</t>
  </si>
  <si>
    <t>CSC-A666</t>
  </si>
  <si>
    <t>Corridor</t>
  </si>
  <si>
    <t>CSC-A667</t>
  </si>
  <si>
    <t>Opentext / Content server</t>
  </si>
  <si>
    <t>APP-04278</t>
  </si>
  <si>
    <t>Computerized Maintenance Management System</t>
  </si>
  <si>
    <t>CSC-A671</t>
  </si>
  <si>
    <t>HR Services Portal</t>
  </si>
  <si>
    <t>The HR Service Centre Project - 1 is the first phase of the overall HR Service Centre. This project is to create an HR Service Desk, similar to the existing IMS Service desk, that will be staffed by existing HR staff in each region including NHQ. This is envisioned as the first point of contact for CSC management for staffing request initiation and enquiries, and for CSC staff for all HR related questions.</t>
  </si>
  <si>
    <t>CSC-A686</t>
  </si>
  <si>
    <t>Community Management Information System</t>
  </si>
  <si>
    <t>CSC-A703</t>
  </si>
  <si>
    <t>Mastercook (Matsqui )</t>
  </si>
  <si>
    <t>CSC-A708</t>
  </si>
  <si>
    <t>Overtime Tracking and Reporting System</t>
  </si>
  <si>
    <t>OTRS</t>
  </si>
  <si>
    <t>CSC-A711</t>
  </si>
  <si>
    <t>RADAR Ticket Administration</t>
  </si>
  <si>
    <t>iRequest</t>
  </si>
  <si>
    <t>CSC-A716</t>
  </si>
  <si>
    <t>Telephone Listing - Liste Téléphonique</t>
  </si>
  <si>
    <t>Telephone listing is a web application with a MySQL database fed by Contact information Manager</t>
  </si>
  <si>
    <t>CSC-A726</t>
  </si>
  <si>
    <t>Media Streaming System</t>
  </si>
  <si>
    <t>CSC-A727</t>
  </si>
  <si>
    <t>Epost Connect</t>
  </si>
  <si>
    <t>CSC-A732</t>
  </si>
  <si>
    <t>Resource Reporting System</t>
  </si>
  <si>
    <t>RRS a custom SharePoint site for IMS weekly reporting</t>
  </si>
  <si>
    <t>CSC-A739</t>
  </si>
  <si>
    <t>Enterprise Vault</t>
  </si>
  <si>
    <t>e-Vault</t>
  </si>
  <si>
    <t>Symantec Evault</t>
  </si>
  <si>
    <t>CSC-A741</t>
  </si>
  <si>
    <t>PVCS</t>
  </si>
  <si>
    <t>PVCS is a software package by Serena Software Inc. for revision control of files, in particular source code files.</t>
  </si>
  <si>
    <t>Serena / PVCS</t>
  </si>
  <si>
    <t>CSC-A743</t>
  </si>
  <si>
    <t>Oracle Designer</t>
  </si>
  <si>
    <t>   Database modeling tool</t>
  </si>
  <si>
    <t>CSC-A744</t>
  </si>
  <si>
    <t>Approval Workflow</t>
  </si>
  <si>
    <t>AW</t>
  </si>
  <si>
    <t>Use to control the Staffing and Financial authorization workflow.</t>
  </si>
  <si>
    <t>CSC-A747</t>
  </si>
  <si>
    <t>Intake assessment -  Évaluation initiale</t>
  </si>
  <si>
    <t>IA-EI</t>
  </si>
  <si>
    <t>APP-04120</t>
  </si>
  <si>
    <t>Management Action Plan Integration Tool</t>
  </si>
  <si>
    <t>MAPIT</t>
  </si>
  <si>
    <t>APP-04157</t>
  </si>
  <si>
    <t>CORCAN Uniform Ordering System</t>
  </si>
  <si>
    <t>Corcan Uniform</t>
  </si>
  <si>
    <t>CORCAN presently have 2 MoUs with other Government Agencies to provide them with their uniforms.  These MoUs provide 250+ Offenders with workplace skills and employment.</t>
  </si>
  <si>
    <t>CSC-A755</t>
  </si>
  <si>
    <t>Blueworks BPMS tool</t>
  </si>
  <si>
    <t>Blueworks</t>
  </si>
  <si>
    <t>This is a tool to gather business requirement and create BPMN diagrams - it is a SAAS</t>
  </si>
  <si>
    <t>APP-03928</t>
  </si>
  <si>
    <t>ThePathHome Section 84</t>
  </si>
  <si>
    <t>PathHome</t>
  </si>
  <si>
    <t>CSC-D0001</t>
  </si>
  <si>
    <t>Microsoft Visual Basic</t>
  </si>
  <si>
    <t>To develop/maintain COM+ in OMSM</t>
  </si>
  <si>
    <t>CSC-D0002</t>
  </si>
  <si>
    <t>Microsoft Visual Studio Ultimate</t>
  </si>
  <si>
    <t>VS 2010</t>
  </si>
  <si>
    <t>To develop Web pages</t>
  </si>
  <si>
    <t>CSC-D0003</t>
  </si>
  <si>
    <t>Eclipse - Kepler</t>
  </si>
  <si>
    <t>CSC-D0004</t>
  </si>
  <si>
    <t>VS 2012</t>
  </si>
  <si>
    <t>Development /Maintenance  of PARSS</t>
  </si>
  <si>
    <t>CSC-D0005</t>
  </si>
  <si>
    <t>MySQL WB</t>
  </si>
  <si>
    <t>To Create and Optimize SQL Queries</t>
  </si>
  <si>
    <t>CSC-D0006</t>
  </si>
  <si>
    <t>MS SQL server</t>
  </si>
  <si>
    <t>DBMS</t>
  </si>
  <si>
    <t>CSC-D0007</t>
  </si>
  <si>
    <t>iReport</t>
  </si>
  <si>
    <t>iReport - Jasper Reports</t>
  </si>
  <si>
    <t>To design and create layout / template for reports and PDF</t>
  </si>
  <si>
    <t>Jaspersoft</t>
  </si>
  <si>
    <t>CSC-D0008</t>
  </si>
  <si>
    <t>MS OpenXML SDK</t>
  </si>
  <si>
    <t>Open XML</t>
  </si>
  <si>
    <t>Development /Maintenance&amp;nbsp; of PARSS - The SDK is built on the System.IO.Packaging API and provides strongly-typed classes to manipulate documents that adhere to the Office Open XML File Formats Specification.</t>
  </si>
  <si>
    <t>CSC-D0009</t>
  </si>
  <si>
    <t>TX_Text_Control_DotNet_2100</t>
  </si>
  <si>
    <t>Third party component used in PARSS(text editor)</t>
  </si>
  <si>
    <t>TextControl GmbH</t>
  </si>
  <si>
    <t>CSC-D0010</t>
  </si>
  <si>
    <t>To access DB, Create and query tables, and objects</t>
  </si>
  <si>
    <t>CSC-D0011</t>
  </si>
  <si>
    <t>TX_Spell_DotNet_0500</t>
  </si>
  <si>
    <t>CSC-D0012</t>
  </si>
  <si>
    <t>Crystal 2013</t>
  </si>
  <si>
    <t>Custom report development tool</t>
  </si>
  <si>
    <t>CSC-D0013</t>
  </si>
  <si>
    <t>Atalsoft DotImage</t>
  </si>
  <si>
    <t>DotImage</t>
  </si>
  <si>
    <t>Third party component used in PARSS(Scanning) - talasoft's core .NET document imaging SDK provides functionality and adapters for common use cases involving scanned documents. Read, convert, edit, annotate, and transform paper and electronic documents int</t>
  </si>
  <si>
    <t>AtalSoft</t>
  </si>
  <si>
    <t>CSC-D0014</t>
  </si>
  <si>
    <t>Atalsoft DotTwain</t>
  </si>
  <si>
    <t>DotTwain</t>
  </si>
  <si>
    <t>Third party component used in PARSS(Scanning)</t>
  </si>
  <si>
    <t>CSC-D0015</t>
  </si>
  <si>
    <t>Safenet Authentication Client/PKI Key Access</t>
  </si>
  <si>
    <t>Third party component used in PARSS</t>
  </si>
  <si>
    <t>CSC-D0016</t>
  </si>
  <si>
    <t>DiffMerge</t>
  </si>
  <si>
    <t>Development /Maintenance of PARSS - DiffMerge is an application to visually compare and merge files on Windows, OS X and Linux</t>
  </si>
  <si>
    <t>SourceGear</t>
  </si>
  <si>
    <t>CSC-D0017</t>
  </si>
  <si>
    <t>Oracle 6i forms &amp; Reports</t>
  </si>
  <si>
    <t>Oracle forms to develop and make changes to forms &amp; reports</t>
  </si>
  <si>
    <t>CSC-D0018</t>
  </si>
  <si>
    <t>App Server</t>
  </si>
  <si>
    <t>CSC-D0019</t>
  </si>
  <si>
    <t>Tommee</t>
  </si>
  <si>
    <t>App Server for PSS</t>
  </si>
  <si>
    <t>CSC-D0020</t>
  </si>
  <si>
    <t>Squirrel SQL</t>
  </si>
  <si>
    <t>Client tool to connect to different type of DBs</t>
  </si>
  <si>
    <t>Squirrel</t>
  </si>
  <si>
    <t>CSC-D0021</t>
  </si>
  <si>
    <t>Library for Java App Development</t>
  </si>
  <si>
    <t>CSC-D0022</t>
  </si>
  <si>
    <t>Smart Label Printer</t>
  </si>
  <si>
    <t>Label Printer interface for IDS</t>
  </si>
  <si>
    <t>Seiko</t>
  </si>
  <si>
    <t>CSC-D0023</t>
  </si>
  <si>
    <t>VB Build</t>
  </si>
  <si>
    <t>To create builds for OMSM</t>
  </si>
  <si>
    <t>CSC-D0024</t>
  </si>
  <si>
    <t>Active Reports</t>
  </si>
  <si>
    <t>AR2</t>
  </si>
  <si>
    <t>Tools to create reports in OMSM</t>
  </si>
  <si>
    <t>GrapeCity/Data Dynamics</t>
  </si>
  <si>
    <t>CSC-D0025</t>
  </si>
  <si>
    <t>XpdfPrint</t>
  </si>
  <si>
    <t>Component to print PDF files</t>
  </si>
  <si>
    <t>Glyph &amp; Cog</t>
  </si>
  <si>
    <t>CSC-D0026</t>
  </si>
  <si>
    <t>Rational Team Concert Eclipse</t>
  </si>
  <si>
    <t>Change and Configuration Management</t>
  </si>
  <si>
    <t>CSC-D0027</t>
  </si>
  <si>
    <t>SQL Plus</t>
  </si>
  <si>
    <t>Oracle Database query tool</t>
  </si>
  <si>
    <t>CSC-D0028</t>
  </si>
  <si>
    <t>Java Server Faces</t>
  </si>
  <si>
    <t>CSC-D0029</t>
  </si>
  <si>
    <t>JSP</t>
  </si>
  <si>
    <t>CSC-D0030</t>
  </si>
  <si>
    <t>JDK</t>
  </si>
  <si>
    <t>(Java SE Development Kit). For Java Developers. Includes a complete JRE plus tools for developing, debugging, and monitoring Java applications.</t>
  </si>
  <si>
    <t>CSC-D0031</t>
  </si>
  <si>
    <t>CSC-D0032</t>
  </si>
  <si>
    <t>Ant</t>
  </si>
  <si>
    <t>Apache Ant is a Java library and command-line tool whose mission is to drive processes described in build files as targets and extension points dependent upon each other. The main known usage of Ant is the build of Java applications. Ant supplies a number</t>
  </si>
  <si>
    <t>http://ant.apache.org/</t>
  </si>
  <si>
    <t>CSC-D0033</t>
  </si>
  <si>
    <t>Spring helps development teams everywhere build simple, portable,  fast and flexible JVM-based systems and applications.</t>
  </si>
  <si>
    <t>spring.io</t>
  </si>
  <si>
    <t>CSC-D0034</t>
  </si>
  <si>
    <t>CSC-D0035</t>
  </si>
  <si>
    <t>SF</t>
  </si>
  <si>
    <t>Code and development team collaboration tool</t>
  </si>
  <si>
    <t>CSC-D0036</t>
  </si>
  <si>
    <t>CSC-D0037</t>
  </si>
  <si>
    <t>reate forms with embedded logic, integrate live data, and distribute by printing, faxing, emailing, and saving as PDFs. http://www8.hp.com/us/en/solutions/software/teleform.html</t>
  </si>
  <si>
    <t>HP</t>
  </si>
  <si>
    <t>CSC-D0038</t>
  </si>
  <si>
    <t>UltraEdit</t>
  </si>
  <si>
    <t>File Editing</t>
  </si>
  <si>
    <t>CSC-D0039</t>
  </si>
  <si>
    <t>SQL tool</t>
  </si>
  <si>
    <t>Dell</t>
  </si>
  <si>
    <t>CSC-D0040</t>
  </si>
  <si>
    <t>CSC-D0041</t>
  </si>
  <si>
    <t>Text Compare</t>
  </si>
  <si>
    <t>scootersoftware</t>
  </si>
  <si>
    <t>CSC-D0042</t>
  </si>
  <si>
    <t>Crystal 2008</t>
  </si>
  <si>
    <t>CSC-D0043</t>
  </si>
  <si>
    <t>SharePoint Designer 2013</t>
  </si>
  <si>
    <t>SPD</t>
  </si>
  <si>
    <t>Document sharing tool - harePoint Designer 2013 is the tool of choice for the rapid development of SharePoint applications. Using SharePoint Designer, advanced users and developers alike can rapidly create SharePoint solutions in response to business need</t>
  </si>
  <si>
    <t>CSC-D0044</t>
  </si>
  <si>
    <t>VS 2015</t>
  </si>
  <si>
    <t>Software development tool</t>
  </si>
  <si>
    <t>Mircosoft</t>
  </si>
  <si>
    <t>CSC-D0045</t>
  </si>
  <si>
    <t>Dynamics CRM SDK</t>
  </si>
  <si>
    <t>Software Development tools</t>
  </si>
  <si>
    <t>CSC-D0046</t>
  </si>
  <si>
    <t>XRM toolbox</t>
  </si>
  <si>
    <t>Software Development Tools</t>
  </si>
  <si>
    <t>MSCRM Tools</t>
  </si>
  <si>
    <t>CSC-D0047</t>
  </si>
  <si>
    <t>Microsoft SQL Server Management Studio 2012</t>
  </si>
  <si>
    <t>SSMS</t>
  </si>
  <si>
    <t>SQL Server Management Studio (SSMS) is an integrated environment for accessing, configuring, managing, administering, and developing all components of SQL Server. SSMS combines a broad group of graphical tools with a number of rich script editors to provi</t>
  </si>
  <si>
    <t>CSC-D0048</t>
  </si>
  <si>
    <t>Microsoft SQL Server Report Builder</t>
  </si>
  <si>
    <t>SSRB</t>
  </si>
  <si>
    <t>Report Builder - eport Builder provides a productive report-authoring environment for IT professionals and power users. Report Builder provides data visualizations that include charts, maps, sparklines, and data bars that can help produce new insights wel</t>
  </si>
  <si>
    <t>CSC-D0049</t>
  </si>
  <si>
    <t>Eclipse - Juno</t>
  </si>
  <si>
    <t>To develop Java application</t>
  </si>
  <si>
    <t>CSC-D0050</t>
  </si>
  <si>
    <t>PuTTY</t>
  </si>
  <si>
    <t>Server access tool - PuTTY is a free implementation of SSH and Telnet for Windows and Unix platforms, along with an xterm terminal emulator</t>
  </si>
  <si>
    <t>http://www.chiark.greenend.org.uk/~sgtatham/putty/</t>
  </si>
  <si>
    <t>CSC-D0051</t>
  </si>
  <si>
    <t>DoISO</t>
  </si>
  <si>
    <t>Software compression tool</t>
  </si>
  <si>
    <t>CSC-D0052</t>
  </si>
  <si>
    <t>Toad</t>
  </si>
  <si>
    <t>Database tool</t>
  </si>
  <si>
    <t>CSC-D0053</t>
  </si>
  <si>
    <t>Custom Oracle reports development</t>
  </si>
  <si>
    <t>CSC-D0054</t>
  </si>
  <si>
    <t>JDeveloper</t>
  </si>
  <si>
    <t>Software development</t>
  </si>
  <si>
    <t>CSC-D0055</t>
  </si>
  <si>
    <t>CSC-D0056</t>
  </si>
  <si>
    <t>Workflow Builder</t>
  </si>
  <si>
    <t>CSC-D0057</t>
  </si>
  <si>
    <t>CSC-D0058</t>
  </si>
  <si>
    <t>XML notepad 2007</t>
  </si>
  <si>
    <t>CSC-D0059</t>
  </si>
  <si>
    <t>Notepad++</t>
  </si>
  <si>
    <t>Source code editor - otepad++ is a free (as in "free speech" and also as in "free beer") source code editor and Notepad replacement that supports several languages. Running in the MS Windows environment, its use is governed by GPL License.</t>
  </si>
  <si>
    <t>notepad-plus-plus.org</t>
  </si>
  <si>
    <t>CSC-D0060</t>
  </si>
  <si>
    <t>VMware VSphere Client</t>
  </si>
  <si>
    <t>Networking tool</t>
  </si>
  <si>
    <t>CSC-D0061</t>
  </si>
  <si>
    <t>Activiti Workflow Eclipse Plug in</t>
  </si>
  <si>
    <t>Activiti</t>
  </si>
  <si>
    <t>Workflow BPMN Engine</t>
  </si>
  <si>
    <t>Activiti.org</t>
  </si>
  <si>
    <t>CSC-D0062</t>
  </si>
  <si>
    <t>Window Builder Eclipse Plug in</t>
  </si>
  <si>
    <t>Integrated Development Environment</t>
  </si>
  <si>
    <t>Eclipse Org</t>
  </si>
  <si>
    <t>CSC-D0063</t>
  </si>
  <si>
    <t>NetBean</t>
  </si>
  <si>
    <t>CSC-D0064</t>
  </si>
  <si>
    <t>CSC-D0065</t>
  </si>
  <si>
    <t>IBM Rational Team Concert Shell</t>
  </si>
  <si>
    <t>Repository, build, work item, etc.</t>
  </si>
  <si>
    <t>CSC-D0066</t>
  </si>
  <si>
    <t>Jasper Report Builder</t>
  </si>
  <si>
    <t>CSC-D0067</t>
  </si>
  <si>
    <t>VidCoder</t>
  </si>
  <si>
    <t>Video processing / transfering</t>
  </si>
  <si>
    <t>VidCoder.net</t>
  </si>
  <si>
    <t>CSC-D0068</t>
  </si>
  <si>
    <t>Java JDK</t>
  </si>
  <si>
    <t>Programming Software</t>
  </si>
  <si>
    <t>CSC-D0069</t>
  </si>
  <si>
    <t>Soap UI</t>
  </si>
  <si>
    <t>Soap web service testing software</t>
  </si>
  <si>
    <t>Smartbear.com</t>
  </si>
  <si>
    <t>CSC-D0070</t>
  </si>
  <si>
    <t>IBM Rational Software Architect</t>
  </si>
  <si>
    <t>Software Architect</t>
  </si>
  <si>
    <t>Software Architect Design Tool</t>
  </si>
  <si>
    <t>CSC-D0071</t>
  </si>
  <si>
    <t>CSC-D0072</t>
  </si>
  <si>
    <t>Toad for Oracle Professionals</t>
  </si>
  <si>
    <t>CSC-D0073</t>
  </si>
  <si>
    <t>TextPad</t>
  </si>
  <si>
    <t>Flat file editing tool</t>
  </si>
  <si>
    <t>textpad.com</t>
  </si>
  <si>
    <t>CSC-D0074</t>
  </si>
  <si>
    <t>CSC-D0075</t>
  </si>
  <si>
    <t>Business Objects Enterprise</t>
  </si>
  <si>
    <t>BOE</t>
  </si>
  <si>
    <t>Information management and analysis tool</t>
  </si>
  <si>
    <t>CSC-D0076</t>
  </si>
  <si>
    <t>CSC-D0077</t>
  </si>
  <si>
    <t>CSC-D0078</t>
  </si>
  <si>
    <t>AR7</t>
  </si>
  <si>
    <t>Report generating plug-in for IDS</t>
  </si>
  <si>
    <t>Department of Finance Canada</t>
  </si>
  <si>
    <t>Acceptable Use Policy</t>
  </si>
  <si>
    <t>APP-02631</t>
  </si>
  <si>
    <t>AUP</t>
  </si>
  <si>
    <t>Pop-up that displays at logon every 90 days the PANDU. User must acknowledge the pop-up before the login can complete.</t>
  </si>
  <si>
    <t>FIN-AccessPro</t>
  </si>
  <si>
    <t>AccessPro Case Management and AccessPro Redaction</t>
  </si>
  <si>
    <t>ACL Analytics</t>
  </si>
  <si>
    <t>APP-02901</t>
  </si>
  <si>
    <t>ACL</t>
  </si>
  <si>
    <t>Application designed to assist in assessing and managing risks, addressing compliance requirements and providing assurance over Financial controls.</t>
  </si>
  <si>
    <t>APP-02903</t>
  </si>
  <si>
    <t>Application to create and modify PDF documents.</t>
  </si>
  <si>
    <t>Acrobat Reader</t>
  </si>
  <si>
    <t>APP-03923</t>
  </si>
  <si>
    <t>An application designed to view, print and annotate PDF documents.</t>
  </si>
  <si>
    <t>Reader</t>
  </si>
  <si>
    <t>Portable Document Software</t>
  </si>
  <si>
    <t>Acrobat Standard</t>
  </si>
  <si>
    <t>APP-02905</t>
  </si>
  <si>
    <t>Acrobat Stnd</t>
  </si>
  <si>
    <t>Acrobat</t>
  </si>
  <si>
    <t>Adobe AcroForm</t>
  </si>
  <si>
    <t>APP-03017</t>
  </si>
  <si>
    <t>PDF currently supports two different methods for integrating data and PDF forms, One is to use AcroForm.  In short this is interactive forms.</t>
  </si>
  <si>
    <t>Acrobat Forms</t>
  </si>
  <si>
    <t>APP-02907</t>
  </si>
  <si>
    <t>Adobe Creative Suite Web Premium</t>
  </si>
  <si>
    <t>Adobe CS Suite</t>
  </si>
  <si>
    <t>Suite of software for Web designers and developers that includes full-version upgrades of Adobe Flash® Professional, Adobe Dreamweaver®, Adobe Photoshop® Extended, Adobe Illustrator®, Adobe Fireworks®, and now Adobe Flash Catalyst™ and Flash Builder™. In addition to a complete Flash family of tools, Web Premium CS5 also features support for the most popular open source content management systems, access to Omniture® SiteCatalyst® and Omniture Test&amp;Target™ from within Flash Professional and Dreamweaver and integration with new Adobe CS Live online services.</t>
  </si>
  <si>
    <t>Adobe Flash</t>
  </si>
  <si>
    <t>APP-02969</t>
  </si>
  <si>
    <t>Adobe Flash Player</t>
  </si>
  <si>
    <t>Adobe Flash Player (aka Shockwave Flash in Internet Explorer and Firefox) is software for using content created on the Adobe Flash platform, including viewing multimedia, executing rich Internet applications, and streaming video and audio</t>
  </si>
  <si>
    <t>Flash Player</t>
  </si>
  <si>
    <t>APP-02962</t>
  </si>
  <si>
    <t>An advanced grammar checker with smart filters, a rich collection of dictionaries, and a set of interactive language guides.</t>
  </si>
  <si>
    <t>Aspera</t>
  </si>
  <si>
    <t>APP-03286</t>
  </si>
  <si>
    <t>Is a High-Speed File Transfer software utility used to upload and download files from Aspera sites. Used for Federal Budget uploading upon Budget release. Software enables rapidly transferring many small or verry large files and data sets, whether structured or unstructured, over an existing WAN infrastructure with predictable, reliable and secure delivery regardless of file size, transfer distance and network conditions.</t>
  </si>
  <si>
    <t>ATIPOnline</t>
  </si>
  <si>
    <t>APP-03200</t>
  </si>
  <si>
    <t>Communications Services,Legal Services</t>
  </si>
  <si>
    <t>AutoCAD</t>
  </si>
  <si>
    <t>APP-02960</t>
  </si>
  <si>
    <t>Autodesk, Inc.</t>
  </si>
  <si>
    <t>AutoCAD is a commercial software application for 2D and 3D computer-aided design (CAD) and drafting.</t>
  </si>
  <si>
    <t>AutoCAD LT</t>
  </si>
  <si>
    <t>APP-02966</t>
  </si>
  <si>
    <t>AutoCAD LT is a commercial software application for 2D computer-aided design (CAD) and drafting.</t>
  </si>
  <si>
    <t>Avery DesignPro</t>
  </si>
  <si>
    <t>APP-03158</t>
  </si>
  <si>
    <t>Avery Products Corporation (Canada)</t>
  </si>
  <si>
    <t>Design &amp; Print software makes it easy to customize all your Avery products in minutes, without an Internet connection. Used to produce Budget lockup access badges.</t>
  </si>
  <si>
    <t>APP-03024</t>
  </si>
  <si>
    <t>Beyond 20/20 Inc.</t>
  </si>
  <si>
    <t>Software that presents data in a friendly, easy-to-understand format and enables data users to view, chart, map, analyze, export, print, and save data, quickly and easily. Multi-dimensional data and micro-data files can be analyzed on the desktop using Professional Browser, and disseminated on CD-ROM</t>
  </si>
  <si>
    <t>BCS</t>
  </si>
  <si>
    <t>BurpPro Suite</t>
  </si>
  <si>
    <t>APP-03093</t>
  </si>
  <si>
    <t>PortSwigger Web Security Ltd.</t>
  </si>
  <si>
    <t>Burp Suite is an integrated platform for performing security testing of web applications. Its various tools work seamlessly together to support the entire testing process, from initial mapping and analysis of an application's attack surface, through to finding and exploiting security vulnerabilities.</t>
  </si>
  <si>
    <t>CANSIM Download</t>
  </si>
  <si>
    <t>APP-03242</t>
  </si>
  <si>
    <t>CANSIM Download is a Batch application consisting of scripts that retrieve and process CANSIM Time Series data. Data is retrieved and rendered available for users.</t>
  </si>
  <si>
    <t>Caseware</t>
  </si>
  <si>
    <t>FIN-Caseware</t>
  </si>
  <si>
    <t>A balance sheet application use by financial management for end of the year reporting.</t>
  </si>
  <si>
    <t>CFMRS Trial Balance</t>
  </si>
  <si>
    <t>APP-03173</t>
  </si>
  <si>
    <t>Central Financial Management Reporting System  - Trial Balance (CFMRS)</t>
  </si>
  <si>
    <t>Financial transactions of departments and agencies should be accurately recorded in the Accounts of Canada. For the most part, this occurs through the entry by departments of financial transactions into their departmental financial management system from which the trial balance is submitted to the Central Financial Management Reporting System (CFMRS).</t>
  </si>
  <si>
    <t>Central Financial Management Reporting System (CFMRS)</t>
  </si>
  <si>
    <t>Chrome</t>
  </si>
  <si>
    <t>APP-02933</t>
  </si>
  <si>
    <t>Google Chrome</t>
  </si>
  <si>
    <t>Google Chrome is a freeware web browser.</t>
  </si>
  <si>
    <t>Cisco AnyConnect Mobility Client</t>
  </si>
  <si>
    <t>APP-02956</t>
  </si>
  <si>
    <t>Cisco Systems, Inc.</t>
  </si>
  <si>
    <t>Cisco AnyConnect Secure Mobility Client provides a secure mechanism to access the network remotely.</t>
  </si>
  <si>
    <t>Remote Access Software</t>
  </si>
  <si>
    <t>APP-02943</t>
  </si>
  <si>
    <t>Citrix XenApp</t>
  </si>
  <si>
    <t>Citrix Systems</t>
  </si>
  <si>
    <t>Citrix XenApp is a product that extends Microsoft Remote Desktop Session Host (aka: “Terminal Services”) desktop sessions and applications to users through the Citrix HDX protocol.</t>
  </si>
  <si>
    <t>Cognos BI</t>
  </si>
  <si>
    <t>Color Contrast Analyser</t>
  </si>
  <si>
    <t>APP-03976</t>
  </si>
  <si>
    <t>Color Contrast Analyser (CCA)</t>
  </si>
  <si>
    <t>TBS (Web Renewal Office)</t>
  </si>
  <si>
    <t>FIN-Contracts</t>
  </si>
  <si>
    <t>Proactive Disclosure - Contracts</t>
  </si>
  <si>
    <t>Takes a list of contracts from Excel and publishes to the Proactive Disclosure - Contracts section on the Finance web site.</t>
  </si>
  <si>
    <t>Corporate Templates</t>
  </si>
  <si>
    <t>APP-03182</t>
  </si>
  <si>
    <t>Microsoft Office product Finance custom developed templates.</t>
  </si>
  <si>
    <t>CutePDF</t>
  </si>
  <si>
    <t>APP-02988</t>
  </si>
  <si>
    <t>ACRO SOFTWARE Inc.</t>
  </si>
  <si>
    <t>CutePDF is software used for creating PDF files.  With CutePDF, you can take any type of files, open it, and print it in a PDF format.</t>
  </si>
  <si>
    <t>Cyclic</t>
  </si>
  <si>
    <t>APP-03091</t>
  </si>
  <si>
    <t>Cyclic (Canada Yield Curve Live Calculator)</t>
  </si>
  <si>
    <t>Daniel's XL Toolbox</t>
  </si>
  <si>
    <t>APP-03048</t>
  </si>
  <si>
    <t>Daniel Kraus. (Deutsches Impressum.)</t>
  </si>
  <si>
    <t>Is and add-in for the Microsoft Excel spreadsheet software that helps you to analyze and present data to increase productivity. It is open source.</t>
  </si>
  <si>
    <t>DCU Standard Response</t>
  </si>
  <si>
    <t>APP-03184</t>
  </si>
  <si>
    <t>Application used to generate a list of documents on a Web page. Documents are mostly Microsoft Word and contain vetted responses to be used by DCU.</t>
  </si>
  <si>
    <t>APP-03925</t>
  </si>
  <si>
    <t>DocAve  (for SharePoint)</t>
  </si>
  <si>
    <t>AvePoint, Inc.</t>
  </si>
  <si>
    <t>DocAve is a Backup and Restore product for SharePoint that provides full-fidelity backup and recovery – from individual content items to entire SharePoint environments and all of their farm-level components – maintaining all metadata, security settings, and version histories.</t>
  </si>
  <si>
    <t>DocAve</t>
  </si>
  <si>
    <t>Double-Take (for SharePoint)</t>
  </si>
  <si>
    <t>APP-03936</t>
  </si>
  <si>
    <t>Vision Solutions, Inc.</t>
  </si>
  <si>
    <t>Double-Take is a high availability, disaster recovery and migration solution suite offering agentless and agent-based protection options for physical, virtual or cloud servers. Used for SharePoint SQL Failover.</t>
  </si>
  <si>
    <t>Double-Take</t>
  </si>
  <si>
    <t>Dragon Naturally Speaking</t>
  </si>
  <si>
    <t>APP-03026</t>
  </si>
  <si>
    <t>Nuance Communications</t>
  </si>
  <si>
    <t>Software is a speech recognition software package. Also known as Dragon for PC.</t>
  </si>
  <si>
    <t>DYMO Label Printer</t>
  </si>
  <si>
    <t>APP-02990</t>
  </si>
  <si>
    <t>DYMO Corporation</t>
  </si>
  <si>
    <t>Label printer desktop user management software.</t>
  </si>
  <si>
    <t>Eclipse IDE</t>
  </si>
  <si>
    <t>APP-03963</t>
  </si>
  <si>
    <t>Eclipse Integrated Development Environment</t>
  </si>
  <si>
    <t>The Eclipse Foundation</t>
  </si>
  <si>
    <t>Java based integrated development environment.</t>
  </si>
  <si>
    <t>eCopy ShareScan</t>
  </si>
  <si>
    <t>APP-03003</t>
  </si>
  <si>
    <t>Konica Minolta Business Solutions (Canada) Ltd.</t>
  </si>
  <si>
    <t>eCopy document imaging solutions connect Konica Minolta bizhub systems to enterprise applications for instant capturing, distribution and management of paper-based information. Allows users to scan documents securely and seamlessly into business applications that support electronic business processes.</t>
  </si>
  <si>
    <t>EDMS</t>
  </si>
  <si>
    <t>Electronic Document Management System</t>
  </si>
  <si>
    <t>Email Alert</t>
  </si>
  <si>
    <t>FIN-Email Alert</t>
  </si>
  <si>
    <t>Finance Email Alert</t>
  </si>
  <si>
    <t>This application allows users to subscribe to mailouts from the Finance website based on content type.  Whenever a new document is posted to the website meeting the criteria, an emails is sent to all subscribers with a link to the new pages.</t>
  </si>
  <si>
    <t>Entrust Security Provider</t>
  </si>
  <si>
    <t>APP-02939</t>
  </si>
  <si>
    <t>ESP for Windows</t>
  </si>
  <si>
    <t>Entrust encryption software add-in for Microsoft Windows used to encrrypt files / documents as well as email messages (including BlackBerry).</t>
  </si>
  <si>
    <t>Equitrac Office</t>
  </si>
  <si>
    <t>APP-03005</t>
  </si>
  <si>
    <t>The EquitracOffice solution provides advanced print/copy management for multiple networked devices – to capture, allocate and accurately bill document output.</t>
  </si>
  <si>
    <t>APP-02973</t>
  </si>
  <si>
    <t>IHS Global Inc.</t>
  </si>
  <si>
    <t>Application that offers powerful statistical, forecasting, and modeling tools through an innovative, easy-to-use interface.</t>
  </si>
  <si>
    <t>File Open (PDF) client</t>
  </si>
  <si>
    <t>APP-03170</t>
  </si>
  <si>
    <t>File Open Systems Inc.</t>
  </si>
  <si>
    <t>One of two required plug-ins to access the Intralinks web site service which is an online cloud service used to securely share and collaborate on high-value content. Service is from an external private sector partner and is used as part of Finance's due diligence process.</t>
  </si>
  <si>
    <t>Filezilla</t>
  </si>
  <si>
    <t>APP-03022</t>
  </si>
  <si>
    <t>Filezilla Client</t>
  </si>
  <si>
    <t>FTP client software utility used to upload and download files from FTP sites. Used for Federal Budget uploading upon Budget release.</t>
  </si>
  <si>
    <t>FIN-Financial Coding</t>
  </si>
  <si>
    <t>Financial Coding Manual</t>
  </si>
  <si>
    <t>FCM</t>
  </si>
  <si>
    <t>This application only shows information about the financial coding manual.</t>
  </si>
  <si>
    <t>APP-02935</t>
  </si>
  <si>
    <t>Mozilla Firefox</t>
  </si>
  <si>
    <t>Mozilla Corporation</t>
  </si>
  <si>
    <t>Mozilla Firefox is a free and open-source web browser.</t>
  </si>
  <si>
    <t>Forensic Toolkit (FTK)</t>
  </si>
  <si>
    <t>APP-03007</t>
  </si>
  <si>
    <t>AccessData Group</t>
  </si>
  <si>
    <t>FTK is a digital forensic investigation tookit solutions.</t>
  </si>
  <si>
    <t>F-Response Tactical</t>
  </si>
  <si>
    <t>APP-03009</t>
  </si>
  <si>
    <t>Agile Risk Management, LLC.</t>
  </si>
  <si>
    <t>A  special software product for remote computer forensics and incident response..F-Response is an easy to use, vendor neutral, patented software utility that enables an investigator to conduct live Forensics, Data Recovery, and eDiscovery over an IP network using their tool(s) of choice. F-Response is not another analysis tool.</t>
  </si>
  <si>
    <t>GAMS</t>
  </si>
  <si>
    <t>APP-03050</t>
  </si>
  <si>
    <t>General Algebraic Modeling System (GAMS)</t>
  </si>
  <si>
    <t>GAMS Development Corporation</t>
  </si>
  <si>
    <t>Is a high-level modeling system for mathematical programming and optimization. It consists of a language compiler and a stable of integrated high-performance solvers. GAMS is tailored for complex, large scale modeling applications, and allows you to build large maintainable models that can be adapted quickly to new situations</t>
  </si>
  <si>
    <t>GAUSS</t>
  </si>
  <si>
    <t>APP-03052</t>
  </si>
  <si>
    <t>Aptech Systems, Inc.</t>
  </si>
  <si>
    <t>GAUSS is a matrix programming language for mathematics and statistics, developed and marketed by Aptech Systems. Its primary purpose is the solution of numerical problems in statistics, econometrics, time-series, optimization and 2D- and 3D-visualization</t>
  </si>
  <si>
    <t>Global Economic</t>
  </si>
  <si>
    <t>APP-02994</t>
  </si>
  <si>
    <t>Global Economic Model</t>
  </si>
  <si>
    <t>Oxford Economics</t>
  </si>
  <si>
    <t>Global Economic Model provides advanced decision support that can be used to address strategic questions related to a wide range of economic topics, such as the impact on global growth of oil-price spikes, the economic and financial fallout of countries leaving the Eurozone, and how a decline in China’s growth would hurt the global economy.</t>
  </si>
  <si>
    <t>G/On</t>
  </si>
  <si>
    <t>APP-02945</t>
  </si>
  <si>
    <t>Giritech</t>
  </si>
  <si>
    <t>G/On is a software solution that
delivers managed access to
Finance's applications giving
users maximum mobility, flexibility,
and security to work from anywhere using departmental equipment.</t>
  </si>
  <si>
    <t>Grants and Contributions</t>
  </si>
  <si>
    <t>FIN-Grants and Contr</t>
  </si>
  <si>
    <t>Proactive Disclosure - Grants and Contributions</t>
  </si>
  <si>
    <t>Takes an excel spreadsheet of the Grants and Contributions and published to the Proactive Disclosure section to the Finance website.</t>
  </si>
  <si>
    <t>GST Partner</t>
  </si>
  <si>
    <t>APP-03060</t>
  </si>
  <si>
    <t>Carswell, a Thomson Reuters business</t>
  </si>
  <si>
    <t>GST Partner is your exclusive source for section-by-section annotations of the legislation and régulations.</t>
  </si>
  <si>
    <t>Harmon.ie (for SharePoint)</t>
  </si>
  <si>
    <t>APP-03960</t>
  </si>
  <si>
    <t>Harmon.ie Corporation</t>
  </si>
  <si>
    <t>An Outlook plug-in that supports uploading documents, email attachments, and email messages to SharePoint.</t>
  </si>
  <si>
    <t>Harmon.ie</t>
  </si>
  <si>
    <t>Haver DLX</t>
  </si>
  <si>
    <t>FIN-Haver</t>
  </si>
  <si>
    <t>Haver DLX Analytics</t>
  </si>
  <si>
    <t>Haver</t>
  </si>
  <si>
    <t>Haver Analytics</t>
  </si>
  <si>
    <t>IATI Data Converter</t>
  </si>
  <si>
    <t>APP-03175</t>
  </si>
  <si>
    <t>Application that converts Excel data tables into XML format to be published to the Department of Finance Web site as part of International Aid Transparency Initiative (IATI)</t>
  </si>
  <si>
    <t>APP-03164</t>
  </si>
  <si>
    <t>Inter-Corporate Ownership (ICO)</t>
  </si>
  <si>
    <t>Is the most authoritative and comprehensive source of information available on corporate ownership; a unique directory of "who owns what" in Canada. It provides up-to-date information reflecting recent corporate takeovers and other substantial changes. Ultimate corporate control is determined through a careful study of holdings by corporations, the effects of options, insider holdings, convertible shares and interlocking directorships. The number of corporations that make up the hierarchy of structures totals approximately 45,000.</t>
  </si>
  <si>
    <t>IMIT Banner</t>
  </si>
  <si>
    <t>APP-02986</t>
  </si>
  <si>
    <t>Ticker type banner deployed to Finance desktops  used to communicate with Finance users on service interuptions, etc.</t>
  </si>
  <si>
    <t>IRM Office Client</t>
  </si>
  <si>
    <t>APP-03168</t>
  </si>
  <si>
    <t>Information Rights Management (IRM) Client</t>
  </si>
  <si>
    <t>EMC Corporation</t>
  </si>
  <si>
    <t>APP-02971</t>
  </si>
  <si>
    <t>Java Runtime</t>
  </si>
  <si>
    <t>The Java Runtime Environment (JRE) is a Virtual Machine (JVM), Java platform core classes, and supporting Java platform libraries needed to run Java applets in Web browsers.</t>
  </si>
  <si>
    <t>Kaola</t>
  </si>
  <si>
    <t>APP-03028</t>
  </si>
  <si>
    <t>Ethan Lai</t>
  </si>
  <si>
    <t>Koala is a multiplatform application to compile the following dynamic languages: Less, Sass, Compass and CoffeeScript. It is a GUI application.</t>
  </si>
  <si>
    <t>Lending Rates</t>
  </si>
  <si>
    <t>FIN-Lending Rates</t>
  </si>
  <si>
    <t>PTC</t>
  </si>
  <si>
    <t>LiveLink</t>
  </si>
  <si>
    <t>FIN-LiveLink</t>
  </si>
  <si>
    <t>Open Text Corporation</t>
  </si>
  <si>
    <t>FIN-Logiterm</t>
  </si>
  <si>
    <t>Terminotix Logiterm Web</t>
  </si>
  <si>
    <t>APP-04008</t>
  </si>
  <si>
    <t>MSM Integrated IT Service Management (ITSM)</t>
  </si>
  <si>
    <t>Marval North America</t>
  </si>
  <si>
    <t>MasterCard Formatter (BMO)</t>
  </si>
  <si>
    <t>APP-03180</t>
  </si>
  <si>
    <t>TBS (CSS)</t>
  </si>
  <si>
    <t>Excel macro used to format data related to Mastercard purchases.</t>
  </si>
  <si>
    <t>Matlab</t>
  </si>
  <si>
    <t>APP-03063</t>
  </si>
  <si>
    <t>MATLAB (Matrix Laboratory)</t>
  </si>
  <si>
    <t>Mathworks, Inc.</t>
  </si>
  <si>
    <t>A multi-paradigm numerical computing environment and fourth-generation programming language. A proprietary programming language developed by MathWorks, MATLAB allows matrix manipulations, plotting of functions and data, implementation of algorithms, creation of user interfaces, and interfacing with programs written in other languages, including C, C++, Java, Fortran and Python.</t>
  </si>
  <si>
    <t>MA/US</t>
  </si>
  <si>
    <t>APP-03042</t>
  </si>
  <si>
    <t>Macroeconomic Advisers U.S. (MA/US)</t>
  </si>
  <si>
    <t>MAUS</t>
  </si>
  <si>
    <t>Macroeconomic Advisers LLC</t>
  </si>
  <si>
    <t>A state-of-the-art structural model of the U.S. Economy. Used for both forecasting and performing alternative scenarios. Is a proprietary simulation software that makes model simulation flexible, powerful, and easy to use.</t>
  </si>
  <si>
    <t>Minister's Directory</t>
  </si>
  <si>
    <t>APP-03105</t>
  </si>
  <si>
    <t>Minister's Directory System</t>
  </si>
  <si>
    <t>Application used to manage Minister's staff's Professional and personal contact information.</t>
  </si>
  <si>
    <t>Minister's Invitations</t>
  </si>
  <si>
    <t>APP-03103</t>
  </si>
  <si>
    <t>Minister's Invitations System</t>
  </si>
  <si>
    <t>Application that manages invitations( and responses) sent to the Minister.</t>
  </si>
  <si>
    <t>APP-02919</t>
  </si>
  <si>
    <t>Microsoft Access</t>
  </si>
  <si>
    <t>Microsoft Access is a desktop relational database.</t>
  </si>
  <si>
    <t>Microsft Access</t>
  </si>
  <si>
    <t>MS FrontPage</t>
  </si>
  <si>
    <t>APP-02992</t>
  </si>
  <si>
    <t>Microsoft FrontPage</t>
  </si>
  <si>
    <t>FrontPage is a "WYSIWYG" (What You See Is What You Get) HTML editor, FrontPage is designed to hide the details of pages' HTML code from the user, making it possible for novices to create web pages and web sites easily.</t>
  </si>
  <si>
    <t>MS HTML Workshop</t>
  </si>
  <si>
    <t>APP-03019</t>
  </si>
  <si>
    <t>Microsoft HTML Workshop</t>
  </si>
  <si>
    <t>An executable program designed to help create help systems using source files based on Hypertext Markup Language (HTML).</t>
  </si>
  <si>
    <t>MS MDOP</t>
  </si>
  <si>
    <t>APP-02976</t>
  </si>
  <si>
    <t>Microsoft Desktop Optimization Pack</t>
  </si>
  <si>
    <t>Microsoft Desktop Optimization Pack (MDOP) is a suite of technologies available as a subscription to Microsoft  Software Assurance customers designed to help IT professionals virtualize the user experience (UE-V), applications (App-V), and Windows (MED-V); manage features (AGMP &amp; MBAM) within Windows; and restore user productivity after a system issue (DaRT).</t>
  </si>
  <si>
    <t>APP-02917</t>
  </si>
  <si>
    <t>Microsoft Office Professional Plus Suite</t>
  </si>
  <si>
    <t>MS Office Professional  Plus</t>
  </si>
  <si>
    <t>Microsoft Corporration</t>
  </si>
  <si>
    <t>Microsoft Office Professional Suite of products which includes Word, Excel, Outlook, PowerPoint, OneNote, Publisher and InfoPath.</t>
  </si>
  <si>
    <t>Microsoft Office 2010 Professional Suite</t>
  </si>
  <si>
    <t>MS Project Professional</t>
  </si>
  <si>
    <t>APP-02925</t>
  </si>
  <si>
    <t>Microsoft Project Professional</t>
  </si>
  <si>
    <t>Project Management software</t>
  </si>
  <si>
    <t>Microsoft Project</t>
  </si>
  <si>
    <t>MS SCCM</t>
  </si>
  <si>
    <t>APP-02949</t>
  </si>
  <si>
    <t>SCCM is a systems management software product for managing groups of computers running Windows OS. It provides remote control, patch management, software distribution, operating system deployment, network access protection (anti-virus/malware) and hardware and software inventory.</t>
  </si>
  <si>
    <t>MS SCM</t>
  </si>
  <si>
    <t>APP-03983</t>
  </si>
  <si>
    <t>Microsoft Security Compliance Manager</t>
  </si>
  <si>
    <t>Microsoft Corporations</t>
  </si>
  <si>
    <t>This tool provides centralized security baseline management features, a baseline portfolio, customization capabilities, and security baseline export flexibility to accelerate your organization’s ability to efficiently manage the security and compliance process for the most widely used Microsoft technologies.</t>
  </si>
  <si>
    <t>MS SharePoint Designer</t>
  </si>
  <si>
    <t>APP-02982</t>
  </si>
  <si>
    <t>Microsoft SharePoint Designer</t>
  </si>
  <si>
    <t>SharePoint Designer (SPD) is an HTML editor specialized in creating or modifying Microsoft SharePoint sites, workflows and web pages.</t>
  </si>
  <si>
    <t>MS Silverlight</t>
  </si>
  <si>
    <t>APP-02952</t>
  </si>
  <si>
    <t>Microsoft Silverlight</t>
  </si>
  <si>
    <t>Silverlight is a utility/tool for creating and delivering rich Internet applications and media experiences on the Web.</t>
  </si>
  <si>
    <t>MS Team Foundation Server</t>
  </si>
  <si>
    <t>APP-02996</t>
  </si>
  <si>
    <t>Product that provides source code management (either via Team Foundation Version Control or Git), reporting, requirements management, project management (for both agile software development and waterfall teams), automated builds, lab management, testing and release management capabilities. It covers the entire application lifecycle, and enables DevOps capabilities.[1] TFS can be used as a back-end to numerous integrated development environments (IDEs) but is tailored for Microsoft Visual Studio.</t>
  </si>
  <si>
    <t>MS Visio Professional</t>
  </si>
  <si>
    <t>APP-02927</t>
  </si>
  <si>
    <t>Microsoft Visio Professional</t>
  </si>
  <si>
    <t>Professional Flow Charting and Drawing software.</t>
  </si>
  <si>
    <t>MS Visio Standard</t>
  </si>
  <si>
    <t>APP-02929</t>
  </si>
  <si>
    <t>Microsoft Visio Standard</t>
  </si>
  <si>
    <t>Basic (Standard) Flow Charting and Drawing software.</t>
  </si>
  <si>
    <t>MS Visual Studio</t>
  </si>
  <si>
    <t>APP-03054</t>
  </si>
  <si>
    <t>Microsoft Visual Studio</t>
  </si>
  <si>
    <t>Microsoft Visual Studio is an integrated development environment (IDE) from Microsoft. It is used to develop computer programs for Microsoft Windows, as well as web sites, web applications and web services.</t>
  </si>
  <si>
    <t>MS Web Deploy</t>
  </si>
  <si>
    <t>APP-03978</t>
  </si>
  <si>
    <t>Microsoft Web Deploy</t>
  </si>
  <si>
    <t>Utility used to deploy web site applications.</t>
  </si>
  <si>
    <t>MS Windows Assessment and Deployment Toolkit</t>
  </si>
  <si>
    <t>APP-02998</t>
  </si>
  <si>
    <t>Microsoft Windows Assessment and Deployment Toolkit</t>
  </si>
  <si>
    <t>Microsoft software  used to create desktop Windows image (WIM) files. Integrates with SCCM.</t>
  </si>
  <si>
    <t>MS WMF</t>
  </si>
  <si>
    <t>APP-03981</t>
  </si>
  <si>
    <t>Microsoft Windows Management Framework</t>
  </si>
  <si>
    <t>WMF is the delivery mechanism that provides a consistent management interface across the various flavors of Windows and Windows Server.</t>
  </si>
  <si>
    <t>Microsoft Windows Management Framwork</t>
  </si>
  <si>
    <t>NetLogo</t>
  </si>
  <si>
    <t>APP-03968</t>
  </si>
  <si>
    <t>Center for Connected Learning and Computer-Based M</t>
  </si>
  <si>
    <t>An agent-based programming language and integrated modeling environment.</t>
  </si>
  <si>
    <t>NightWatchman</t>
  </si>
  <si>
    <t>APP-02978</t>
  </si>
  <si>
    <t>1E Limited</t>
  </si>
  <si>
    <t>A PC power management tool which manages power use for PCs. Included with NightWatchman is WakeUp, a Wake-on-LAN product used to power on PCs remotely for software updating and patching.</t>
  </si>
  <si>
    <t>Nintex (for SharePoint)</t>
  </si>
  <si>
    <t>APP-03957</t>
  </si>
  <si>
    <t>Nintex Global Ltd.</t>
  </si>
  <si>
    <t>A digital workflow and forms automation plug-in for SharePoint.</t>
  </si>
  <si>
    <t>Nintex</t>
  </si>
  <si>
    <t>Node.JS</t>
  </si>
  <si>
    <t>APP-03974</t>
  </si>
  <si>
    <t>An application to code and customize web pages in the Canada.ca Web Content Management System.</t>
  </si>
  <si>
    <t>Informer Technologies, Inc.</t>
  </si>
  <si>
    <t>NotePad++</t>
  </si>
  <si>
    <t>APP-03074</t>
  </si>
  <si>
    <t>Don Ho</t>
  </si>
  <si>
    <t>A text editor and source code editor for use with Microsoft Windows. Unlike Notepad, the built-in Windows text editor, it supports tabbed editing, which allows working with multiple open files in a single window</t>
  </si>
  <si>
    <t>Online Training</t>
  </si>
  <si>
    <t>FIN-Online Training</t>
  </si>
  <si>
    <t>Online Training Registration</t>
  </si>
  <si>
    <t>The Internal Training application enable employees to submit requests for in-house training via our intranet.  Also provides supervisors and Fund Centres with an automated approval process.</t>
  </si>
  <si>
    <t>PageScope Enterprise Suite</t>
  </si>
  <si>
    <t>APP-03001</t>
  </si>
  <si>
    <t>An application suite solution that provides better management of print output, track costs and accounts, authenticate users and customize individual preferences at multiple MFPs.</t>
  </si>
  <si>
    <t>PointFire (for SharePoint)</t>
  </si>
  <si>
    <t>APP-03955</t>
  </si>
  <si>
    <t>IceFire Studios Corp.</t>
  </si>
  <si>
    <t>A multilingual content collaboration user Interface plug-in for SharePoint.</t>
  </si>
  <si>
    <t>PointFire</t>
  </si>
  <si>
    <t>PowerGen</t>
  </si>
  <si>
    <t>APP-03046</t>
  </si>
  <si>
    <t>PowerGen (Synthetic Data Generator)</t>
  </si>
  <si>
    <t>Commodity Research Bureau</t>
  </si>
  <si>
    <t>Generates synthetic data series in PRO (proprietary) and ASCII (.CSV) file formats for processing in other economietric software.</t>
  </si>
  <si>
    <t>Pre-Budget Survey</t>
  </si>
  <si>
    <t>FIN-Pre-Budget Surve</t>
  </si>
  <si>
    <t>Pre-Budget Survey Consultation</t>
  </si>
  <si>
    <t>SafeNet Client</t>
  </si>
  <si>
    <t>APP-03972</t>
  </si>
  <si>
    <t>SafeNet Authentication Client</t>
  </si>
  <si>
    <t>FIN-SAS</t>
  </si>
  <si>
    <t>Statistical Analysis Software (SAS)</t>
  </si>
  <si>
    <t>ScanAll Pro</t>
  </si>
  <si>
    <t>APP-03160</t>
  </si>
  <si>
    <t>Fujitsu Ltd.</t>
  </si>
  <si>
    <t>A powerful image capture application, providing customers with the tools needed to produce quality digital image files from paper documents.</t>
  </si>
  <si>
    <t>ScannAll Pro</t>
  </si>
  <si>
    <t>ScanSnap Manager</t>
  </si>
  <si>
    <t>APP-03162</t>
  </si>
  <si>
    <t>Scientific Workplace</t>
  </si>
  <si>
    <t>APP-03031</t>
  </si>
  <si>
    <t>MacKichan Software</t>
  </si>
  <si>
    <t>Is a  software package for scientific word processing. Because Scientific WorkPlace is based on LaTeX, It can be used to produce files in the house style of any scientific journal that also uses LaTeX,[1] and the software makes it easy to change the overall style of a document in a single operation.</t>
  </si>
  <si>
    <t>Screening Software - RTID (Fingerprint)</t>
  </si>
  <si>
    <t>APP-03076</t>
  </si>
  <si>
    <t>RTID Fingerprint Screening Software</t>
  </si>
  <si>
    <t>RTID Screening Software (Fingerprint)</t>
  </si>
  <si>
    <t>Section 34 (Phoenix extract)</t>
  </si>
  <si>
    <t>APP-03107</t>
  </si>
  <si>
    <t>Financial Section 34 (Phoenix extract)</t>
  </si>
  <si>
    <t>Program that extracts all Section 34 Financial signing names from the Financial Signing Authority Dtabase and formats the date as the the Pheonix HR Pay system requires.</t>
  </si>
  <si>
    <t>SEO Spider Tool</t>
  </si>
  <si>
    <t>APP-03044</t>
  </si>
  <si>
    <t>Screaming Frog SEO Spider Tool</t>
  </si>
  <si>
    <t>Screaming Frog Ltd.</t>
  </si>
  <si>
    <t>The SEO Spider is a small desktop program which spiders websites’ links, images, CSS, script and apps.</t>
  </si>
  <si>
    <t>APP-02635</t>
  </si>
  <si>
    <t>Service Desk Express (BMC</t>
  </si>
  <si>
    <t>SDE (Magic\BMC)</t>
  </si>
  <si>
    <t>Service Desk Express (SDE/BMC)</t>
  </si>
  <si>
    <t>APP-03888</t>
  </si>
  <si>
    <t>SharePoint (Fin-B) - Information Management</t>
  </si>
  <si>
    <t>SharePoint (Fin-B) / IM</t>
  </si>
  <si>
    <t>SharePoint 2016</t>
  </si>
  <si>
    <t>APP-03890</t>
  </si>
  <si>
    <t>SharePoint (Fin-S) - Information Management</t>
  </si>
  <si>
    <t>SharePoint (Fin-S) / IM</t>
  </si>
  <si>
    <t>FIN-Signing Authorit</t>
  </si>
  <si>
    <t>Financial Signing Authority</t>
  </si>
  <si>
    <t>FSA</t>
  </si>
  <si>
    <t>SLID</t>
  </si>
  <si>
    <t>APP-03114</t>
  </si>
  <si>
    <t>Survey of Labour and Income Dynamics (SLID)</t>
  </si>
  <si>
    <t>Specialized database provided as part of the software from Statistics Canada.</t>
  </si>
  <si>
    <t>Is an important source of income data for Canadian families, households and individuals. Introduced in 1993, SLID provides an added dimension to traditional surveys on labour market activity and income: the changes experienced by individuals and families through time. Among the survey's key objectives is the understanding Canadians’ economic well-being.</t>
  </si>
  <si>
    <t>SlideShows</t>
  </si>
  <si>
    <t>APP-03236</t>
  </si>
  <si>
    <t>This application is a .Net script running on a Finance desktops when a user logs onto the network to launh a pop-up PowerPoint slide show ensuring users see the slide show.</t>
  </si>
  <si>
    <t>SnagIt</t>
  </si>
  <si>
    <t>APP-02923</t>
  </si>
  <si>
    <t>Screen capture software.</t>
  </si>
  <si>
    <t>SourceTree</t>
  </si>
  <si>
    <t>APP-02984</t>
  </si>
  <si>
    <t>Uses i's own type of database to manage versions of software.</t>
  </si>
  <si>
    <t>SourceTree is a Git desktop client for developers. Git is a widely used version control system for software development. It is a distributed revision control system with an emphasis on speed, data integrity, and support for distributed, non-linear workflows. Used to manage source code for InfoSite by client.</t>
  </si>
  <si>
    <t>SPSD/M</t>
  </si>
  <si>
    <t>APP-03112</t>
  </si>
  <si>
    <t>Social Policy Simulation Database and Model (SPSD/M)</t>
  </si>
  <si>
    <t>An application designed to assist those interested in analyzing the financial interactions of governments and individuals in Canada. It can help one to assess the cost implications or income redistributive effects of changes in the personal taxation and cash transfer system. The SPSD/M is a non-confidential, statistically representative database of individuals in their family context, with enough information on each individual to compute taxes paid to and cash transfers received from government. The SPSM is a static accounting model which processes each individual and family on the SPSD/M, calculates taxes and transfers using legislated or proposed programs and algorithms, and reports on the results.</t>
  </si>
  <si>
    <t>Staffing and Classification Tracking</t>
  </si>
  <si>
    <t>FIN-Staffing</t>
  </si>
  <si>
    <t>Staffing and Classification Workload Tracking System</t>
  </si>
  <si>
    <t>Stata</t>
  </si>
  <si>
    <t>FIN-Stata</t>
  </si>
  <si>
    <t>STATA 12, Stata 13</t>
  </si>
  <si>
    <t>Stat/Transfer</t>
  </si>
  <si>
    <t>APP-03034</t>
  </si>
  <si>
    <t>Circle Systems</t>
  </si>
  <si>
    <t>Stat/Transfer is a program that provides fast, reliable, and convenient data transfer between popular software packages. It supports moving data between worksheets, databases and statistical software programs.</t>
  </si>
  <si>
    <t>StudioTax</t>
  </si>
  <si>
    <t>APP-03083</t>
  </si>
  <si>
    <t>BHOK IT Consulting</t>
  </si>
  <si>
    <t>StudioTax covers the range of personal income tax scenarios from simple tax returns to more involved returns for self-employed, returns with rental income and everything in between. It is used by clients to compare results against developed micro-simulated models.</t>
  </si>
  <si>
    <t>Stylizer</t>
  </si>
  <si>
    <t>APP-03036</t>
  </si>
  <si>
    <t>Skybound Software</t>
  </si>
  <si>
    <t>Stylizer helps you style websites . Stylizer is a slightly different CSS editor as it uses a grid interface .</t>
  </si>
  <si>
    <t>Tax Partner, Provincial Tax Partner and Solution fiscal à l"impot</t>
  </si>
  <si>
    <t>APP-03058</t>
  </si>
  <si>
    <t>Tax Partner, Provincial Tax Partner and Solution fiscal à l"impot are all-inclusive Canadian federal and provincial  income tax service, offering the Income Tax Act, the Regulations, Canada Revenue Agency (CRA) policies and rulings, case law and analysis</t>
  </si>
  <si>
    <t>TaxFind Pro</t>
  </si>
  <si>
    <t>APP-03069</t>
  </si>
  <si>
    <t>Canadian Tax Foundation</t>
  </si>
  <si>
    <t>TaxFind is a database of tax articles written for its conferences and publications—unique in its depth of tax analysis and research, both current and historical. TaxFindPro  Online is an invaluable research tool for tax practitioners to find solutions to complex tax situations.</t>
  </si>
  <si>
    <t>TaxNet Pro</t>
  </si>
  <si>
    <t>APP-03066</t>
  </si>
  <si>
    <t>An intuitive interface and state-of-the-art technology deliver relevant, authoritative tax information - quickly and effortlessly.  Intelligent, efficient, and powerful, Taxnet Pro is optimized for effective research. It gives you three powerful resources – Corporate Tax Centre, Tax &amp; Estate Planning Centre, APFF Centre, and the Customs &amp; Excise Centre</t>
  </si>
  <si>
    <t>Tenable Nessus</t>
  </si>
  <si>
    <t>APP-03095</t>
  </si>
  <si>
    <t>Tenable Network Security</t>
  </si>
  <si>
    <t>Nessus is a proprietary comprehensive vulnerability scanner..</t>
  </si>
  <si>
    <t>APP-02909</t>
  </si>
  <si>
    <t>Helios Software Solutions</t>
  </si>
  <si>
    <t>A powerful, general purpose editor for plain text files. Easy to use, with all the features a power user requires for manage and process extremely large data files (used for editing SAS data)..</t>
  </si>
  <si>
    <t>APP-02980</t>
  </si>
  <si>
    <t>Thomson Reuters Financial Market Feed</t>
  </si>
  <si>
    <t>Thomson Reuters Corporation</t>
  </si>
  <si>
    <t>Online services providing critical news, information and analytics, enabling transactions and connecting communities of trading, investing, financial and corporate informtion. alled to support access to Financial market information.</t>
  </si>
  <si>
    <t>Thomson Reuters Feed</t>
  </si>
  <si>
    <t>Thunder</t>
  </si>
  <si>
    <t>APP-03087</t>
  </si>
  <si>
    <t>ThunderStorm</t>
  </si>
  <si>
    <t>Sensory Software</t>
  </si>
  <si>
    <t>A screen reader software application which, rather than presenting web content visually, converts text into 'synthesised speech' allowing user to alternatively listen to content.</t>
  </si>
  <si>
    <t>FIN-TMS</t>
  </si>
  <si>
    <t>Transaction Management System</t>
  </si>
  <si>
    <t>Toolkit</t>
  </si>
  <si>
    <t>FIN-Toolkit</t>
  </si>
  <si>
    <t>Finance Toolkit</t>
  </si>
  <si>
    <t>The application is an in-house developed web content management system and allows web masters to publish web pages.</t>
  </si>
  <si>
    <t>APP-03240</t>
  </si>
  <si>
    <t>Transfer Payments To Provinces and Territories</t>
  </si>
  <si>
    <t>Transfer Payments</t>
  </si>
  <si>
    <t>Financial Management Services,Information Technology Services</t>
  </si>
  <si>
    <t>Very complex Excel spreadsheet with macros and formula used to calculate the transfer payment amounts to be transferred to the provinces and territories.</t>
  </si>
  <si>
    <t>Travel &amp; Hospitality</t>
  </si>
  <si>
    <t>FIN-Travel &amp;amp; Hos</t>
  </si>
  <si>
    <t>Proactive Disclosure - Travel and Hospitality</t>
  </si>
  <si>
    <t>Tool used to prepare and publish Proactive Disclosure information the Finance WebSite.</t>
  </si>
  <si>
    <t>UR</t>
  </si>
  <si>
    <t>FIN-UR</t>
  </si>
  <si>
    <t>University Recruitment</t>
  </si>
  <si>
    <t>FIN-Values &amp;amp; Eth</t>
  </si>
  <si>
    <t>Values and Ethics</t>
  </si>
  <si>
    <t>V&amp;E</t>
  </si>
  <si>
    <t>Pop-up that displays at logon every 90 days.  User must acknowledge the pop-up before the login can complete.</t>
  </si>
  <si>
    <t>VCC IC</t>
  </si>
  <si>
    <t>APP-02947</t>
  </si>
  <si>
    <t>Virtual Call Centre</t>
  </si>
  <si>
    <t>Rogers Communications inc.</t>
  </si>
  <si>
    <t>Rogers Virtual Call Centre is a cloud service offering that virtualizes key infrastructure and hardware into their private cloud network. In short it is a help desk call system.</t>
  </si>
  <si>
    <t>Web Replicator</t>
  </si>
  <si>
    <t>FIN-Web Replicator</t>
  </si>
  <si>
    <t>Used to promote content from Authoring to Stating to Production for www.fin.gc.ca and other websites belonging to Finance.</t>
  </si>
  <si>
    <t>FIN-WebCIMS</t>
  </si>
  <si>
    <t>A.Net Solutions Inc</t>
  </si>
  <si>
    <t>WebCIMS Reporting</t>
  </si>
  <si>
    <t>APP-02891</t>
  </si>
  <si>
    <t>Correspondence Tracking and Issues Management System (CIMS) external .Net based corporate reporting system.</t>
  </si>
  <si>
    <t>APP-03040</t>
  </si>
  <si>
    <t>Windows RATS (Regression Analysis of Time Series)</t>
  </si>
  <si>
    <t>WinRATS</t>
  </si>
  <si>
    <t>Estima</t>
  </si>
  <si>
    <t>RATS is an econometrics and time-series analysis software package. It is used by economists for analyzing time series and cross sectional data, developing and estimating econometric models, forecasting, and much more.</t>
  </si>
  <si>
    <t>WinEdt</t>
  </si>
  <si>
    <t>APP-03085</t>
  </si>
  <si>
    <t>Aleksander Simonic</t>
  </si>
  <si>
    <t>WinEdt is a powerful and versatile all-purpose text editor for Windows with a strong predisposition towards the creation and compilation of LaTeX documents.</t>
  </si>
  <si>
    <t>WinHTTrack</t>
  </si>
  <si>
    <t>APP-03099</t>
  </si>
  <si>
    <t>Utility program that supports copying (downloading) an entire Web Site.</t>
  </si>
  <si>
    <t>WinMerge</t>
  </si>
  <si>
    <t>APP-03101</t>
  </si>
  <si>
    <t>Thingamahoochie Software</t>
  </si>
  <si>
    <t>WinMerge is a differencing and merging tool for Windows. WinMerge can compare both folders and files, presenting differences in a visual text format that is easy to understand and handle.</t>
  </si>
  <si>
    <t>WinZip</t>
  </si>
  <si>
    <t>APP-02964</t>
  </si>
  <si>
    <t>WinZip Computing</t>
  </si>
  <si>
    <t>A utility program that lets you archive and compress files so that you can store or distribute them more efficiently</t>
  </si>
  <si>
    <t>WordCleaner</t>
  </si>
  <si>
    <t>APP-03097</t>
  </si>
  <si>
    <t>Freshideas Ltd</t>
  </si>
  <si>
    <t>Convert Microsoft Word files (as well as other text formats &amp; PDF) to HTML (or txt, CSV &amp; epub). Has customizable templates providing full control over your conversions. Control the CSS, images, split pages, find and replace/delete code and much more.</t>
  </si>
  <si>
    <t>Workshare Compare</t>
  </si>
  <si>
    <t>APP-02899</t>
  </si>
  <si>
    <t>Workshare</t>
  </si>
  <si>
    <t>Document comparison tool used to ensure final documents for official publication/release where not altered by anyone. Also used to ensure that French documents are maintained in synch with English documents. Used because Word, Excel and PowerPoint 'track changes' does not suffice.</t>
  </si>
  <si>
    <t>Workshare Professional</t>
  </si>
  <si>
    <t>APP-02896</t>
  </si>
  <si>
    <t>WPSS Validation Tool</t>
  </si>
  <si>
    <t>APP-03116</t>
  </si>
  <si>
    <t>A utility program that provides web developers and quality assurance testers the ability to perform a number of web site and web page validations tasks at one time. The tool crawls a site to find all documents, then analyses each one with a number of validation tools..</t>
  </si>
  <si>
    <t>WS_FTP Professional</t>
  </si>
  <si>
    <t>APP-02911</t>
  </si>
  <si>
    <t>Ipswitch Inc.</t>
  </si>
  <si>
    <t>FTP client software utility used to upload and download files from FTP sites.</t>
  </si>
  <si>
    <t>Department of Justice Canada</t>
  </si>
  <si>
    <t>JUS-APM-002</t>
  </si>
  <si>
    <t>Electronic Register for Visitor Management</t>
  </si>
  <si>
    <t>QRO - Electronic Register for Visitor Management</t>
  </si>
  <si>
    <t>JUS-APM-026</t>
  </si>
  <si>
    <t>Change Request and Issue Tracking (JUST)</t>
  </si>
  <si>
    <t>JUST</t>
  </si>
  <si>
    <t>JUS-APM-041</t>
  </si>
  <si>
    <t>BCRO - Mail and Reception Deliveries Log</t>
  </si>
  <si>
    <t>Deliveries Log (BCRO)</t>
  </si>
  <si>
    <t>Communications Services,Information Management Services,Management and Oversight Services</t>
  </si>
  <si>
    <t>JUS-APM-101</t>
  </si>
  <si>
    <t>QRO - Gestionnaire d'appel</t>
  </si>
  <si>
    <t>QRO - Gestionnaire d''appel</t>
  </si>
  <si>
    <t>JUS-APM-102</t>
  </si>
  <si>
    <t>Departmental  Departure Application</t>
  </si>
  <si>
    <t>DDA</t>
  </si>
  <si>
    <t>JUS-APM-120</t>
  </si>
  <si>
    <t>Nakisa OrgManagement Series</t>
  </si>
  <si>
    <t>JUS-APM-122</t>
  </si>
  <si>
    <t>QRO - Employees directory (and profile)</t>
  </si>
  <si>
    <t>Family, Children and Youth Information Line System (FCYInfoline)</t>
  </si>
  <si>
    <t>FCYInfoline</t>
  </si>
  <si>
    <t>Information Management Services,Legal Services</t>
  </si>
  <si>
    <t>SharePoint Server 2010</t>
  </si>
  <si>
    <t>JUS-APM-146</t>
  </si>
  <si>
    <t>NovaBrain</t>
  </si>
  <si>
    <t>Stewardship of the Canadian Legal Framework</t>
  </si>
  <si>
    <t>Novabrain</t>
  </si>
  <si>
    <t>JUS-APM-152</t>
  </si>
  <si>
    <t>Microsoft Tools - Team Foundation Server</t>
  </si>
  <si>
    <t>Microsoft Tools – Team Foundation Server</t>
  </si>
  <si>
    <t>JUS-APM-261</t>
  </si>
  <si>
    <t>QRO - Applications and Project Portfolio Management</t>
  </si>
  <si>
    <t>JUS-APM-265</t>
  </si>
  <si>
    <t>BCRO - Media Enquiry Tracking System</t>
  </si>
  <si>
    <t>MET</t>
  </si>
  <si>
    <t>Media Enquiry</t>
  </si>
  <si>
    <t>JUS-APM-277</t>
  </si>
  <si>
    <t>Digital Workspace (SharePoint)</t>
  </si>
  <si>
    <t>Communications Services,Information Management Services,Legal Services,Management and Oversight Services</t>
  </si>
  <si>
    <t>JUS-APM-280</t>
  </si>
  <si>
    <t>BCRO - New Staff Notifications (NSN)</t>
  </si>
  <si>
    <t>NSN</t>
  </si>
  <si>
    <t>JUS-APM-287</t>
  </si>
  <si>
    <t>Wolters Kluwer - TeamMate</t>
  </si>
  <si>
    <t>JUS-APM-303</t>
  </si>
  <si>
    <t>APP-03965</t>
  </si>
  <si>
    <t>NUIX</t>
  </si>
  <si>
    <t>JUS-APM-308</t>
  </si>
  <si>
    <t>LiveNote</t>
  </si>
  <si>
    <t>Legal Services to Government Program</t>
  </si>
  <si>
    <t>JUS-APM-309</t>
  </si>
  <si>
    <t>Developmet Software</t>
  </si>
  <si>
    <t>JUS-APM-310</t>
  </si>
  <si>
    <t>Shared Services Canada - Secure File Transfer Client</t>
  </si>
  <si>
    <t>Desktop Operating System Software</t>
  </si>
  <si>
    <t>APP-03862</t>
  </si>
  <si>
    <t>Sierra (ILS)</t>
  </si>
  <si>
    <t>National Integrated Library System. System is hosted by the vendor on Amazon Canada</t>
  </si>
  <si>
    <t>Innovative Interfaces Incorporated, Sierra</t>
  </si>
  <si>
    <t>APP-04219</t>
  </si>
  <si>
    <t>Employee Mass Notification System</t>
  </si>
  <si>
    <t>MNS</t>
  </si>
  <si>
    <t>RMS Software Inc</t>
  </si>
  <si>
    <t>Security</t>
  </si>
  <si>
    <t>Employee Mass Notification System (MNS) is a tool that allows JUS to communicate with JUS employees to provide important information during emergency situations across a wide range of mediums such as phones, emails, and text messaging.</t>
  </si>
  <si>
    <t>ERMS Advantage</t>
  </si>
  <si>
    <t>JUS-APM-37</t>
  </si>
  <si>
    <t>BCRO - Management Commentary</t>
  </si>
  <si>
    <t>JUS-APM-50</t>
  </si>
  <si>
    <t>QRO - Gestionnaire d'absences</t>
  </si>
  <si>
    <t>QRO - Gestionnaire d''absences</t>
  </si>
  <si>
    <t>JUS-APM-56</t>
  </si>
  <si>
    <t>Justice SharePoint 2010</t>
  </si>
  <si>
    <t>SP2010</t>
  </si>
  <si>
    <t>JUS-APM-61</t>
  </si>
  <si>
    <t>QRO - Boardroom Booking</t>
  </si>
  <si>
    <t>JUS-APM-68</t>
  </si>
  <si>
    <t>BCRO - Legal Risk Managent Risk (LRMS)</t>
  </si>
  <si>
    <t>LRMS</t>
  </si>
  <si>
    <t>JUS-APM-7</t>
  </si>
  <si>
    <t>QRO - Sondages-Evaluation</t>
  </si>
  <si>
    <t>JUS-APM-74</t>
  </si>
  <si>
    <t>QRO - Gestion des demandes (ticket manager)</t>
  </si>
  <si>
    <t>JUS-APM-81</t>
  </si>
  <si>
    <t>QRO - Infonet</t>
  </si>
  <si>
    <t>JUS-APM-97</t>
  </si>
  <si>
    <t>PRO - iCal Web Calendars</t>
  </si>
  <si>
    <t>JUS-JUS-000033</t>
  </si>
  <si>
    <t>Government of Canada Records and Documents Management System (GCdocs)</t>
  </si>
  <si>
    <t>GCdocs</t>
  </si>
  <si>
    <t>OpenText, Content Server 2010</t>
  </si>
  <si>
    <t>JUS-JUS-000125</t>
  </si>
  <si>
    <t>National Mentoring Program (NMP)</t>
  </si>
  <si>
    <t>JUS-JUS-000160</t>
  </si>
  <si>
    <t>Grants and Contributions Information Management System (GCIMS)</t>
  </si>
  <si>
    <t>Information Management Services,Management and Oversight Services,Other</t>
  </si>
  <si>
    <t>GCIMS enables Justice Canada to manage all it its transfer GCIMS enables Justice Canada to manage all it its transfer payment programs effectively by tracking projects and funding recipients across all sectors and program areas and enabling reporting on all aspects of a project’s life cycle. It is an essential corporate information management tool that the department must use to meet its obligations under the results-based management and accountability frameworks as developed for specific programs and approved by Treasury Board. All transfer payments are subject to public scrutiny and must be manages in a manner that is pen and transparent to the public, with due regard to economy, efficiency and effectiveness. Basic principles of parliamentary control</t>
  </si>
  <si>
    <t>Online Business System, GCIMS</t>
  </si>
  <si>
    <t>eDocs</t>
  </si>
  <si>
    <t>JUS-JUS-500278</t>
  </si>
  <si>
    <t>Legal Case Management (iCase)</t>
  </si>
  <si>
    <t>iCase</t>
  </si>
  <si>
    <t>Information Management Services,Legal Services,Management and Oversight Services</t>
  </si>
  <si>
    <t>JUS-JUS-500438</t>
  </si>
  <si>
    <t>Human Resource Management System (PeopleSoft, HRMS)</t>
  </si>
  <si>
    <t>PeopleSoft</t>
  </si>
  <si>
    <t>JUS-JUS-500714N</t>
  </si>
  <si>
    <t>Intranet (JUSnet)</t>
  </si>
  <si>
    <t>JUSnet</t>
  </si>
  <si>
    <t>JUS-JUS-500714P</t>
  </si>
  <si>
    <t>Public DOJ Internet (iNet)</t>
  </si>
  <si>
    <t>iNet</t>
  </si>
  <si>
    <t>Justice Internet Websites</t>
  </si>
  <si>
    <t>JUS-JUS-500732</t>
  </si>
  <si>
    <t>Family Orders and Agreements Enforcement Assistance (FOAEA)</t>
  </si>
  <si>
    <t>FOAEA</t>
  </si>
  <si>
    <t>JUS-JUS-500793</t>
  </si>
  <si>
    <t>Canadian Registry of Divorce Proceedings (CRDP)</t>
  </si>
  <si>
    <t>CRDP</t>
  </si>
  <si>
    <t>JUS-JUS-501328</t>
  </si>
  <si>
    <t>Legal Case Analytics and Reporting Tool (Explore)</t>
  </si>
  <si>
    <t>Explore</t>
  </si>
  <si>
    <t>Legal Services,Management and Oversight Services</t>
  </si>
  <si>
    <t>Case Management Analysis and Reporting
ECHO was migrated into what we call Explore v2.0. It's still alive but not for much longer now that Explore v2.2 is going through pilot (and will likely get a few more upgrades too). Once it's out of pilot, Explore v2.0 users will be able to start using the newest version of Explore.</t>
  </si>
  <si>
    <t>SQL Server 2012 Business Intel</t>
  </si>
  <si>
    <t>JUS-JUS-501368</t>
  </si>
  <si>
    <t>Legal Knowledge Management (Justipedia)</t>
  </si>
  <si>
    <t>Justipedia</t>
  </si>
  <si>
    <t>COTS Vendor - Visard Solution - Kentika</t>
  </si>
  <si>
    <t>JUS-JUS-501378</t>
  </si>
  <si>
    <t>Property Management (Archibus)</t>
  </si>
  <si>
    <t>Archibus</t>
  </si>
  <si>
    <t>Other,Real Property Services</t>
  </si>
  <si>
    <t>Web Central Core Program</t>
  </si>
  <si>
    <t>JUS-JUS-501384</t>
  </si>
  <si>
    <t>Form Catalogue (eFormXpress)</t>
  </si>
  <si>
    <t>eFormXpress</t>
  </si>
  <si>
    <t>JUS-JUS-501834</t>
  </si>
  <si>
    <t>Integrated Finance and Materiel System (IFMS/SAP)</t>
  </si>
  <si>
    <t>IFMS/SAP</t>
  </si>
  <si>
    <t>Acquisition Services,Financial Management Services,Information Technology Services,Materiel Services,Travel and Other Administrative Services</t>
  </si>
  <si>
    <t>SAP,GOC SAP Core</t>
  </si>
  <si>
    <t>JUS-JUS-501839</t>
  </si>
  <si>
    <t>Access To Informationand Privacy (ATIP) tool suite</t>
  </si>
  <si>
    <t>ATIP (Access Pro)</t>
  </si>
  <si>
    <t>JUS-JUS-501845</t>
  </si>
  <si>
    <t>Ministerial Correspondence System (ccmMercury)</t>
  </si>
  <si>
    <t>COTS product name is ccmMercury</t>
  </si>
  <si>
    <t>JUS-JUS-501860</t>
  </si>
  <si>
    <t>Drug Treatment Court Information System (DTCIS)</t>
  </si>
  <si>
    <t>DTCIS</t>
  </si>
  <si>
    <t>JUS-JUS-502115</t>
  </si>
  <si>
    <t>Evidence Management System (eDiscovery, Ringtail Litigation, Ringtail Analytics)</t>
  </si>
  <si>
    <t>Ringtail</t>
  </si>
  <si>
    <t>Legal Services,Other</t>
  </si>
  <si>
    <t>Vendor is FTI Consulting and the product name is Ringtail</t>
  </si>
  <si>
    <t>JUS-JUS-502444O</t>
  </si>
  <si>
    <t>ORO Intranet</t>
  </si>
  <si>
    <t>OROnet</t>
  </si>
  <si>
    <t>JUS-JUS-502444P</t>
  </si>
  <si>
    <t>PRO Intranet</t>
  </si>
  <si>
    <t>PROnet</t>
  </si>
  <si>
    <t>JUS-PM-127</t>
  </si>
  <si>
    <t>ARO - Staff Entry Exit Tool</t>
  </si>
  <si>
    <t>SEET</t>
  </si>
  <si>
    <t>Employment and Social Development Canada</t>
  </si>
  <si>
    <t>ESDC-100</t>
  </si>
  <si>
    <t>Employer ROE Analysis</t>
  </si>
  <si>
    <t>Employment Insurance;Management and Oversight Services</t>
  </si>
  <si>
    <t>This system is a tool which is used to evaluate the performance of employers in the completion of Records of Employment. Statistics are maintained on the ROE errors made by each employer resulting in 3 monthly reports being produced with this data.</t>
  </si>
  <si>
    <t>ESDC-102</t>
  </si>
  <si>
    <t>Employment History File</t>
  </si>
  <si>
    <t>EHF</t>
  </si>
  <si>
    <t>Employment Insurance</t>
  </si>
  <si>
    <t>ESDC-104</t>
  </si>
  <si>
    <t>Application for Employment Insurance Benefits Online</t>
  </si>
  <si>
    <t>Appliweb</t>
  </si>
  <si>
    <t>ESDC-105</t>
  </si>
  <si>
    <t>Employment Insurance Financial Accounting and Control System</t>
  </si>
  <si>
    <t>EI FACS</t>
  </si>
  <si>
    <t>Employment Insurance;Labour Market Development Agreements</t>
  </si>
  <si>
    <t>ESDC-106</t>
  </si>
  <si>
    <t>Enterprise Web Services - WSAddress</t>
  </si>
  <si>
    <t>WSAddress</t>
  </si>
  <si>
    <t>Government of Canada Internet Presence;Employment Insurance;Old Age Security;Apprenticeship Grants;Federal Income Support for Parents of Murdered or Missing Children;Canada Pension Plan;Labour Relations;Labour Standards and Equity;Information Technology Services</t>
  </si>
  <si>
    <t>The Enterprise Web Service Address (WSAddress) is one service in a family of enterprise web services which are currently in production and manageded by the Solution Design Services group. With respect to WSAddress, the web service is responsible for</t>
  </si>
  <si>
    <t>ESDC-109</t>
  </si>
  <si>
    <t>Group Information Session Planner</t>
  </si>
  <si>
    <t>GISP</t>
  </si>
  <si>
    <t>WSED</t>
  </si>
  <si>
    <t>ESDC-11</t>
  </si>
  <si>
    <t>Appeals Delivery and Management System - Employment Insurance</t>
  </si>
  <si>
    <t>ADMS-EI</t>
  </si>
  <si>
    <t>ESDC-111</t>
  </si>
  <si>
    <t>HRCC Split Utilities</t>
  </si>
  <si>
    <t>SPLIT</t>
  </si>
  <si>
    <t>When a Human Resource Centre (HRCC) either opens or closes, a process of transferring claims is initiated and accomplished by using the HRCC Split Utilities. The set of programs are run on an "as needed" basis by the regions, according to the Office</t>
  </si>
  <si>
    <t>ESDC-112</t>
  </si>
  <si>
    <t>HRSDC Internet</t>
  </si>
  <si>
    <t>Government of Canada Internet Presence;In-Person Points of Service;Employment Insurance;Labour Market Development Agreements;Canada Job Fund Agreements;Labour Market Agreements for Persons with Disabilities;Opportunities Fund for Persons with Disabilities;Youth Employment Strategy;Targeted Initiative for Older Workers;Aboriginal Skills and Employment Training Strategy;Skills and Partnership Fund;First Nations Job Fund;Job Bank;Apprenticeship Grants;Foreign Credential Recognition Program;Temporary Foreign Worker Program;Canada Student Loans and Grants and Canada Apprentice Loans Program;Canada Education Savings Program;Labour Relations;Workplace Health and Safety;Labour Standards and Equity;Old Age Security;Canada Pension Plan;Canada Pension Plan Disability Benefits;Canada Disability Savings Program;National Child Benefit;Homelessness Partnering Strategy;New Horizons for Seniors Program;Social Development Partnerships Program;Enabling Accessibility Fund;Universal Child Care Benefit;Communications Services</t>
  </si>
  <si>
    <t>HRSDC (ESDC) Departmental Internet Site:    Additional Notes: It is a web site to provide an adaptive static and dynamic web delivery location for department web content and services  The site receives current information ( or historical information</t>
  </si>
  <si>
    <t>ESDC-113</t>
  </si>
  <si>
    <t>HRSDC Intranet</t>
  </si>
  <si>
    <t>ESDC-114</t>
  </si>
  <si>
    <t>International Benefits and Foreign Affairs T4</t>
  </si>
  <si>
    <t>IBFA T4</t>
  </si>
  <si>
    <t>Old Age Security;Canada Pension Plan;Canada Pension Plan Disability Benefits</t>
  </si>
  <si>
    <t>ESDC-115</t>
  </si>
  <si>
    <t>ATOM</t>
  </si>
  <si>
    <t>In-Person Points of Service;Passport;Other Government Department Programs;Employment Insurance;Canada Job Fund Agreements;Labour Market Development Agreements;Labour Market Agreements for Persons with Disabilities;Government of Canada Internet Presence;Skills and Partnership Fund;Aboriginal Skills and Employment Training Strategy;Enabling Fund for Official Language Minority Communities;Targeted Initiative for Older Workers;Youth Employment Strategy;Opportunities Fund for Persons with Disabilities;First Nations Job Fund;Sectoral Initiatives Program;Literacy and Essential Skills;Apprenticeship Grants;Canada Student Loans and Grants and Canada Apprentice Loans Program;Old Age Security;Canada Pension Plan;Canada Pension Plan Disability Benefits;Canada Disability Savings Program;National Child Benefit;Homelessness Partnering Strategy;Social Development Partnerships Program;New Horizons for Seniors Program;Universal Child Care Benefit;Enabling Accessibility Fund;Federal Income Support for Parents of Murdered or Missing Children;Government of Canada Telephone General Enquiries Services</t>
  </si>
  <si>
    <t>The ATOM application developed by Innovation, Information and Technology Branch (IITB) has successfully enabled Service Canada to improve the quality of information and the In-Person service experience it provides to citizens. The technology is movin</t>
  </si>
  <si>
    <t>ESDC-116</t>
  </si>
  <si>
    <t>Canada Pension Plan Calculation Module</t>
  </si>
  <si>
    <t>CPPCM</t>
  </si>
  <si>
    <t>Canada Pension Plan Disability Benefits;Canada Pension Plan</t>
  </si>
  <si>
    <t>CPPCM is a desktop application that can calculate or estimate CPP benefit payments for both domestic and foreign accounts. Calculations take into account all legislative changes and provisions related to the CPP; and take into account all Internation</t>
  </si>
  <si>
    <t>ESDC-117</t>
  </si>
  <si>
    <t>IT Renewal Delivery System</t>
  </si>
  <si>
    <t>ITRDS</t>
  </si>
  <si>
    <t>Canada Pension Plan;Canada Pension Plan Disability Benefits</t>
  </si>
  <si>
    <t>ESDC-119</t>
  </si>
  <si>
    <t>Statement of Contribution Online</t>
  </si>
  <si>
    <t>SOC ONLINE, SOCV</t>
  </si>
  <si>
    <t>ESDC-122</t>
  </si>
  <si>
    <t>International Agreements</t>
  </si>
  <si>
    <t>IA</t>
  </si>
  <si>
    <t>ESDC-123</t>
  </si>
  <si>
    <t>Old Age Security</t>
  </si>
  <si>
    <t>OAS</t>
  </si>
  <si>
    <t>ESDC-126</t>
  </si>
  <si>
    <t>Workers Injury Compensation System</t>
  </si>
  <si>
    <t>WICS</t>
  </si>
  <si>
    <t>Workplace Health and Safety</t>
  </si>
  <si>
    <t>ESDC-128</t>
  </si>
  <si>
    <t>Inquiry Reporting and Information System</t>
  </si>
  <si>
    <t>IRIS</t>
  </si>
  <si>
    <t>ESDC-129</t>
  </si>
  <si>
    <t>Insurance Internet Web Sites</t>
  </si>
  <si>
    <t>IIWS, Index of Jurisprudence, Economic Regions, ERDB</t>
  </si>
  <si>
    <t>EI economic regions presentation for display of economic regions including postal code lookup.   EI economic regions web service - used in calculation of entitlement based on unemployment rates for economic regions. Postal code matching to Economic R</t>
  </si>
  <si>
    <t>ESDC-130</t>
  </si>
  <si>
    <t>Insurance Intranet Applications</t>
  </si>
  <si>
    <t>IIA</t>
  </si>
  <si>
    <t>ESDC-131</t>
  </si>
  <si>
    <t>Insurance Benefit Pay Batch Systems</t>
  </si>
  <si>
    <t>BNOP</t>
  </si>
  <si>
    <t>ESDC-132</t>
  </si>
  <si>
    <t>Insurance - Database Maintenance</t>
  </si>
  <si>
    <t>Updates the Insurance database with information from Master flat files.</t>
  </si>
  <si>
    <t>ESDC-133</t>
  </si>
  <si>
    <t>Processing Accuracy Measurement System (Employment Insurance)</t>
  </si>
  <si>
    <t>PRAMS (EI)</t>
  </si>
  <si>
    <t>The On-line quality monitoring report is the quality monitoring (QM) report that must be used to report quality monitoring of initial claim files performed under the Insurance strategic direction for improving the accuracy of benefit payment.</t>
  </si>
  <si>
    <t>ESDC-134</t>
  </si>
  <si>
    <t>Insured Earning Match</t>
  </si>
  <si>
    <t>IEM</t>
  </si>
  <si>
    <t>ESDC-137</t>
  </si>
  <si>
    <t>Interactive Fact Finding Service</t>
  </si>
  <si>
    <t>IFFS</t>
  </si>
  <si>
    <t>Human Resources Management Services;Sectoral Initiatives Program;Apprenticeship Grants;Temporary Foreign Worker Program;Federal Income Support for Parents of Murdered or Missing Children;Homelessness Partnering Strategy;Canada Job Fund Agreements</t>
  </si>
  <si>
    <t>ESDC-138</t>
  </si>
  <si>
    <t>Internet Forms</t>
  </si>
  <si>
    <t>i-Forms</t>
  </si>
  <si>
    <t>Employment Insurance;Labour Market Development Agreements;Canada Job Fund Agreements;Labour Market Agreements for Persons with Disabilities;Opportunities Fund for Persons with Disabilities;Youth Employment Strategy;Targeted Initiative for Older Workers;Enabling Fund for Official Language Minority Communities;Aboriginal Skills and Employment Training Strategy;Skills and Partnership Fund;First Nations Job Fund;Job Bank;Sectoral Initiatives Program;Literacy and Essential Skills;Skilled Trades and Apprenticeship (Red Seal Program);Apprenticeship Grants;Foreign Credential Recognition Program;Temporary Foreign Worker Program;Canada Student Loans and Grants and Canada Apprentice Loans Program;Canada Education Savings Program;Labour Relations;Workplace Health and Safety;Labour Standards and Equity;International Labour Affairs;Old Age Security;Canada Pension Plan;Canada Pension Plan Disability Benefits;Canada Disability Savings Program;National Child Benefit;Homelessness Partnering Strategy;Social Development Partnerships Program;New Horizons for Seniors Program;Universal Child Care Benefit;Enabling Accessibility Fund;Federal Income Support for Parents of Murdered or Missing Children</t>
  </si>
  <si>
    <t>Internet application to distribute electronic forms to the public</t>
  </si>
  <si>
    <t>ESDC-139</t>
  </si>
  <si>
    <t>Internet Reporting Service</t>
  </si>
  <si>
    <t>IRS; Interdec</t>
  </si>
  <si>
    <t>ESDC-140</t>
  </si>
  <si>
    <t>National Integrity Investigation System</t>
  </si>
  <si>
    <t>NIIS</t>
  </si>
  <si>
    <t>Employment Insurance;Temporary Foreign Worker Program;Old Age Security;Canada Pension Plan</t>
  </si>
  <si>
    <t>ESDC-144</t>
  </si>
  <si>
    <t>Integrity Operations Quality Monitoring System</t>
  </si>
  <si>
    <t>IOQMS</t>
  </si>
  <si>
    <t>ESDC-146</t>
  </si>
  <si>
    <t>Investigation Audit Trail Database</t>
  </si>
  <si>
    <t>IATDB,  PMF</t>
  </si>
  <si>
    <t>ESDC-148</t>
  </si>
  <si>
    <t>ISP 2005 - Statement of Contributions</t>
  </si>
  <si>
    <t>ISP 2005</t>
  </si>
  <si>
    <t>ESDC-151</t>
  </si>
  <si>
    <t>OAS IA Reporting Database</t>
  </si>
  <si>
    <t>RPDB</t>
  </si>
  <si>
    <t>Canada Pension Plan;Old Age Security;Canada Pension Plan Disability Benefits</t>
  </si>
  <si>
    <t>ESDC-16</t>
  </si>
  <si>
    <t>Automated Claims Processing</t>
  </si>
  <si>
    <t>Job Bank</t>
  </si>
  <si>
    <t>ESDC-164</t>
  </si>
  <si>
    <t>Job Bank - Translation</t>
  </si>
  <si>
    <t>JBT</t>
  </si>
  <si>
    <t>Job Bank Translation Module (Old/Legacy)</t>
  </si>
  <si>
    <t>ESDC-168</t>
  </si>
  <si>
    <t>ISP Labels Macro</t>
  </si>
  <si>
    <t>ISPLabels</t>
  </si>
  <si>
    <t>ESDC-17</t>
  </si>
  <si>
    <t>Automated Correspondence Solution</t>
  </si>
  <si>
    <t>ACS</t>
  </si>
  <si>
    <t>ESDC-175</t>
  </si>
  <si>
    <t>Local Web Receipt</t>
  </si>
  <si>
    <t>LWR</t>
  </si>
  <si>
    <t>Passport;Employment Insurance;In-Person Points of Service;Temporary Foreign Worker Program;Old Age Security;Canada Pension Plan;Canada Student Loans and Grants and Canada Apprentice Loans Program;Canada Education Savings Program;Financial Management Services;Canada Pension Plan Disability Benefits;Homelessness Partnering Strategy;Social Development Partnerships Program;New Horizons for Seniors Program;Enabling Accessibility Fund;Federal Income Support for Parents of Murdered or Missing Children;Opportunities Fund for Persons with Disabilities;Youth Employment Strategy;Targeted Initiative for Older Workers;Enabling Fund for Official Language Minority Communities;Aboriginal Skills and Employment Training Strategy;Skills and Partnership Fund;First Nations Job Fund;Sectoral Initiatives Program;Apprenticeship Grants</t>
  </si>
  <si>
    <t>ESDC-179</t>
  </si>
  <si>
    <t>Major Investigations and Sensitive Cases Information System</t>
  </si>
  <si>
    <t>MISCIS</t>
  </si>
  <si>
    <t>ESDC-18</t>
  </si>
  <si>
    <t>Automated Earnings Reporting System</t>
  </si>
  <si>
    <t>AERS</t>
  </si>
  <si>
    <t>Under Section 55.1 of the Employment Insurance (EI) Regulations, employers who wish to participate in this voluntary program forward an extract of their payroll data to Service Canada on a regular, predetermined basis. This information is matched dir</t>
  </si>
  <si>
    <t>ESDC-181</t>
  </si>
  <si>
    <t>Manual Pay System</t>
  </si>
  <si>
    <t>MPS</t>
  </si>
  <si>
    <t>ESDC-182</t>
  </si>
  <si>
    <t>Federal Mediation and Conciliation Services Information System</t>
  </si>
  <si>
    <t>FMCSIS</t>
  </si>
  <si>
    <t>ESDC-184</t>
  </si>
  <si>
    <t>My Employment Insurance Information On-line</t>
  </si>
  <si>
    <t>MEIIO</t>
  </si>
  <si>
    <t>NA</t>
  </si>
  <si>
    <t>ESDC-185</t>
  </si>
  <si>
    <t>My Service Canada Account</t>
  </si>
  <si>
    <t>MA, MSCA</t>
  </si>
  <si>
    <t>Employment Insurance;Canada Pension Plan;Old Age Security</t>
  </si>
  <si>
    <t>ESDC-186</t>
  </si>
  <si>
    <t>National Automated Template System</t>
  </si>
  <si>
    <t>Old Age Security;Canada Pension Plan Disability Benefits;Canada Pension Plan</t>
  </si>
  <si>
    <t>ESDC-189</t>
  </si>
  <si>
    <t>National Injury Compensation System</t>
  </si>
  <si>
    <t>NICS</t>
  </si>
  <si>
    <t>ESDC-191</t>
  </si>
  <si>
    <t>National Occupational Classification</t>
  </si>
  <si>
    <t>NOC</t>
  </si>
  <si>
    <t>Other Government Department Programs;Employment Insurance;Labour Market Development Agreements;Canada Job Fund Agreements;Labour Market Agreements for Persons with Disabilities;Opportunities Fund for Persons with Disabilities;Youth Employment Strategy;Targeted Initiative for Older Workers;Enabling Fund for Official Language Minority Communities;Aboriginal Skills and Employment Training Strategy;Skills and Partnership Fund;First Nations Job Fund;Job Bank;Sectoral Initiatives Program;Literacy and Essential Skills;Skilled Trades and Apprenticeship (Red Seal Program);Apprenticeship Grants;Foreign Credential Recognition Program;Temporary Foreign Worker Program;Canada Student Loans and Grants and Canada Apprentice Loans Program;Labour Standards and Equity;International Labour Affairs;Canada Pension Plan Disability Benefits;Human Resources Management Services;In-Person Points of Service;Government of Canada Internet Presence</t>
  </si>
  <si>
    <t>Since its introduction in 1992, the National Occupational Classification system continues to be the authoritative resource on occupational information in Canada. The NOC Web site is used daily by thousands of people to understand the jobs found throu</t>
  </si>
  <si>
    <t>ESDC-194</t>
  </si>
  <si>
    <t>National Workload System</t>
  </si>
  <si>
    <t>NWS</t>
  </si>
  <si>
    <t>ESDC-196</t>
  </si>
  <si>
    <t>Negotech</t>
  </si>
  <si>
    <t>A system of record for Collective Agreement storage and retrieval. Negotech is a a searchable, full-text repository of all scanned digitized electronic  agreements.  Clients are able to directly download any agreement they find.  Summaries for each a</t>
  </si>
  <si>
    <t>ESDC-198</t>
  </si>
  <si>
    <t>NHQ Inquiry Screens</t>
  </si>
  <si>
    <t>NHQINS</t>
  </si>
  <si>
    <t>ESDC-20</t>
  </si>
  <si>
    <t>Automated Purge and Recreate System</t>
  </si>
  <si>
    <t>APRS</t>
  </si>
  <si>
    <t>ESDC-203</t>
  </si>
  <si>
    <t>Online Insurance System</t>
  </si>
  <si>
    <t>OLIS</t>
  </si>
  <si>
    <t>ESDC-204</t>
  </si>
  <si>
    <t>Online Learning Campus</t>
  </si>
  <si>
    <t>OLC</t>
  </si>
  <si>
    <t>The Online Learning Campus (OLC) is a web-based, e-learning application designed to author and deliver moderated and self-directed courses to registered department employees. The Campus offers many features to course participants, course designers an</t>
  </si>
  <si>
    <t>Real-Time Operating System Software</t>
  </si>
  <si>
    <t>ESDC-206</t>
  </si>
  <si>
    <t>Ontario Region Intranet Site</t>
  </si>
  <si>
    <t>AGORA.ON.PRV</t>
  </si>
  <si>
    <t>ESDC-208</t>
  </si>
  <si>
    <t>Organization Observation Statistical System</t>
  </si>
  <si>
    <t>OOS</t>
  </si>
  <si>
    <t>ESDC-21</t>
  </si>
  <si>
    <t>Regional decentralized data bank (T2) (Insurance)</t>
  </si>
  <si>
    <t>RDDB</t>
  </si>
  <si>
    <t>Employment Insurance;Labour Market Development Agreements;Job Bank</t>
  </si>
  <si>
    <t>ESDC-212</t>
  </si>
  <si>
    <t>Pay History Summary</t>
  </si>
  <si>
    <t>PHS</t>
  </si>
  <si>
    <t>ESDC-213</t>
  </si>
  <si>
    <t>Paylist Archive De-Archive</t>
  </si>
  <si>
    <t>PAD</t>
  </si>
  <si>
    <t>ESDC-214</t>
  </si>
  <si>
    <t>Payroll Deduction Accountings and Correction</t>
  </si>
  <si>
    <t>This system receives data from Revenue Canada, monthly, on employer information. While this data identifies many aspects of each employer’s business, the most widely used portion is the employer’s name, address, and phone number.</t>
  </si>
  <si>
    <t>Integrity and Processing</t>
  </si>
  <si>
    <t>ESDC-219</t>
  </si>
  <si>
    <t>Personal Access Code</t>
  </si>
  <si>
    <t>PAC</t>
  </si>
  <si>
    <t>Canada Pension Plan;Employment Insurance;Old Age Security;Canada Pension Plan Disability Benefits</t>
  </si>
  <si>
    <t>ESDC-220</t>
  </si>
  <si>
    <t>Premium Reduction System</t>
  </si>
  <si>
    <t>ESDC-224</t>
  </si>
  <si>
    <t>Purge and Recreate System</t>
  </si>
  <si>
    <t>P&amp;R</t>
  </si>
  <si>
    <t>ESDC-225</t>
  </si>
  <si>
    <t>Quality Assurance Numerical Transaction Analysis</t>
  </si>
  <si>
    <t>QUANTA</t>
  </si>
  <si>
    <t>QUANTA is used to ensure that outputs of jobs run on the mainframe or on servers are balanced. If Quanta detects an unbalanced processing it can warn the operator or stop the processing. It also keeps track of all processing by storing all QC reports</t>
  </si>
  <si>
    <t>ESDC-226</t>
  </si>
  <si>
    <t>Quality Monitoring System</t>
  </si>
  <si>
    <t>The Quality Monitoring System (QM) provides a monitoring mechanism for Initial Decision claims. On a weekly basis a random selection of the Initial Decision claims created by the Document Control System are captured by the QM System and edited. On a</t>
  </si>
  <si>
    <t>ESDC-229</t>
  </si>
  <si>
    <t>Quebec Parental Benefit Exchange</t>
  </si>
  <si>
    <t>QPBE</t>
  </si>
  <si>
    <t>ESDC-230</t>
  </si>
  <si>
    <t>Record of Earnings DISC (ROEDISC)</t>
  </si>
  <si>
    <t>ROEDISC</t>
  </si>
  <si>
    <t>ESDC-232</t>
  </si>
  <si>
    <t>ROE - Capture Module</t>
  </si>
  <si>
    <t>ESDC-234</t>
  </si>
  <si>
    <t>ROE - Management and Distribution System</t>
  </si>
  <si>
    <t>RMDS</t>
  </si>
  <si>
    <t>ESDC-237</t>
  </si>
  <si>
    <t>ROE - Web</t>
  </si>
  <si>
    <t>ROE Web</t>
  </si>
  <si>
    <t>Employment Insurance;Government of Canada Internet Presence</t>
  </si>
  <si>
    <t>ESDC-238</t>
  </si>
  <si>
    <t>ROE - Secure Automated Transfer</t>
  </si>
  <si>
    <t>ROE SAT</t>
  </si>
  <si>
    <t>ESDC-240</t>
  </si>
  <si>
    <t>Registration and Authentication</t>
  </si>
  <si>
    <t>R&amp;A</t>
  </si>
  <si>
    <t>ESDC-242</t>
  </si>
  <si>
    <t>Report on Hirings</t>
  </si>
  <si>
    <t>ROH</t>
  </si>
  <si>
    <t>A voluntary, early EI overpayment detection system, where Employers provide details on newly hired or recalled employees.</t>
  </si>
  <si>
    <t>ESDC-244</t>
  </si>
  <si>
    <t>Returning Canadian Residents Program</t>
  </si>
  <si>
    <t>RCRP</t>
  </si>
  <si>
    <t>ESDC-245</t>
  </si>
  <si>
    <t>ROE Integrity System</t>
  </si>
  <si>
    <t>ROEIS</t>
  </si>
  <si>
    <t>ESDC-246</t>
  </si>
  <si>
    <t>Rules Based Reassessment System</t>
  </si>
  <si>
    <t>RBRS</t>
  </si>
  <si>
    <t>Canada Pension Plan Disability Benefits</t>
  </si>
  <si>
    <t>ESDC-250</t>
  </si>
  <si>
    <t>Self Employed Earnings Match</t>
  </si>
  <si>
    <t>SEEM</t>
  </si>
  <si>
    <t>ESDC-251</t>
  </si>
  <si>
    <t>Service Canada Internet Site</t>
  </si>
  <si>
    <t>SC Internet</t>
  </si>
  <si>
    <t>Employment Insurance;Old Age Security;Canada Pension Plan;Canada Pension Plan Disability Benefits;Canada Disability Savings Program</t>
  </si>
  <si>
    <t>Service Canada Departmental Internet Site.  Additional Notes: It is a web site to provide an adaptive static and dynamic web delivery location for department web content and services  The site receives current information ( or historical information</t>
  </si>
  <si>
    <t>ESDC-252</t>
  </si>
  <si>
    <t>Service Canada Intranet Site</t>
  </si>
  <si>
    <t>SC Intranet</t>
  </si>
  <si>
    <t>Passport;Employment Insurance</t>
  </si>
  <si>
    <t>Service Canada's Departmental Intranet Site.  Notes: Content migrated into HRSDC intranet site.  http://esdc.prv/en/service-canada/index.shtml  The dynamic component also migrated as well, as the other site already had it all. As the dynmic side was</t>
  </si>
  <si>
    <t>ESDC-254</t>
  </si>
  <si>
    <t>SIN - SIR</t>
  </si>
  <si>
    <t>In-Person Points of Service;Other Government Department Programs;Employment Insurance;Job Bank;Canada Student Loans and Grants and Canada Apprentice Loans Program;Old Age Security;Canada Pension Plan;National Child Benefit;Universal Child Care Benefit</t>
  </si>
  <si>
    <t>ESDC-259</t>
  </si>
  <si>
    <t>Supplementary Unemployment Benefits</t>
  </si>
  <si>
    <t>SUB</t>
  </si>
  <si>
    <t>ESDC-260</t>
  </si>
  <si>
    <t>Support System for Agents</t>
  </si>
  <si>
    <t>SSA</t>
  </si>
  <si>
    <t>ESDC-262</t>
  </si>
  <si>
    <t>T4 Supplementary</t>
  </si>
  <si>
    <t>T4SUPP</t>
  </si>
  <si>
    <t>ESDC-263</t>
  </si>
  <si>
    <t>T4E System</t>
  </si>
  <si>
    <t>T4E</t>
  </si>
  <si>
    <t>The main purpose of this application is to gather information from the Computer Pay System (CPS) and Manual Pay System (MPS) in order to produce T4E forms to be mailed at the beginning of each year to the HRDC Clients. These T4 forms must be received</t>
  </si>
  <si>
    <t>ESDC-265</t>
  </si>
  <si>
    <t>Targeting, Referral and Feedback</t>
  </si>
  <si>
    <t>TRF</t>
  </si>
  <si>
    <t>Labour Market Development Agreements</t>
  </si>
  <si>
    <t>ESDC-266</t>
  </si>
  <si>
    <t>Tax Information Slips Online</t>
  </si>
  <si>
    <t>TISO</t>
  </si>
  <si>
    <t>ESDC-268</t>
  </si>
  <si>
    <t>ISP Telecentre Email Forms</t>
  </si>
  <si>
    <t>ISPTELMAIL</t>
  </si>
  <si>
    <t>ESDC-270</t>
  </si>
  <si>
    <t>Unemployment Insurance Calculation</t>
  </si>
  <si>
    <t>UIC</t>
  </si>
  <si>
    <t>ESDC-273</t>
  </si>
  <si>
    <t>View and Update Personal Information</t>
  </si>
  <si>
    <t>VUPI</t>
  </si>
  <si>
    <t>ESDC-274</t>
  </si>
  <si>
    <t>Violations</t>
  </si>
  <si>
    <t>VIO</t>
  </si>
  <si>
    <t>The Violations system was a result of the New Legislation Changes (Bill C-12) introduced in January 1997. This system involved the introduction of a new VIOLATION dataset on the Insurance database to track information pertaining to any fraudulent act</t>
  </si>
  <si>
    <t>ESDC-275</t>
  </si>
  <si>
    <t>Integration Hub</t>
  </si>
  <si>
    <t>To provide a central IT solution to share data with internal and external partners.</t>
  </si>
  <si>
    <t>Follow-up</t>
  </si>
  <si>
    <t>ESDC-276</t>
  </si>
  <si>
    <t>Wage Recovery Appeals System</t>
  </si>
  <si>
    <t>WRAS</t>
  </si>
  <si>
    <t>Other Government Department Programs;Labour Standards and Equity;Financial Management Services</t>
  </si>
  <si>
    <t>ESDC-277</t>
  </si>
  <si>
    <t>Warrant Production ISPRINT</t>
  </si>
  <si>
    <t>ISPRINT</t>
  </si>
  <si>
    <t>ESDC-280</t>
  </si>
  <si>
    <t>Web Error Code System</t>
  </si>
  <si>
    <t>WECS</t>
  </si>
  <si>
    <t>Web application used to retrieve and update error code description for transactions.  This is a database of the description of the error codes and the workarounds. These error codes are generated in other apps when a particular function is executed,</t>
  </si>
  <si>
    <t>ESDC-282</t>
  </si>
  <si>
    <t>Correspondence and Issues Management System</t>
  </si>
  <si>
    <t>WebCIMS - HRSDC</t>
  </si>
  <si>
    <t>Government of Canada Telephone General Enquiries Services;Passport;Employment Insurance;Labour Market Development Agreements;Canada Job Fund Agreements;Labour Market Agreements for Persons with Disabilities;Opportunities Fund for Persons with Disabilities;Youth Employment Strategy;Targeted Initiative for Older Workers;Enabling Fund for Official Language Minority Communities;Aboriginal Skills and Employment Training Strategy;Skills and Partnership Fund;Job Bank;Sectoral Initiatives Program;Literacy and Essential Skills;Skilled Trades and Apprenticeship (Red Seal Program);Apprenticeship Grants;Temporary Foreign Worker Program;Canada Student Loans and Grants and Canada Apprentice Loans Program;Canada Education Savings Program;Workplace Health and Safety;Labour Standards and Equity;Old Age Security;Canada Pension Plan;Canada Pension Plan Disability Benefits;Canada Disability Savings Program;National Child Benefit;Homelessness Partnering Strategy;Social Development Partnerships Program;New Horizons for Seniors Program;Universal Child Care Benefit;Enabling Accessibility Fund;Federal Income Support for Parents of Murdered or Missing Children;Management and Oversight Services;Communications Services;Legal Services;Human Resources Management Services;Financial Management Services;Information Management Services;Information Technology Services;Foreign Credential Recognition Program;International Labour Affairs;Labour Relations</t>
  </si>
  <si>
    <t>ESDC-284</t>
  </si>
  <si>
    <t>Work Item and Inventory Distribution System</t>
  </si>
  <si>
    <t>WIID</t>
  </si>
  <si>
    <t>ESDC-286</t>
  </si>
  <si>
    <t>False Claim Detection Program</t>
  </si>
  <si>
    <t>FCDP</t>
  </si>
  <si>
    <t>ESDC-287</t>
  </si>
  <si>
    <t>Family Supplement</t>
  </si>
  <si>
    <t>FS</t>
  </si>
  <si>
    <t>ESDC-292</t>
  </si>
  <si>
    <t>Foreign Worker System</t>
  </si>
  <si>
    <t>FWS</t>
  </si>
  <si>
    <t>Temporary Foreign Worker Program</t>
  </si>
  <si>
    <t>ESDC-294</t>
  </si>
  <si>
    <t>Full Text Screens</t>
  </si>
  <si>
    <t>ESDC-295</t>
  </si>
  <si>
    <t>Appeals Management System - Office of the Umpire</t>
  </si>
  <si>
    <t>AMS-OU</t>
  </si>
  <si>
    <t>Canada Pension Plan;Employment Insurance;Old Age Security</t>
  </si>
  <si>
    <t>ESDC-298</t>
  </si>
  <si>
    <t>Canadian Occupation Projection System</t>
  </si>
  <si>
    <t>ESDC-299</t>
  </si>
  <si>
    <t>Ellis Chart</t>
  </si>
  <si>
    <t>Skilled Trades and Apprenticeship (Red Seal Program)</t>
  </si>
  <si>
    <t>Ellis Chart was migrated to the EWCMS solution using WET 4 hosted under the SCWASI project in 2016.   The Ellis Chart website provides real-time up to date information on approximately 400 apprenticeable trades in Canada. The data is maintained by 2</t>
  </si>
  <si>
    <t>ESDC-300</t>
  </si>
  <si>
    <t>Work Skills Knowledge Checklist Admin Tool</t>
  </si>
  <si>
    <t>WSKCAT</t>
  </si>
  <si>
    <t>The Work-Skills-Knowledge &amp; Checklist Admin Tool with Web Service Database Support Application (WSKCAT-WS DSA) provides a knowledge management database environment for research analysts to perform several functions related to creating, updating, and</t>
  </si>
  <si>
    <t>ESDC-302</t>
  </si>
  <si>
    <t>Integrity Risk Analysis Strategies</t>
  </si>
  <si>
    <t>IRAS</t>
  </si>
  <si>
    <t>Employment Insurance;Temporary Foreign Worker Program;Canada Pension Plan;Old Age Security</t>
  </si>
  <si>
    <t>SAS Institute Canada</t>
  </si>
  <si>
    <t>ESDC-303</t>
  </si>
  <si>
    <t>Integrity Data Mining</t>
  </si>
  <si>
    <t>Canada Pension Plan;Temporary Foreign Worker Program;Employment Insurance;Old Age Security</t>
  </si>
  <si>
    <t>ESDC-323</t>
  </si>
  <si>
    <t>Corporate Management System - Finance</t>
  </si>
  <si>
    <t>ESDC-328</t>
  </si>
  <si>
    <t>CanLearn Pro</t>
  </si>
  <si>
    <t>Canada Student Loans and Grants and Canada Apprentice Loans Program;Canada Education Savings Program</t>
  </si>
  <si>
    <t>ESDC-329</t>
  </si>
  <si>
    <t>CCOHS-Musculoskeletal Injury E-Tool</t>
  </si>
  <si>
    <t>ESDC-33</t>
  </si>
  <si>
    <t>Benefit Repayment Adjustment Calculation</t>
  </si>
  <si>
    <t>BRAC</t>
  </si>
  <si>
    <t>ESDC-332</t>
  </si>
  <si>
    <t>Federal Activities and Expenditures for Young Children</t>
  </si>
  <si>
    <t>FAEYC</t>
  </si>
  <si>
    <t>Other Government Department Programs</t>
  </si>
  <si>
    <t>The Child and Youth Policy unit of the Social Policy Development directorate of Human Resources and Social Development Canada (HRSDC) is responsible for regular reporting of annual ECD and ELCC activities and expenditures on behalf of the Government</t>
  </si>
  <si>
    <t>ESDC-333</t>
  </si>
  <si>
    <t>Governor in Council Appointments System</t>
  </si>
  <si>
    <t>GICAS</t>
  </si>
  <si>
    <t>The Governor in Council Appointments System (GICAS) was developed in 2007-2008 for use by the Governor in Council Appointments Unit. This tool supports Ministerial Appointments officers by providing direct access to up-to-date information regarding t</t>
  </si>
  <si>
    <t>ESDC-334</t>
  </si>
  <si>
    <t>Homeless Individuals and Families Information System</t>
  </si>
  <si>
    <t>HIFIS</t>
  </si>
  <si>
    <t>Homelessness Partnering Strategy</t>
  </si>
  <si>
    <t>ESDC-335</t>
  </si>
  <si>
    <t>Homelessness Electronic Reporting and Information Network</t>
  </si>
  <si>
    <t>HERIN</t>
  </si>
  <si>
    <t>ESDC-338</t>
  </si>
  <si>
    <t>Integrated Planning Assistant</t>
  </si>
  <si>
    <t>IPA</t>
  </si>
  <si>
    <t>Old Age Security;Canada Pension Plan;Canada Pension Plan Disability Benefits;Canada Disability Savings Program;Homelessness Partnering Strategy;Social Development Partnerships Program;New Horizons for Seniors Program;Enabling Accessibility Fund</t>
  </si>
  <si>
    <t>ESDC-341</t>
  </si>
  <si>
    <t>Knowledge Portal</t>
  </si>
  <si>
    <t>KP</t>
  </si>
  <si>
    <t>The Knowledge Portal is an electronic tool that provides employees throughout the HRSDC portfolio (including Labour Canada, Service Canada, PRI) with a single gateway to the Department's knowledge holdings. Currently the Interactive Forum (IF) is bei</t>
  </si>
  <si>
    <t>ESDC-342</t>
  </si>
  <si>
    <t>Master Certification List</t>
  </si>
  <si>
    <t>MCL</t>
  </si>
  <si>
    <t>Other Government Department Programs;Canada Student Loans and Grants and Canada Apprentice Loans Program</t>
  </si>
  <si>
    <t>The Master Certification List (MCL) tool provides dynamic, up-to-date information on certified educational institutions across Canada. The Minister of Employment and Social Development Canada (ESDC) certifies post-secondary institutions under the Inc</t>
  </si>
  <si>
    <t>ESDC-344</t>
  </si>
  <si>
    <t>PDMS</t>
  </si>
  <si>
    <t>Financial Management Services;Information Management Services</t>
  </si>
  <si>
    <t>In response to new Proactive Disclosure reporting policies, in 2008-2009 HRSDC released a new, online application to dynamically report on travel and hospitality, contracting, grants and contributions, and HR reclassification within the department. T</t>
  </si>
  <si>
    <t>ESDC-345</t>
  </si>
  <si>
    <t>Publications Management and Planning System</t>
  </si>
  <si>
    <t>Government of Canada Internet Presence;Other Government Department Programs;Communications Services</t>
  </si>
  <si>
    <t>A two part internal and public facing application that  A) Allows authorized HRSDC Strategic Communications and Stakeholder Relations employees to add, update and track HRSDC formal publications. This includes a workflow of the publication process.</t>
  </si>
  <si>
    <t>ESDC-347</t>
  </si>
  <si>
    <t>Research Management System</t>
  </si>
  <si>
    <t>Database that stores up-to-date information on ongoing and planned research activities, along with completed research reports, monthly Labour Market reports and Economic updates. Can be accessed through the Knowledge Portal.</t>
  </si>
  <si>
    <t>SC</t>
  </si>
  <si>
    <t>ESDC-349</t>
  </si>
  <si>
    <t>Surplus Federal Real Property for Homelessness Initiative</t>
  </si>
  <si>
    <t>SFRPHI</t>
  </si>
  <si>
    <t>Makes surplus federal real properties available to community organizations, the not-for-profit sector, and other levels of government for projects to help prevent and reduce homelessness.</t>
  </si>
  <si>
    <t>ESDC-351</t>
  </si>
  <si>
    <t>Red Seal</t>
  </si>
  <si>
    <t>In 2015, under the SCWASI project, Red Seal was migrated from a Java application environment into a fully static website.  In 2014, the Red Seal was re-designed/re-developed and implemented using up to date technology and standards. It is using the W</t>
  </si>
  <si>
    <t>ESDC-352</t>
  </si>
  <si>
    <t>Workplace Equity Information Management System</t>
  </si>
  <si>
    <t>WEIMS</t>
  </si>
  <si>
    <t>Labour Standards and Equity</t>
  </si>
  <si>
    <t>ESDC-353</t>
  </si>
  <si>
    <t>Youth Employment Strategy - Interdepartmental Data Collection System</t>
  </si>
  <si>
    <t>YESDCS</t>
  </si>
  <si>
    <t>Youth Employment Strategy</t>
  </si>
  <si>
    <t>ESDC-368</t>
  </si>
  <si>
    <t>Federal Jurisdiction Work Injuries Database</t>
  </si>
  <si>
    <t>FJID</t>
  </si>
  <si>
    <t>ESDC-37</t>
  </si>
  <si>
    <t>Business Registration Information</t>
  </si>
  <si>
    <t>BRI</t>
  </si>
  <si>
    <t>ESDC-380</t>
  </si>
  <si>
    <t>IRIS - Foreign Worker</t>
  </si>
  <si>
    <t>IRIS - FW</t>
  </si>
  <si>
    <t>ESDC-381</t>
  </si>
  <si>
    <t>IRIS - Common System for Grants and Contributions</t>
  </si>
  <si>
    <t>IRIS - CSGC</t>
  </si>
  <si>
    <t>Opportunities Fund for Persons with Disabilities;Youth Employment Strategy;Enabling Fund for Official Language Minority Communities;Aboriginal Skills and Employment Training Strategy;Skills and Partnership Fund;First Nations Job Fund;Sectoral Initiatives Program;Literacy and Essential Skills;Foreign Credential Recognition Program;Homelessness Partnering Strategy;Social Development Partnerships Program;New Horizons for Seniors Program</t>
  </si>
  <si>
    <t>ESDC-384</t>
  </si>
  <si>
    <t>Enterprise Web Services - WSAudit</t>
  </si>
  <si>
    <t>WSAudit</t>
  </si>
  <si>
    <t>Government of Canada Internet Presence;Information Technology Services</t>
  </si>
  <si>
    <t>ESDC-385</t>
  </si>
  <si>
    <t>Enterprise Web Services - WSDBLink</t>
  </si>
  <si>
    <t>WSDBLink</t>
  </si>
  <si>
    <t>Government of Canada Internet Presence;Employment Insurance;Canada Disability Savings Program;Labour Relations;Labour Standards and Equity</t>
  </si>
  <si>
    <t>ESDC-386</t>
  </si>
  <si>
    <t>Enterprise Web Services - WSED</t>
  </si>
  <si>
    <t>Government of Canada Internet Presence;Employment Insurance;Opportunities Fund for Persons with Disabilities;Temporary Foreign Worker Program;Canada Pension Plan;Canada Disability Savings Program;Apprenticeship Grants;Job Bank</t>
  </si>
  <si>
    <t>ESDC-387</t>
  </si>
  <si>
    <t>Enterprise Web Services - IMCCE</t>
  </si>
  <si>
    <t>IMCCE</t>
  </si>
  <si>
    <t>Government of Canada Internet Presence;Employment Insurance</t>
  </si>
  <si>
    <t>ESDC-390</t>
  </si>
  <si>
    <t>LA2000</t>
  </si>
  <si>
    <t>Workplace Health and Safety;Labour Standards and Equity</t>
  </si>
  <si>
    <t>ESDC-392</t>
  </si>
  <si>
    <t>SIN Deactivation System</t>
  </si>
  <si>
    <t>*Blank last round</t>
  </si>
  <si>
    <t>ESDC-393</t>
  </si>
  <si>
    <t>ROE - Data and Web Services</t>
  </si>
  <si>
    <t>ROE DWS</t>
  </si>
  <si>
    <t>ESDC-394</t>
  </si>
  <si>
    <t>IRIS - Job Bank</t>
  </si>
  <si>
    <t>IRIS - JB</t>
  </si>
  <si>
    <t>Job Bank Reporting tools (Old/Legacy)</t>
  </si>
  <si>
    <t>ESDC-395</t>
  </si>
  <si>
    <t>IRIS - CAWS</t>
  </si>
  <si>
    <t>In-Person Points of Service;Other Government Department Programs</t>
  </si>
  <si>
    <t>Provides adhoc reporting functionality for the Citizen Access Workstation Services (CAWS) using Cognos Impromptu</t>
  </si>
  <si>
    <t>ESDC-396</t>
  </si>
  <si>
    <t>IRIS - Canada Pension Plan</t>
  </si>
  <si>
    <t>IRIS - CPP</t>
  </si>
  <si>
    <t>ESDC-397</t>
  </si>
  <si>
    <t>IRIS - Call Centre</t>
  </si>
  <si>
    <t>IRIS - CC</t>
  </si>
  <si>
    <t>Old Age Security;Canada Pension Plan;Canada Pension Plan Disability Benefits;Employment Insurance;Temporary Foreign Worker Program;Job Bank</t>
  </si>
  <si>
    <t>ESDC-40</t>
  </si>
  <si>
    <t>Canada Disability Savings Program System</t>
  </si>
  <si>
    <t>CDSPS</t>
  </si>
  <si>
    <t>Canada Disability Savings Program</t>
  </si>
  <si>
    <t>ESDC-402</t>
  </si>
  <si>
    <t>Corporate Solution Directory</t>
  </si>
  <si>
    <t>CSD</t>
  </si>
  <si>
    <t>Trusted source of information pertaining to IITB's custom built solutions.</t>
  </si>
  <si>
    <t>ESDC-403</t>
  </si>
  <si>
    <t>Benefit Pay Control System</t>
  </si>
  <si>
    <t>ESDC-404</t>
  </si>
  <si>
    <t>BNOP History</t>
  </si>
  <si>
    <t>BNOP-HIST</t>
  </si>
  <si>
    <t>The History system runs once a year. One part of the system runs in each of the ITCs checking the dormant and updating the history BNOP files. The other part is run in Montreal and merges the regional history BNOP files to create the history master B</t>
  </si>
  <si>
    <t>ESDC-405</t>
  </si>
  <si>
    <t>Insurance Name and Address</t>
  </si>
  <si>
    <t>ESDC-406</t>
  </si>
  <si>
    <t>Family Order Agreement</t>
  </si>
  <si>
    <t>FOA</t>
  </si>
  <si>
    <t>ESDC-407</t>
  </si>
  <si>
    <t>Insurance Data Exchange System</t>
  </si>
  <si>
    <t>IDES</t>
  </si>
  <si>
    <t>ESDC-408</t>
  </si>
  <si>
    <t>ME06 Archive</t>
  </si>
  <si>
    <t>ME06</t>
  </si>
  <si>
    <t>ESDC-41</t>
  </si>
  <si>
    <t>Canada News Centre</t>
  </si>
  <si>
    <t>GoC Newsroom</t>
  </si>
  <si>
    <t>Government of Canada Internet Presence</t>
  </si>
  <si>
    <t>The Canada News Centre provides citizens up-to-the-minute Web access to government news releases and media advisories.</t>
  </si>
  <si>
    <t>ESDC-42</t>
  </si>
  <si>
    <t>Canada Student Loans System</t>
  </si>
  <si>
    <t>CSLS</t>
  </si>
  <si>
    <t>Canada Student Loans and Grants and Canada Apprentice Loans Program</t>
  </si>
  <si>
    <t>ESDC-424</t>
  </si>
  <si>
    <t>Wage System</t>
  </si>
  <si>
    <t>J90</t>
  </si>
  <si>
    <t>The Wage System (J90) supports the Workplace Information Program by calculating wage information to be used by Statistics Canada, the Bank of Canada and by trade unions, employees, employers and researchers.</t>
  </si>
  <si>
    <t>ESDC-43</t>
  </si>
  <si>
    <t>CanLearn</t>
  </si>
  <si>
    <t>CanLearn Tools</t>
  </si>
  <si>
    <t>CanLearn Tools informs, educates, and promotes participation in post-secondary education by providing Canadians with the information they need to save, plan, and pay for their education. Through interactive tools and information on the Canada Student</t>
  </si>
  <si>
    <t>EWCMS</t>
  </si>
  <si>
    <t>HRSC</t>
  </si>
  <si>
    <t>ESDC-44</t>
  </si>
  <si>
    <t>Canada Education Savings Grants System</t>
  </si>
  <si>
    <t>CESG</t>
  </si>
  <si>
    <t>Canada Education Savings Program</t>
  </si>
  <si>
    <t>ESDC-442</t>
  </si>
  <si>
    <t>Boardroom Booking System - New</t>
  </si>
  <si>
    <t>BBS - SP</t>
  </si>
  <si>
    <t>Materiel Services,Real Property Services,Travel and Other Administrative Services</t>
  </si>
  <si>
    <t>Materiel Services;Real Property Services</t>
  </si>
  <si>
    <t>This is a Sharepoint 2010 application to replace the outdated BBS.  Systems is used to reserve boardroom and equipemen in the NHQ region for all rooms and equipment that Business Center of CFOB are responsible for.</t>
  </si>
  <si>
    <t>MSCD</t>
  </si>
  <si>
    <t>Follow-Up</t>
  </si>
  <si>
    <t>ESDC-444</t>
  </si>
  <si>
    <t>Enterprise Web Services - WSEMail</t>
  </si>
  <si>
    <t>WSEMail</t>
  </si>
  <si>
    <t>Government of Canada Internet Presence;Employment Insurance;Temporary Foreign Worker Program;Old Age Security;Canada Pension Plan;Canada Disability Savings Program;Information Technology Services</t>
  </si>
  <si>
    <t>ESDC-445</t>
  </si>
  <si>
    <t>IRIS - In-Person Reporting Module</t>
  </si>
  <si>
    <t>IRIS - IRM</t>
  </si>
  <si>
    <t>In-Person Points of Service</t>
  </si>
  <si>
    <t>Cognos Reporting module for the The In-Person Client Management, Tracking and Reporting (ICMTR) application developed by Innovation, Information and Technology Branch (IITB).</t>
  </si>
  <si>
    <t>ESDC-446</t>
  </si>
  <si>
    <t>IRIS - Aboriginal Program Unified Solution</t>
  </si>
  <si>
    <t>IRIS - APUS</t>
  </si>
  <si>
    <t>Aboriginal Skills and Employment Training Strategy;Skills and Partnership Fund;First Nations Job Fund</t>
  </si>
  <si>
    <t>ESDC-45</t>
  </si>
  <si>
    <t>EduCanada</t>
  </si>
  <si>
    <t>LLS</t>
  </si>
  <si>
    <t>EduCanada is a piece of functionailty built into CanLearn Pro to allow Educational Institutions (EI) to update their own CPIC information relating to school informationa nd program information.</t>
  </si>
  <si>
    <t>ESDC-450</t>
  </si>
  <si>
    <t>Expanding Predictive Analytic for All Regions</t>
  </si>
  <si>
    <t>EPAR</t>
  </si>
  <si>
    <t>This Oracle database pulls in data required to use the Computer Post Audit predictive model. The Expand Predictive Analytics to All Regions (EPAR) database continues to be used for that purpose.  EPAR computes and saves the risk score then sends it t</t>
  </si>
  <si>
    <t>ESDC-452</t>
  </si>
  <si>
    <t>Access To Information and Privacy (AccessPro-NHQ)</t>
  </si>
  <si>
    <t>CSDC Systems</t>
  </si>
  <si>
    <t>ESDC-453</t>
  </si>
  <si>
    <t>Appeals Delivery and Management System - Pension</t>
  </si>
  <si>
    <t>ADMS-P</t>
  </si>
  <si>
    <t>Canada Pension Plan;Old Age Security</t>
  </si>
  <si>
    <t>ESDC-454</t>
  </si>
  <si>
    <t>AdminLauncher</t>
  </si>
  <si>
    <t>Admin Launcher is a secure tool that amalgamates many existing tools and information sources needed by IT professionals into a single unified interface. An administrator signs into Admin Launcher once and from that point does not have to provide cred</t>
  </si>
  <si>
    <t>ESDC-459</t>
  </si>
  <si>
    <t>Government Online Support Services</t>
  </si>
  <si>
    <t>GSS</t>
  </si>
  <si>
    <t>ESDC-460</t>
  </si>
  <si>
    <t>Corporate Payment Management System</t>
  </si>
  <si>
    <t>CPMS</t>
  </si>
  <si>
    <t>ESDC-461</t>
  </si>
  <si>
    <t>Integrity Program Reporting Tool</t>
  </si>
  <si>
    <t>IPRT</t>
  </si>
  <si>
    <t>Employment Insurance;Management and Oversight Services;Old Age Security;Canada Pension Plan;Temporary Foreign Worker Program</t>
  </si>
  <si>
    <t>The Integrity Reporting Program Tool (IPRT) is a Web-based system for centralizing data and supplying reports for the Integrity Services Branch. The web-based reporting tool provides Integrity operational information such as: Savings, Workload Volume</t>
  </si>
  <si>
    <t>ESDC-462</t>
  </si>
  <si>
    <t>Self Employment Data Exchange</t>
  </si>
  <si>
    <t>SEDX</t>
  </si>
  <si>
    <t>ESDC-463</t>
  </si>
  <si>
    <t>Civil Service Insurance</t>
  </si>
  <si>
    <t>CSI</t>
  </si>
  <si>
    <t>ESDC-464</t>
  </si>
  <si>
    <t>Management and Oversight Services;Acquisition Services;Materiel Services;Real Property Services;Information Technology Services;Information Management Services;Financial Management Services</t>
  </si>
  <si>
    <t>ESDC-465</t>
  </si>
  <si>
    <t>PeopleSoft HCM 9.1</t>
  </si>
  <si>
    <t>PS HCM [ myEMS(PeopleSoft) ]</t>
  </si>
  <si>
    <t>ESDC-466</t>
  </si>
  <si>
    <t>Action Item Management System</t>
  </si>
  <si>
    <t>ESDC-467</t>
  </si>
  <si>
    <t>Office Profiles</t>
  </si>
  <si>
    <t>Government of Canada Internet Presence;In-Person Points of Service;Other Government Department Programs</t>
  </si>
  <si>
    <t>Office Profiles (OP) is a national web-based application used to maintain and manage pertinent information on Service Canada Centres (SCC) and Scheduled Outreach Sites. This information includes all general contact information, main telephone numbers</t>
  </si>
  <si>
    <t>ESDC-468</t>
  </si>
  <si>
    <t>CSLP System of Record</t>
  </si>
  <si>
    <t>SoR</t>
  </si>
  <si>
    <t>ESDC-47</t>
  </si>
  <si>
    <t>Canadian Government Annuities</t>
  </si>
  <si>
    <t>CGA</t>
  </si>
  <si>
    <t>ESDC-471</t>
  </si>
  <si>
    <t>Enterprise Web Content Management System</t>
  </si>
  <si>
    <t>Employment Insurance;Canada Job Fund Agreements;Labour Market Agreements for Persons with Disabilities;Youth Employment Strategy;Aboriginal Skills and Employment Training Strategy;Skills and Partnership Fund;First Nations Job Fund;Job Bank;Literacy and Essential Skills;Apprenticeship Grants;Temporary Foreign Worker Program;Canada Student Loans and Grants and Canada Apprentice Loans Program;Canada Education Savings Program;Labour Standards and Equity;Workplace Health and Safety;Old Age Security;Canada Pension Plan;Canada Pension Plan Disability Benefits;Canada Disability Savings Program;National Child Benefit;Homelessness Partnering Strategy;Social Development Partnerships Program;New Horizons for Seniors Program;Universal Child Care Benefit;Enabling Accessibility Fund;Federal Income Support for Parents of Murdered or Missing Children;Legal Services;Human Resources Management Services</t>
  </si>
  <si>
    <t>ESDC-476</t>
  </si>
  <si>
    <t>SAS Desktop Migration to Server Solution 1</t>
  </si>
  <si>
    <t>DMSS1</t>
  </si>
  <si>
    <t>Labour Market Development Agreements;Opportunities Fund for Persons with Disabilities;Youth Employment Strategy;Targeted Initiative for Older Workers;Enabling Fund for Official Language Minority Communities;Aboriginal Skills and Employment Training Strategy;Skills and Partnership Fund;First Nations Job Fund;Foreign Credential Recognition Program;Homelessness Partnering Strategy;Social Development Partnerships Program;New Horizons for Seniors Program</t>
  </si>
  <si>
    <t>ESDC-477</t>
  </si>
  <si>
    <t>Docket Tracking System</t>
  </si>
  <si>
    <t>DTS</t>
  </si>
  <si>
    <t>CLIENT OWNED - NOT SUPPORTED. NO ART CODE. NO SLA.  RISK: Users are relying on it. Keeps track of files using a scanner. Clipper application with a DBase database, installed in several locations across the country. Needs to be replaced ASAP but nobod</t>
  </si>
  <si>
    <t>ESDC-479</t>
  </si>
  <si>
    <t>Grants and Contributions Online Services</t>
  </si>
  <si>
    <t>GCOS</t>
  </si>
  <si>
    <t>Government of Canada Internet Presence;Opportunities Fund for Persons with Disabilities;Youth Employment Strategy;Enabling Fund for Official Language Minority Communities;Aboriginal Skills and Employment Training Strategy;Skills and Partnership Fund;First Nations Job Fund;Sectoral Initiatives Program;Literacy and Essential Skills;Foreign Credential Recognition Program;Homelessness Partnering Strategy;Social Development Partnerships Program;New Horizons for Seniors Program;Enabling Accessibility Fund</t>
  </si>
  <si>
    <t>ESDC-48</t>
  </si>
  <si>
    <t>Canadian Retirement Income Calculator</t>
  </si>
  <si>
    <t>CRIC</t>
  </si>
  <si>
    <t>This online service will provide you with retirement income information, including OAS and CPP benefits. You will need to work through a series of modules in order to estimate your retirement incomes and compare them to the 70% income replacement rat</t>
  </si>
  <si>
    <t>ESDC-486</t>
  </si>
  <si>
    <t>Canada’s Volunteer Awards</t>
  </si>
  <si>
    <t>CVA</t>
  </si>
  <si>
    <t>Social Development Partnerships Program</t>
  </si>
  <si>
    <t>ESDC-487</t>
  </si>
  <si>
    <t>Business Expertise Support System</t>
  </si>
  <si>
    <t>BESS</t>
  </si>
  <si>
    <t>To facilitate the provision of advice and guidance from subject matter experts to service delivery representatives in application processing, operational services and client centers.</t>
  </si>
  <si>
    <t>ESDC-489</t>
  </si>
  <si>
    <t>Financial Management Services,Human Resources Management Services,Information Management Services,Information Technology Services,Other</t>
  </si>
  <si>
    <t>Human Resources Management Services;Information Technology Services;Information Management Services</t>
  </si>
  <si>
    <t>VMS</t>
  </si>
  <si>
    <t>ESDC-491</t>
  </si>
  <si>
    <t>Communications Translation System</t>
  </si>
  <si>
    <t>COMMTRANS (T-Plus)</t>
  </si>
  <si>
    <t>Communications Translation System (COMMTRANS), also known as TPlus is an application used by the Language Quality Control Unit (LQCU) to manage translation requests.  This tool is used by the Translation group to track translation requests. Translati</t>
  </si>
  <si>
    <t>ESDC-498</t>
  </si>
  <si>
    <t>Social Insurance Registration Information Tracking System</t>
  </si>
  <si>
    <t>SIRITS</t>
  </si>
  <si>
    <t>Government of Canada Telephone General Enquiries Services</t>
  </si>
  <si>
    <t>ESDC-499</t>
  </si>
  <si>
    <t>IRIS - CMS-Financial</t>
  </si>
  <si>
    <t>IRIS - CFOB</t>
  </si>
  <si>
    <t>Passport;Other Government Department Programs;Labour Market Development Agreements;Canada Job Fund Agreements;Labour Market Agreements for Persons with Disabilities;Opportunities Fund for Persons with Disabilities;Youth Employment Strategy;Targeted Initiative for Older Workers;Enabling Fund for Official Language Minority Communities;Aboriginal Skills and Employment Training Strategy;Skills and Partnership Fund;First Nations Job Fund;Job Bank;Sectoral Initiatives Program;Literacy and Essential Skills;Skilled Trades and Apprenticeship (Red Seal Program);Acquisition Services;Materiel Services;Apprenticeship Grants;Foreign Credential Recognition Program;Temporary Foreign Worker Program;Canada Student Loans and Grants and Canada Apprentice Loans Program;Canada Education Savings Program;Labour Relations;Workplace Health and Safety;Labour Standards and Equity;International Labour Affairs;Canada Pension Plan;Old Age Security;Canada Pension Plan Disability Benefits;Canada Disability Savings Program;National Child Benefit;Homelessness Partnering Strategy;Social Development Partnerships Program;New Horizons for Seniors Program;Universal Child Care Benefit;Enabling Accessibility Fund;Management and Oversight Services;Federal Income Support for Parents of Murdered or Missing Children;Communications Services;Legal Services;Human Resources Management Services;Financial Management Services;Information Management Services;Information Technology Services;Real Property Services</t>
  </si>
  <si>
    <t>ESDC-5</t>
  </si>
  <si>
    <t>Aboriginal Human Resource Development Strategy</t>
  </si>
  <si>
    <t>AHRDS Internet</t>
  </si>
  <si>
    <t>The AHRDS - Internet application component is to be accessible to the Canadian public via the Internet web interface 24 hours per day, 7 days per week. It is an internet portal for Aboriginal organizations where they access documents they need to rep</t>
  </si>
  <si>
    <t>ESDC-50</t>
  </si>
  <si>
    <t>Central Production</t>
  </si>
  <si>
    <t>ESDC-500</t>
  </si>
  <si>
    <t>IRIS - CMS-HR</t>
  </si>
  <si>
    <t>IRIS - HR</t>
  </si>
  <si>
    <t>ESDC-501</t>
  </si>
  <si>
    <t>IRIS - Departmental Accounts Receivable System</t>
  </si>
  <si>
    <t>IRIS - DARS My CFOB</t>
  </si>
  <si>
    <t>Other Government Department Programs;Employment Insurance;Labour Market Development Agreements;Canada Job Fund Agreements;Labour Market Agreements for Persons with Disabilities;Opportunities Fund for Persons with Disabilities;Youth Employment Strategy;Targeted Initiative for Older Workers;Enabling Fund for Official Language Minority Communities;Aboriginal Skills and Employment Training Strategy;Skills and Partnership Fund;First Nations Job Fund;Sectoral Initiatives Program;Literacy and Essential Skills;Skilled Trades and Apprenticeship (Red Seal Program);Apprenticeship Grants;Foreign Credential Recognition Program;Canada Student Loans and Grants and Canada Apprentice Loans Program;Canada Education Savings Program;Temporary Foreign Worker Program;Workplace Health and Safety;Labour Standards and Equity;Old Age Security;Canada Pension Plan;Canada Pension Plan Disability Benefits;Canada Disability Savings Program;National Child Benefit;Homelessness Partnering Strategy;Social Development Partnerships Program;New Horizons for Seniors Program;Universal Child Care Benefit;Enabling Accessibility Fund;Federal Income Support for Parents of Murdered or Missing Children;Management and Oversight Services;Financial Management Services;Information Management Services;Information Technology Services</t>
  </si>
  <si>
    <t>ESDC-502</t>
  </si>
  <si>
    <t>Compensation Inventory Management System</t>
  </si>
  <si>
    <t>ESDC-504</t>
  </si>
  <si>
    <t>Parking Pass Management Tool</t>
  </si>
  <si>
    <t>ESDC-506</t>
  </si>
  <si>
    <t>Grants and Contributions Questionnaire</t>
  </si>
  <si>
    <t>GCQ</t>
  </si>
  <si>
    <t>ESDC-508</t>
  </si>
  <si>
    <t>ROE - Automated Readiness Trigger</t>
  </si>
  <si>
    <t>ROE-ART</t>
  </si>
  <si>
    <t>This solution is used as a business rule engine for ROE records. ROE records are passed through this module to validate against ROE business rules and then the results are saved to the ROE database.</t>
  </si>
  <si>
    <t>ESDC-514</t>
  </si>
  <si>
    <t>SharePoint Generic Collaboration - 2010</t>
  </si>
  <si>
    <t>SP 2010</t>
  </si>
  <si>
    <t>Information Management Services;Information Technology Services</t>
  </si>
  <si>
    <t>SharePoint 2010</t>
  </si>
  <si>
    <t>ESDC-515</t>
  </si>
  <si>
    <t>Falcon</t>
  </si>
  <si>
    <t>Not submitted last round</t>
  </si>
  <si>
    <t>ESDC-516</t>
  </si>
  <si>
    <t>Phoenix</t>
  </si>
  <si>
    <t>ESDC-52</t>
  </si>
  <si>
    <t>Citizen Access Workstation Services</t>
  </si>
  <si>
    <t>CAWS</t>
  </si>
  <si>
    <t>Citizen Access Workstation Services (CAWS) is used to provide a secure, controlled and monitored platform for PCs / workstations used by the public to access authorized web sites and software applications from Service Canada Centres and other departm</t>
  </si>
  <si>
    <t>ESDC-524</t>
  </si>
  <si>
    <t>Employment Insurance Processing Automation Reporting</t>
  </si>
  <si>
    <t>EIPAR</t>
  </si>
  <si>
    <t>ESDC-525</t>
  </si>
  <si>
    <t>Secure AHRDS</t>
  </si>
  <si>
    <t>ESDC-526</t>
  </si>
  <si>
    <t>Human Resources Service Center</t>
  </si>
  <si>
    <t>ESDC-529</t>
  </si>
  <si>
    <t>iNICS</t>
  </si>
  <si>
    <t>ESDC-530</t>
  </si>
  <si>
    <t>Integration Hub - Quebec Parental Benefits Exchange</t>
  </si>
  <si>
    <t>ESDC-531</t>
  </si>
  <si>
    <t>IRIS - My Service Canada Account</t>
  </si>
  <si>
    <t>IRIS - MSCA</t>
  </si>
  <si>
    <t>Employment Insurance;Canada Pension Plan;Canada Pension Plan Disability Benefits;Old Age Security</t>
  </si>
  <si>
    <t>ESDC-534</t>
  </si>
  <si>
    <t>Integration Hub - APUS ASETS</t>
  </si>
  <si>
    <t>ESDC-535</t>
  </si>
  <si>
    <t>Integration Hub - Vital Events Linkages</t>
  </si>
  <si>
    <t>VEL</t>
  </si>
  <si>
    <t>ESDC-537</t>
  </si>
  <si>
    <t>Insurance Payment Operational Centre - Quality Monitoring</t>
  </si>
  <si>
    <t>IPOCQMS</t>
  </si>
  <si>
    <t>The IPOC QMS is a system that must be used to report nationally required monitoring results. BEAs must input the quality monitoring (QM) results after each review and all results. The system is easy to use and will provide instant QM statistics once</t>
  </si>
  <si>
    <t>ESDC-538</t>
  </si>
  <si>
    <t>BNOP Statistics</t>
  </si>
  <si>
    <t>Collects statistics and produces reports on EI business.</t>
  </si>
  <si>
    <t>CFS</t>
  </si>
  <si>
    <t>ESDC-541</t>
  </si>
  <si>
    <t>Quebec Information Exchange (M210)</t>
  </si>
  <si>
    <t>M210</t>
  </si>
  <si>
    <t>A Monthly program to exchange information with the minister of social security of Quebec. This program produces a file that contains information on clients in receipt of welfare benefits.</t>
  </si>
  <si>
    <t>ESDC-542</t>
  </si>
  <si>
    <t>MSCA eQuestionnaire</t>
  </si>
  <si>
    <t>MSCA-eQ</t>
  </si>
  <si>
    <t>Employment Insurance;Canada Pension Plan</t>
  </si>
  <si>
    <t>ESDC-543</t>
  </si>
  <si>
    <t>IRIS - Federal Jurisdiction Work Injuries Database</t>
  </si>
  <si>
    <t>IRIS- FJID</t>
  </si>
  <si>
    <t>ESDC-544</t>
  </si>
  <si>
    <t>Appeals Delivery and Management System - EI - SST</t>
  </si>
  <si>
    <t>ADMS-EI_SST</t>
  </si>
  <si>
    <t>ESDC-545</t>
  </si>
  <si>
    <t>Atrium for the Social Security Tribunal Appeals</t>
  </si>
  <si>
    <t>Atrium SST</t>
  </si>
  <si>
    <t>Employment Insurance;Old Age Security;Canada Pension Plan Disability Benefits;Canada Pension Plan</t>
  </si>
  <si>
    <t>ESDC-547</t>
  </si>
  <si>
    <t>National Work Description Bank</t>
  </si>
  <si>
    <t>NWDB</t>
  </si>
  <si>
    <t>The Human Resources Services Branch (HRSB) is focused on providing HR services to our internal workforce, approximately 27,000 employees.  One of the key components of the HRSB service delivery model is self-service tools that enable clients.  The Wo</t>
  </si>
  <si>
    <t>ESDC-549</t>
  </si>
  <si>
    <t>Employment Insurance Workload Report</t>
  </si>
  <si>
    <t>IRIS-EIWR</t>
  </si>
  <si>
    <t>EIWR allows users in Service Canada to view statistical data which pertains to EI and allows users to communicate and coordinate these statistics with other shareholders (ex. StatCan).</t>
  </si>
  <si>
    <t>ESDC-55</t>
  </si>
  <si>
    <t>Collective Agreements Information Retrieval System</t>
  </si>
  <si>
    <t>CAIRS</t>
  </si>
  <si>
    <t>ESDC-551</t>
  </si>
  <si>
    <t>Centralized Integrity Management Information System</t>
  </si>
  <si>
    <t>CIMIS</t>
  </si>
  <si>
    <t>The new Centralized Reporting System should empower the end users with the ability to access information in a timely manner and request information from one system rather than pulling the data from various sources. The new reporting system should inc</t>
  </si>
  <si>
    <t>ESDC-556</t>
  </si>
  <si>
    <t>Statement of Accounts</t>
  </si>
  <si>
    <t>Employment Insurance;Canada Student Loans and Grants and Canada Apprentice Loans Program</t>
  </si>
  <si>
    <t>ESDC-558</t>
  </si>
  <si>
    <t>IRIS - Social Insurance Registry</t>
  </si>
  <si>
    <t>IRIS - SIR</t>
  </si>
  <si>
    <t>Employment Insurance;Job Bank;Other Government Department Programs;Canada Student Loans and Grants and Canada Apprentice Loans Program;Old Age Security;Canada Pension Plan;In-Person Points of Service;National Child Benefit;Universal Child Care Benefit</t>
  </si>
  <si>
    <t>ESDC-559</t>
  </si>
  <si>
    <t>Blocked Claims System</t>
  </si>
  <si>
    <t>The Blocked Claims System allows users to access and process selective actions against previously existing Employment Insurance claims which would not otherwise be accessible via existing systems due to the presence of a more recent claim(s) for indi</t>
  </si>
  <si>
    <t>ESDC-56</t>
  </si>
  <si>
    <t>Combined Overpayment Detection System</t>
  </si>
  <si>
    <t>COD, CODS</t>
  </si>
  <si>
    <t>ESDC-566</t>
  </si>
  <si>
    <t>CSL Credit Refunds</t>
  </si>
  <si>
    <t>Employment Insurance;Canada Student Loans and Grants and Canada Apprentice Loans Program;Financial Management Services</t>
  </si>
  <si>
    <t>ESDC-571</t>
  </si>
  <si>
    <t>POS Inventory System</t>
  </si>
  <si>
    <t>Materiel Services;Financial Management Services</t>
  </si>
  <si>
    <t> Point of Sales (POS) Inventory Access Data Base  This tool was developed internally and is used to maintain ESDC point of sales terminal inventory.  We can imports PWGSC monthly statements to create a reconciliation document to ensure accuracy in ma</t>
  </si>
  <si>
    <t>ESDC-578</t>
  </si>
  <si>
    <t>IVR Call Center Program Delivery</t>
  </si>
  <si>
    <t>IVRCCPD</t>
  </si>
  <si>
    <t>Telephony applications used to guide Canadian Citizens to the services they require.  Each component offers the caller a choice of language to continue. It will then either offer canned information to the caller, or allow them to transfer to a live a</t>
  </si>
  <si>
    <t>ESDC-580</t>
  </si>
  <si>
    <t>IVR - Employment</t>
  </si>
  <si>
    <t>IVRE</t>
  </si>
  <si>
    <t>Allows Canadian to access to employment information through an Interactive Voice Response system. Each province and territory manages their own service and inputs the information they desire. Some P\Ts use it to orally record job advertisements taken</t>
  </si>
  <si>
    <t>ESDC-581</t>
  </si>
  <si>
    <t>IVR Labour Program</t>
  </si>
  <si>
    <t>IVRLP</t>
  </si>
  <si>
    <t>Interactive Voice Response (IVR) provides callers access to information on the federal labour program such as labour standards, occupational health and safety, pay and employment equity, fire protection and other labour services. It allows callers th</t>
  </si>
  <si>
    <t>ESDC-582</t>
  </si>
  <si>
    <t>IVR Enterprise Services</t>
  </si>
  <si>
    <t>IVRES</t>
  </si>
  <si>
    <t>Telephony applications that route calls to the National Service Desk, Finance, and iService</t>
  </si>
  <si>
    <t>ESDC-584</t>
  </si>
  <si>
    <t>IVR EI Business solutions</t>
  </si>
  <si>
    <t>IVREIBS</t>
  </si>
  <si>
    <t>Employment Insurance;Job Bank</t>
  </si>
  <si>
    <t>Telephony services for the recipients of EI benefits, these services allow callers to access both general EI information, and specific information about their own claime.  It also allows them to enter their bi-weekly reporting information over the te</t>
  </si>
  <si>
    <t>ESDC-585</t>
  </si>
  <si>
    <t>IVR - Main</t>
  </si>
  <si>
    <t>IVRM</t>
  </si>
  <si>
    <t>Employment Insurance;Old Age Security;Canada Pension Plan;Canada Disability Savings Program;Canada Pension Plan Disability Benefits</t>
  </si>
  <si>
    <t>This applications answers all phone calls to the National IVR system.  It does initial pre-route for all calls and then assigns them to the correct phone application.  It also does the post-route of all calls to either transfer the caller to a live a</t>
  </si>
  <si>
    <t>ESDC-593</t>
  </si>
  <si>
    <t>MSCBA Portal</t>
  </si>
  <si>
    <t>MSCBA</t>
  </si>
  <si>
    <t>WebCenter, Oracle Fusion Middl</t>
  </si>
  <si>
    <t>ESDC-594</t>
  </si>
  <si>
    <t>MSCBA for Agents</t>
  </si>
  <si>
    <t>MSCBAA</t>
  </si>
  <si>
    <t>My Service Canada Business Account for Agents is an intranet web based application designed to manage and register employers who wish to register online to different services offered by Service Canada (currently ROE Web and GCOS) . Other programs and</t>
  </si>
  <si>
    <t>ESDC-595</t>
  </si>
  <si>
    <t>MSCBA Services</t>
  </si>
  <si>
    <t>ESDC-60</t>
  </si>
  <si>
    <t>Common Reference Tool</t>
  </si>
  <si>
    <t>CRT</t>
  </si>
  <si>
    <t>Employment Insurance;Temporary Foreign Worker Program;Job Bank;Old Age Security;Canada Pension Plan;Canada Pension Plan Disability Benefits</t>
  </si>
  <si>
    <t>The Common Reference Tool (CRT) is to be used by Service Canada call centers and front-line staff across the country to provide accurate information to citizens.</t>
  </si>
  <si>
    <t>ESDC-608</t>
  </si>
  <si>
    <t>Corporate Management System - HR</t>
  </si>
  <si>
    <t>CMS-HR</t>
  </si>
  <si>
    <t>Financial Management Services;Human Resources Management Services</t>
  </si>
  <si>
    <t>ESDC-61</t>
  </si>
  <si>
    <t>Common System for Grants and Contributions</t>
  </si>
  <si>
    <t>CSGC</t>
  </si>
  <si>
    <t>Opportunities Fund for Persons with Disabilities;Youth Employment Strategy;Targeted Initiative for Older Workers;Enabling Fund for Official Language Minority Communities;Aboriginal Skills and Employment Training Strategy;Skills and Partnership Fund;First Nations Job Fund;Sectoral Initiatives Program;Literacy and Essential Skills;Foreign Credential Recognition Program;Homelessness Partnering Strategy;Social Development Partnerships Program;New Horizons for Seniors Program;Federal Income Support for Parents of Murdered or Missing Children;Apprenticeship Grants</t>
  </si>
  <si>
    <t>ESDC-610</t>
  </si>
  <si>
    <t>Corporate Management System Common Modules</t>
  </si>
  <si>
    <t>CMS - CM</t>
  </si>
  <si>
    <t>CMS common modules are Control Data Module (CDM), Table Manager (TM) and Security.</t>
  </si>
  <si>
    <t>ESDC-626</t>
  </si>
  <si>
    <t>Invoicing - OGD Invoices</t>
  </si>
  <si>
    <t>ESDC-63</t>
  </si>
  <si>
    <t>Compassionate Care Tracking System</t>
  </si>
  <si>
    <t>CCTS</t>
  </si>
  <si>
    <t>ESDC-639</t>
  </si>
  <si>
    <t>Integrated Learning Management System</t>
  </si>
  <si>
    <t>ILMS, SABA</t>
  </si>
  <si>
    <t>CBM</t>
  </si>
  <si>
    <t>ESDC-65</t>
  </si>
  <si>
    <t>Payment Accuracy Measurement System</t>
  </si>
  <si>
    <t>PAAMS</t>
  </si>
  <si>
    <t>ESDC-655</t>
  </si>
  <si>
    <t>Performance Reporting System</t>
  </si>
  <si>
    <t>A two part application that: A) Is an intranet website providing access to Program, Result and Indicators data for all Strategic Outcomes within the department through search parameters and reports.  B) Is maintained and updated through an Administra</t>
  </si>
  <si>
    <t>ESDC-657</t>
  </si>
  <si>
    <t>Premium Reduction Program Data Extraction</t>
  </si>
  <si>
    <t>PRPDE</t>
  </si>
  <si>
    <t>ESDC-659</t>
  </si>
  <si>
    <t>Appeals Delivery and Management System - EI - Cognos Reports</t>
  </si>
  <si>
    <t>ADMS-EI - Cognos Reports</t>
  </si>
  <si>
    <t>ESDC-66</t>
  </si>
  <si>
    <t>Computer Assisted Appeals Preparation System</t>
  </si>
  <si>
    <t>CAAPS</t>
  </si>
  <si>
    <t>The Computer Assisted Appeals Preparation System (CAAPS) consists of a collection of correspondence of MS Word macro-enabled templates. It provides Employment Insurance (EI) agents with appeal issue-customized templates and hundreds of prewritten aut</t>
  </si>
  <si>
    <t>ESDC-665</t>
  </si>
  <si>
    <t>Systems Data Holdings</t>
  </si>
  <si>
    <t>SDHA</t>
  </si>
  <si>
    <t>SDH is used by IT staff to help troubleshoot PC issues, view pc information, remotely connect to uses PC’s and perform admin actions (add pc to lists, reboot remotely, connect remotely, view printer info, etc)</t>
  </si>
  <si>
    <t>ESDC-667</t>
  </si>
  <si>
    <t>BC Letter System</t>
  </si>
  <si>
    <t>ESDC-670</t>
  </si>
  <si>
    <t>Corporate Correspondence Tool</t>
  </si>
  <si>
    <t>CCT</t>
  </si>
  <si>
    <t>Old Age Security;Canada Pension Plan</t>
  </si>
  <si>
    <t>Pitney Bowes</t>
  </si>
  <si>
    <t>ESDC-672</t>
  </si>
  <si>
    <t>Haver DLX Client is an application consisting of a proprietary time series orientated database system which provides data in the form of tables, charts, and spreadsheets for the purpose of market analysis and risk management.  There is both a server</t>
  </si>
  <si>
    <t>ESDC-673</t>
  </si>
  <si>
    <t>IBM Statistical Package for the Social Sciences</t>
  </si>
  <si>
    <t>IBM SPSS</t>
  </si>
  <si>
    <t>IBM SPSS 21 is a COTS data analysis program with comprehensive statistics to solve business and research problems. It consists of various modules. There is a corporate requirement in HRSDC to manipulate files produced by Statistics Canada in IBM SPSS, to provide quantitative support to policy development, research and evaluation through the creation of specialized tables and extracts.  There is a corporate requirement to use IBM SPSS, to enable creation of reports, policy decks and specialized outputs for policy and operational requirements as well as manipulate files in the ongoing operational work of HRSDC/Service Canada.</t>
  </si>
  <si>
    <t>ESDC-674</t>
  </si>
  <si>
    <t>MathWorks</t>
  </si>
  <si>
    <t>ESDC-677</t>
  </si>
  <si>
    <t>MultiTrans Prism Yellow</t>
  </si>
  <si>
    <t>ESDC-678</t>
  </si>
  <si>
    <t>IRIS - Local Web Receipt</t>
  </si>
  <si>
    <t>IRIS - LWR</t>
  </si>
  <si>
    <t>Passport;Employment Insurance;Job Bank;Federal Income Support for Parents of Murdered or Missing Children</t>
  </si>
  <si>
    <t>Main payment interface recording of payments/receipts from citizens across Canada.  Every Service Canada office in Canada, Labour office, and processing centre enters payments into LWR which then interfaces with SAP to provide a record of cash/credit</t>
  </si>
  <si>
    <t>ESDC-683</t>
  </si>
  <si>
    <t>Employment Insurance Benefit Information System</t>
  </si>
  <si>
    <t>EIBIS</t>
  </si>
  <si>
    <t>ESDC-684</t>
  </si>
  <si>
    <t>Nesstar</t>
  </si>
  <si>
    <t>The Nesstar software suite (Server and Publisher) provides a way to make the statistics as easy to publish, locate, access and protect against unauthorized access, as text. Through this process, statistical knowledge is made more accessible. This inc</t>
  </si>
  <si>
    <t>ESDC-685</t>
  </si>
  <si>
    <t>Oracle Business Process Management (BPM) Suite</t>
  </si>
  <si>
    <t>BPM</t>
  </si>
  <si>
    <t>The Oracle BPM suite  will manage business transaction, both automated processes and human driven processes, between multiple systems.</t>
  </si>
  <si>
    <t>Business Process Management Su</t>
  </si>
  <si>
    <t>ESDC-695</t>
  </si>
  <si>
    <t>Dynacom Accounting Platinum Edition</t>
  </si>
  <si>
    <t>DynaComm is inventory management software specific for the Quebec region. This software is installed on four desktops and used for the following functions: accounts payable and receivable, audit reports, automated tasks, dashboards and points of sale</t>
  </si>
  <si>
    <t>ESDC-7</t>
  </si>
  <si>
    <t>Accrual System</t>
  </si>
  <si>
    <t>AAS</t>
  </si>
  <si>
    <t>ESDC-700</t>
  </si>
  <si>
    <t>FileScan</t>
  </si>
  <si>
    <t>FileScan 1.0 This tool (FileScan) is currently part of a desktop release process (target implementation end date: 2014-01-31). It was developed in house for use in the Recordkeeping project, to scan a folder and subfolders and produce a report of fil</t>
  </si>
  <si>
    <t>ESDC-703</t>
  </si>
  <si>
    <t>Correspondence Management and Prioritization System</t>
  </si>
  <si>
    <t>CMPS</t>
  </si>
  <si>
    <t>ESDC-706</t>
  </si>
  <si>
    <t>Job Bank - Feeder</t>
  </si>
  <si>
    <t>JBFeed</t>
  </si>
  <si>
    <t>Job Bank 1.0 component to allow import of jobs sent by the provinces that are then feed to the Job Importer to make them available for the Working in Canada Search functionality.</t>
  </si>
  <si>
    <t>ESDC-71</t>
  </si>
  <si>
    <t>Control Indicator System</t>
  </si>
  <si>
    <t>CIS</t>
  </si>
  <si>
    <t>ESDC-714</t>
  </si>
  <si>
    <t>Office of Literacy and Essential Skills</t>
  </si>
  <si>
    <t>OLES</t>
  </si>
  <si>
    <t>Literacy and Essential Skills</t>
  </si>
  <si>
    <t>A two part internal and public facing application (http://www7.hrsdc.gc.ca), Office of Literacy and Essential Skills application helps support Branch reporting requirements for literacy and learning initiatives funded within the Grants and Contributi</t>
  </si>
  <si>
    <t>ESDC-715</t>
  </si>
  <si>
    <t>Appeals Delivery and Management System - EI - SST - Cognos Reports</t>
  </si>
  <si>
    <t>ADMS-EI_SST-Cognos Reports</t>
  </si>
  <si>
    <t>ESDC-716</t>
  </si>
  <si>
    <t>Statement of Accounts-EI</t>
  </si>
  <si>
    <t>SOA-EI</t>
  </si>
  <si>
    <t>Canada Student Loans and Grants and Canada Apprentice Loans Program;Employment Insurance</t>
  </si>
  <si>
    <t>ESDC-718</t>
  </si>
  <si>
    <t>Pensions - Business Client Management System</t>
  </si>
  <si>
    <t>Pensions - BMS</t>
  </si>
  <si>
    <t>ESDC-720</t>
  </si>
  <si>
    <t>RnA - Information System</t>
  </si>
  <si>
    <t>RAIS</t>
  </si>
  <si>
    <t>ESDC-721</t>
  </si>
  <si>
    <t>Departmental Service Bus</t>
  </si>
  <si>
    <t>DSB</t>
  </si>
  <si>
    <t>Information Technology Services;Human Resources Management Services;Financial Management Services;Employment Insurance;Apprenticeship Grants;Canada Pension Plan;Old Age Security;Federal Income Support for Parents of Murdered or Missing Children</t>
  </si>
  <si>
    <t>ESDC-722</t>
  </si>
  <si>
    <t>ITRDS - Web Services</t>
  </si>
  <si>
    <t>ITRDS WS</t>
  </si>
  <si>
    <t>ESDC-723</t>
  </si>
  <si>
    <t>CCH TeamMate</t>
  </si>
  <si>
    <t>TeamMate Suite</t>
  </si>
  <si>
    <t>ESDC-724</t>
  </si>
  <si>
    <t>BNOP - Applied Results</t>
  </si>
  <si>
    <t>ESDC-725</t>
  </si>
  <si>
    <t>Enterprise Process Repository</t>
  </si>
  <si>
    <t>EPR</t>
  </si>
  <si>
    <t>The Enterprise Process Repository provides a central location  for process information and process maps.  It is where processes diagrams are developed, stored, reviewed and approved.    The repository is built on the COTS product iGrafx Process Centr</t>
  </si>
  <si>
    <t>iGrafx LLC</t>
  </si>
  <si>
    <t>ESDC-726</t>
  </si>
  <si>
    <t>CPP/OAS Imaging Web Services</t>
  </si>
  <si>
    <t>IMGWSCPP</t>
  </si>
  <si>
    <t>ESDC-727</t>
  </si>
  <si>
    <t>Self Install Printer Tool</t>
  </si>
  <si>
    <t>SIPT</t>
  </si>
  <si>
    <t>The Self-Install Printer Tool (SIPT) was designed to give employees the ability to install their own multifunction devices or printers without the need to submit a request to the National Service Desk. This tool will enable access to a printer more q</t>
  </si>
  <si>
    <t>ESDC-728</t>
  </si>
  <si>
    <t>Application Launcher</t>
  </si>
  <si>
    <t>Government of Canada Telephone General Enquiries Services;Other Government Department Programs</t>
  </si>
  <si>
    <t>The Application Launcher is an in-house developed Windows application that is deployed to each user’s desktop.  It is the single point of entry to all client/server applications (IMPACT and IMS versions).  It provides controlled and secure access to</t>
  </si>
  <si>
    <t>ESDC-729</t>
  </si>
  <si>
    <t>IMPACT/ISCC 7.0 - InPerson Network (http://impact.prv)</t>
  </si>
  <si>
    <t>ISCC</t>
  </si>
  <si>
    <t>This is an application deployed on the 47 Clarence Intranet and available to all in-person representatives  across Canada at Service Canada In-Person centres. IMPACT/ISCC is able to search the ‘up to the minute’ information holdings in order to provi</t>
  </si>
  <si>
    <t>ESDC-730</t>
  </si>
  <si>
    <t>Staffing Task Authorization Request</t>
  </si>
  <si>
    <t>The Staffing Task Authorization Request (STAR) application is an in-house developed Windows application that is a support tool for the Canada Enquiry Centre.  This tool allows users to make resource requests to fill staffing positions required within</t>
  </si>
  <si>
    <t>ESDC-733</t>
  </si>
  <si>
    <t>Ticket-Tracker</t>
  </si>
  <si>
    <t>CEC HelpDesk</t>
  </si>
  <si>
    <t>An open source, web-based general purpose issue tracking application known as BugTracker.net.  This application provides the 47 Clarence a convenient web-based tool to track bugs and issues found within the environment.  There are three environments:</t>
  </si>
  <si>
    <t>ESDC-745</t>
  </si>
  <si>
    <t>National Performance Management Tool</t>
  </si>
  <si>
    <t>NPMT</t>
  </si>
  <si>
    <t>EI Benefit Processing in PPSB developed high-level business needs for a national tool to measure performance of EI processing staff from the individual level to the regional roll up.</t>
  </si>
  <si>
    <t>ESDC-746</t>
  </si>
  <si>
    <t>IRIS - CPP Disability Reassessment</t>
  </si>
  <si>
    <t>IRIS - CPPDR</t>
  </si>
  <si>
    <t>ESDC-749</t>
  </si>
  <si>
    <t>IRIS-Federal Mediation and Conciliation Services Information System</t>
  </si>
  <si>
    <t>IRIS- FMCSIS</t>
  </si>
  <si>
    <t>IRIS-FMCSIS will replace some of the current MARS reports which will no longer be available to the Labour Program clients.  IRIS-FMCSIS also introduced the new Cognos 10 reporting platform along with ADHOC reporting capabilities.</t>
  </si>
  <si>
    <t>ESDC-75</t>
  </si>
  <si>
    <t>Corporate Letterbook System</t>
  </si>
  <si>
    <t>CLSViewer</t>
  </si>
  <si>
    <t>ESDC-750</t>
  </si>
  <si>
    <t>IRIS-Labour Market Development Agreement</t>
  </si>
  <si>
    <t>IRIS-LMDA</t>
  </si>
  <si>
    <t>ESDC-751</t>
  </si>
  <si>
    <t>Business Expertise Request Tool</t>
  </si>
  <si>
    <t>BERT</t>
  </si>
  <si>
    <t>ESDC-752</t>
  </si>
  <si>
    <t>Registered Disability Savings Plan (RDSP) On-line Calculator</t>
  </si>
  <si>
    <t>The RDSP calculator estimates the potential amount of grant money the beneficiary could receive based on the beneficiary's family income and the amounts you or someone else contribute to the RDSP.  Launched in 2014-15, the latest version includes the</t>
  </si>
  <si>
    <t>ESDC-755</t>
  </si>
  <si>
    <t>IMPACT 6.0 - Telephone Services</t>
  </si>
  <si>
    <t>ESDC-757</t>
  </si>
  <si>
    <t>1800OCanada.gc.ca (http://1800OCanada.gc.ca &amp; http://impactweb.prv)</t>
  </si>
  <si>
    <t>This is an intranet web application that acts as the back-up application for the information officers in the event that IMPACT 6.0 is unavailable.  An intranet version of IMPACT exists for all IMPACT applications for information retrieval.   The exte</t>
  </si>
  <si>
    <t>ESDC-758</t>
  </si>
  <si>
    <t>Electronic Monitoring System</t>
  </si>
  <si>
    <t>EMS</t>
  </si>
  <si>
    <t>Government of Canada Telephone General Enquiries Services;Other Government Department Programs;Government of Canada Internet Presence</t>
  </si>
  <si>
    <t>The Electronic Monitoring System (EMS) is an in-house developed web application deployed to the CEC intranet. EMS is essentially a monitoring tool used by the Canada Enquiry Centre (CEC) to evaluate the quality of the calls answered by the Informatio</t>
  </si>
  <si>
    <t>ESDC-759</t>
  </si>
  <si>
    <t>Report Builder</t>
  </si>
  <si>
    <t>RB</t>
  </si>
  <si>
    <t>Report Builder is a custom developed Intranet application for the Canada Enquiry Centre. Its primary purpose is to allow users to group together multiple enquiry objects and demographic filters, over variable timeframes. It was extended to enable the</t>
  </si>
  <si>
    <t>ESDC-760</t>
  </si>
  <si>
    <t>CEC Web Services</t>
  </si>
  <si>
    <t>WS</t>
  </si>
  <si>
    <t>Government of Canada Telephone General Enquiries Services;Other Government Department Programs;In-Person Points of Service</t>
  </si>
  <si>
    <t>The Web Service resides on a webserver at 47 Clarence.  This application currently has two areas of functionality.  Generating and sending the HTML content via email for both Contact and Product information requested by the IMPACT 6.0 and IMPACT/ISCC</t>
  </si>
  <si>
    <t>ESDC-761</t>
  </si>
  <si>
    <t>Information Management System</t>
  </si>
  <si>
    <t>Information Management System (IMS) is a client-server Windows application that is the primary tool used by the Integrated Content Management (ICM) users who are responsible for managing, editing and publishing the bilingual, non-client specific, inf</t>
  </si>
  <si>
    <t>ESDC-762</t>
  </si>
  <si>
    <t>The Daily Administration</t>
  </si>
  <si>
    <t>TDA</t>
  </si>
  <si>
    <t>Government of Canada Telephone General Enquiries Services;In-Person Points of Service;Other Government Department Programs</t>
  </si>
  <si>
    <t>The Daily Administration (TDA) system is a web application deployed to the 47 Clarence intranet.  This application is a tool used by the ICM group to create articles to advise service delivery agents about new program developments and share informati</t>
  </si>
  <si>
    <t>ESDC-763</t>
  </si>
  <si>
    <t>Action Request Forms</t>
  </si>
  <si>
    <t>ARF</t>
  </si>
  <si>
    <t>ESDC-764</t>
  </si>
  <si>
    <t>Product Management System</t>
  </si>
  <si>
    <t>PMS</t>
  </si>
  <si>
    <t>The Product Management System (PMS) is an in-house developed custom intranet application. This application allows users to link information that is related to the products that will be offered through our services to the Information Management System</t>
  </si>
  <si>
    <t>ESDC-765</t>
  </si>
  <si>
    <t>IMS Document Service</t>
  </si>
  <si>
    <t>The IMS Document Service (3.0) application is a Windows Service.  This service is running on an application server 24/7/365 and is responsible for ensuring that the ‘library’ of content used by the Integrated Content Management (ICM) group is up-to-d</t>
  </si>
  <si>
    <t>ESDC-768</t>
  </si>
  <si>
    <t>User Administrator</t>
  </si>
  <si>
    <t>UserAdmin</t>
  </si>
  <si>
    <t>The User Administrator 3.0 application is an in-house developed support the Canada Enquiry Centre Helpdesk.  This Windows application allows Helpdesk users to assign any user found on the CIPS domain to a variety of Windows Active Directory groups th</t>
  </si>
  <si>
    <t>ESDC-770</t>
  </si>
  <si>
    <t>Detailed Call Tracking – for PPSB Specialized call centers</t>
  </si>
  <si>
    <t>DCT</t>
  </si>
  <si>
    <t>Canada Pension Plan;Canada Pension Plan Disability Benefits;Old Age Security;Temporary Foreign Worker Program;Job Bank;Employment Insurance</t>
  </si>
  <si>
    <t>The Detailed Call Tracking (DCT) is a web application deployed to the 47 Clarence intranet.  This application assists Service Canada Specialized Call Centres (EI – CPP/OAS – ECC etc..) in tracking and reporting specific activities associated with cal</t>
  </si>
  <si>
    <t>ESDC-771</t>
  </si>
  <si>
    <t>Enterprise Hub Data Warehouse-Integrated Business Intelligence</t>
  </si>
  <si>
    <t>EHD-IBI</t>
  </si>
  <si>
    <t>ESDC-772</t>
  </si>
  <si>
    <t>Nortel Call Center Management Information System</t>
  </si>
  <si>
    <t>CCMIS</t>
  </si>
  <si>
    <t>The Nortel CCMIS is the server that is used to manage 1 800 O-Canada's ACDs that are on Bell's Centrex Switch. Supervisors, Team Leaders, TLs and Managers are equipped with stations that allow them to view the activity of the call centre LIVE and rea</t>
  </si>
  <si>
    <t>ESDC-773</t>
  </si>
  <si>
    <t>Talisma Customer Interaction Management - E-mail Management System</t>
  </si>
  <si>
    <t>Talisma CIM</t>
  </si>
  <si>
    <t>Other Government Department Programs;Government of Canada Internet Presence</t>
  </si>
  <si>
    <t>Moxiesoft</t>
  </si>
  <si>
    <t>ESDC-774</t>
  </si>
  <si>
    <t>Verint Impact 360 Workforce Management solution</t>
  </si>
  <si>
    <t>Verint Impact 360 Workforce Management solution: V11.1  Workforce Management solution for call center staff.  Used for employee scheduling and call volume forecasting.</t>
  </si>
  <si>
    <t>ESDC-775</t>
  </si>
  <si>
    <t>Nxi Nextalk TTY</t>
  </si>
  <si>
    <t>ESDC-776</t>
  </si>
  <si>
    <t>Intranet http://cec-crc.prv</t>
  </si>
  <si>
    <t>This is an intranet site where tools are available to employees to assist them in their daily tasks (e.g. standards, templates, user manuals, resources, feedback forms, etc.).</t>
  </si>
  <si>
    <t>ESDC-777</t>
  </si>
  <si>
    <t>WebDirect</t>
  </si>
  <si>
    <t>The iAgent project is designed to update the current ARWEB application used by clients when they submit tickets electronically on the Intranet. It is being designed to provide the same functionality as ARWeb.  iAgent will query the client for informa</t>
  </si>
  <si>
    <t>ESDC-778</t>
  </si>
  <si>
    <t>Job Bank 2.0</t>
  </si>
  <si>
    <t>JB2</t>
  </si>
  <si>
    <t>ESDC-779</t>
  </si>
  <si>
    <t>IVR - Factory Framework</t>
  </si>
  <si>
    <t>IVRFF</t>
  </si>
  <si>
    <t>Employment Insurance;Old Age Security;Canada Pension Plan;Canada Pension Plan Disability Benefits</t>
  </si>
  <si>
    <t>A framework that will allow for all future telephony applications to be built in dynamically generated VXML code.  This framework will reside on the build server only and will become part of the compiled versions of all telephony applications from th</t>
  </si>
  <si>
    <t>ESDC-780</t>
  </si>
  <si>
    <t>IVR - Mail Fulfilment</t>
  </si>
  <si>
    <t>IVRMF</t>
  </si>
  <si>
    <t>ESDC-781</t>
  </si>
  <si>
    <t>IVR - National Quality Assurance Tool</t>
  </si>
  <si>
    <t>IVRNQAT</t>
  </si>
  <si>
    <t>Employment Insurance;Job Bank;Temporary Foreign Worker Program;Canada Pension Plan;Old Age Security;Canada Pension Plan Disability Benefits</t>
  </si>
  <si>
    <t>Web based quality monitoring tool to evaluate perfromance of call centre agents.</t>
  </si>
  <si>
    <t>ESDC-782</t>
  </si>
  <si>
    <t>IVR - Reporting Services</t>
  </si>
  <si>
    <t>IVRRS</t>
  </si>
  <si>
    <t>Reporting tools on Call Centre traffic</t>
  </si>
  <si>
    <t>ESDC-783</t>
  </si>
  <si>
    <t>IVR - Administrative Services</t>
  </si>
  <si>
    <t>IVRAS</t>
  </si>
  <si>
    <t>Old Age Security;Canada Pension Plan;Canada Pension Plan Disability Benefits;Employment Insurance</t>
  </si>
  <si>
    <t>Administrative tools to support the telephony environment</t>
  </si>
  <si>
    <t>ESDC-784</t>
  </si>
  <si>
    <t>IVR - Client Self-Serve</t>
  </si>
  <si>
    <t>IVRCSS</t>
  </si>
  <si>
    <t>Old Age Security;Canada Pension Plan;Canada Pension Plan Disability Benefits;Canada Disability Savings Program;Employment Insurance</t>
  </si>
  <si>
    <t>Client used configuration tools to change how information is presented to callers to their IVR systems.  This includes setting holidays, recording voice scripts, setting business hours, changing termination phone number, and other items.</t>
  </si>
  <si>
    <t>ESDC-785</t>
  </si>
  <si>
    <t>ccmEnterprise - Passport Correspondence</t>
  </si>
  <si>
    <t>Passport</t>
  </si>
  <si>
    <t>ESDC-786</t>
  </si>
  <si>
    <t>Statistical Reporting Utility Tool</t>
  </si>
  <si>
    <t>RU</t>
  </si>
  <si>
    <t>A manual input tool that allows for the creation for samples for the CPP Quality Review.</t>
  </si>
  <si>
    <t>ESDC-787</t>
  </si>
  <si>
    <t>IRIS - Homelessness Electronic Reporting and Information Network</t>
  </si>
  <si>
    <t>IRIS-HERIN</t>
  </si>
  <si>
    <t>ESDC-788</t>
  </si>
  <si>
    <t>Group Management Portal</t>
  </si>
  <si>
    <t>GMP</t>
  </si>
  <si>
    <t>Communications Services,Information Management Services,Information Technology Services</t>
  </si>
  <si>
    <t>Customization of existing COTS: MS Forefront Identity Manager [FIM]. The object of this portal (tool), using MS Forefront Identity Management (FIM), is to provide ESDC clients the ability to self-manage Active Directory (AD) groups: Security Groups (</t>
  </si>
  <si>
    <t>Forefront Identity Manager 201</t>
  </si>
  <si>
    <t>Microsoft Forefront Identity Manager</t>
  </si>
  <si>
    <t>ESDC-790</t>
  </si>
  <si>
    <t>IRIS Build</t>
  </si>
  <si>
    <t>ESDC-791</t>
  </si>
  <si>
    <t>Personnel Security Screening</t>
  </si>
  <si>
    <t>Microsoft Dynamics CRM 2013 (onPremise)</t>
  </si>
  <si>
    <t>ESDC-792</t>
  </si>
  <si>
    <t>Ei-Microsimulation</t>
  </si>
  <si>
    <t>EIMSM</t>
  </si>
  <si>
    <t>SEB owned application mostly providing data analytics on EI claimants. It also provides EI expenditures forecasts and costings on EI policy options.</t>
  </si>
  <si>
    <t>ESDC-795</t>
  </si>
  <si>
    <t>Online Labour Standards Calculation Tools</t>
  </si>
  <si>
    <t>OLSCT</t>
  </si>
  <si>
    <t>Tools allows Canadians to access an on-line calculation tools pertaining to General Holidays, Vacation Pay, Overtime Pay and Minimum Wage for federally regulated employees.</t>
  </si>
  <si>
    <t>ESDC-796</t>
  </si>
  <si>
    <t>Common Application Deployment Engine</t>
  </si>
  <si>
    <t>CADE</t>
  </si>
  <si>
    <t>The Common Application Deployment Engine provides file transfer and application installation services into the various SADE servers.  Bronze level support:   Monday to Friday, core business hours Service Hours: 7AM-7PM EST  Maintenance Window: 6AM-9A</t>
  </si>
  <si>
    <t>ESDC-799</t>
  </si>
  <si>
    <t>Supporting Services Repository</t>
  </si>
  <si>
    <t>The repository holds a collection of service related information (such as service name; description; owner name, organizational alignment, service/support hours, and more) pertaining to those internal services which, either individually or in combina</t>
  </si>
  <si>
    <t>ESDC-800</t>
  </si>
  <si>
    <t>ESDC-801</t>
  </si>
  <si>
    <t>Electronic Document and Records Management Solution</t>
  </si>
  <si>
    <t>EDRMS</t>
  </si>
  <si>
    <t>BlackBerry</t>
  </si>
  <si>
    <t>ESDC-803</t>
  </si>
  <si>
    <t>Expand Predictive Analytics to all Regions – Second Generation Risk Model</t>
  </si>
  <si>
    <t>EPAR2</t>
  </si>
  <si>
    <t>ESDC-804</t>
  </si>
  <si>
    <t>IRIS-CMS-Archive</t>
  </si>
  <si>
    <t>IRIS-CMSA</t>
  </si>
  <si>
    <t>Acquisition Services,Financial Management Services,Management and Oversight Services,Real Property Services,Travel and Other Administrative Services</t>
  </si>
  <si>
    <t>ESDC-805</t>
  </si>
  <si>
    <t>Application Catalogue</t>
  </si>
  <si>
    <t>Application Catalogue provides a self-serve portal to install selected enterprise and commercial applications to ESDC employees without the interaction of resolvers or NSD staff.  For now, the project scope will be limited to installation of applicat</t>
  </si>
  <si>
    <t>ESDC-806</t>
  </si>
  <si>
    <t>Office for Client Satisfaction</t>
  </si>
  <si>
    <t>Government of Canada Telephone General Enquiries Services;Government of Canada Internet Presence;In-Person Points of Service;Employment Insurance;Passport;Foreign Credential Recognition Program;Temporary Foreign Worker Program;Canada Student Loans and Grants and Canada Apprentice Loans Program;Old Age Security;Canada Pension Plan;Canada Pension Plan Disability Benefits;Other Government Department Programs</t>
  </si>
  <si>
    <t>Micro Dynamics CRM 2013 (on Premisis)</t>
  </si>
  <si>
    <t>ESDC-81</t>
  </si>
  <si>
    <t>Claimant Pay Summary Report</t>
  </si>
  <si>
    <t>CPSR</t>
  </si>
  <si>
    <t>ESDC-810</t>
  </si>
  <si>
    <t>Industrial Relations Information System</t>
  </si>
  <si>
    <t>IRIS-CRM</t>
  </si>
  <si>
    <t>Microsft Dynamics CRM 2013 (on Premise)</t>
  </si>
  <si>
    <t>ESDC-812</t>
  </si>
  <si>
    <t>SCCM PC Admin</t>
  </si>
  <si>
    <t>SCCM PC ADMIN is an internally developed tool for use by workstation administrators and Deployment Services employees.   When using the tool these groups can better troubleshoot and resolve software deployed and installed by SCCM to desktops, laptops</t>
  </si>
  <si>
    <t>Patch Management Software</t>
  </si>
  <si>
    <t>ESDC-820</t>
  </si>
  <si>
    <t>Project Management Information System</t>
  </si>
  <si>
    <t>Communications Services,Financial Management Services,Human Resources Management Services,Information Management Services,Management and Oversight Services</t>
  </si>
  <si>
    <t>Departmental solution to manage projects.</t>
  </si>
  <si>
    <t>Project Server 2013</t>
  </si>
  <si>
    <t>ESDC-822</t>
  </si>
  <si>
    <t>Employer Events</t>
  </si>
  <si>
    <t>MCE</t>
  </si>
  <si>
    <t>Employment Insurance;Information Management Services</t>
  </si>
  <si>
    <t>Microsoft Dynamics CRM 2013 (on Premisis)</t>
  </si>
  <si>
    <t>ESDC-823</t>
  </si>
  <si>
    <t>Pensions Workload System</t>
  </si>
  <si>
    <t>PWS</t>
  </si>
  <si>
    <t>Microsoft Dynamics CRM 2016 (on Premisis)</t>
  </si>
  <si>
    <t>Quality Management System</t>
  </si>
  <si>
    <t>ESDC-825</t>
  </si>
  <si>
    <t>View My Application Status</t>
  </si>
  <si>
    <t>VMAS</t>
  </si>
  <si>
    <t>ESDC-826</t>
  </si>
  <si>
    <t>IRIS - IT Asset Management</t>
  </si>
  <si>
    <t>IRIS - ITAM</t>
  </si>
  <si>
    <t>This solution is to produce reports for IT Asset Management team.  It’s used as the inventory of computers and monitors managed by ITAM.</t>
  </si>
  <si>
    <t>ESDC-828</t>
  </si>
  <si>
    <t>Document Control System - Web</t>
  </si>
  <si>
    <t>DCS-Web</t>
  </si>
  <si>
    <t>ESDC-829</t>
  </si>
  <si>
    <t>Department of Legal Services Unit</t>
  </si>
  <si>
    <t>DLSU</t>
  </si>
  <si>
    <t>ESDC-83</t>
  </si>
  <si>
    <t>Data Gateway</t>
  </si>
  <si>
    <t>ESDC-830</t>
  </si>
  <si>
    <t>Emergency Management and Business Continuity</t>
  </si>
  <si>
    <t>EMBC</t>
  </si>
  <si>
    <t>ESDC-832</t>
  </si>
  <si>
    <t>Security Incident Case Management System</t>
  </si>
  <si>
    <t>SICM</t>
  </si>
  <si>
    <t>Security Information Event Management Software</t>
  </si>
  <si>
    <t>ESDC-833</t>
  </si>
  <si>
    <t>Portfolio Stakeholder Database</t>
  </si>
  <si>
    <t>PSD</t>
  </si>
  <si>
    <t>System for managing Stakeholders using Interest tags to sort and filter lists for use in organizing engagement outreach events.  Lists of Stakeholder’s contacts sharing similar interests can be produced and invited to engagement outreaches matching t</t>
  </si>
  <si>
    <t>MS Dynamics</t>
  </si>
  <si>
    <t>ESDC-836</t>
  </si>
  <si>
    <t>Job Bank Reporting Data warehouse</t>
  </si>
  <si>
    <t>ESDC-837</t>
  </si>
  <si>
    <t>Disability Statistics System</t>
  </si>
  <si>
    <t>ESDC-84</t>
  </si>
  <si>
    <t>Departmental Accounts Receivable System</t>
  </si>
  <si>
    <t>DARS</t>
  </si>
  <si>
    <t>Employment Insurance;Labour Market Development Agreements;Canada Job Fund Agreements;Labour Market Agreements for Persons with Disabilities;Opportunities Fund for Persons with Disabilities;Youth Employment Strategy;Enabling Fund for Official Language Minority Communities;Aboriginal Skills and Employment Training Strategy;Skills and Partnership Fund;First Nations Job Fund;Job Bank;Other Government Department Programs;Literacy and Essential Skills;Skilled Trades and Apprenticeship (Red Seal Program);Apprenticeship Grants;Temporary Foreign Worker Program;Canada Student Loans and Grants and Canada Apprentice Loans Program;Canada Education Savings Program;Workplace Health and Safety;Old Age Security;Canada Pension Plan;Canada Pension Plan Disability Benefits;Canada Disability Savings Program;Social Development Partnerships Program;New Horizons for Seniors Program;Universal Child Care Benefit;Federal Income Support for Parents of Murdered or Missing Children;Management and Oversight Services;Financial Management Services;National Child Benefit;Homelessness Partnering Strategy;Enabling Accessibility Fund</t>
  </si>
  <si>
    <t>ESDC-841</t>
  </si>
  <si>
    <t>Family CareGiver National Repository</t>
  </si>
  <si>
    <t>ESDC-842</t>
  </si>
  <si>
    <t>Ministerial Case Management</t>
  </si>
  <si>
    <t>ESDC-843</t>
  </si>
  <si>
    <t>Youth Service Initiative</t>
  </si>
  <si>
    <t>ESDC-844</t>
  </si>
  <si>
    <t>Wisdom Work Force Optimizer</t>
  </si>
  <si>
    <t>followup</t>
  </si>
  <si>
    <t>ESDC-845</t>
  </si>
  <si>
    <t>Rogers Virtual Contact Centre</t>
  </si>
  <si>
    <t>ESDC-846</t>
  </si>
  <si>
    <t>Partner Applications Messaging System</t>
  </si>
  <si>
    <t>PAMS</t>
  </si>
  <si>
    <t>ESDC-847</t>
  </si>
  <si>
    <t>Integrated Labour System</t>
  </si>
  <si>
    <t>ESDC-85</t>
  </si>
  <si>
    <t>DDP</t>
  </si>
  <si>
    <t>ESDC-855</t>
  </si>
  <si>
    <t>FileScan 3.0</t>
  </si>
  <si>
    <t>ESDC-856</t>
  </si>
  <si>
    <t>1800Assign</t>
  </si>
  <si>
    <t>SP custom solution for Quebec Integrity; Tool developed to allow the Sept-Iles CoE Investigation Group to assign investigation requests to investigators throughout Québec using the SIN number</t>
  </si>
  <si>
    <t>ESDC-857</t>
  </si>
  <si>
    <t>CESP Customer Relations Management System</t>
  </si>
  <si>
    <t>SP custom solution for NHQ; Developed for the Canada Education Savings Program (CESP) group, designed to manage calls and case enquiries from organizations and the general public at call centres across Canada</t>
  </si>
  <si>
    <t>ESDC-858</t>
  </si>
  <si>
    <t>Corporate Affairs Application (Québec)</t>
  </si>
  <si>
    <t>SP custom solution for Quebec; French site developed specifically for Québec entitled "Application des Affaires Ministérielles" - Follow-up of requests from the Office of Customer satisfaction, Departmental Service or Customer Feedback Cards</t>
  </si>
  <si>
    <t>ESDC-859</t>
  </si>
  <si>
    <t>Management of workforce tracking</t>
  </si>
  <si>
    <t>SP custom solution for Quebec; Solution contains specific fields that allow managers for all branches of the Quebec region, or their assistants, to capture and modify the information in the workforce tracking and to make better operational management</t>
  </si>
  <si>
    <t>ESDC-86</t>
  </si>
  <si>
    <t>Direct Deposit Account Analysis System</t>
  </si>
  <si>
    <t>DDAA</t>
  </si>
  <si>
    <t>ESDC-860</t>
  </si>
  <si>
    <t>IT Security Exceptions site</t>
  </si>
  <si>
    <t>SP business solution for IT Security to automate requests for privileged, firewall and non-encrypted device exceptions. Includes InfoPath forms, pages, workflows, etc.</t>
  </si>
  <si>
    <t>ESDC-861</t>
  </si>
  <si>
    <t>ITAM Control Board Proposals and Requests</t>
  </si>
  <si>
    <t>SP business solution for the ITAM Control Board. Design of InfoPath forms, site pages, workflows, etc to automate proposals and requests process.</t>
  </si>
  <si>
    <t>ESDC-862</t>
  </si>
  <si>
    <t>Leadership program - Service Canada College</t>
  </si>
  <si>
    <t>SP custom solution for Service Canada College; This site serves as a tool to manage ESDC’s nominations for the Canada School of Public Service (CSPS) Leadership Programs</t>
  </si>
  <si>
    <t>ESDC-863</t>
  </si>
  <si>
    <t>Québec Central Purchasing</t>
  </si>
  <si>
    <t>SP custom solution for Quebec; French SharePoint site developed specifically for Québec Central Purchasing for Citizen Services in Montreal for administrative services on centralized procurement</t>
  </si>
  <si>
    <t>ESDC-864</t>
  </si>
  <si>
    <t>Paiement prossessing services (West)</t>
  </si>
  <si>
    <t>SP custom solution for Payment Processing Services (West); commonly called BE Enquiry Solution 2.0; Request management system that allows electronic submission of EI related request to Business Expertise and storage of active and resolved requests</t>
  </si>
  <si>
    <t>ESDC-865</t>
  </si>
  <si>
    <t>Resources Center (BSI)</t>
  </si>
  <si>
    <t>SP custom solution for BSI; Site used to collect all requests for resources (employees with special areas of expertise) for projects;  Requests are approved or denied and all requests are kept for reporting purposes</t>
  </si>
  <si>
    <t>ESDC-866</t>
  </si>
  <si>
    <t>SEED (IITB)</t>
  </si>
  <si>
    <t>SP custom solution for IITB; To allow IITB to gain a better understanding of the skills, expertise and experience; To improve the quality of learning and professional development and career planning conversations between managers and employees</t>
  </si>
  <si>
    <t>ESDC-867</t>
  </si>
  <si>
    <t>Vigie scan (Quebec)</t>
  </si>
  <si>
    <t>SP custom solution for Quebec; Site de la région du Québec pour la direction des communication permettant d'effectuer le suivi de différents évènements à Services Canada tels que les Mises-à-pied massives, parlementaires, médias et autres</t>
  </si>
  <si>
    <t>ESDC-873</t>
  </si>
  <si>
    <t>SIRWeb-SIN Rapid Access</t>
  </si>
  <si>
    <t>SINRA</t>
  </si>
  <si>
    <t>The Social Insurance Number (SIN) program began in 1964 to register individuals under two federal government programs, including Employment Insurance and the Canada Pension Plan.</t>
  </si>
  <si>
    <t>ESDC-874</t>
  </si>
  <si>
    <t>SIRWeb-SIN Rapid Access For Training</t>
  </si>
  <si>
    <t>SIRWeb - SINRA - Training</t>
  </si>
  <si>
    <t>SINRA (SIN - Rapid Access ) is a Web application that gives the agents in the local offices the ability to serve clients using custom built web pages to access the Social Insurance Registry (SIR).</t>
  </si>
  <si>
    <t>ESDC-875</t>
  </si>
  <si>
    <t>SIRWeb-Quality Management Agent Performance</t>
  </si>
  <si>
    <t>SIRWeb - QMAP</t>
  </si>
  <si>
    <t>ESDC-876</t>
  </si>
  <si>
    <t>SIRWeb-Quality Management Agent Performance For training</t>
  </si>
  <si>
    <t>SIRWeb - QMAP - Training</t>
  </si>
  <si>
    <t>QMAP (Quality Monitoring Agent Performance) is a  Web application/business layer used by coaches and system administrators to enter coaching results, performance reviews and manage code tables of SINRA agents.</t>
  </si>
  <si>
    <t>ESDC-877</t>
  </si>
  <si>
    <t>SIRWeb-SIN Validation</t>
  </si>
  <si>
    <t>SIRWeb-SINValidation</t>
  </si>
  <si>
    <t>ESDC-878</t>
  </si>
  <si>
    <t>SIRWeb-Data Exchange</t>
  </si>
  <si>
    <t>SIN Validation - Real time validations using the SIR Web services is performed between the SIR and the following programs: My Service Canada Account – MSCA , Canada Education Savings Grant - CESG, RDSP – Registered Disability Savings Plan, Registration &amp; Authentication – R&amp;A (EI/CPP/OAS), Automated Claims Processing – ACP, Full Text Screens  - FTS (EI System), Common System for Grants &amp; Contributions (CSGC), Support System for Agents – SSA (EI System), Automated Purge and Recreate System – APRS (EI System) and CSLP (Canada Student Loan Program).</t>
  </si>
  <si>
    <t>ESDC-880</t>
  </si>
  <si>
    <t>AIHMS Replacement</t>
  </si>
  <si>
    <t>ESDC-882</t>
  </si>
  <si>
    <t>Disposition Tracking Tool</t>
  </si>
  <si>
    <t>ESDC-883</t>
  </si>
  <si>
    <t>Regional Storekeeper</t>
  </si>
  <si>
    <t>ESDC-884</t>
  </si>
  <si>
    <t>Sensitive Document Collaboration Service-Including MinO</t>
  </si>
  <si>
    <t>ESDC-885</t>
  </si>
  <si>
    <t>SharePoint Record management label printing</t>
  </si>
  <si>
    <t>ESDC-892</t>
  </si>
  <si>
    <t>Batch Metadata Tagging Tool</t>
  </si>
  <si>
    <t>BMT</t>
  </si>
  <si>
    <t>ESDC-893</t>
  </si>
  <si>
    <t>Departmental Information Resource Inventory</t>
  </si>
  <si>
    <t>DIRI</t>
  </si>
  <si>
    <t>ESDC-894</t>
  </si>
  <si>
    <t>Litigation Holds Database</t>
  </si>
  <si>
    <t>LHD</t>
  </si>
  <si>
    <t>ESDC-896</t>
  </si>
  <si>
    <t>Integrity Case Management system</t>
  </si>
  <si>
    <t>ESDC-898</t>
  </si>
  <si>
    <t>SIRWeb-Loads</t>
  </si>
  <si>
    <t>ESDC-899</t>
  </si>
  <si>
    <t>SIRWeb-SIN Validation - CSLP</t>
  </si>
  <si>
    <t>ESDC-9</t>
  </si>
  <si>
    <t>Minimum Wage Database</t>
  </si>
  <si>
    <t>Web based service providing information on currrent, upcoming and past minimum wage rates in all Canadian jurisdictions.  This information is used by employees and employers to identify current and future statutory rights/obligations (particularly fo</t>
  </si>
  <si>
    <t>ESDC-90</t>
  </si>
  <si>
    <t>Document Control System</t>
  </si>
  <si>
    <t>DCS</t>
  </si>
  <si>
    <t>ESDC-900</t>
  </si>
  <si>
    <t>SIRWeb -SIN Validation – CESG</t>
  </si>
  <si>
    <t>ESDC-901</t>
  </si>
  <si>
    <t>SIRWeb-Business Intelligence Data</t>
  </si>
  <si>
    <t>ESDC-92</t>
  </si>
  <si>
    <t>Easy Access</t>
  </si>
  <si>
    <t>EA</t>
  </si>
  <si>
    <t>ESDC-95</t>
  </si>
  <si>
    <t>Electronic Claimants Report Systems</t>
  </si>
  <si>
    <t>eCR, InterDec</t>
  </si>
  <si>
    <t>ESDC-97</t>
  </si>
  <si>
    <t>Electronic Documents System</t>
  </si>
  <si>
    <t>EDS</t>
  </si>
  <si>
    <t>ESDC-98</t>
  </si>
  <si>
    <t>Electronic Forms on the Intranet</t>
  </si>
  <si>
    <t>E-Forms Web</t>
  </si>
  <si>
    <t>Labour Relations;Workplace Health and Safety;Labour Standards and Equity;Old Age Security;Canada Pension Plan;Canada Pension Plan Disability Benefits;Canada Disability Savings Program;Universal Child Care Benefit;Communications Services;Legal Services;Human Resources Management Services;Financial Management Services;Information Management Services;Information Technology Services;Materiel Services;Acquisition Services;Management and Oversight Services</t>
  </si>
  <si>
    <t>Intranet application to distribute electronic forms to employees</t>
  </si>
  <si>
    <t>LiveCycle Enterprise Forms</t>
  </si>
  <si>
    <t>ESDC-99</t>
  </si>
  <si>
    <t>Electronic Worksharing System</t>
  </si>
  <si>
    <t>EWS</t>
  </si>
  <si>
    <t>Environment and Climate Change Canada</t>
  </si>
  <si>
    <t>ECC-1112</t>
  </si>
  <si>
    <t>Stratus</t>
  </si>
  <si>
    <t>2.1.1 Weather Observations , Forecasts and Warnings</t>
  </si>
  <si>
    <t>An interface for viewing changes and calculating the diagnostics of tephigrams over model data- Quebec Business requirement: some indices calculated in the  NinJo tephigram layer are incorrect. In addition, NinJo has no function archiving and recovery while STRATUS contains  2 year of archive. It is essential to the case studies, including a comparison of a number of similar weather situations.</t>
  </si>
  <si>
    <t>ECC-1114</t>
  </si>
  <si>
    <t>AMRemote</t>
  </si>
  <si>
    <t>2.1.1 Weather and Environmental Observations, Forecasts and Warnings</t>
  </si>
  <si>
    <t>This meteorological services data acquisition and dissemination application is a system tool that provides an interface between Alphanumeric Manager (AM) servers and non-AM servers. It uses TCP/IP Sockets to make AM databases available to remote servers that do not have a resident AM database. It used to be controlled by Software Management Board (SMB).  It is used by Scribe &amp; Bullprep to send data to an AM database. Contact:Ahmed.Mulla@ec.gc.ca Susan Wild, March 2016: This application should be decommissioned. However, there are many other legacy applications developed by SSC or MSC that are dependent on this application. We no longer life-cycle manage it.</t>
  </si>
  <si>
    <t>ECC-1115</t>
  </si>
  <si>
    <t>Real-time hydrometric data</t>
  </si>
  <si>
    <t>HYDNOW</t>
  </si>
  <si>
    <t>Feeds water office webpage</t>
  </si>
  <si>
    <t>1.2.3 Hydrometric Services</t>
  </si>
  <si>
    <t>SQL Server 2012 Standard</t>
  </si>
  <si>
    <t>YES</t>
  </si>
  <si>
    <t>ECC-1117</t>
  </si>
  <si>
    <t>Regulation of Great Lakes Systems</t>
  </si>
  <si>
    <t>RGLS</t>
  </si>
  <si>
    <t>RGLS is a suite of hydraulic engineering tools to perform the Regulation of Great Lakes Systems. The suite of tools is not related to any apps in the APM list. The software tools uses are essentially operated and maintained internally by the GLRO, with occasional input from the U.S. regulation representatives. The tools are:  Lake Superior Regulation • Coordinated Great Lakes Regulation and Routing Model (one-month simulation)  Great Lakes Forecast • Coordinated Great Lakes Regulation and Routing Model (ensemble simulation) • Lake Ontario Regulation Plan 1958-D Monthly Simulation Model (aka.  Plan 1958-DM) • Great Lakes Forecast Visualization Tool (Excel based)  Lake Ontario Regulation • Lake Ontario Regulation Plan 1958-D Weekly Simulation Model • Lak</t>
  </si>
  <si>
    <t>ECC-1118</t>
  </si>
  <si>
    <t>Marine Emissions Inventory Tool</t>
  </si>
  <si>
    <t>MEIT</t>
  </si>
  <si>
    <t>3.2 Climate Change and Clean Air</t>
  </si>
  <si>
    <t>MEIT is an air emissions forecasting database that is used by EC Transportation Division (TD) in order to fulfill their Clean Transportation commitment to model air emissions for marine shipping.  EC needs to update the MEIT SQL Server database in order to perform annual vessels emissions updates.   The database is shared with the industry, stakeholders and modellers in order to update air quality modeling that is being done in Canada including the Arctic.</t>
  </si>
  <si>
    <t>ECC-1119</t>
  </si>
  <si>
    <t>TM</t>
  </si>
  <si>
    <t>Audit Management Application</t>
  </si>
  <si>
    <t>Wolters Kluwer Financial Services, TeamMate</t>
  </si>
  <si>
    <t>ECC-1120</t>
  </si>
  <si>
    <t>CCFD - Canada's Climate Financing Database</t>
  </si>
  <si>
    <t>CCFD</t>
  </si>
  <si>
    <t>Climate Change International</t>
  </si>
  <si>
    <t>Public web pages and internal data management application to disclose the fast-start financing from the Copenhagen Accord approaching to support climate change mitigation and adaptation in developing countries.</t>
  </si>
  <si>
    <t>ECC-1121</t>
  </si>
  <si>
    <t>DryClean</t>
  </si>
  <si>
    <t>Compliance Promotion and Expert Support</t>
  </si>
  <si>
    <t>The Tetrachloroethylene (Use in Dry Cleaning and Reporting Requirements) Regulations requires mandatory annual reporting (by April 30th) from over 1200 regulated dry cleaners. Currently, the reports are submitted by mail, email, or fax; scanned and the data and scanned reports are entered manually in the database. The database contains the information annually reported by Dry Cleaner, Sellers, Importer and Recycler of Tetrachloroethylene.</t>
  </si>
  <si>
    <t>ECC-1122</t>
  </si>
  <si>
    <t>HR Onboarding Notification</t>
  </si>
  <si>
    <t>HRON</t>
  </si>
  <si>
    <t>Nightly process that refreshing a copy of all AD user accounts to be stored in EnviroTel SQL database. Any new EC accounts not previously found will automatically generate an email to notify user of HR onboarding information.</t>
  </si>
  <si>
    <t>ECC-1123</t>
  </si>
  <si>
    <t>GCWCC - Online Auction &amp; Bingo</t>
  </si>
  <si>
    <t>Charitable Campaign</t>
  </si>
  <si>
    <t>Bingo &amp; silent auction application for the Government of Canada Workplace Charitable Campaign</t>
  </si>
  <si>
    <t>ECC-1124</t>
  </si>
  <si>
    <t>Information Tracking System</t>
  </si>
  <si>
    <t>EC</t>
  </si>
  <si>
    <t>Tracking system for various permit requests</t>
  </si>
  <si>
    <t>MS Windows 2008 R2</t>
  </si>
  <si>
    <t>ECC-1125</t>
  </si>
  <si>
    <t>SARB Database</t>
  </si>
  <si>
    <t>SARB</t>
  </si>
  <si>
    <t>Web application to track CWS species lists including COSEWIC, CITES and SARA Listes Species.  Data supports many different initiatives.</t>
  </si>
  <si>
    <t>ECC-1127</t>
  </si>
  <si>
    <t>Ecogift Program - EGP Online Management Database</t>
  </si>
  <si>
    <t>Ecogift</t>
  </si>
  <si>
    <t>Application to provide a way for Canadians to donate ecological gifts to the program</t>
  </si>
  <si>
    <t>ECC-1128</t>
  </si>
  <si>
    <t>System Center Configuration Manager 2012</t>
  </si>
  <si>
    <t>System management software for managing large groups of computers. Configuration Manager provides remote control, patch management, software distribution, operating system deployment, network access protection and hardware and software inventory.</t>
  </si>
  <si>
    <t>ECC-1129</t>
  </si>
  <si>
    <t>Customs Import Data Integration Program (CIDIP)</t>
  </si>
  <si>
    <t>CIDIP</t>
  </si>
  <si>
    <t>Environmental Stewardship Branch</t>
  </si>
  <si>
    <t>ECC-1131</t>
  </si>
  <si>
    <t>EC Subscription Service</t>
  </si>
  <si>
    <t>SubscripService</t>
  </si>
  <si>
    <t>This application allows the media and the public to be notified (by email) whenever new documents or updates are added to the Environment Canada Newsroom.</t>
  </si>
  <si>
    <t>ECC-1132</t>
  </si>
  <si>
    <t>Offenders Registry</t>
  </si>
  <si>
    <t>Offenders</t>
  </si>
  <si>
    <t>The Environmental Offenders Registry contains information on convictions of corporations obtained under certain federal environmental laws.</t>
  </si>
  <si>
    <t>ECC-1133</t>
  </si>
  <si>
    <t>Directory of Scientists</t>
  </si>
  <si>
    <t>DirSci</t>
  </si>
  <si>
    <t>Directory of Scientists and Professionals in the GoC</t>
  </si>
  <si>
    <t>ECC-1135</t>
  </si>
  <si>
    <t>CAPMoN Field Data Collection Process</t>
  </si>
  <si>
    <t>CAPMoN Field</t>
  </si>
  <si>
    <t>CAPMoN real time field data acquisition system. It runs on a hourly basis, collects raw data from all CAPMoN sites.</t>
  </si>
  <si>
    <t>ECC-1136</t>
  </si>
  <si>
    <t>CAPMoN Raw Data Ingestion</t>
  </si>
  <si>
    <t>CAPMoN Raw</t>
  </si>
  <si>
    <t>CAPMoN field raw data import process. It converts field raw data from text format into a SQL database format, and imports data into MS SQL database.</t>
  </si>
  <si>
    <t>ECC-1137</t>
  </si>
  <si>
    <t>Laboratory Instrumentation Control System</t>
  </si>
  <si>
    <t>LICS</t>
  </si>
  <si>
    <t>System comprised of hardware and software that communicates with an SQL server to conduct exhaust emission tests on vehicles and engines</t>
  </si>
  <si>
    <t>ECC-1139</t>
  </si>
  <si>
    <t>Single Window Regulatory Reporting - Operational Worker</t>
  </si>
  <si>
    <t>SWRR OW</t>
  </si>
  <si>
    <t>An application that allows program staff to view and manage electronic submissions.</t>
  </si>
  <si>
    <t>ECC-1140</t>
  </si>
  <si>
    <t>Fleet Management System</t>
  </si>
  <si>
    <t>Manage vehicles &amp; engines data/activities</t>
  </si>
  <si>
    <t>File Maker Pro</t>
  </si>
  <si>
    <t>ECC-1141</t>
  </si>
  <si>
    <t>Shared Enterprise Application Services</t>
  </si>
  <si>
    <t>SEAS</t>
  </si>
  <si>
    <t>Web services layer</t>
  </si>
  <si>
    <t>ECC-1142</t>
  </si>
  <si>
    <t>National Pollutant Release Inventory Online Query Tool</t>
  </si>
  <si>
    <t>NPRI Query Site</t>
  </si>
  <si>
    <t>Data publication site for the National Pollutant Release Inventory Program.</t>
  </si>
  <si>
    <t>MS Windows 2008</t>
  </si>
  <si>
    <t>ECC-1143</t>
  </si>
  <si>
    <t>Air Pollutant Emissions Inventory Online Query Tool</t>
  </si>
  <si>
    <t>APEI Query Site</t>
  </si>
  <si>
    <t>Data publication site for the Air Pollutant Emissions Inventory Program.</t>
  </si>
  <si>
    <t>ECC-1144</t>
  </si>
  <si>
    <t>Numerical Weather Prediction System</t>
  </si>
  <si>
    <t>NWPS</t>
  </si>
  <si>
    <t>The system for weather forecasting is comprised of hundreds of scientific applications, mostly coded in-house, that change daily.</t>
  </si>
  <si>
    <t>Varies. Currently Ubuntu 14.04, SLES 11, RHEL 7.1</t>
  </si>
  <si>
    <t>ECC-1145</t>
  </si>
  <si>
    <t>PESC Web Client Inquiry Log</t>
  </si>
  <si>
    <t>PESC CIL</t>
  </si>
  <si>
    <t>Web application to record and store client inquiries to PYLET (CALA Requirement) Uses database of the same name on the Bioinfo clustered services</t>
  </si>
  <si>
    <t>ECC-1146</t>
  </si>
  <si>
    <t>PESC PDP</t>
  </si>
  <si>
    <t>Web application to view Laboratory data pre 2000. Uses database of the same name o the BioInfo clustered services.</t>
  </si>
  <si>
    <t>ECC-1147</t>
  </si>
  <si>
    <t>Integrated Watershed and Lake Modelling Decision Support Tools</t>
  </si>
  <si>
    <t>IWLM</t>
  </si>
  <si>
    <t>IWLM is a set of decisions support systems (DSS) tools for integrated watershed and lake modeling for research purposes in programs such as the Great Lakes Nutrient Initiative and Lake Winnipeg Basin Initiative. There are tools for calibrating/validating watershed and lake models, performing odel uncertainty analysis, and for optimizing and evaluating watershed BMP (Beneficial management practice) scenarios for nutrient reduction.</t>
  </si>
  <si>
    <t>ECC-1148</t>
  </si>
  <si>
    <t>Aquatic (Developmental)</t>
  </si>
  <si>
    <t>AQUATIC</t>
  </si>
  <si>
    <t>This application is used as a pre-deployment test server to test Water Quality Monitoring and Surveillance application before deployment.  Currently there is 1) pre-deployment version of the Quebec Marine Shellfish Water Quality Website (mollusca) 2) Test version of the Canadian Aquatic Biomonitoring Website (CABIN) 3) Test version for EnviroGrapher water quality monitoring QA Tool.</t>
  </si>
  <si>
    <t>MS Dynamics CRM</t>
  </si>
  <si>
    <t>ECC-1151</t>
  </si>
  <si>
    <t>NPRI Explorer</t>
  </si>
  <si>
    <t>NPRI Apex</t>
  </si>
  <si>
    <t>An application that allows users to search NPRI data via interactive Oracle queries and forms (using Oracle Application Express).</t>
  </si>
  <si>
    <t>ECC-1154</t>
  </si>
  <si>
    <t>Environmental Emergencies Mapping Application</t>
  </si>
  <si>
    <t>EEMAP</t>
  </si>
  <si>
    <t>3.1.4 Environmental Emergencies</t>
  </si>
  <si>
    <t>Web mapping application that enables the National Environmental Emergencies Centre's Environmental Emergencies Officers to produce maps, reports and web mapping services to share Resources at Risk, protection and cleanup priorities with environmental emergencies response partners including the Lead Agency, resource agencies, response organizations, and the Incident Command System where appropriate.</t>
  </si>
  <si>
    <t>ECC-1156</t>
  </si>
  <si>
    <t>QSAR Toolbox</t>
  </si>
  <si>
    <t>QSAR</t>
  </si>
  <si>
    <t>ECC-1157</t>
  </si>
  <si>
    <t>Viewfinity Privilege Management</t>
  </si>
  <si>
    <t>Viewfinity</t>
  </si>
  <si>
    <t>4.1.2.4 Information Technology</t>
  </si>
  <si>
    <t>BCR</t>
  </si>
  <si>
    <t>1.1.3 Migratory Birds</t>
  </si>
  <si>
    <t>ECC-1159</t>
  </si>
  <si>
    <t>inGeo</t>
  </si>
  <si>
    <t>Multiple</t>
  </si>
  <si>
    <t>The InGeo system is a centralized terminal server work environment that hosts geospatial software that is used by over 600 EC employees across Canada - to deliver on statutory requirements and core services, including: the Canadian Environmental Protection Act, the Species at Risk Act, Environmental Regulations, Environmental Emergency Response, and Weather Services.</t>
  </si>
  <si>
    <t>Multiple vendors including ESRI as primary application vendor</t>
  </si>
  <si>
    <t>ECC-116</t>
  </si>
  <si>
    <t>Canadian Environmental Protection Act Environmental Registry</t>
  </si>
  <si>
    <t>CEPA Registry</t>
  </si>
  <si>
    <t>3.1.1 - Susbstances Management</t>
  </si>
  <si>
    <t>The CEPA Registry is a website that is partially driven by a database for certain sections, namely, Public Consultations, Regulations and Other Instruments, Notices, Orders and Permits. The remainder of the site is static content managed through WebSolutions.</t>
  </si>
  <si>
    <t>ECC-1160</t>
  </si>
  <si>
    <t>RealTime WaterWeb</t>
  </si>
  <si>
    <t>RT-WaterWeb</t>
  </si>
  <si>
    <t>Web services providing data to the partners/clients http://waterweb2.pyr.ec.gc.ca/PYRWEBSERVICES/service1.asmx  o AIpoll:  to call the web service APIs and ingest time series data into Hydnow on hourly basis o AIMMPoll: to call the web service APIs and ingest field measurements into Hydnow on daily basis o AIRatingTablePoll: to call the web service APIs and ingest rating curve into Hydnow on weekly basis o Email service: to send real time data to clients via email  o Email service: to send rating curve to clients via email o AIrunner: to generate .csv files and upload the files to the EC datamart.  Real Time Water Web data source; also see "WaterOffice website" in HPC &amp; NOC  Related to Aquarius</t>
  </si>
  <si>
    <t>Windows 2003 server. Planned to migrate.</t>
  </si>
  <si>
    <t>ECC-1163</t>
  </si>
  <si>
    <t>ACD Licence Server</t>
  </si>
  <si>
    <t>ACD/Percepta</t>
  </si>
  <si>
    <t>ACD Licence Server is a server base software used to managed licence usage of the client desktop software: ACD/Labs Percepta (APM ID 1155).</t>
  </si>
  <si>
    <t>ECC-1168</t>
  </si>
  <si>
    <t>RepliWeb</t>
  </si>
  <si>
    <t>Web Deployment tool</t>
  </si>
  <si>
    <t>ECC-1169</t>
  </si>
  <si>
    <t>Web Mapping</t>
  </si>
  <si>
    <t>ECC-117</t>
  </si>
  <si>
    <t>Disclosure of Travel and Hospitality Expenses</t>
  </si>
  <si>
    <t>Disclosure T&amp;H</t>
  </si>
  <si>
    <t>4.1.2 Resource Management Services</t>
  </si>
  <si>
    <t>This application will be used by the respective financial officers of Environment Canada and the Canadian Environmental Assessment Agency to report on travel and hospitality expenditures by senior departmental officials</t>
  </si>
  <si>
    <t>ECC-1170</t>
  </si>
  <si>
    <t>CF</t>
  </si>
  <si>
    <t>Web Application Development</t>
  </si>
  <si>
    <t>ECC-1171</t>
  </si>
  <si>
    <t>GCCF|GetAccess</t>
  </si>
  <si>
    <t>GetAccess</t>
  </si>
  <si>
    <t>GCCF tool to validate user login to applications</t>
  </si>
  <si>
    <t>ECC-1172</t>
  </si>
  <si>
    <t>Application Lifecycle Management hub for Visual Studio</t>
  </si>
  <si>
    <t>ECC-1173</t>
  </si>
  <si>
    <t>Web Publishing Tool</t>
  </si>
  <si>
    <t>WPT</t>
  </si>
  <si>
    <t>Application Deployment Tool</t>
  </si>
  <si>
    <t>ECC-1174</t>
  </si>
  <si>
    <t>Web Statistics gathering tool</t>
  </si>
  <si>
    <t>ECC-1175</t>
  </si>
  <si>
    <t>Ice 30-Year Atlas 1.0</t>
  </si>
  <si>
    <t>IceAtlas</t>
  </si>
  <si>
    <t>2.2.2 Meteorological and Ice Services in Support of Marine Navigation</t>
  </si>
  <si>
    <t>Web portal for 30-Year Climatic Ice Atlas Charts  http://iceweb1.cis.ec.gc.ca/30Atlas/page1.xhtml</t>
  </si>
  <si>
    <t>ECC-1176</t>
  </si>
  <si>
    <t>Système de Suivi du Service à la Clientèle</t>
  </si>
  <si>
    <t>S3C</t>
  </si>
  <si>
    <t>Automatic email service of weather forecast information/bulletins. Clients have to subscribe to a distribution list.Cette base de donnée est monté sur SQL.http://s3c.quebec.int.ec.gc.ca/s3c/</t>
  </si>
  <si>
    <t>ECC-1178</t>
  </si>
  <si>
    <t>iNotify</t>
  </si>
  <si>
    <t>Formerly known as "Chatterbox" Re-engineering of the way Weatheradio is operated, hardware included To replace Avipads system (ID 577) which is Weatheradio text-to-speech (TTS) engine and sends forecasts and warnings in voice files to Weatheradio transmitters.   Susan Wild, May 2016: boxes will be installed at Weather Radio Sites, not in Data Centres</t>
  </si>
  <si>
    <t>TLC Solutions’ ChatterBox Voice and SMS Traffic Generator is a self-contained system that generates background voice chatter and SMS messages on GSM a</t>
  </si>
  <si>
    <t>ECC-1179</t>
  </si>
  <si>
    <t>Thermobot</t>
  </si>
  <si>
    <t>http://dv-eg.edm.ab.ec.gc.ca/thermobot/display.html?path=prai_sfc_cnv&amp;type=table&amp;maxImg=17</t>
  </si>
  <si>
    <t>ECC-118</t>
  </si>
  <si>
    <t>Disclosure of Grant and Contribution Awards Over $25k</t>
  </si>
  <si>
    <t>Disclosure G&amp;H</t>
  </si>
  <si>
    <t>This application will be used by the respective Materiel Management Officer of Environment Canada and the Canadian Environmental Assessment Agency to consolidate contracts issued over $10,000 by or on behalf of EC</t>
  </si>
  <si>
    <t>ECC-1180</t>
  </si>
  <si>
    <t>Forecast notification product</t>
  </si>
  <si>
    <t>FNP</t>
  </si>
  <si>
    <t>A watch system used by forecaster in Atlantic region.  This is used in PSO-East for a number of Pop ups, but one that we feel is missions critical is its role in tsunami alerting.  Unlike weather, there is no other mechanism to inform the forecasters that condition are deteriorating. The Tsunami alerts from the US National Tsunami Warning Center as the only indication that our office must respond with an alert of our own.  The FNP notifies the forecasters of such bulletin giving them a critical start to the 10-15 minute process for creating and transmitting of the alerts. </t>
  </si>
  <si>
    <t>OS changed in Fall 2016</t>
  </si>
  <si>
    <t>ECC-1181</t>
  </si>
  <si>
    <t>Meteo4U-Street Level Lightning</t>
  </si>
  <si>
    <t>Meteo4U-SLL</t>
  </si>
  <si>
    <t>The Meteo4U framework is a framework allowing quick and easy development of a Web mapping front-end to display and interact with geospatial data on a map from multiple sources. The Meteo4U framework relies on the CMCDataServer to access meteorological data and together allows the dissemination of weather forecasts and related information directly on an interactive web map and through web services standards. Meteo4U is a core component of the Interactive Data Base project, but is also used for other purposes.The user interface (UI) of Meteo4U is purely built on open source JavaScript libraries. (Source: https://wiki.cmc.ec.gc.ca/wiki/Meteo4u )  Street Level Lightning (SLL)is a Web Mapping Application which is used to display Lightning Forecasts and hist</t>
  </si>
  <si>
    <t>ECC-1182</t>
  </si>
  <si>
    <t>MetManager-Aviation Defence Services</t>
  </si>
  <si>
    <t>MM-DWS</t>
  </si>
  <si>
    <t>2.2.3 Meteorological Services in Support of Military Operations</t>
  </si>
  <si>
    <t>ADS MetManager installation used enlisted military met-techs to brief the troops in theatre and should not be confused with the Regional MetManager (Reg-MM).  Same code base but different uses.  MetManager, the one developed using 100% DND VNR funds is owned by DND and will continue to operate on the DND secure network. It will NOT be decommissioned. It is registered in the DND APM.</t>
  </si>
  <si>
    <t>ECC-1183</t>
  </si>
  <si>
    <t>CNMTS - ECITON</t>
  </si>
  <si>
    <t>ECITON</t>
  </si>
  <si>
    <t>This is an application for the exchange of Notice requests required for EIHWHRMR regulations. This is a VB.NET web service component which will integrate with Powerbuilder and Oracle for the exchange of XML between EC and larger players in the regulated hazardous waste community</t>
  </si>
  <si>
    <t>Datawarehouse &amp; Reporting application</t>
  </si>
  <si>
    <t>ECC-119</t>
  </si>
  <si>
    <t>Canadian Pollution Prevention Information Centre (CPPIC) Website</t>
  </si>
  <si>
    <t>CPPIC2</t>
  </si>
  <si>
    <t>3.1 Substances &amp; Waste Management</t>
  </si>
  <si>
    <t>Canadian Pollution Prevention Information Clearinghouse (CPPIC), an online database and comprehensive resource that provides Canadians with the information they need to put pollution prevention (P2) into practice</t>
  </si>
  <si>
    <t>ESB</t>
  </si>
  <si>
    <t>Helpdesk</t>
  </si>
  <si>
    <t>IM</t>
  </si>
  <si>
    <t>HR</t>
  </si>
  <si>
    <t>ECC-1197</t>
  </si>
  <si>
    <t>Portal site for users of PSES</t>
  </si>
  <si>
    <t>Discovery PSES</t>
  </si>
  <si>
    <t>Datawarehouse &amp; Portal application</t>
  </si>
  <si>
    <t>Database, Enterprise Edition</t>
  </si>
  <si>
    <t>ECC-1198</t>
  </si>
  <si>
    <t>Portal site for users of HRSO</t>
  </si>
  <si>
    <t>Discovery HRSO</t>
  </si>
  <si>
    <t>ECC-1199</t>
  </si>
  <si>
    <t>Grants &amp; Contributions Reporting Application</t>
  </si>
  <si>
    <t>Discovery G&amp;C</t>
  </si>
  <si>
    <t>ECC-1200</t>
  </si>
  <si>
    <t>Long Term CLIMATE Extremes for Canada</t>
  </si>
  <si>
    <t>LTCEC</t>
  </si>
  <si>
    <t>2.1.3 Climate Information, Predictions and Tools</t>
  </si>
  <si>
    <t>Datawarehouse &amp; .Net application</t>
  </si>
  <si>
    <t>ECC-1201</t>
  </si>
  <si>
    <t>CLIMATE Archive: Volume A Report</t>
  </si>
  <si>
    <t>CA-RPRT</t>
  </si>
  <si>
    <t>An automated report required by, and supplied to the WMO which lists Canadian CLIMATE &amp; weather monitoring stations</t>
  </si>
  <si>
    <t>ECC-1202</t>
  </si>
  <si>
    <t>CLIMATE Archive: WaterOffice</t>
  </si>
  <si>
    <t>CA-WO</t>
  </si>
  <si>
    <t>A PHP Web application disseminate water to public</t>
  </si>
  <si>
    <t>ECC-1203</t>
  </si>
  <si>
    <t>CLIMATE Archive: Cableway</t>
  </si>
  <si>
    <t>CA-Cable</t>
  </si>
  <si>
    <t>A ColdFusion application that maintains the cableway metadata</t>
  </si>
  <si>
    <t>ECC-1204</t>
  </si>
  <si>
    <t>CLIMATE Archive: Kpix</t>
  </si>
  <si>
    <t>CA-KPIX</t>
  </si>
  <si>
    <t>A Java ingester feeds the KPIX data to archive</t>
  </si>
  <si>
    <t>ECC-1205</t>
  </si>
  <si>
    <t>CLIMATE Archive: WinIDE</t>
  </si>
  <si>
    <t>WINIDE</t>
  </si>
  <si>
    <t>This application is used to send WinIDE data to archive at WinID stations</t>
  </si>
  <si>
    <t>ECC-1206</t>
  </si>
  <si>
    <t>CLIMATE Archive: Bulletin Extractor</t>
  </si>
  <si>
    <t>CA-BE</t>
  </si>
  <si>
    <t>A Perl script that can be used to extract bulletins from the archive</t>
  </si>
  <si>
    <t>ECC-1207</t>
  </si>
  <si>
    <t>CLIMATE Archive: Bulk Extractor</t>
  </si>
  <si>
    <t>CA-BLKEX</t>
  </si>
  <si>
    <t>A shell script with SQL to extract subset of archive data in a flat file structure</t>
  </si>
  <si>
    <t>ECC-1208</t>
  </si>
  <si>
    <t>CLIMATE Archive: Radar Extractor</t>
  </si>
  <si>
    <t>CA-RADEX</t>
  </si>
  <si>
    <t>A ColdFusion application to extract radar data. Web application / Intranet  application that displays historical radar images by station/date/time (Requires login)</t>
  </si>
  <si>
    <t>ECC-1209</t>
  </si>
  <si>
    <t>CLIMATE Archive: Station Information System</t>
  </si>
  <si>
    <t>CA-SIS</t>
  </si>
  <si>
    <t>MS Access application to maintain CLIMATE station metadata.  Contains information about all CLIMATE stations across Canada from latitude, longitude and elevation to instruments and observing programs at the stations.</t>
  </si>
  <si>
    <t>ECC-1210</t>
  </si>
  <si>
    <t>CLIMATE Archive: File Ingesters</t>
  </si>
  <si>
    <t>CA-FI</t>
  </si>
  <si>
    <t>A java ingester feeds lightening and other type of datasets to ingest layer</t>
  </si>
  <si>
    <t>ECC-1211</t>
  </si>
  <si>
    <t>CLIMATE Archive: Image DB</t>
  </si>
  <si>
    <t>CA-IMDB</t>
  </si>
  <si>
    <t>A ColdFusion app and Java scripts to upload scanned paper forms and site maps to archive</t>
  </si>
  <si>
    <t>ECC-1212</t>
  </si>
  <si>
    <t>CLIMATE Archive: Extract Upper Air</t>
  </si>
  <si>
    <t>CA-UAEX</t>
  </si>
  <si>
    <t>A shell script with SQl to extract upper air data in a flat file structure</t>
  </si>
  <si>
    <t>ECC-1213</t>
  </si>
  <si>
    <t>CLIMATE Archive: Generate Weekly Inventory</t>
  </si>
  <si>
    <t>CA-INV</t>
  </si>
  <si>
    <t>A shell script with SQl to generate dataset inventories by year</t>
  </si>
  <si>
    <t>ECC-1214</t>
  </si>
  <si>
    <t>CLIMATE Archive: Water Inventories</t>
  </si>
  <si>
    <t>CA-WINV</t>
  </si>
  <si>
    <t>A shell script with SQL to generate water inventories</t>
  </si>
  <si>
    <t>ECC-1215</t>
  </si>
  <si>
    <t>CLIMATE Archive: Barometry</t>
  </si>
  <si>
    <t>CA-BAR</t>
  </si>
  <si>
    <t>Produce barometer calibration files for WinIDE.  The barometry program compares any given barometer with a standard barometer to ensure that the readings from the barometer at a station are accurate.</t>
  </si>
  <si>
    <t>ECC-1216</t>
  </si>
  <si>
    <t>CLIMATE Archive: QC_MNGR</t>
  </si>
  <si>
    <t>CA-QC</t>
  </si>
  <si>
    <t>A QC application used by archive operation to ingest, process and QC CLIMATE data.  The climatological data processed by the Ingest system is subjected to quality control checks before being uploaded to the Canadian CLIMATE Archive.</t>
  </si>
  <si>
    <t>ECC-1217</t>
  </si>
  <si>
    <t>CLIMATE Archive: RPM</t>
  </si>
  <si>
    <t>CA-RPM</t>
  </si>
  <si>
    <t>Application feed bulletins to QC system from archive</t>
  </si>
  <si>
    <t>ECC-1218</t>
  </si>
  <si>
    <t>CLIMATE Archive: BullPDS</t>
  </si>
  <si>
    <t>CA-PDS</t>
  </si>
  <si>
    <t>Application ingest bulletins to archive in real-time( files from CMC)</t>
  </si>
  <si>
    <t>ECC-1219</t>
  </si>
  <si>
    <t>CLIMATE Archive: Web Services for External Clients</t>
  </si>
  <si>
    <t>CA-WSEC</t>
  </si>
  <si>
    <t>A ColdFusion solution to publish CLIMATE data for external clients</t>
  </si>
  <si>
    <t>ECC-122</t>
  </si>
  <si>
    <t>Disposal at Sea Permits Application</t>
  </si>
  <si>
    <t>DASP</t>
  </si>
  <si>
    <t>3.1.2.2 Marine Pollution</t>
  </si>
  <si>
    <t>Environment Canada administers a permit system controlling the disposal of waste and other matter at sea. Each permit is granted following a detailed assessment and sets conditions to protect the marine environment and human health.</t>
  </si>
  <si>
    <t>ECC-1220</t>
  </si>
  <si>
    <t>CLIMATE Archive: Batch HLY Corrections</t>
  </si>
  <si>
    <t>CA-HLYCOR</t>
  </si>
  <si>
    <t>Part of the Corrections scripts used by archive operations to correct CLIMATE data. Corrects Hourly data in bulk by the QC technicians.</t>
  </si>
  <si>
    <t>ECC-1221</t>
  </si>
  <si>
    <t>CLIMATE Archive: DLY04 Corrections</t>
  </si>
  <si>
    <t>CA-DLYCOR</t>
  </si>
  <si>
    <t>Part of the Corrections scripts used by archive operations to correct CLIMATE data.  This application allows a user to correct Daily04 data in the Canadian CLIMATE Archive.</t>
  </si>
  <si>
    <t>ECC-1222</t>
  </si>
  <si>
    <t>CLIMATE Archive: HLY Archive Corrections</t>
  </si>
  <si>
    <t>CA-HLYARC</t>
  </si>
  <si>
    <t>This application allows a user to correct Hourly data in the Canadian CLIMATE Archive.  Part of the Corrections scripts used by archive operations to correct CLIMATE data</t>
  </si>
  <si>
    <t>ECC-1223</t>
  </si>
  <si>
    <t>CLIMATE Archive: Hydrometric Archive Uploader (HYDAT)</t>
  </si>
  <si>
    <t>CA-HYDAT</t>
  </si>
  <si>
    <t>Hydrometric data archive  An application used by Hydrometric personnel to connect production ddatabase to the archive for the purposes of transferring finalized hydrometric data to the Archive for long term storage.</t>
  </si>
  <si>
    <t>ECC-1225</t>
  </si>
  <si>
    <t>CLIMATE Archive: Solar Radiation</t>
  </si>
  <si>
    <t>CA-SOLR</t>
  </si>
  <si>
    <t>Ingester, processing system &amp; correction tool designed to handle solar data ( This is not in use now).  The automated ingest, quality control and database archiving software for the Solar Radiation network.  It contains an interactive GUI for the technicians to correct data.</t>
  </si>
  <si>
    <t>ECC-1226</t>
  </si>
  <si>
    <t>CLIMATE Archive: CSCN01 Messages</t>
  </si>
  <si>
    <t>CA-CSCN</t>
  </si>
  <si>
    <t>Monthly report for WMO (DMS soon to replace functionality)</t>
  </si>
  <si>
    <t>ECC-1227</t>
  </si>
  <si>
    <t>CLIMATE Archive: CLIMATE Data Online (CDO)</t>
  </si>
  <si>
    <t>CA-CDO</t>
  </si>
  <si>
    <t>A PHP web solution to publish CLIMATE data to public.  It is included in # 576 ?  This application allows public access to a subset of the Canadian CLIMATE Archive via the Internet. The data available includes hourly, daily, monthly or almanac data.</t>
  </si>
  <si>
    <t>ECC-1228</t>
  </si>
  <si>
    <t>CLIMATE Archive: CISE</t>
  </si>
  <si>
    <t>CA-CISE</t>
  </si>
  <si>
    <t>produce metadata files for SIS and HYDAT</t>
  </si>
  <si>
    <t>ECC-124</t>
  </si>
  <si>
    <t>Disclosure of Contracts over $10 000</t>
  </si>
  <si>
    <t>Contract Disclosure</t>
  </si>
  <si>
    <t>Staging area for proactive disclosure of contracts records/tool for posting to web</t>
  </si>
  <si>
    <t>ECC-132</t>
  </si>
  <si>
    <t>EC RFISS Federal Identification Registry for Storage Tank Systems</t>
  </si>
  <si>
    <t>EC RFISS FIRSTS</t>
  </si>
  <si>
    <t>The Federal Identification Registry for Storage Tank Systems (FIRSTS) is Environment Canada’s database of storage tank systems subject to the Storage Tank for Petroleum Products and Allied Petroleum Products Regulations. Owners of storage tank systems (STS) subject to the Regulations must identify their STS to Environment Canada</t>
  </si>
  <si>
    <t>ECC-1322</t>
  </si>
  <si>
    <t>Single Window Secure Systems Administrator</t>
  </si>
  <si>
    <t>SW-SSA</t>
  </si>
  <si>
    <t>An application that allows authorized program staff to administer access requests within the Single Window system. This app allows staff to view and process requests for access to organizations and reporting applications submitted by Single Window users.</t>
  </si>
  <si>
    <t>ECC-133</t>
  </si>
  <si>
    <t>Environmental Emergency (E2) Plan Notices</t>
  </si>
  <si>
    <t>CEPA E2</t>
  </si>
  <si>
    <t>ECC-134</t>
  </si>
  <si>
    <t>CITES Registered Breeders Website/Database (Extranet)</t>
  </si>
  <si>
    <t>CITES Breeders</t>
  </si>
  <si>
    <t>1.1.2 Species at Risk</t>
  </si>
  <si>
    <t>Extranet website to manage the Breeders database of CITES</t>
  </si>
  <si>
    <t>ECC-135</t>
  </si>
  <si>
    <t>CITES Conference of the Parties Extranet</t>
  </si>
  <si>
    <t>CITES CoP Extranet</t>
  </si>
  <si>
    <t>Extranet site for co-ordinating national research and response to species nominations &amp; recommendations.  Used to develop Canadian positions for international meetings of the Convention on International Trade of Endangered species</t>
  </si>
  <si>
    <t>ECC-1360</t>
  </si>
  <si>
    <t>HP Autonomy IDOL</t>
  </si>
  <si>
    <t>IDOL</t>
  </si>
  <si>
    <t>Information &amp; data analytics platform that performs text, image, audio, and video analytics across many languages to help you derive insight from your data.</t>
  </si>
  <si>
    <t>ECC-1361</t>
  </si>
  <si>
    <t>Web Renewal Assessment Tool</t>
  </si>
  <si>
    <t>WRAT</t>
  </si>
  <si>
    <t>Tool used as an integral part of the Web Renewal Initiative to facilitate the transfer of Web Pages to Canada.ca.</t>
  </si>
  <si>
    <t>ECC-139</t>
  </si>
  <si>
    <t>Species at Risk Act Permit Tracking System</t>
  </si>
  <si>
    <t>SPLEP-SARAPS</t>
  </si>
  <si>
    <t>The purpose of the SARA Permit System (SARAPS) is to provide applicants a user friendly web interface to work on and submit their SARA permit applications electronically to Environment Canada, and also to provide EC staff a streamlined process to review and issue permits.</t>
  </si>
  <si>
    <t>ECC-141</t>
  </si>
  <si>
    <t>Recovery Information Management System</t>
  </si>
  <si>
    <t>Info-Recovery</t>
  </si>
  <si>
    <t>Recovery Information Management System tracks the development, approval an dposting of recovery strategies, action plans, and management plans for species at risk.</t>
  </si>
  <si>
    <t>ECC-144</t>
  </si>
  <si>
    <t>Habitat Stewardship Program for Species at Risk</t>
  </si>
  <si>
    <t>HSP</t>
  </si>
  <si>
    <t>The Habitat Stewardship Program allocates funds to projects that conserve and protect species at risk and their habitats and help to preserve biodiversity. These funds promote the participation of local communities to help with the recovery of species at risk and prevent other species from becoming a conservation concern.  Selected projects protect or conserve habitats for species listed as "at risk" (endangered, threatened, or of special concern), under the Species at Risk Act. The HSP Tracking system is the on-line system used by recipients who apply to receive funding.  The application allows the receival and reviewal of proposals but is also used to manage all steps of contribution agreements when recipients see their fudning approved (establishmen</t>
  </si>
  <si>
    <t>1.1 Biodiversity - Wildlife and Habitat</t>
  </si>
  <si>
    <t>ECC-146</t>
  </si>
  <si>
    <t>Aboriginal Fund for Species at Risk</t>
  </si>
  <si>
    <t>AFSAR</t>
  </si>
  <si>
    <t>The Aboriginal Fund for Species at Risk established in 2004 as an important element of the implementation of the Species at Risk Act (SARA). The protection of species at risk in Canada depends upon a meaningful collaboration with Aboriginal people and organizations in the implementation of programs under the Species at Risk Act. The Act recognizes the role that Aboriginal people play in wildlife conservation and requires that Aboriginal traditional knowledge be taken into account when assessments of which species are at risk are carried out and when protection and recovery measures are developed and implemented. The application allows the receival and reviewal of proposals but is also used to manage all steps of contribution agreements when recipients</t>
  </si>
  <si>
    <t>ECC-150</t>
  </si>
  <si>
    <t>Harvest Survey Data Web Site</t>
  </si>
  <si>
    <t>NHSWS</t>
  </si>
  <si>
    <t>Web site which offers a query feature that enables users to retrieve hunting, harvest, age, and sex data for all migratory game bird species found in Canada. These data are derived from harvest surveys run annually by CWS. http://ec.gc.ca/reom-nhs</t>
  </si>
  <si>
    <t>ECC-154</t>
  </si>
  <si>
    <t>Interdepartmental Recovery Fund</t>
  </si>
  <si>
    <t>IRF</t>
  </si>
  <si>
    <t>As part of the National Strategy for the Protection of Species at Risk, the federal government has established the Interdepartmental Recovery Fund (IRF) for federal departments, agencies and crown corporations. The IRF became operational in the 2002-2003 fiscal year. The IRF provides funding to Other Federal Government Departments (OGDs), namely federal departments, including agencies and crown corporations, other than Environment Canada, Fisheries and Oceans Canada and the Parks Canada Agency for implementing recovery activities for species listed under the Species at Risk Act (SARA) as extirpated, endangered or threatened that are predominantly on OGD lands. The IRF also supports surveys on OGD lands of species assessed by the Committee on the Status</t>
  </si>
  <si>
    <t>4.1.3.1 Real Property</t>
  </si>
  <si>
    <t>ECC-165</t>
  </si>
  <si>
    <t>National Environmental Assessment System</t>
  </si>
  <si>
    <t>NEAS</t>
  </si>
  <si>
    <t>1.3.2 Ecosystem Assessment and Approaches</t>
  </si>
  <si>
    <t>Helps environmental assessment practitioners prepare basic environmental assessments of projects for which Environment Canada is a Responsible Authority under the Canadian Environmental Assessment Act.</t>
  </si>
  <si>
    <t>ECC-171</t>
  </si>
  <si>
    <t>PCB Reporting System</t>
  </si>
  <si>
    <t>PCBRS</t>
  </si>
  <si>
    <t>3.3 Compliance Promotion and Enforcement -– Pollution</t>
  </si>
  <si>
    <t>Tracker</t>
  </si>
  <si>
    <t>ECC-202</t>
  </si>
  <si>
    <t>Compliance Promotion CRM</t>
  </si>
  <si>
    <t>CPCRM</t>
  </si>
  <si>
    <t>3.3 Compliance Promotion and Enforcement - Pollution</t>
  </si>
  <si>
    <t>The application re-uses the EC-CRM architecture whose foundation re-uses the  Microsoft Dynamics CRM COTS product.  The applicatino is used internally by Compliance Promotion staff to manage all Compliance Promotion activities that have been communicated to/from stakeholders outisde the gov't.  These are primarily facilities which are subject to a wide range of regulatory Instruments.</t>
  </si>
  <si>
    <t>ECC-203</t>
  </si>
  <si>
    <t>Consultation CRM</t>
  </si>
  <si>
    <t>4.1 Internal Services</t>
  </si>
  <si>
    <t>Consultation tracking system is a Microsoft Dynamics CRM tool, used by program areas across Environment Canada. The system provides consultation practitioners with an intuitive way to track, manage, search and report on information pertaining to public engagement activities (i.e. upper management, central agencies, public). The system also acts as a repository and archive, and provides consultation event information to various partner consultation calendars. Consultation CRM will also be used to power the proposed Stakeholder Registry, which will allow external stakeholders to self-identify themselves for future public engagement activities.</t>
  </si>
  <si>
    <t>ECC-204</t>
  </si>
  <si>
    <t>Microsoft Dynamics CRM</t>
  </si>
  <si>
    <t>MS D CRM</t>
  </si>
  <si>
    <t>Microsoft Dynamics CRM 2011 Li</t>
  </si>
  <si>
    <t>2.1.2 Health-related Meteorological Information</t>
  </si>
  <si>
    <t>ECC-210</t>
  </si>
  <si>
    <t>Canadian Environment Sustainability Indicators Web Mapping Application</t>
  </si>
  <si>
    <t>CESI Web Map</t>
  </si>
  <si>
    <t>_1E_Limited</t>
  </si>
  <si>
    <t>1.3.1 Sustainability Reporting and Indicators</t>
  </si>
  <si>
    <t>Canadian Environment Sustainability Indicators web mapping application. Developed by CSB-BASD in collaboration with SPB Sustainability Directorate. Project Manager: Bill Nixon 905-315-5201, Senior User: Christian Vézina (819) 953-0062, Senior Supplier: Terry Simmons (416) 739-4647</t>
  </si>
  <si>
    <t>Ecollab Sharepoint 2013</t>
  </si>
  <si>
    <t>Science and Technology branch</t>
  </si>
  <si>
    <t>ECC-2110</t>
  </si>
  <si>
    <t>CPIQ web portal</t>
  </si>
  <si>
    <t>CPIQ web</t>
  </si>
  <si>
    <t>Internal website which gathers together various links which are important/critical to the QSPC staff such as models, references, procedures, contact lists and emergency/contingency information (http://sqyl07wbprod.quebec.int.ec.gc.ca/cpi/CPIQ_web/)</t>
  </si>
  <si>
    <t>ECC-2112</t>
  </si>
  <si>
    <t>ArcGIS suite</t>
  </si>
  <si>
    <t>ArcGIS for Server provides a range of web services beyond simple geodata services: Feature, Map, geocoding, Geoprocessing, Image, Globe, Web Editing, KML, OGC, etc.  ArcSDE is a component of ArcGIS for Server. However, it is a distinct server technology for providing geodata services from relational database management systems that pre-dates ArcGIS for Server.</t>
  </si>
  <si>
    <t>ESRI</t>
  </si>
  <si>
    <t>ECC-2113</t>
  </si>
  <si>
    <t>Message-Passing Interface</t>
  </si>
  <si>
    <t>MPICH2</t>
  </si>
  <si>
    <t>Message-Passing Interface (MPI) by Argonne National Lab MPICH is a high-performance and widely portable implementation of the Message-Passing Interface (MPI) standard. MPICH runs on parallel systems of all sizes, from multicore nodes to clusters to large supercomputers.  It also provides a vehicle for MPI implementation research and for developing new and better parallel programming environments. MPICH supports the latest version of the MPI standard, MPI-3. Current research in MPICH focuses on scalability to extreme-scale systems of the future.  MPICH2 is an all-new implementation of MPI, designed to support research into high-performance implementations of MPI-1 and MPI-2 functionality. In addition to the features in MPICH, MPICH2 includes support for</t>
  </si>
  <si>
    <t>ECC-2114</t>
  </si>
  <si>
    <t>ArcGIS ArcSDE</t>
  </si>
  <si>
    <t>ECC-2116</t>
  </si>
  <si>
    <t>ArcIMS suite</t>
  </si>
  <si>
    <t>ArcIMS</t>
  </si>
  <si>
    <t>ArcIMS (standing for Arc Internet Map Server) is a Web Map Server produced by Esri accessible through a web browser. It is a GIS that is designed to serve maps across the Internet. Sometimes these maps are just static images allowing simple panning and zooming, while others are more complex pages.  ArcIMS (Application) ArcIMS Tasker, ArcIMS Z3950, ArcMIS (Monitor)  ArcIMS will no longer be supported with the release of ArcGIS 10.1.</t>
  </si>
  <si>
    <t>ECC-2117</t>
  </si>
  <si>
    <t>ArcSDE</t>
  </si>
  <si>
    <t>ECC-2119</t>
  </si>
  <si>
    <t>CSSPWebTools</t>
  </si>
  <si>
    <t>CSSPWT</t>
  </si>
  <si>
    <t>CSSP Web Tools id an application used to deliver Environment Canada’s obligations under the Canadian Shellfish Sanitation Program (CSSP), a federal food safety program to protect Canadians from the health risks associated with the consumption of contaminated bivalve molluscan shellfish (for example, mussels, oysters and clams). This new application will replace the existing Atlantic Shellfish Growing Areas Database (ASGAD) (APM ID 550) and it will consolidate a number of other key data holdings in Atlantic related to pollution source surveys, wastewater system data and modelling results.</t>
  </si>
  <si>
    <t>ECC-2120</t>
  </si>
  <si>
    <t>Bottom substrates in lakes and rivers repository</t>
  </si>
  <si>
    <t>Bottom substrates</t>
  </si>
  <si>
    <t>Data from underwater video, echo-sounder records, (Geographic Information System) GIS and analyses to characterize bottom substrates in lakes and rivers</t>
  </si>
  <si>
    <t>ECC-2121</t>
  </si>
  <si>
    <t>WILDSPACE</t>
  </si>
  <si>
    <t>Access database containing years of Wildlife data gathered by CWS biologists. This database is being merged with GKMI, but the original data need to be preserved by the time the migration is completed and validated.</t>
  </si>
  <si>
    <t>ECC-2122</t>
  </si>
  <si>
    <t>CAPMoN Archive and Backup Process - Symantec Backup Exec</t>
  </si>
  <si>
    <t>CAPMoN Backup</t>
  </si>
  <si>
    <t>Symantec Backup Exec is used to backup both to tape and disk all Telemetry Data for all Capmon sites and Lab and Field data from the Cluster</t>
  </si>
  <si>
    <t>ECC-213</t>
  </si>
  <si>
    <t>Single Window Regulatory Reporting - National Pollutant Release Inventory and ON</t>
  </si>
  <si>
    <t>SWRR-NPRI/ON TRA</t>
  </si>
  <si>
    <t>ECC-2130</t>
  </si>
  <si>
    <t>Apache Webserver (module)</t>
  </si>
  <si>
    <t>NRPWatch-Web</t>
  </si>
  <si>
    <t>Hosting NRIS interface, InfoBase interface and Real-Time Network Status - NRPDisplay</t>
  </si>
  <si>
    <t>apache.org</t>
  </si>
  <si>
    <t>ECC-2131</t>
  </si>
  <si>
    <t>Aquarius - CHCQ</t>
  </si>
  <si>
    <t>Aqua-CHCQ</t>
  </si>
  <si>
    <t>ECC-2132</t>
  </si>
  <si>
    <t>Aquarius - FTP</t>
  </si>
  <si>
    <t>Aqua-FTP</t>
  </si>
  <si>
    <t>Switching Software</t>
  </si>
  <si>
    <t>ECC-2133</t>
  </si>
  <si>
    <t>Articulate online</t>
  </si>
  <si>
    <t>Articulate</t>
  </si>
  <si>
    <t>Articulate Online is a user-friendly hosted service that allows you to track how employees, customers, and prospects interact with your e-learning courses, assessments, and presentations. And publishing and delivering that content is a snap. Hydrometric technicians need to learn proper methods for the measurement of discharge and other operations (including hos).  The system allows them to complete training lessons related to these duties and responsibilities.  Doing so via online training, water survey of Canada is able to reduce the amount of time away from their home office, reduce travel time, provide training in a timely manner, and make it available as refresher for those who completed it already.</t>
  </si>
  <si>
    <t>ECC-2136</t>
  </si>
  <si>
    <t>Cornwall Cmd</t>
  </si>
  <si>
    <t>CornwallCmd</t>
  </si>
  <si>
    <t>ECC-2137</t>
  </si>
  <si>
    <t>Flow calculation daily</t>
  </si>
  <si>
    <t>FlvCalcDaily</t>
  </si>
  <si>
    <t>ECC-2138</t>
  </si>
  <si>
    <t>FTP Server (Radar Configuration Archiving)</t>
  </si>
  <si>
    <t>NRPWatch-Backup</t>
  </si>
  <si>
    <t>Anonymous FTP backup of site configurations.  Subset of NRPWatch functions. Should be migrated to SFTP or SCP during transition.</t>
  </si>
  <si>
    <t>Tied to Linux version used.</t>
  </si>
  <si>
    <t>ECC-2139</t>
  </si>
  <si>
    <t>Moodle Online Training</t>
  </si>
  <si>
    <t>NRPWatch-Moodle</t>
  </si>
  <si>
    <t>Online training access</t>
  </si>
  <si>
    <t>Moodle.Org</t>
  </si>
  <si>
    <t>ECC-2142</t>
  </si>
  <si>
    <t>National Radar Program Watch</t>
  </si>
  <si>
    <t>NRPWatch</t>
  </si>
  <si>
    <t>The NRPWatch computer system is designed to achieve high reliability of the stored data.  The system is used continuously for various National Radar Program data management.  The system provides functionality for data storage, file servers, web page development and access, training deployment and site system backup.  The NRPwatch system has become a vital component to operation of the Environment Canada National Radar Program.   http://nrpwatchtor.ontario.int.ec.gc.ca/nrp_display/index.php.  Sub components are: • NRPWatch Active system Backups • FTP Server (Radar Configuration Archiving) • Apache Webserver (module) • PHP Scripting language • MySQL Server module • BigBrother • NRPWatch Display • Moodle Online Training  • NRPWatch WebGallery</t>
  </si>
  <si>
    <t>ECC-2143</t>
  </si>
  <si>
    <t>North American Water Watch</t>
  </si>
  <si>
    <t>NAWW</t>
  </si>
  <si>
    <t>NAWW is a web page (http://watermonitor.gov/naww/index.php) of the canadian counterpart of the american WaterWatch webpage described below:  WaterWatch (http://waterwatch.usgs.gov) is a U.S. Geological Survey (USGS) World Wide Web site that displays maps, graphs, and tables describing real-time, recent, and past streamflow conditions for the United States. The real-time information generally is updated on an hourly basis. WaterWatch provides stream gage-based maps that show the location of more than 3,000 long-term (30 years or more) USGS stream gages; use colors to represent streamflow conditions compared to historical streamflow; feature a point-and-click interface allowing users to retrieve graphs of stream stage (water elevation) and flow; and high</t>
  </si>
  <si>
    <t>ECC-2144</t>
  </si>
  <si>
    <t>NRPWatch Active system Backups</t>
  </si>
  <si>
    <t>NRPWatch-Clone</t>
  </si>
  <si>
    <t>Copies latest snapshot of NRPWatchTor to NRPWatchCal to ensure operational and hot-spare are in sync (daily)</t>
  </si>
  <si>
    <t>ECC-2145</t>
  </si>
  <si>
    <t>NRPWatch Display</t>
  </si>
  <si>
    <t>NRPWatch-Display</t>
  </si>
  <si>
    <t>NRP Network View http://nrpwatchtor.ontario.int.ec.gc.ca/nrp_display/index.php  MSC WEO-OR AMOS Reporting System for Radar maintenance</t>
  </si>
  <si>
    <t>ECC-2146</t>
  </si>
  <si>
    <t>NRPWatch WebGallery</t>
  </si>
  <si>
    <t>NRPWatch-Gallery</t>
  </si>
  <si>
    <t>Web access to network photo gallery.  Allows display and management of photographs</t>
  </si>
  <si>
    <t>GalleryProject.org</t>
  </si>
  <si>
    <t>ECC-2147</t>
  </si>
  <si>
    <t>ParserPartner</t>
  </si>
  <si>
    <t>ParsPart</t>
  </si>
  <si>
    <t>ECC-2149</t>
  </si>
  <si>
    <t>TortoiseSVN</t>
  </si>
  <si>
    <t>Tortoise</t>
  </si>
  <si>
    <t>TortoiseSVN is a Subversion client, implemented as a Microsoft Windows shell extension, that helps programmers manage different versions of the source code for their programs. It is a free software released under the GNU General Public License.</t>
  </si>
  <si>
    <t>ECC-221</t>
  </si>
  <si>
    <t>Canadian Aquatic Biomonitoring Network</t>
  </si>
  <si>
    <t>CABIN</t>
  </si>
  <si>
    <t>1.2.1 Water Quality and Aquatic Ecosystems Health</t>
  </si>
  <si>
    <t>The Canadian Aquatic Biomonitoring Network (CABIN) is an integrated national network for the collection, management, assessment, and distribution of bioassessment data. CABIN aims to provide long-term monitoring and assessment of aquatic ecosystem health by utilizing the Reference Condition Approach (RCA) applied to benthic macro-invertebrates.</t>
  </si>
  <si>
    <t>ECC-222</t>
  </si>
  <si>
    <t>Canadian Centre for Climate Modelling and Analysis (CCCMA) Data</t>
  </si>
  <si>
    <t>CCCMA-Data</t>
  </si>
  <si>
    <t>This application is comprised of: CCCma web server which provides access to CCCma climate model data, for external users in Canada and internationally.   CCCma OpenDAP server which runs Earth System Grid Federation (ESGF) software, which has been developed by an academic / government consortium of climate modelling centres to distribute climate model output.</t>
  </si>
  <si>
    <t>ECC-223</t>
  </si>
  <si>
    <t>CCCMA Analysis, Plots and Animations</t>
  </si>
  <si>
    <t>CCCMA-Plots</t>
  </si>
  <si>
    <t>A set of applications facilitating the development, analysis, visualisation, internal documentation and validation of EC's climate models, as well as the models themselves.</t>
  </si>
  <si>
    <t>ECC-227</t>
  </si>
  <si>
    <t>Greenhouse Gas Reporting Program Online Data Search</t>
  </si>
  <si>
    <t>GHGRP Online Query Tool</t>
  </si>
  <si>
    <t>Publication of the facility-reported greenhouse gas (GHG) data - create personalized queries   (Unclassified as long as it only queries the subset that EC publishes.  Complete dataset is Protected B)</t>
  </si>
  <si>
    <t>ECC-237</t>
  </si>
  <si>
    <t>Sorbent Technology Databases</t>
  </si>
  <si>
    <t>SORBENT</t>
  </si>
  <si>
    <t>1.2 Water Resources</t>
  </si>
  <si>
    <t>ESTS has a commitment under the World Class Tanker Safety TB sub for the databases as deliverables. In addition, we anticipate that legislative changes currently before parliament and additional changes in the coming year will mandate additional and/or expanded databases for spill response technologies.</t>
  </si>
  <si>
    <t>ECC-239</t>
  </si>
  <si>
    <t>ETC Spills Technology Database: Oil Properties Database</t>
  </si>
  <si>
    <t>ETC Oil Properties</t>
  </si>
  <si>
    <t>This is a web based application developed at River Road for the Emergencies Science and Technology Section</t>
  </si>
  <si>
    <t>ECC-243</t>
  </si>
  <si>
    <t>ETC Spills Technology Database: Spilltox Database</t>
  </si>
  <si>
    <t>ETC Spilltox</t>
  </si>
  <si>
    <t>ECC-244</t>
  </si>
  <si>
    <t>Search Engine for Chemicals and Polymers</t>
  </si>
  <si>
    <t>SECP</t>
  </si>
  <si>
    <t>3.1.1 Chemicals Management</t>
  </si>
  <si>
    <t>Search Engine for Chemicals, biochemicals, polymers and biopolymers published in the Canada Gazette. Dynamic information and connected to the NSNT system (see NSNT System above)</t>
  </si>
  <si>
    <t>ECC-25</t>
  </si>
  <si>
    <t>Jervis archive</t>
  </si>
  <si>
    <t>Jervis</t>
  </si>
  <si>
    <t>Jervis is a meteorological product archive which was developed by Ford Doherty in 1998. Over the years, its utility has grown to become an indispensable tool for forecasters in PYR and apparently, other regions as well. There is no other system which offers all the archive products that Jervis offers (~7000 products and 52,000 files, mostly image and text) combined with efficiency of storage (~6.0 GB of data per day; quite small compared to Ninjo - storage requirements).    This archiving tool helps forecasters for case studies in order to better understand a problematic situation in order to improve forecasting skills. Without this tool, the case studies will be reduced to almost nothing. There is a need to build requirements for incorporation into th</t>
  </si>
  <si>
    <t>211Y - 2.1.1 Weather Observations, Forecasts and Warnings</t>
  </si>
  <si>
    <t>ECC-262</t>
  </si>
  <si>
    <t>Regulatory Information Submission System</t>
  </si>
  <si>
    <t>RISS</t>
  </si>
  <si>
    <t>3.1.2 Effluent Management</t>
  </si>
  <si>
    <t>ECC-265</t>
  </si>
  <si>
    <t>Canadian Climate Change Scenarios Network</t>
  </si>
  <si>
    <t>CCCSN</t>
  </si>
  <si>
    <t>Website portal providing access to climate change scenario data to other government departments, and other stakeholders.  This is the primary mechanism by which the climate scenarios data is made available to users.  The application is developed and maintained internally.</t>
  </si>
  <si>
    <t>ECC-272</t>
  </si>
  <si>
    <t>Pollution Prevention Planning Online Reporting Tool</t>
  </si>
  <si>
    <t>CEPA P2</t>
  </si>
  <si>
    <t>3.1.1 Substances Management</t>
  </si>
  <si>
    <t>Facilitate reporting of schedules by entities subject to P2 Notices.  Management of submitted schedules by Client.  reporting of accepted schedules to the general public.</t>
  </si>
  <si>
    <t>ECC-273</t>
  </si>
  <si>
    <t>Search Engine for Organisms</t>
  </si>
  <si>
    <t>SEO</t>
  </si>
  <si>
    <t>Search Engine for Chemicals organisms published in the Canada Gazette. Dynamic information and connected to the NSNT system  (see NSNT System above)</t>
  </si>
  <si>
    <t>ECC-28</t>
  </si>
  <si>
    <t>Data logger Acquisition, Retrieval and Transmission System</t>
  </si>
  <si>
    <t>DARTS</t>
  </si>
  <si>
    <t>The Data logger Acquisition, Retrieval and Transmission System (DARTS) captures data from automatic weather stations, in particular Auto8 stations, logs the raw data, formats it and transmits it to its point of use. CSIDial, CSIconvert, CATransmit, DARTSdisplay  National Data collection software interface to CSI data-loggers.  Collects real-time weather observations from CSI data-loggers. (SMB et mission critical)</t>
  </si>
  <si>
    <t>ECC-285</t>
  </si>
  <si>
    <t>Climat Québec</t>
  </si>
  <si>
    <t>SQL 2012</t>
  </si>
  <si>
    <t>Web portal to access Quebec CLIMATE data. The information contained on this site is used to respond to media requests by WPMs and/or 1-900 consulting line agents. The raw information available on the National CLIMATE website is not enough.  http://climat-quebec.qc.ca/CC-DEV/trunk/index.php/pages/dai</t>
  </si>
  <si>
    <t>ECC-287</t>
  </si>
  <si>
    <t>Canadian Shellfish Sanitation Program Web Mapping Application</t>
  </si>
  <si>
    <t>PRISM</t>
  </si>
  <si>
    <t>Data managemenent system for the Canadian Shellfish Sanitation Program in Qc. NOTE: The MOLLUSCA public facing web-site has been decommissioned and removed from PRISM.</t>
  </si>
  <si>
    <t>Should be verified by SSC</t>
  </si>
  <si>
    <t>ECC-3002</t>
  </si>
  <si>
    <t>Migratory Game Birds Hunting Permits</t>
  </si>
  <si>
    <t>MGHB</t>
  </si>
  <si>
    <t>Externally hosted application allowing members of the public to undertake on-line purchases of hunting permits. On-line credit card payment is provided via the Government of Canada Receiver-General Buy Button process. Hunting permits are delivered to purchasers via email.</t>
  </si>
  <si>
    <t>ECC-3003</t>
  </si>
  <si>
    <t>Sparx Enterprise Architect</t>
  </si>
  <si>
    <t>SparxEA</t>
  </si>
  <si>
    <t>COTS tool to help business analysts within IMD-BADM and elsewhere in ECCC manage their software requirements.</t>
  </si>
  <si>
    <t>ECC-3009</t>
  </si>
  <si>
    <t>GAVIA</t>
  </si>
  <si>
    <t>Internal CRM application to replace the 14+ year old NEMISIS application (APM ID: 513) used to support Enforcement activities. Gavia was formerly called Business Renewal Systems (BSR).</t>
  </si>
  <si>
    <t>Interactive Bulletin Maker</t>
  </si>
  <si>
    <t>ECC-3012</t>
  </si>
  <si>
    <t>CEAA Collaboration Tool</t>
  </si>
  <si>
    <t>Collaboration</t>
  </si>
  <si>
    <t>A tool used by the Canadian Environmental Assessment Agency to share information collaboratively internally.</t>
  </si>
  <si>
    <t>ECC-3020</t>
  </si>
  <si>
    <t>King Radar Center Surveillance System</t>
  </si>
  <si>
    <t>WKR</t>
  </si>
  <si>
    <t>2.1.1 Weather Observation, Forecast and Warnings</t>
  </si>
  <si>
    <t>King Radar Centre, Ontario, provides real time weather radar surveillance with geographic coverage of the Greater Toronto and Southern Ontario 24 hours a day / 7 days a week to the Ontario Storm Prediction Center.</t>
  </si>
  <si>
    <t>ECC-3021</t>
  </si>
  <si>
    <t>DHI MIKE 21 and MIKE 3</t>
  </si>
  <si>
    <t>MIKE</t>
  </si>
  <si>
    <t>Hydrodynamic modelling application for predicting sewage impacts on molluscan shellfish harvest areas</t>
  </si>
  <si>
    <t>MIKE by DHI</t>
  </si>
  <si>
    <t>ECC-3022</t>
  </si>
  <si>
    <t>Oil Spill modelling software</t>
  </si>
  <si>
    <t>OILMAP</t>
  </si>
  <si>
    <t>Commercial software OILMAP - Oil Spill Model and Response System, providing oil fate &amp; behaviour and trajectory predictions</t>
  </si>
  <si>
    <t>RPS-ASA OILMAP</t>
  </si>
  <si>
    <t>ECC-3023</t>
  </si>
  <si>
    <t>Chemical Spill Modelling Software</t>
  </si>
  <si>
    <t>CHEMMAP</t>
  </si>
  <si>
    <t>Commercial software CHEMMAP - Chemical Discharge Modeling System, providing chemical spill fate &amp; behaviour and trajectory predictions</t>
  </si>
  <si>
    <t>RPS-ASA CHEMMAP</t>
  </si>
  <si>
    <t>ECC-3026</t>
  </si>
  <si>
    <t>Discoverer</t>
  </si>
  <si>
    <t>ECCC Strategic Outcome 1: Canada’s natural environment is conserved and restored for present and future generations
ECCC Strategic Outcome 2: Canadians are equipped to make informed decision on changing weather, water and climate conditions
ECCC Strategic Outcome 3: Threats to Canadians and their environment from pollution are minimized
Pollution
3.1 Substances and
Waste Management
1.1.1 Biodiversity Policy
and Priorities
1.1.2 Species at Risk
2.2.1 Meteorological
Services in Support of
Air Navigation
3.1.1 Substances
Management
1.3.1 Sustainability
Reporting and
Indicators
1.2.1 Water Quality and
Aquatic Ecosystems
Health
1.3.3 Community
Engagement
1.3.3.2 Environmental
Damages Fund
2.1.1 Weather
Observations, Forecasts
and Warnings
2.1.2 Health-related
Meteorological
Information
3.1.2 Effluent
Management
2.2.2 Meteorological and
Ice Services in Support
of Marine Navigation
1.3.3.1 EcoAction Community
Funding
3.2 Climate Change
and Clean Air
3.2.2 International
Climate Change and
Clean Air Partnerships
2.1.3 Climate
Information, Predictions
and Tools
1.3.4 Great Lakes
1.3.3.3 Environmental Youth
Employment
3.2.3 Environmental
Technology
3.1.4 Environmental
Emergencies
1.2.2 Water Resource
Management and Use
1.3.2 Ecosystem and
Environmental
Assessments
1.4 Compliance
Promotion and
Enforcement -- Wildlife
2.2.3 Meteorological
Services in Support of
Military Operations
3.1.5 Contaminated
Sites
3.1.3 Marine Pollution
Strategic Outcomes
Programs
Sub-Programs
Sub-Sub-Programs
4.1 Internal Services</t>
  </si>
  <si>
    <t>Entrust Identity Guard</t>
  </si>
  <si>
    <t>ECC-3027</t>
  </si>
  <si>
    <t>WQIDatWebService</t>
  </si>
  <si>
    <t>WQI Web Service</t>
  </si>
  <si>
    <t>Freshwater Quality Monitoring and Surveillance</t>
  </si>
  <si>
    <t>Support use of the CESI WQI calculator. The calculator is used within ECCC and within the provinces and pulls data from the web service.</t>
  </si>
  <si>
    <t>ECC-3028</t>
  </si>
  <si>
    <t>Real Time Water Quality Monitoring Interface</t>
  </si>
  <si>
    <t>RTWQM Interface</t>
  </si>
  <si>
    <t>Graphing and hardware deployment tracking</t>
  </si>
  <si>
    <t>ECC-3029</t>
  </si>
  <si>
    <t>Water Survey Canada RealTime Service</t>
  </si>
  <si>
    <t>EcRtWscService</t>
  </si>
  <si>
    <t>The mechanism which transfers data from all the co-located Water Survey / Water Quality Monitoring stations in Canada into WQMS Database (RTDB) through HYDNOW</t>
  </si>
  <si>
    <t>ECC-3030</t>
  </si>
  <si>
    <t>KML Service for Atlantic Canada water quality monitoring sites</t>
  </si>
  <si>
    <t>EnvdatKML</t>
  </si>
  <si>
    <t>Displays all the Water Quality Monitoring stations in Atlantic Canada, which is used for new station assignments and location analysis.</t>
  </si>
  <si>
    <t>ECC-3031</t>
  </si>
  <si>
    <t>Real Time Photos FTP and Virtual Directories</t>
  </si>
  <si>
    <t>RTWQCamera</t>
  </si>
  <si>
    <t>Storage of real time photos from automated WQ Stations</t>
  </si>
  <si>
    <t>ECC-305</t>
  </si>
  <si>
    <t>Bird Banding Database and Permits System</t>
  </si>
  <si>
    <t>BBDPS</t>
  </si>
  <si>
    <t>information on birds banded in North America and recovered world wide. Banders submit their data electronically. Databases are shared with the U.S. Information on Canadian Banders/permittees as required by the Migratory Birds Convention Act.</t>
  </si>
  <si>
    <t>ECC-3050</t>
  </si>
  <si>
    <t>Hurricane GUI</t>
  </si>
  <si>
    <t>Hurricane</t>
  </si>
  <si>
    <t>Hurricane GUI is still needed because it provides the calculation of the Trapped Fetch wave information once a TC track and intensity has been forecast.  This provides the forecaster with unique insight into the dangerous ocean wave potential for our marine and coastal clients. A replacement is being sought, but not developed at this time.</t>
  </si>
  <si>
    <t>ECC-3051</t>
  </si>
  <si>
    <t>WeatherRadio</t>
  </si>
  <si>
    <t>WXradio</t>
  </si>
  <si>
    <t>Weatheradio is a network of radio transmitters stretching from the Gulf of Mexico into Canada’s Arctic and from Newfoundland to Vancouver Island.  These transmitters provide continuous broadcasts of weather information and instant updates when weather threatens.   Weatheradio Canada is operated by Environment Canada's Meteorological Service and broadcasts weather and environmental information 24 hours a day in both official languages on 7 dedicated frequencies within the VHF public service band.  This permits the transmission of a tone and Specific Area Message Encoding (SAME) codes ahead of a warning message that will activate the Weatheradio receiver and alert you to an incoming important message.</t>
  </si>
  <si>
    <t>ECC-3052</t>
  </si>
  <si>
    <t>WxView</t>
  </si>
  <si>
    <t>The PSPC "WxViewer" system collects mostly image data and provides a web based user interface to the stored images.  The images can be edited and combined during the ingest process and images forwarded elsewhere. The WxViewer is the main conduit for image data into the Jervis archive and should be viewed as an integral part of it.    WxViewer for PSPC forecast operations:  The WxViewer provides fast and easy access to a number of our most used image products. The application is simple to use and reliable. The image editing (quilts, multispectral satellite imagery), the easy access to recent images and the ability to animate images leads to frequent use on the forecast desk. The WxViewer handles most of the ingest issues for the Jervis archive. It provi</t>
  </si>
  <si>
    <t>ECC-3053</t>
  </si>
  <si>
    <t>CEE</t>
  </si>
  <si>
    <t>CEE for PSPC forecast operations CEE is an aggregator of land and marine surface observations that presents data in a fast and consistent way to the forecaster. This is particularly useful in the complex terrain of BC and Yukon as heavy use of non-ECCC stations is standard practice. About 100 BC MOT and Forestry Service stations are used as primary verification points for our warnings and forecasts and another 100 are used as secondary stations. Lighthouse stations and weather buoys on the coast are crucial to both the marine and public forecast programs. Inland, nearby stations tend to be poorly correlated due to intervening orography so graphical displays like Ninjo are less efficient, requiring either a separate text entry box or a slow pan and zoom</t>
  </si>
  <si>
    <t>ECC-3054</t>
  </si>
  <si>
    <t>Marine Synopsis Assistant</t>
  </si>
  <si>
    <t>MSA</t>
  </si>
  <si>
    <t>Application used by forecaster to write marine synopsis</t>
  </si>
  <si>
    <t>ECC-3055</t>
  </si>
  <si>
    <t>Multi-Agency Situational Awareness System</t>
  </si>
  <si>
    <t>MASAS</t>
  </si>
  <si>
    <t>Canada’s Multi-Agency Situational Awareness System (MASAS) is an information aggregation system that facilitates sharing situational awareness within the public safety community. Information shared relates to incidents and planned events. It includes public alerts, risks to responders, and community profiles. MASAS is managed by CANOPS.http://www.canops.org/?page=AboutMASAS  Hundreds of Canadian public safety organizations have access to MASAS, and several first response agencies use it to help reduce call times and improve the safety of responders. MASAS is also being used to prepare for and mitigate resource conflicts before and during planned events. E.g. Marathons, festivals.  In this case, MASAS is not a GUI but a script to feed MASAS with weather</t>
  </si>
  <si>
    <t>ECC-3056</t>
  </si>
  <si>
    <t>Forest Fire Smoke prediction system</t>
  </si>
  <si>
    <t>FireWork</t>
  </si>
  <si>
    <t>FireWork is an air quality forecasting system which incorporates forest fire emissions. The system is composed of a few Maestro suites containing running in operations in seasonal mode.  The FW suite runs twice a day and uses Canadian and American hotspot data obtained from the Canadian Wildland Fire Information System. The data is retrieved by the DADS group and processed by the Bluesky framework as well as SMOKE in order to be transformed into emissions files that GEM-MACH can ingest. The GM suite is a copy of the GM suite from the operational RAQDPS suite slightly modified to to ingest forest fire emissions. The GEM-MACH binary itself has not been modified, as the forest fire emissions are merely treated as major point emissions sources and merged w</t>
  </si>
  <si>
    <t>ECC-3057</t>
  </si>
  <si>
    <t>Canadian Lightning Detection Network-get</t>
  </si>
  <si>
    <t>CLDNget</t>
  </si>
  <si>
    <t>CLDN get is an application that parses the relevant data fields from the full Canadian Lightning Detection Network (CLDN) data stream. 6 of about 16 field are parsed out by CLDNget.  The full CLDN data stream is sent by Vaisala, the company that produces the lightning solutions (essentially the lat/long of the strikes plus other information such as polarity, current etc) from their office in Tucson, AZ to CMC. CLDNget then parses the data stream so that lightning data can be used in MSC applications such as Ninjo which is used by our operational meteorologists.   The need has now arisen for a data display that requires some of the other CLDN data fields that have to this point not been parsed by CLDNget. The current CLDNget would be maintained to serve</t>
  </si>
  <si>
    <t>ECC-3058</t>
  </si>
  <si>
    <t>METAREAs Marine Forecast and Warning  bulletin system</t>
  </si>
  <si>
    <t>METAREAs</t>
  </si>
  <si>
    <t>MSC’s METAREAs Marine Forecast and Warning Program is tailored to ensure compliance with the relevant international standards for this type of service. METAREAs marine forecast bulletins are issued twice daily at regularly scheduled times during the Arctic shipping season, and consist of a detailed description of expected marine weather conditions over a two day period. Marine weather parameters of paramount interest to mariners such as wind, visibility, waves and sea ice conditions are included in the METAREAs marine forecast bulletins.  Marine forecasts and warning to CCG north of 67th parallel.</t>
  </si>
  <si>
    <t>ECC-3059</t>
  </si>
  <si>
    <t>ArcGIS ArcMap</t>
  </si>
  <si>
    <t>ArcGIS is a geographic information system (GIS) for working with maps and geographic information. It is used for: creating and using maps; compiling geographic data; analyzing mapped information; sharing and discovering geographic information; using maps and geographic information in a range of applications; and managing geographic information in a database.  The system provides an infrastructure for making maps and geographic information available throughout an organization, across a community, and openly on the Web.  ArcMap is the main component of Esri's ArcGIS suite of geospatial processing programs, and is used primarily to view, edit, create, and analyze geospatial data. ArcMap allows the user to explore data within a data set, symbolize features</t>
  </si>
  <si>
    <t>ECC-3060</t>
  </si>
  <si>
    <t>Product Dashboard</t>
  </si>
  <si>
    <t>ProdDash</t>
  </si>
  <si>
    <t>GUI that monitors products/derived products and deadlines</t>
  </si>
  <si>
    <t>ECC-3061</t>
  </si>
  <si>
    <t>OrderDesk</t>
  </si>
  <si>
    <t>OD-CIS</t>
  </si>
  <si>
    <t>GUI  (workstation application) It's a combination of internally developed software and commercial products (ESRI ArcView, MS Exchange) used to order RADARSAT date for ingestion and analysis by the Canadian Ice Service.  Sub-components: • Satellite (SAR) image ordering desktop application • Server side components</t>
  </si>
  <si>
    <t>ECC-3065</t>
  </si>
  <si>
    <t>Canadian Coast Guard (CCG) Performance Reporting Tool</t>
  </si>
  <si>
    <t>CCG-PRT</t>
  </si>
  <si>
    <t>A client-server application with an intranet interface to facilitate the collection and reporting of service performance metric for the CCG. Uses Crystal Reports (COTS) for report generation.   Sub-components: • Server side components • Data capture client application • Monthly reports • Seasonal reports</t>
  </si>
  <si>
    <t>ECC-3066</t>
  </si>
  <si>
    <t>CIS Product Distribution System</t>
  </si>
  <si>
    <t>CIS-PDS</t>
  </si>
  <si>
    <t>CIS-PDS is completely different from the national PDS application. The two systems share only their name.  A collection of tools, scripts and applications for the conversion, packaging and delivery of CIS and other weather products (charts and bulletins). Products are delivered as files.  Uses Oracle RDBMS. It is developed by EC but relies on licenses from ESRI ArcInfo and Leica Imagine to process proprietary data types. Tools are VB6 applications.  Sub-components: • Server side components • PDS Administration Tool • PDS Monitoring and reporting Tool • PDS Spatial Data Modelling Tool</t>
  </si>
  <si>
    <t>ECC-3070</t>
  </si>
  <si>
    <t>Canadian Ice Service Website</t>
  </si>
  <si>
    <t>CIS-WEB</t>
  </si>
  <si>
    <t>Dynamic web site. For clarity… this references the CIS “applications” web site, not the CIS static (WebSolutions/Canada.ca) site. A collection of applications to disseminate Ice product and information to the public via a web interface.  Sub-components:  • Live products • ISTOP Calendar • Ice Calendar • IceGraph • BullThreader • Online charts archive interface  It includes: - former APM id# 258 named -Product list-. An Ice center web page to list their products:  http://ice-glaces.ec.gc.ca/app/WsvPageDsp.cfm?Lang=eng&amp;lnid=5&amp;ScndLvl=no&amp;ID=10910</t>
  </si>
  <si>
    <t>ECC-3071</t>
  </si>
  <si>
    <t>Acquisition, processing and display  satellite imagery</t>
  </si>
  <si>
    <t>APDSI</t>
  </si>
  <si>
    <t>Acquisition, processing and display of SAR satellite imagery. Data sources. Back application. Support</t>
  </si>
  <si>
    <t>ECC-3072</t>
  </si>
  <si>
    <t>Modis, AVHRR and VIRRS satellite imagery</t>
  </si>
  <si>
    <t>MAVSI</t>
  </si>
  <si>
    <t>Import and display of Modis, AVHRR and VIRRS satellite imagery</t>
  </si>
  <si>
    <t>ECC-3073</t>
  </si>
  <si>
    <t>Sentinel Satellite imagery</t>
  </si>
  <si>
    <t>Acquisition, processing and display of Sentinel Satellite imagery: https://sentinel.esa.int/web/sentinel/sentinel-data-access</t>
  </si>
  <si>
    <t>ECC-3074</t>
  </si>
  <si>
    <t>The tool is used to alert users (NavCanada, DND, forecasters, etc.) of outages. Some of these outages for example are: GOES satellite major outage, meteorological station outage, radar outage, building evacuation outage, and the list are endless. The reasons why this tool is ESSENTIAL for our work. http://infolane.on.ec.gc.ca/ibm-terry/   It is vital the tool be kept up and on a dedicated 24/7 server since NMD duties are conducted 24/7 and are very important to MSC customers and users; hence I reiterate the term VITAL.  Linked to #716 ??</t>
  </si>
  <si>
    <t>ECC-3075</t>
  </si>
  <si>
    <t>Common Alerting Protocol</t>
  </si>
  <si>
    <t>CAP / IALERT</t>
  </si>
  <si>
    <t>The Common Alerting Protocol (CAP) is an XML-based data format for exchanging public warnings and emergencies between alerting technologies. CAP allows a warning message to be consistently disseminated simultaneously over many warning systems to many applications. CAP increases warning effectiveness and simplifies the task of activating a warning for responsible officials.  In Canada, a working group composed of public alerting practitioners and government agencies has developed a CAP Canadian Profile (CAP-CP) based on CAP but specialized to address the needs of Canadian public alerting stakeholders, such as bilingualism, geocoding for Canada, managed lists of locations and events, etc. The Canadian government has adopted CAP-CP for its National Public</t>
  </si>
  <si>
    <t>ECC-3076</t>
  </si>
  <si>
    <t>Bulletins Translation</t>
  </si>
  <si>
    <t>Bulltrans</t>
  </si>
  <si>
    <t>All translation scripts that feed and extracts bulletins to/from the translation server in Dorval</t>
  </si>
  <si>
    <t>ECC-3077</t>
  </si>
  <si>
    <t>Integrated Forecaster Workstation Menus</t>
  </si>
  <si>
    <t>IFW</t>
  </si>
  <si>
    <t>Integrated Forecaster workstation an app ? Application to edit menu in IFW ?  – no mention of the IFW anywhere here or in the detailed tabs.  Has NinJo become the IFW?  I always felt NinJo is part of the overall IFW so shouldn’t it be explicitly listed as an app or infrastructure carrying the Mission Critical Apps?</t>
  </si>
  <si>
    <t>ECC-3079</t>
  </si>
  <si>
    <t>Automated Telephone Answering Devices</t>
  </si>
  <si>
    <t>ATADs</t>
  </si>
  <si>
    <t>This telephone service provides weather forecasts, current weather conditions, information on impending hazardous weather, as well as other environmental information for your local area. The recordings are updated as soon as conditions change. Recorded information is in both English and French. For some communities in the North, a limited amount of weather information is also provided in the Inuktitut language.</t>
  </si>
  <si>
    <t>ECC-3080</t>
  </si>
  <si>
    <t>National Severe Weather Event Database GUI</t>
  </si>
  <si>
    <t>nSWED</t>
  </si>
  <si>
    <t>nSWED  web site is an interface to Meteorological Service of Canada (MSC)’s official repository of severe weather events reported in Canada. Having a single repository of severe weather events will help create the foundation for a nationally consistent approach to assess the performance of MSC's alert program. http://nswed.ec.gc.ca/sweet-site/</t>
  </si>
  <si>
    <t>ECC-3081</t>
  </si>
  <si>
    <t>NinJo Batch</t>
  </si>
  <si>
    <t>N-Batch</t>
  </si>
  <si>
    <t>NinJo Batch  generates graphical preconfigured products (images and vector products) automatically for specific customers:  -pg, png, tiff... -PDF, SVG, FLASH, PS -includes animations</t>
  </si>
  <si>
    <t>ECC-3082</t>
  </si>
  <si>
    <t>Avalanche</t>
  </si>
  <si>
    <t>Script to feed the Avalanche wed site, in Brithish Columbia with NinJo Batch outputs. The latter  generates graphical preconfigured products (images and vector products) automatically for specific customers:  -pg, png, tiff... -PDF, SVG, FLASH, PS -includes animations</t>
  </si>
  <si>
    <t>ECC-3088</t>
  </si>
  <si>
    <t>Egrapher</t>
  </si>
  <si>
    <t>Tool supporting data access and validation by ECCC water quality scientists.</t>
  </si>
  <si>
    <t>ECC-3089</t>
  </si>
  <si>
    <t>Data Warehouse</t>
  </si>
  <si>
    <t>The data warehouse provides access to water quality data from all authoritative freshwater quality monitoring databases in the WQMSD of ECCC.</t>
  </si>
  <si>
    <t>3.1 Substances and Waste Management</t>
  </si>
  <si>
    <t>ECC-430</t>
  </si>
  <si>
    <t>Ozone and UV monitoring</t>
  </si>
  <si>
    <t>OZUV</t>
  </si>
  <si>
    <t>Script to monitor ozone and UV values. http://www.ec.gc.ca/uv/Default.asp?lang=En&amp;n=C74058DD-1</t>
  </si>
  <si>
    <t>ECC-467</t>
  </si>
  <si>
    <t>Vehicle &amp; Engine Emissions Reporting Registry</t>
  </si>
  <si>
    <t>VEERR</t>
  </si>
  <si>
    <t>ECC-468</t>
  </si>
  <si>
    <t>Dendroica</t>
  </si>
  <si>
    <t>A partnership website that was developed cooperatively between the U.S. Geological Survey, Mexico’s CONABIO and Environment Canada to help users learn to identify birds by sight and by sound.</t>
  </si>
  <si>
    <t>ECC-469</t>
  </si>
  <si>
    <t>Status of Birds in Canada</t>
  </si>
  <si>
    <t>SBC</t>
  </si>
  <si>
    <t>The SBC site is used for displaying trend data along with expert evaluation of the trend data for birds that inhabit Canada. The site combines several data sources and provides an administration portion so experts can enter a analysis of data used. Selected data and the expert analysis can then be viewed by the general public.</t>
  </si>
  <si>
    <t>ECC-470</t>
  </si>
  <si>
    <t>Canadian Atlas of Bird Banding</t>
  </si>
  <si>
    <t>CABB</t>
  </si>
  <si>
    <t>The Atlas presents a comprehensive overview of bird-banding results involving Canada, for all species other than game birds. A suite of programs using UNIX utilities, SAS, and Powerpoint cleans up and translates raw band encounter data in order to show the geographic distribution of encounters while eliminating redundant observations.</t>
  </si>
  <si>
    <t>ECC-472</t>
  </si>
  <si>
    <t>Canadian Notice and Movement Tracking System</t>
  </si>
  <si>
    <t>CNMTS</t>
  </si>
  <si>
    <t>3.1.1 Substances &amp; Waste Management</t>
  </si>
  <si>
    <t>ECC-476</t>
  </si>
  <si>
    <t>Renewable Fuels</t>
  </si>
  <si>
    <t>SDERCR-RFRERS</t>
  </si>
  <si>
    <t>Regulatory reporting</t>
  </si>
  <si>
    <t>ECC-477</t>
  </si>
  <si>
    <t>Oil Sands Data Portal</t>
  </si>
  <si>
    <t>JOSM</t>
  </si>
  <si>
    <t>4.1.1 Governance and Management Support</t>
  </si>
  <si>
    <t>The data portal offers visitors an overview of the monitoring process along with a map identifying specific water, air, land and biodiversity monitoring sites. Users can see what is being monitored and the data that has been gathered for each site. As new data is collected, analyzed and validated, it will be posted and become publicly accessible.</t>
  </si>
  <si>
    <t>ECC-478</t>
  </si>
  <si>
    <t>Single Window Regulatory Reporting - Ontario Greenhouse Gasses</t>
  </si>
  <si>
    <t>SWRR-ON GHG</t>
  </si>
  <si>
    <t>ECC-479</t>
  </si>
  <si>
    <t>Single Window Regulatory Reporting - Environment Canada Greenhouse Gasses</t>
  </si>
  <si>
    <t>SWRR-EC GHG/AB GHG</t>
  </si>
  <si>
    <t>ECC-481</t>
  </si>
  <si>
    <t>Single Window Regulatory Reporting - British Columbia Greenhouse Gasses</t>
  </si>
  <si>
    <t>SWRR-BC GHG</t>
  </si>
  <si>
    <t>ECC-482</t>
  </si>
  <si>
    <t>Single Window Regulatory Reporting - Chemicals Management Plan</t>
  </si>
  <si>
    <t>SWRR-CMP</t>
  </si>
  <si>
    <t>ECC-488</t>
  </si>
  <si>
    <t>Effluent Regulatory Reporting Information System (Wastewater/WSER/ERRIS)</t>
  </si>
  <si>
    <t>ERRIS</t>
  </si>
  <si>
    <t>3.1.2 Waste Management</t>
  </si>
  <si>
    <t>There are 2560 wastewater systems subject to the Wastewater System Effluent Regulations across Canada.  Those regulatees are required by the regulations to use ERRIS to report on effluent quality and toxicity. Reporting on a quaterly or yearly basis is mandatory and submissions are used for analysis, compliance verification and enforcement purposes.  ERRIS is in line with Environment Canada Single Window reporting strategy which allows regulatees to report on several regulations and to provincial governments through one web portal, thus lessening the burden on regulatees and contributing to effective and efficient utilization of resources, reducing duplication where possible, sharing of data, and standardized, consistent data management.</t>
  </si>
  <si>
    <t>ECC-489</t>
  </si>
  <si>
    <t>EC Data Catalogue</t>
  </si>
  <si>
    <t>ECDC</t>
  </si>
  <si>
    <t>4.1.2.3 Information Management</t>
  </si>
  <si>
    <t>The Environment Canada Data Catalogue provides a one-stop solution to describing, publishing and discovering EC’s environmental and scientific data.  This tool and service will enable EC employees and program areas to: -Search the catalogue to discover and access environmental and scientific data; -Quickly and easily describe EC datasets using the standards-based metadata creation tools; -Make data available to EC employees or external stakeholders by publishing datasets to the internal EC Data Catalogue or external websites/portals, such as the Government of Canada Open Data Portal.</t>
  </si>
  <si>
    <t>N/A (Open Source), Geonetwork Open Source</t>
  </si>
  <si>
    <t>ECC-49</t>
  </si>
  <si>
    <t>St Lawrence Plan</t>
  </si>
  <si>
    <t>Web site that supports the St. Lawrence action plan.  This is a partnership between EC and Quebec.  This application was developed and is hosted and maintained by a third party.  EC is the primary user and therefore the Business Owner.</t>
  </si>
  <si>
    <t>ECC-491</t>
  </si>
  <si>
    <t>EC Alert me:Tools</t>
  </si>
  <si>
    <t>EC Alert me</t>
  </si>
  <si>
    <t>Automated delivery system of weather alerts/information on mobile platform and PC. User are Emergency Management organisations, Media and in the future Public in general</t>
  </si>
  <si>
    <t>ECC-493</t>
  </si>
  <si>
    <t>Species at Risk Public Registry</t>
  </si>
  <si>
    <t>SARA</t>
  </si>
  <si>
    <t>The SARA Public Registry is a website that is partially driven by 5 different databases (SARB, InfoR, IRF, SARA Registry, and SARA Permitting),  for certain sections, namely, Species List, Permits &amp; Agreements, Public Consultations, What's new. The remainder of the site is static content managed through WebSolutions.</t>
  </si>
  <si>
    <t>ECC-495</t>
  </si>
  <si>
    <t>Single Window Information Managment</t>
  </si>
  <si>
    <t>SWIM</t>
  </si>
  <si>
    <t>ECC-498</t>
  </si>
  <si>
    <t>Environmental Emergencies Mapping System</t>
  </si>
  <si>
    <t>E2MS</t>
  </si>
  <si>
    <t>E2MS is a national mapping application that will enable the collection and provision of detailed information expertise regarding environmental resources and environmental emergencies to support decision making throughout all regions of Canada.  E2MS is aimed at seamlessly integrating and making accessible datasets from a diverse group of mapping application.  The Environmental Emergencies Mapping System is a common operating system to support decision making and operational requirements. It allows an EEO to locate where an incident is, visualize it in its environmental context, and prioritize environmental sensitivities</t>
  </si>
  <si>
    <t>ArcGIS Server</t>
  </si>
  <si>
    <t>ECC-499</t>
  </si>
  <si>
    <t>Communications Services,Financial Management Services,Human Resources Management Services,Legal Services,Management and Oversight Services</t>
  </si>
  <si>
    <t>Correspondance tracking</t>
  </si>
  <si>
    <t>ECC-500</t>
  </si>
  <si>
    <t>Axios Assyst</t>
  </si>
  <si>
    <t>Assyst</t>
  </si>
  <si>
    <t>IT Asset and Service Management application that captures, assigns responsibility and tracks the status for service requests and their solutions.</t>
  </si>
  <si>
    <t>Sierra Systems, Axios Assysts</t>
  </si>
  <si>
    <t>ECC-501</t>
  </si>
  <si>
    <t>Financial Delegation Tool</t>
  </si>
  <si>
    <t>FDT</t>
  </si>
  <si>
    <t>4.1.2.2 Financial Management</t>
  </si>
  <si>
    <t>The Financial Delegation Tool(FDT) is an electronic environment designed to maintain the daily processing of FINANCIAL DELEGATION REQUESTS (FDR) for the financial branch of the department.</t>
  </si>
  <si>
    <t>ECC-502</t>
  </si>
  <si>
    <t>Automated Real Property Management System</t>
  </si>
  <si>
    <t>ARMS</t>
  </si>
  <si>
    <t>This web based program is used to manage and describe real property assest.</t>
  </si>
  <si>
    <t>ECC-503</t>
  </si>
  <si>
    <t>Real Estate Tracker</t>
  </si>
  <si>
    <t>RETT</t>
  </si>
  <si>
    <t>RETT is a a ColdFusion application used by the Real Property Section to keep track of transactions regarding real property contracts</t>
  </si>
  <si>
    <t>ECC-504</t>
  </si>
  <si>
    <t>Promium Element (AKA National Laboratory Information Management System)</t>
  </si>
  <si>
    <t>Element (AKA NLIMS)</t>
  </si>
  <si>
    <t>This is a national centralized application for the management of laboratory information which will be used by all EC operational labs across Canada.</t>
  </si>
  <si>
    <t>Promium, ELEMENT</t>
  </si>
  <si>
    <t>ECC-505</t>
  </si>
  <si>
    <t>Web Content Management System (WCMS)</t>
  </si>
  <si>
    <t>Software system that provides website authoring, collaboration, and administration tools designed to allow users with little knowledge of web programming languages or markup languages to create and manage website content with relative ease.</t>
  </si>
  <si>
    <t>Boxer, Belus</t>
  </si>
  <si>
    <t>E Business Suite</t>
  </si>
  <si>
    <t>HRMS</t>
  </si>
  <si>
    <t>4.1.2.1 Human Resources Management</t>
  </si>
  <si>
    <t>ECC-509</t>
  </si>
  <si>
    <t>Envirotel</t>
  </si>
  <si>
    <t>ET</t>
  </si>
  <si>
    <t>This internal application provides an on-line national departmental telephone directory. EnviroTel is the only source of updates to the Government Electronic Directory Services (GEDS).</t>
  </si>
  <si>
    <t>ECC-513</t>
  </si>
  <si>
    <t>National Emergencies and Enforcement Management Information and Intelligence Sys</t>
  </si>
  <si>
    <t>NEMESIS</t>
  </si>
  <si>
    <t>1.4 CompliancePromotion andEnforcement -- Wildlife3.3 CompliancePromotion andEnforcement -- Pollution</t>
  </si>
  <si>
    <t>ECC-517</t>
  </si>
  <si>
    <t>Road Salts Annual Report</t>
  </si>
  <si>
    <t>RSAR</t>
  </si>
  <si>
    <t>ECC-519</t>
  </si>
  <si>
    <t>Breeding Bird Survey Database</t>
  </si>
  <si>
    <t>BBS</t>
  </si>
  <si>
    <t>The Breeding Bird Survey (BBS) is an annual survey of landbirds designed to detect and monitor long term changes in populations. It is jointly coordinated by the Canadian Wildlife Service and the U.S. Geological Service. The BBS began in Canada in 1967. This database provides detailed results of the most recent analyses of the data</t>
  </si>
  <si>
    <t>ECC-531</t>
  </si>
  <si>
    <t>Security Operations System</t>
  </si>
  <si>
    <t>Management tool for personnel working for Environment Canada and their security clearances.</t>
  </si>
  <si>
    <t>ECC-532</t>
  </si>
  <si>
    <t>PeopleSoft Datawarehouse (Oracle Discoverer)</t>
  </si>
  <si>
    <t>PeopleSoft DW</t>
  </si>
  <si>
    <t>Oracle Canada ULC, Discoverer User Edition</t>
  </si>
  <si>
    <t>ECC-533</t>
  </si>
  <si>
    <t>Financial Data Warehouse (Oracle Discoverer)</t>
  </si>
  <si>
    <t>Financial DW</t>
  </si>
  <si>
    <t>WIM</t>
  </si>
  <si>
    <t>ECC-543</t>
  </si>
  <si>
    <t>ECollab</t>
  </si>
  <si>
    <t>Ecollab is the departmental document management system, based on SharePoint 2007 infrastructure.</t>
  </si>
  <si>
    <t>Microsoft Corporation, SharePoint2007</t>
  </si>
  <si>
    <t>ECC-546</t>
  </si>
  <si>
    <t>Learning Management System for EC Enforcement Branch</t>
  </si>
  <si>
    <t>1.4 Compliance Promotion and Enforcement -- Wildlife &amp; 3.3 Compliance Promotion and Enforcement -- Pollution</t>
  </si>
  <si>
    <t>ECC-547</t>
  </si>
  <si>
    <t>Inter-Departmental Data Exchange Application</t>
  </si>
  <si>
    <t>The IDEA data management system supports the $3.5B Federal Contaminated Sites Action Plan (FCSAP) for 2005-2020. This online extranet system is used daily by over 20 departments to apply for FCSAP eligibility; and approve, track and report on the funding and status of 16,000 federal contaminated sites. Funding applications may contain Protected B information and require timely responses to coordinate, approve and reallocate funding and track performance reporting. The system is being hosted by Shared Services.</t>
  </si>
  <si>
    <t>ECC-548</t>
  </si>
  <si>
    <t>Human Resources Statistical Overview  - Portal</t>
  </si>
  <si>
    <t>HRSO</t>
  </si>
  <si>
    <t>Oracle Canada ULC, Oracle Portal</t>
  </si>
  <si>
    <t>ECC-551</t>
  </si>
  <si>
    <t>Shellfish Surveillance Database and Shellfish Data Management and Reporting Syst</t>
  </si>
  <si>
    <t>SSDB and SDMRS</t>
  </si>
  <si>
    <t>The application(s) acts as a water quality data repository and and provides a user interface for data  queries and reporting.  The application is also a geographical information system and allows for spatial query and mapping in support of program operations.</t>
  </si>
  <si>
    <t>ECC-552</t>
  </si>
  <si>
    <t>Automated Sampling (near real-time)</t>
  </si>
  <si>
    <t>Real-time</t>
  </si>
  <si>
    <t>Water quality stations monitor hourly for temperature, dissolved oxygen, pH, specific conductance and turbidity to enable detection of spills, specific events and trends in water quality, and to report on the status of aquatic ecosystems. Also used for managing info about water quality instruments at each station</t>
  </si>
  <si>
    <t>ECC-556</t>
  </si>
  <si>
    <t>National Water Quality database for the Atlantic Ocean Watershed and Verificatio</t>
  </si>
  <si>
    <t>NAQUA and VDI</t>
  </si>
  <si>
    <t>Water Quality Data from Atlantic Oceanic Watershed (goes back as far as 1930s), storage and tools for data entry and extraction</t>
  </si>
  <si>
    <t>ECC-557</t>
  </si>
  <si>
    <t>Fresh Water Quality Monitoring and Surveillance Web Mapping Application</t>
  </si>
  <si>
    <t>GENIE</t>
  </si>
  <si>
    <t>Web Mapping Application allowing access (visualize, query and download) water quality data produced or managed by the Fresh Water Quality Monitoring Division of S&amp;T-Water.</t>
  </si>
  <si>
    <t>Geomap GIS of America, GoMap Web</t>
  </si>
  <si>
    <t>ECC-560</t>
  </si>
  <si>
    <t>Aquatic Chemical and Biological Information System</t>
  </si>
  <si>
    <t>ACBIS</t>
  </si>
  <si>
    <t>Designed for processing, archiving and dissemination of PNRs aquatic chemistry and biology data.</t>
  </si>
  <si>
    <t>ECC-561</t>
  </si>
  <si>
    <t>Envirodat-PYR, eGrapher and Web data extraction</t>
  </si>
  <si>
    <t>PY ENVIRODAT</t>
  </si>
  <si>
    <t>Pacific and Yukon ENVIRODAT stores, quality assures and disseminates long-term water quality data.  PY ENVIRODAT stores 35 years of long-term water quality monitoring information.  eGrapher allows users to visualize, extract and quality assure and quality control water quality data.  The web extraction tool allows EC clients, provincial partners, and the informed public to download and extact water quality data.</t>
  </si>
  <si>
    <t>ECC-562</t>
  </si>
  <si>
    <t>Fraser River and Osoyoos Lake Water Quality Buoys</t>
  </si>
  <si>
    <t>PY Buoy Websites</t>
  </si>
  <si>
    <t>The Fraser River buoy monitors water quality, hydrometric and meteological conditions in real-time within the Fraser River estuary.  This environmental area has been identified as an area of concern in the Pacific watershed. The Osooos buoy monitors in real-time a transboundry reach of the Okanagan river.  Due to the rapid urbanization and high agricultural utilization of the region, this is an area of concern to the Federal government.</t>
  </si>
  <si>
    <t>ECC-563</t>
  </si>
  <si>
    <t>EcoAction MIS</t>
  </si>
  <si>
    <t>ECOAction</t>
  </si>
  <si>
    <t>Grants &amp; Contributions tracking system</t>
  </si>
  <si>
    <t>ECC-565</t>
  </si>
  <si>
    <t>AccessPro CaseManagement</t>
  </si>
  <si>
    <t>CSDC Enterprise Solution, AccessPro Case Management</t>
  </si>
  <si>
    <t>Audit Command Language</t>
  </si>
  <si>
    <t>ECC-575</t>
  </si>
  <si>
    <t>Meteorological Verification System</t>
  </si>
  <si>
    <t>MVS</t>
  </si>
  <si>
    <t>MVS is collection of MSC verification apps (Susan Wild 2015). This system is for verification and performance assessment on meteorological forecasts and observed data</t>
  </si>
  <si>
    <t>ECC-576</t>
  </si>
  <si>
    <t>Meteorological Dissemination System</t>
  </si>
  <si>
    <t>MDS</t>
  </si>
  <si>
    <t>This system disseminates meteorological forecasts, warnings, observations, and other related data; and has over 60 million visits per month:  • Weather Office webpage • Water Office webpage • CLIMATE Archive: Archive Online  http://weather.gc.ca  http://meteo.gc.ca  http://wateroffice.ec.gc.ca  https://weather.gc.ca/eer/vaac/index_e.html (volcanic ash) (See APM id # 708)  http://eau.ec.gc.ca  http://CLIMATE.weather.gc.ca  http://climat.meteo.gc.ca  http://media.weather.gc.ca  http://media.meteo.gc.ca  http://dd.weather.gc.ca  http://dd.meteo.gc.ca  http://dd.beta.weather.gc.ca  http://dd.beta.meteo.gc.ca  http://www.meteo-haiti.gouv.ht  http://ecalertme.weather.gc.ca  http://ecalertezmoi.meteo.gc.ca/  http://data.ec.gc.ca  http://donnes.ec.gc.ca  http:</t>
  </si>
  <si>
    <t>ECC-577</t>
  </si>
  <si>
    <t>Automated Voice Interactive Processing and Distribution System</t>
  </si>
  <si>
    <t>AVIPaDS</t>
  </si>
  <si>
    <t>Weatheradio text-to-speech (TTS) engine and sends forecasts and warnings in voice files to Weatheradio transmitters</t>
  </si>
  <si>
    <t>ECC-578</t>
  </si>
  <si>
    <t>NinJo</t>
  </si>
  <si>
    <t>NinJo is a modern all-purpose forecaster workstation system for processing and displaying meteorological data, from the integration of raw data to its usage for forecasting purposes. It includes all NinJo functionalities.  MSC and ADS ( Aviation and Defence Services  )  forecasters are using this application.  CBAS=Products visualization and Warning dissemination (WARP)</t>
  </si>
  <si>
    <t>ECC-579</t>
  </si>
  <si>
    <t>Unified Radar Processing System</t>
  </si>
  <si>
    <t>URP</t>
  </si>
  <si>
    <t>Weather Radar Processing and Visualization application. Radar (URP)is an SMB application. URP = Unified Radar Processing. The application gathers data from weather radar sites and produces GIF images of weather events, such as thunderstorms, for forecasters, the Web and external clients such as the Weather Net. individual &amp; composite products archive Interactive Viewer Radar CUM</t>
  </si>
  <si>
    <t>Debian Lenny</t>
  </si>
  <si>
    <t>ECC-580</t>
  </si>
  <si>
    <t>Bulletin Preparation</t>
  </si>
  <si>
    <t>BullPrep</t>
  </si>
  <si>
    <t>MSC forecast and warning bulletin creation, update and amendment software. Sub-components:  • Xpredit • Transitmonitor • Many more...</t>
  </si>
  <si>
    <t>ECC-581</t>
  </si>
  <si>
    <t>Meteorological Data Acquisition  System</t>
  </si>
  <si>
    <t>MDAS</t>
  </si>
  <si>
    <t>System to acquire real time weather and environmental data.   It includes 30 WBS  The Weather Buoy System (WBS) was developed in the early 1990's as a joint effort by PYR Informatics and PYR Marine Operations, in response to the need to service an expanding marine buoy network. Over time, the system was expanded to service all the buoys in the Canadian buoy Program, from the Atlantic to the Pacific.  WBS now decodes all Canadian weather buoy data, creating the SMVD, SIVD and SNVD reports that are transmitted to the weather circuits every hour. The decodes are controlled by a set of configuration parameters that are maintained interactively by marine data technicians. Statistics are kept on all aspects of the buoys and are interactively accessible throu</t>
  </si>
  <si>
    <t>ECC-582</t>
  </si>
  <si>
    <t>Meteorological Data Management System</t>
  </si>
  <si>
    <t>Data management services for real time meteorological data</t>
  </si>
  <si>
    <t>ECC-583</t>
  </si>
  <si>
    <t>Meteorological Applied Science Processing System</t>
  </si>
  <si>
    <t>MASPS</t>
  </si>
  <si>
    <t>Business logic components to process, quality assess and create products for real time meteorological data (SAA)</t>
  </si>
  <si>
    <t>ECC-584</t>
  </si>
  <si>
    <t>Ice Service Integrated System</t>
  </si>
  <si>
    <t>ISIS</t>
  </si>
  <si>
    <t>The main ice analysis, bulletin generation, and operational chart production system for the Canadian Ice Service. It uses a combination of internally developed applications, commercial software (ESRI ArcView, ArcInfo, Leica Imagine). Sub-Components: • Ice Analyses • Sea Ice and Lake Ice forecasts and warnings • Daily Sea Ice and Lake Ice charts • Weekly Sea ice and Lake ice weekly charts • Lake Ice Monitoring</t>
  </si>
  <si>
    <t>ECC-585</t>
  </si>
  <si>
    <t>Polaris Ice Analysis System</t>
  </si>
  <si>
    <t>Polaris</t>
  </si>
  <si>
    <t>The newly developed ice analysis system to replace legacy ISIS.  Canadian Ice Service second generation Ice Analysis and Forecasting system, also known as the NAIS common production system. Polaris 1.0 released for user tryouts and in quasi-operation mode. Replace ISIS; operational by December 2011 (level 1)</t>
  </si>
  <si>
    <t>ECC-586</t>
  </si>
  <si>
    <t>Berg Analysis and Prediction System</t>
  </si>
  <si>
    <t>BAPS</t>
  </si>
  <si>
    <t>A client-server application to predict ice berg movements in commercial shipping lanes in Canadian waters. It uses ArcView (an ESRI GIS product) at the client end to display actual and predicted iceberg movements and to generate navigational charts. Sub-components: • Iceberg bulletins • Iceberg charts</t>
  </si>
  <si>
    <t>ECC-587</t>
  </si>
  <si>
    <t>Integrated Satellite Tracking of Polluters</t>
  </si>
  <si>
    <t>ISTOP</t>
  </si>
  <si>
    <t>Oil Spills Tracking Application. A client server application to analyse RADARSAT images for the purpose of identifying possible bilge oil pollution from commercial ships.  It uses a combination of internally developed applications, commercial software (ESRI ArcGIS, ArcView, ArcInfo, Leica Imagine, Oracle).  Sub-components: • Oil spill monitoring • Ocean Monitoring Workstation (OMW)</t>
  </si>
  <si>
    <t>ECC-588</t>
  </si>
  <si>
    <t>IceView</t>
  </si>
  <si>
    <t>IceVu</t>
  </si>
  <si>
    <t>IceVu is the primary tool used by Ice Service Specialists  (ISS) to provide operational support to the Coast Guard icebreaking program. It provides a method for ISS &amp; CCG clients to receive and view imagery as well as allow reception and display of EC ice and weather products. It is composed of COTS software modified by CIS and additional software developed by CIS. Sub-components: • Data management tools  • Communication tools • Navigational tool</t>
  </si>
  <si>
    <t>ECC-589</t>
  </si>
  <si>
    <t>ICEggs</t>
  </si>
  <si>
    <t>This is a custom built application developed and released by Cogénie using MapInfo COTS.  Sub-components: • Data management tools  • Communication tools • Navigational tool (not supported)</t>
  </si>
  <si>
    <t>MapInfo</t>
  </si>
  <si>
    <t>IDS</t>
  </si>
  <si>
    <t>ECC-591</t>
  </si>
  <si>
    <t>ICE Flight Planning</t>
  </si>
  <si>
    <t>A desktop application based on ESRI’s ArcObject library. Used to plan the flight routes, plot, report, and manage flight plans for ice and pollution reconnaissance missions. Sub-components</t>
  </si>
  <si>
    <t>ECC-592</t>
  </si>
  <si>
    <t>ICE Tracker</t>
  </si>
  <si>
    <t>Applied science application to track Ice drift. Automatically detect ice drift / ice motion from overlapped SAR image pairs acquired from different time. Application is based on Matlab and ArcGIS COTS.</t>
  </si>
  <si>
    <t>ECC-593</t>
  </si>
  <si>
    <t>Coupled Ice Ocean Model</t>
  </si>
  <si>
    <t>CIOM</t>
  </si>
  <si>
    <t>Coupled Ice Ocean Model – developed by Bedford Institute of Oceanography (DFO)</t>
  </si>
  <si>
    <t>ECC-594</t>
  </si>
  <si>
    <t>Canadian East coast Coupled Ocean model</t>
  </si>
  <si>
    <t>CECOM</t>
  </si>
  <si>
    <t>Canadian East coast Coupled Ocean Model - developed by Bedford Institute of Oceanography (DFO). Same as CIOM but provides higher resolution and bigger domain.</t>
  </si>
  <si>
    <t>ECC-595</t>
  </si>
  <si>
    <t>Maritime Surveillance System</t>
  </si>
  <si>
    <t>MSS-6000</t>
  </si>
  <si>
    <t>The system is built for real time monitoring and analysis of the sea surface. This system is installed onboard ice patrol airplanes for the purpose of ( before called Radar Imaging Acquisition, viewing, etc.). It has been developed by Swedish Space Corporation</t>
  </si>
  <si>
    <t>ECC-596</t>
  </si>
  <si>
    <t>MetManager-regional</t>
  </si>
  <si>
    <t>MM-reg</t>
  </si>
  <si>
    <t>Still use in PSO to fill gap for NinJo in places.  Legacy Branch of DND's MetManager. The regional MM will eventually be phased out/decommissioned. This Regional MetManager (Reg-MM)  should not be confused with the MetManager installation used enlisted military met-techs to brief the troops in theatre.  Same code base but different uses.  Reg-MM runs in all SPCs and CMACs.  MetManager, the one developed using 100% DND VNR funds is owned by DND and will continue to operate on the DND secure network. It will NOT be decommissioned. It is registered in the DND APM. So from now on we should refer this to Regional MetManager.</t>
  </si>
  <si>
    <t>ECC-597</t>
  </si>
  <si>
    <t>Data Simulation and Numerical Weather and Environmental Prediction System (NWEPS</t>
  </si>
  <si>
    <t>NWEPS</t>
  </si>
  <si>
    <t>Entails the use of "modelling" of the physics of the atmosphere in order to obtain a forecast through the use of "Supercomputers".  Lead time ranging from 1-2 hours to extended range (monthly and seasonal scale).  Includes data observations to ensure that the predictions are accurate.  RDPS:  Regional Deterministic Prediction System REPS:  Regional Ensemble Prediction System GDPS:  Global Deterministic Prediction System GEPS: Global Ensemble Prediction System HRDPS:  High Resolution Deterministic Prediction System  The above Operational System are using various configurations of the tools below: GEM (numerical model for atmospheric prediction) EnKF (Ensemble Kalman filter for ensemble data assimilation) 4DVar:  four dimension variational data assimilat</t>
  </si>
  <si>
    <t>ECC-598</t>
  </si>
  <si>
    <t>SCRIBE-Post Processing Application</t>
  </si>
  <si>
    <t>SCRIBE</t>
  </si>
  <si>
    <t>Post Processing Application for weather service product generation.  SCRIBE is an Expert System capable of generating automatically or interactively any type of weather products for a region or a specific locality .The data that feed the system come from a set of matrices which are generated after the 00, 06, 12,18Z model runs. These matrices contain different types of weather elements such as NWP output, statistical guidance form PP model and UMOS model and other analyses model and climatology data. The time resolution is 3 hours. Once ready  these regular matrices are sent to each regional SCRIBE system.   Public, Air quality, Marine and specialized weather forecast are generated in SCRIBE.  Sub-components/sources: -UMOS:  Updatable Model Output Stat</t>
  </si>
  <si>
    <t>ECC-599</t>
  </si>
  <si>
    <t>Atlantic Telecom</t>
  </si>
  <si>
    <t>Telecom package for Linux; rpm file</t>
  </si>
  <si>
    <t>ECC-601</t>
  </si>
  <si>
    <t>Edigraf-Aviation package</t>
  </si>
  <si>
    <t>EAP</t>
  </si>
  <si>
    <t>Edigraf is a Forecast Preparation Tool used to prepare maps in weather forecasting offices. The maps, showing isobars, satellite images, etc. are displayed interactively. The application is written in C used by CMACs.  Edigraf is used to produce graphical severe weather prognostics (E.g.: coordination precipitation (quantities, type, timing)). NinJo offers no alternative until now.</t>
  </si>
  <si>
    <t>ECC-602</t>
  </si>
  <si>
    <t>Geostationary Operational Environmental Satellite</t>
  </si>
  <si>
    <t>GOES</t>
  </si>
  <si>
    <t>2.2.1 Meteorological Services in Support of Air Navigation</t>
  </si>
  <si>
    <t>GOES satellite image processing software (COTS by Global Imaging Inc. http://www.globalimaging.com/) Sub-components:  -Goestx -GRIS -SAN (Sun angle normalization) Installed in Edmonton and Dartmouth</t>
  </si>
  <si>
    <t>ECC-603</t>
  </si>
  <si>
    <t>High-Resolution Picture Transmission</t>
  </si>
  <si>
    <t>HRPT</t>
  </si>
  <si>
    <t>Satellite receiver Polar Orbit. TeraScan is an Integrated system of hardware and software designed for automated reception of data from meteorological/environmental satellites and for processing the data into images and data overlays. (COTS software  by Seaspace Corporation - http://www.seaspace.com/)   HRPT systems are located in: Gander NL, (single system) Edmonton AB (2 production systems), Stony Plain AB (single system), Resolute Bay, NWT (DFO) (single system) CMC-Montreal, QC : Used at CMC:  https://wiki.cmc.ec.gc.ca/wiki/VAAC/Terascan_Instructions  Predictions activities (John Parker, Sept 2016):  if GOES gets listed as an enable application, than we can do with delays in the uptime of the HRPT.  However it does become more mission critical the f</t>
  </si>
  <si>
    <t>ECC-604</t>
  </si>
  <si>
    <t>MultiAlert</t>
  </si>
  <si>
    <t>MultiAlert is a Graphical Interface Alert Program that makes meteorologists aware of the fact that pilot reports may contain items of interest to their site, such as severe weather moving into their area.</t>
  </si>
  <si>
    <t>ECC-605</t>
  </si>
  <si>
    <t>Roving Terminal Aerodrome Forecast</t>
  </si>
  <si>
    <t>RTAF</t>
  </si>
  <si>
    <t>Roving TAF (Terminal Aerodrome Forecast) is a forecast preparation tool that holds metadata for all Canadian airports and is used to prepare an aviation forecast for each airport. A TAF bulletin consists of multiple tasks that can be assigned to multiple forecasters. RTAF distributes 227 airports between multiple forecasters so tasks can be shared. Used in Edmonton/Montreal only.</t>
  </si>
  <si>
    <t>ECC-607</t>
  </si>
  <si>
    <t>XWeather Watch / XVeille</t>
  </si>
  <si>
    <t>Weather Watch / Veille</t>
  </si>
  <si>
    <t>Weather Watch is a national application used by forecasters. It uses Scribe data and weather observations data to compare forecasts with actual observations for aviation, public, marine, and air quality bulletins, identifies locations where there are discrepancies between the two, alerts forecasters and seeks ways to improve the accuracy of data. Updates are sent every 10 minutes for aviation bulletins. There is no replacement  tool in NinJo. This software was modified to use the METAR code, according to a MSC decision several years. The disappearance of the METAR code reduces the usefulness of the application for the public program.  Compares and displays forecast and observed values for aviation, public, marine, air quality / Le programme de veiled s</t>
  </si>
  <si>
    <t>ECC-608</t>
  </si>
  <si>
    <t>Meteorological Product Exchanger</t>
  </si>
  <si>
    <t>MetPX</t>
  </si>
  <si>
    <t>MetPX is a collection of tools created to support data acquisition, routing, and dissemination in a meteorological context. MetPX is a message switching/exchange system for use with WMO Global Telecommunications System circuits based on TCP/IP. It is intended for use in industrial/government weather forecast operations.   In January 2014, a new (experimental) real-time notification service for data updates was added to MetPX (announcement). It is using the Advanced Message Queuing Protocol (AMQP) with RabbitMQ open source software.  http://metpx.sourceforge.net/</t>
  </si>
  <si>
    <t>PAA: 1.2.1 Water Quality and Aquatic Ecosystems Health</t>
  </si>
  <si>
    <t>Email</t>
  </si>
  <si>
    <t>ECC-616</t>
  </si>
  <si>
    <t>Target</t>
  </si>
  <si>
    <t>This is an intermediary software used for processing analytical data (Burlington)</t>
  </si>
  <si>
    <t>ECC-621</t>
  </si>
  <si>
    <t>National Inquiry Response Team - Client Relationship Management</t>
  </si>
  <si>
    <t>NIRT CRM</t>
  </si>
  <si>
    <t>2.1 Weather and Environmental Services for Canadians
2.2 Weather and Environmental Services for Targeted users.</t>
  </si>
  <si>
    <t>Customer Relationship Management system that facilities the communication between the National Inquiry Response Team (NIRT) and the Canadian public. All feedback that is received by the NIRT is responded to and stored in the system. The system will also produce reports and metrics based on all feedback. The system is built using Microsoft Dynamics CRM, with a number customizations built using JavaScript and VB.Net.</t>
  </si>
  <si>
    <t>ECC-623</t>
  </si>
  <si>
    <t>Seasonal Water Monitoring and Reporting Sys.</t>
  </si>
  <si>
    <t>SWMRS</t>
  </si>
  <si>
    <t>1.3.4 Ecosystem Initiatives</t>
  </si>
  <si>
    <t>The Seasonal Water Monitoring and Reporting System (SWMR) will allow monitoring staff to report recreational water quality information such as E.coli electronically so the information can be utilized to report on beach closures. Application developed by IT Ontario Region. Responsible IT Development Manager Terry Simmons (416)739-4647. IT Project Leader Herman Mok (416)739-4303</t>
  </si>
  <si>
    <t>ECC-624</t>
  </si>
  <si>
    <t>EC Science Alert</t>
  </si>
  <si>
    <t>3. Threats to Canadians and their environment from pollution are minimized</t>
  </si>
  <si>
    <t>This system is meant to manage information S&amp;T publications, mainly formal publications (i.e., articles in peer-review journals) authored by a member of EC's S&amp;T community</t>
  </si>
  <si>
    <t>ECC-626</t>
  </si>
  <si>
    <t>Hard Coded Reports</t>
  </si>
  <si>
    <t>HCReports</t>
  </si>
  <si>
    <t>This is a Cold -Fusion (MX) report creation application. Users are limited to WRMD and EC Enforcement across Canada. It is a query and search engine for the creation of HTML, PDF and MS Excel reports summarizing activities related to Transboundary Hazardous Waste Movements. Data extracted from CNMTS database</t>
  </si>
  <si>
    <t>ECC-627</t>
  </si>
  <si>
    <t>Ozone depleating Substances Tracking System</t>
  </si>
  <si>
    <t>ODSTS</t>
  </si>
  <si>
    <t>ODSTS is used by the Ozone Layer Protection and Export Controls Section of the Chemicals Production Division to issue authorizations under the Ozone Depleting Substances Regulations 1998 and manage and report on domestic consumption of ozone-depleting substances.</t>
  </si>
  <si>
    <t>Business Intelligence Warehous</t>
  </si>
  <si>
    <t>ECC-630</t>
  </si>
  <si>
    <t>Disclosure of Grant and Contribution Awards Over $25k (Intranet)</t>
  </si>
  <si>
    <t>GandC</t>
  </si>
  <si>
    <t>Application that Acquires the information from and Oracle database financial and imports the data into and SQL Database and publishes the information on a static published table to an external database that allows the general public to access the related information on grants and contributions.</t>
  </si>
  <si>
    <t>ECC-636</t>
  </si>
  <si>
    <t>Environmental Science Expert</t>
  </si>
  <si>
    <t>ESE</t>
  </si>
  <si>
    <t>Contains information on Environment Canada’s science and technical experts; including: their job title and role, location, current research/S&amp;T, key publications, affiliations, awards, education, and contact information.</t>
  </si>
  <si>
    <t>ECC-639</t>
  </si>
  <si>
    <t>Horizon Integrated Library System</t>
  </si>
  <si>
    <t>Horizon Integrated Library System, maintained by the System's Librarian in Burlington, is the automated system that manages and tracks all aspects of library work from the general public access catalogue, acquisitions, serial publication management, including checkin and claiming, cataloguing, and circulation (checkin, checkout, claiming, reporting).  Various international library standards, such as MARC21 coding are either embedded into the software, or incorporated into the software functionality.</t>
  </si>
  <si>
    <t>Horizon,SirsiDynix</t>
  </si>
  <si>
    <t>ECC-640</t>
  </si>
  <si>
    <t>Tarian-Departmental Records Automated Management System</t>
  </si>
  <si>
    <t>DRAMS</t>
  </si>
  <si>
    <t>Records Management System</t>
  </si>
  <si>
    <t>ECC-641</t>
  </si>
  <si>
    <t>Esperant</t>
  </si>
  <si>
    <t>This is a cots product which enables a clear language querying and alias based dataview front end to the CNMTS database.</t>
  </si>
  <si>
    <t>Speedware -&gt; Esperant</t>
  </si>
  <si>
    <t>ECC-642</t>
  </si>
  <si>
    <t>Canadian Ice Data Archive System</t>
  </si>
  <si>
    <t>CIDAS</t>
  </si>
  <si>
    <t>Acquisition Services,Other</t>
  </si>
  <si>
    <t>Canadian Ice Data Archive System for long term storage. Non mission critical by Darlene Langlois. Sept 2016</t>
  </si>
  <si>
    <t>ECC-649</t>
  </si>
  <si>
    <t>CLIMATE Archive: Hardcopy Archives Database</t>
  </si>
  <si>
    <t>CA-HAD</t>
  </si>
  <si>
    <t>The CLIMATE Hardcopy Archive Search Engine was developed to search the CHAD database to find information about the availability of original meteorological source documents or their backups for the CLIMATE stations within Canada.</t>
  </si>
  <si>
    <t>ECC-650</t>
  </si>
  <si>
    <t>CLIMATE Archive: Radar Ingester &amp; Decoder</t>
  </si>
  <si>
    <t>CA-RID</t>
  </si>
  <si>
    <t>The national radar archive software responsible for archiving the volume scans along with appropriate metadata.</t>
  </si>
  <si>
    <t>ECC-656</t>
  </si>
  <si>
    <t>Hydrometric Archive: HYDAT</t>
  </si>
  <si>
    <t>HYDAT</t>
  </si>
  <si>
    <t>HYDAT is a relational database that contains the actual computed data for the stations listed in HYDEX. These data include: daily and monthly means of flow, water levels and sediment concentrations (for sediment sites). For some sites, peaks and extremes are also recorded. Each year, a CD-ROM of selected hydrometric data in Canada is produced and is up-to-date to the previous year.  Peak and extreme values are also recorded. This data is distributed via the web, and as a downloadable Microsoft Access database.</t>
  </si>
  <si>
    <t>ECC-657</t>
  </si>
  <si>
    <t>HYDEX Cold Fusion</t>
  </si>
  <si>
    <t>HYDEX-CF</t>
  </si>
  <si>
    <t>HYDEX Cold fusion is an application that interfaces to HYDEX.   Hydex is a relational database (APM id # 1224) that contains inventory information on all stream flow, water level, and sediment stations (both active and discontinued) that are operated by Water Survey and qualified contributors  in Canada. This database contains information about the station location, equipment, and type(s), amount and period of data collected, and station costing arrangements.</t>
  </si>
  <si>
    <t>ECC-658</t>
  </si>
  <si>
    <t>CLIMATE Archive : Climatological Data Ingester</t>
  </si>
  <si>
    <t>CA-CDI</t>
  </si>
  <si>
    <t>All observed climatological data is ingested through this system. This includes hourly, synoptic, daily, marine and supplementary data. Supplementary data includes evaporation, wind, soil temperatures, radiation, bright sunshine and rainfall.</t>
  </si>
  <si>
    <t>ECC-662</t>
  </si>
  <si>
    <t>CLIMATE Archive: Upload System</t>
  </si>
  <si>
    <t>CA-US</t>
  </si>
  <si>
    <t>This system uploads climatological data that has been ingested and quality controlled into the Canadian CLIMATE Archive.</t>
  </si>
  <si>
    <t>ECC-664</t>
  </si>
  <si>
    <t>CLIMATE Bulletin Editor</t>
  </si>
  <si>
    <t>CBE</t>
  </si>
  <si>
    <t>Atlantic</t>
  </si>
  <si>
    <t>ECC-665</t>
  </si>
  <si>
    <t>ClearSCADA</t>
  </si>
  <si>
    <t>ClearSCADA is an open software platform that provides powerful features for remote management of critical infrastructure; scalable for large enterprise environments and effective for small systems.  National Collection System servicing regions and Real-time water web CIOB central support  Historical data is collected by single or redundant servers over dedicated long-distance communication infrastructure and made available to local and remote users via integrated clients or third-party data management applications.   This battery backup allows the instrumentation and control system (SCADA=supervisory control and data acquisition) to operate continuously during power disturbances; thus avoiding the unscheduled shutdown of experimental systems</t>
  </si>
  <si>
    <t>ECC-666</t>
  </si>
  <si>
    <t>Interactive Landsat Executive</t>
  </si>
  <si>
    <t>ILEX</t>
  </si>
  <si>
    <t>National Collection System servicing regions and Real-time water web CIOB central support</t>
  </si>
  <si>
    <t>ECC-667</t>
  </si>
  <si>
    <t>Aquarius Application Server</t>
  </si>
  <si>
    <t>AQUARIUS</t>
  </si>
  <si>
    <t>AQUARIUS software allows the Water Survey of Canada to process, quality control and display water quantity time series data, build hydrological rating curves, and derive and publish hydrological data in near real-time.</t>
  </si>
  <si>
    <t>ECC-668</t>
  </si>
  <si>
    <t>ATOME</t>
  </si>
  <si>
    <t>Weather and Environmental Services - Weather and Hydrometric Data Acquisition System ATOME, is used to collect data in real time by modem or file transfer protocol from Environment Canada's stations or partners. The data is converted into a standard format for validation. After processing, the observations are filed and distributed. Hydrométrie Alcan Mesonet MEFQ Sopfeu RMCQ CUM</t>
  </si>
  <si>
    <t>ECC-669</t>
  </si>
  <si>
    <t>Flowcal</t>
  </si>
  <si>
    <t>Script to calculate water flow</t>
  </si>
  <si>
    <t>ECC-672</t>
  </si>
  <si>
    <t>Mackenzie River forecast model</t>
  </si>
  <si>
    <t>MRFF</t>
  </si>
  <si>
    <t>Script that produces flood forecast for the Mackenzie River Customized water quantity calculation software</t>
  </si>
  <si>
    <t>ECC-674</t>
  </si>
  <si>
    <t>Logger Viewer utilities</t>
  </si>
  <si>
    <t>LOGVu</t>
  </si>
  <si>
    <t>Generic Dataloggerviewer V1.0  Dave Hutchison author To be phased out Water Survey Canada</t>
  </si>
  <si>
    <t>ECC-675</t>
  </si>
  <si>
    <t>Alerting Tools - Workstation Popups</t>
  </si>
  <si>
    <t>POPUPS</t>
  </si>
  <si>
    <t>Provides notifications to Forecaster workstations.  This is a situational awareness system for forecasters. It monitors their transmitted bulletins, weather warnings from other centers, observations and alert forecasters when receiving or transmitting bulletins problems occur.</t>
  </si>
  <si>
    <t>ECC-676</t>
  </si>
  <si>
    <t>Advanced Scatterometer</t>
  </si>
  <si>
    <t>ASCAT</t>
  </si>
  <si>
    <t>Stitch and print satellite derived ocean wave data.</t>
  </si>
  <si>
    <t>ECC-677</t>
  </si>
  <si>
    <t>AirNOW-BDQ</t>
  </si>
  <si>
    <t>AirNOW</t>
  </si>
  <si>
    <t>A Quebec region script that allows generating air-now compatible products in QC. It extracts and format AQ information from BDQ and sends it to CMC datamart. An American website (Airnow) extracts Canadian data to be  displayed.  http://www.airnow.gov/index.cfm?action=airnow.canada.  The system must remain accessible. Linked to BDQ</t>
  </si>
  <si>
    <t>ECC-678</t>
  </si>
  <si>
    <t>CMAC Operations Webpage</t>
  </si>
  <si>
    <t>CMACweb</t>
  </si>
  <si>
    <t>CMAC Webpage provide information and links to various forecasting aids, processes and procedures</t>
  </si>
  <si>
    <t>ECC-679</t>
  </si>
  <si>
    <t>Coast Guard Observations</t>
  </si>
  <si>
    <t>AMSXCN20</t>
  </si>
  <si>
    <t>Automatically produces the SXCN20 bulletin every hour, which is a table format collection of Newfoundland costal observations.</t>
  </si>
  <si>
    <t>ECC-680</t>
  </si>
  <si>
    <t>Data Collection/Processing System. Includes get_collection, RAprocess, SR (Second Release).  Gets collection of weather observations from the AM database and readies the bulletins to be sent back to Weather Stations.  A collection of tools, scripts and applications to do the data acquisition, pre-processing, and geo-coding of satellite images and other ice and weather data feeds. It is developed by EC but relies on licenses for ESRI ArcInfo and Leica Imagine to process proprietary data types. We have hp-ux, Linux and Windows DAS Workers.  Sub-components:  • Server side components • SAR (RADARSAT1, RADARSAT2, ENVISAT) image data • ALOS image data • CMC AM/IM data  • IceEGG field data • MODIS image data • QUCKSCAT image data • AVHRR image data • SSMI ima</t>
  </si>
  <si>
    <t>ECC-681</t>
  </si>
  <si>
    <t>Ensemble Imagery</t>
  </si>
  <si>
    <t>ENSIM</t>
  </si>
  <si>
    <t>Produces NAEFS output images and PCA analysis</t>
  </si>
  <si>
    <t>ECC-682</t>
  </si>
  <si>
    <t>Fuzzy TAF guidance</t>
  </si>
  <si>
    <t>FuzzTAF</t>
  </si>
  <si>
    <t>TAF Guidance that incorporates NWP with climatology</t>
  </si>
  <si>
    <t>ECC-683</t>
  </si>
  <si>
    <t>GeoNetwork open source</t>
  </si>
  <si>
    <t>MEST</t>
  </si>
  <si>
    <t>GeoNetwork  is a standards-based, open source catalogue application for managing spatial metadata and data. GeoNetwork provides a web based interface for creating, importing, validating, harvesting and editing metadata records. Searching can be done on local and distributed catalogues based on a variety of criteria such as titles, keywords, spatial and temporal extents. ISO profiles are supported and scheduled harvesting and synchronisation of metadata records from other distributed catalogues is available.  MEST software (Metadata Entry and Search Tool). http://geonetwork-opensource.org/</t>
  </si>
  <si>
    <t>ECC-684</t>
  </si>
  <si>
    <t>Edigraf-CMC</t>
  </si>
  <si>
    <t>GFA is a specialized version of Edigraf created specifically to produce Graphical Forecasts for Aviation (GFA). It consists of various wrappers and scripts that run Edigraf, produce the required forecasts and transmit the end product to the users. Also  used for reviewing fore area products that are in currently in a "work in progress" state.  Edigraf is a C application while the wrappers are primarily Korne shells and the scripts are PERL. Run in Edmonton and Montreal only for all Canada GFA.</t>
  </si>
  <si>
    <t>ECC-685</t>
  </si>
  <si>
    <t>High Impact Weather Aware</t>
  </si>
  <si>
    <t>HIW Aware</t>
  </si>
  <si>
    <t>Alert program for severe weather for PASPC</t>
  </si>
  <si>
    <t>ECC-686</t>
  </si>
  <si>
    <t>Hydrology NB river watch</t>
  </si>
  <si>
    <t>HYDFLD</t>
  </si>
  <si>
    <t>This is run out of prediction operations in PSO-E and serves the province of New Brunswick during flooding season and following high rainfall events to enable their flood-forecasting program.  Produce products related to flood forecasting and the FGCN01 CWHX bulletin  used in Atlantic.</t>
  </si>
  <si>
    <t>ECC-687</t>
  </si>
  <si>
    <t>Integrated Ecosystem Response Modelling</t>
  </si>
  <si>
    <t>IERM</t>
  </si>
  <si>
    <t>This system permits the modelling of the response of the St-Lawrence ecosystem to a change in one or many physical parameters. Based on Bayfield.  Geographic area : Cornwall - Québec.</t>
  </si>
  <si>
    <t>OLAP, Oracle Data Warehousing</t>
  </si>
  <si>
    <t>Il s''agit d''une application que nous avons programmée qui utilise Oracle comme entrepôt de données.</t>
  </si>
  <si>
    <t>ECC-688</t>
  </si>
  <si>
    <t>MAX</t>
  </si>
  <si>
    <t>XWindows Graphic interface application to visualise meteorological fields coming out of Numerical model runs at CMC.  Some considered it obsoleted but it is essential to Vizaweb.  ADS uses MAX2</t>
  </si>
  <si>
    <t>ECC-689</t>
  </si>
  <si>
    <t>Meteogram</t>
  </si>
  <si>
    <t>Time cross-sectional weather information/display</t>
  </si>
  <si>
    <t>ECC-690</t>
  </si>
  <si>
    <t>Meteorology Display Package</t>
  </si>
  <si>
    <t>MDP</t>
  </si>
  <si>
    <t>Multiple GUIs for forecaster convenience: print public, marine, scribe forecasts; unit converters; temperature modification model; SA trend sheet. Dryco calculator and display GUI. Wave model display GUI. Max/min temperature display GUI. Centered tendency calculation and display GUI. SCRIBE element display GUI (WXMX).   Not an ASA APP (Wild)</t>
  </si>
  <si>
    <t>ECC-691</t>
  </si>
  <si>
    <t>Physical modelling of the St-Lawrence</t>
  </si>
  <si>
    <t>STLR model</t>
  </si>
  <si>
    <t>Permits physical and hydrodynamic modelling of the St-Lawrence river, based on a finite element model from Cornwall to Trois-Rivieres. Integrates data from multiple sources such as Hydrographic service of Canada, Hydro-Quebec, Alcan and EC field work. Modelled parameters include water temperature, currents, etc...Modelleur is a suite which includes dispersim and hydrosim.</t>
  </si>
  <si>
    <t>ECC-692</t>
  </si>
  <si>
    <t>Base de données de qualité</t>
  </si>
  <si>
    <t>BDQ</t>
  </si>
  <si>
    <t>Repository for surface data with quality control including water discharge and levels from EC and partners. First prototype for DMF QA/QC system - Oracle RDBMS support dependency</t>
  </si>
  <si>
    <t>ECC-693</t>
  </si>
  <si>
    <t>Ontario storm prediction center web page</t>
  </si>
  <si>
    <t>OSPC Web</t>
  </si>
  <si>
    <t>Internal website which gathers together various links which are important/critical to the OSPC such as models, references, procedures, contact lists and emergency/contingency information (http://ospcweb.to.on.ec.gc.ca) http://ospcweb.to.on.ec.gc.ca/index.htm</t>
  </si>
  <si>
    <t>ECC-694</t>
  </si>
  <si>
    <t>Quilt</t>
  </si>
  <si>
    <t>Script that extracts multiple existing weather maps from the Image Manager database and stitches them together (like a quilt) to form a single view of the weather event. Used by weather forecasters. Scheduling varies from site to site.</t>
  </si>
  <si>
    <t>ECC-695</t>
  </si>
  <si>
    <t>Regional Multispectral Imagery Scripting</t>
  </si>
  <si>
    <t>RMSIS</t>
  </si>
  <si>
    <t>Scripts to generate Multispectral satellite imagery</t>
  </si>
  <si>
    <t>ECC-696</t>
  </si>
  <si>
    <t>Road Condition Map</t>
  </si>
  <si>
    <t>Simple webpage that checks Manitoba road conditions and plots them red/clear on FP regions a la the weatheroffice warning page/battle board</t>
  </si>
  <si>
    <t>ECC-697</t>
  </si>
  <si>
    <t>Rob's CLIMATE Search</t>
  </si>
  <si>
    <t>RCS</t>
  </si>
  <si>
    <t>Interactive Web Searching page for CLIMATE information</t>
  </si>
  <si>
    <t>ECC-698</t>
  </si>
  <si>
    <t>Simulations Hydrodynamiques Opérationnelles du St-Laurent</t>
  </si>
  <si>
    <t>SHOP</t>
  </si>
  <si>
    <t>Modèle hydrodynamique sur le Fleuve St-Laurent fonctionnant en temps réel en mode operationnel expérimental au CMC. Les données en temps réel sont tirées de la BDQ</t>
  </si>
  <si>
    <t>ECC-699</t>
  </si>
  <si>
    <t>Site Intranet - Section Hydrologie</t>
  </si>
  <si>
    <t>HydroWeb</t>
  </si>
  <si>
    <t>Application faisant des statistiques à la demande sur les niveaux et débits du fleuve St-Laurent. Implique la BDQ et Bayfield.</t>
  </si>
  <si>
    <t>ECC-700</t>
  </si>
  <si>
    <t>Smog scripts</t>
  </si>
  <si>
    <t>Smog</t>
  </si>
  <si>
    <t>Air Quality smog scripts.</t>
  </si>
  <si>
    <t>ECC-701</t>
  </si>
  <si>
    <t>Spherical Projection Interface</t>
  </si>
  <si>
    <t>SPI</t>
  </si>
  <si>
    <t>SPI is a scientific and meteorological virtual globe offering immense processing, analysis and visualization capabilities, with a user interface similar to Google Earth and NASA World Wind. It was developed over the past 8 years within the Environmental Emergency Response Division of the Canadian Meteorological Center to enable operational and R&amp;D users to manage the response and the execution of dispersion models in a highly user-friendly way. It allows the manipulate of FST files for model output</t>
  </si>
  <si>
    <t>ECC-702</t>
  </si>
  <si>
    <t>Stackwinds</t>
  </si>
  <si>
    <t>STCKWND</t>
  </si>
  <si>
    <t>Information for NB Power is created in the preparation of the FRCN01 bulletin.</t>
  </si>
  <si>
    <t>ECC-703</t>
  </si>
  <si>
    <t>Storm Surge</t>
  </si>
  <si>
    <t>Surge</t>
  </si>
  <si>
    <t>The operational model that enables the storm surge warning program.  The description of the scope of this model in the detailed app list is not good.  This model serves all of Atlantic Canada and the Gulf of Saint Lawrence.  Sub component: -Storm surge viewer because the model output is not available through NinJo yet.</t>
  </si>
  <si>
    <t>ECC-704</t>
  </si>
  <si>
    <t>SX2Bufr Messaging conversion</t>
  </si>
  <si>
    <t>SX2Bufr</t>
  </si>
  <si>
    <t>Converts SX messages into BUFR</t>
  </si>
  <si>
    <t>ECC-707</t>
  </si>
  <si>
    <t>UPS fog</t>
  </si>
  <si>
    <t>Interface to show United Parcel Service (UPS) fog reports</t>
  </si>
  <si>
    <t>ECC-708</t>
  </si>
  <si>
    <t>Volcanic Ash Website</t>
  </si>
  <si>
    <t>VA web</t>
  </si>
  <si>
    <t>Provides information concerning Volcanic Ash for forecasters https://weather.gc.ca/eer/vaac/index_e.html</t>
  </si>
  <si>
    <t>ECC-709</t>
  </si>
  <si>
    <t>WatchDog</t>
  </si>
  <si>
    <t>Warning system for late forecasts.</t>
  </si>
  <si>
    <t>CITES Export Permitting System</t>
  </si>
  <si>
    <t>BCEPS</t>
  </si>
  <si>
    <t>This application manages and administers the issuance of export and import permits under the Covention on International Trade for the Endangered  Species</t>
  </si>
  <si>
    <t>ECC-715</t>
  </si>
  <si>
    <t>ECC-714</t>
  </si>
  <si>
    <t>Trend View</t>
  </si>
  <si>
    <t>TRENDVu</t>
  </si>
  <si>
    <t>An application that allows viewing of CLIMATE trend data. Includes the programs 'tv' and 'trend'</t>
  </si>
  <si>
    <t>ECC-716</t>
  </si>
  <si>
    <t>National Radar Information System</t>
  </si>
  <si>
    <t>NRIS</t>
  </si>
  <si>
    <t>System utilized to monitor the status of the radar network in real-time. Reports on network status, outages and other non-conformities</t>
  </si>
  <si>
    <t>ECC-717</t>
  </si>
  <si>
    <t>InfoBase</t>
  </si>
  <si>
    <t>A tool for the National Radar Program to track all parts and components</t>
  </si>
  <si>
    <t>ECC-718</t>
  </si>
  <si>
    <t>National Data Quality Assurance Desk - Action Remedy</t>
  </si>
  <si>
    <t>NDQAD-AR</t>
  </si>
  <si>
    <t>System utilized to ticket data/sensor issues and track responses</t>
  </si>
  <si>
    <t>ECC-719</t>
  </si>
  <si>
    <t>National Data Quality Assurance Desk - Data Visualization Tools</t>
  </si>
  <si>
    <t>NDQAD-DVT</t>
  </si>
  <si>
    <t>Set of tools and applications used to visualize and assess data quality</t>
  </si>
  <si>
    <t>ECC-720</t>
  </si>
  <si>
    <t>Asset Life Cycle Management</t>
  </si>
  <si>
    <t>ALM</t>
  </si>
  <si>
    <t>Used to track status and condition of assets along with their maintenance activities</t>
  </si>
  <si>
    <t>ECC-721</t>
  </si>
  <si>
    <t>Services Techniques</t>
  </si>
  <si>
    <t>SERTEC</t>
  </si>
  <si>
    <t>Legacy custom system that also tracks the status and maintenance of stations for Quebec. A technical services SQLServer database used by weather service inspectors. It contains technical data for all weather stations, such as calibration details and status, maintenance schedule and status, outstanding repairs required, equipment configuration, etc.</t>
  </si>
  <si>
    <t>ECC-722</t>
  </si>
  <si>
    <t>Java Interactive CodeCon</t>
  </si>
  <si>
    <t>JICC</t>
  </si>
  <si>
    <t>Station configuration system for the Surface Weather Network utilized to supress data and identify operational sensors</t>
  </si>
  <si>
    <t>ECC-724</t>
  </si>
  <si>
    <t>Trend Analysis and Load Estimation (Life-Reg)</t>
  </si>
  <si>
    <t>Trend Analysis and L</t>
  </si>
  <si>
    <t>TO PERFORM STATISTICAL ANALYSIS TO DETECT, ESTIMATE TREND AND CHEMICAL LOADINGS IN UPSTREAM DOWNSTREAM WATER SYSTEMS. THE PROGRAM HAS THE CAPABILITY TO HANDLE DATA WHEN SOME VALUES ARE BELOW DETECTION LIMIT(CENSORED).  DESKTOP APPLICATION</t>
  </si>
  <si>
    <t>ECC-725</t>
  </si>
  <si>
    <t>Two-dim. Lake Hydrodynamics and Pollution</t>
  </si>
  <si>
    <t>ONELAY/POLTRA</t>
  </si>
  <si>
    <t>This software package contains two computer application programs, ONELAY and POLTRA, written in FORTRAN, for simulating lake circulations and pollutant transports for a lake. The  ONELAY program is based on a free-surface, vertically integrated lake hydrodynamics model. Its input includes lake shape and bathymetry, time series and locations of river inflows and outflows, wind and spatial averaging  DESKTOP APPLICATION</t>
  </si>
  <si>
    <t>ECC-727</t>
  </si>
  <si>
    <t>Air Quality Forecast Model GEM-MACH</t>
  </si>
  <si>
    <t>GEM-MACH</t>
  </si>
  <si>
    <t>This is an Ai r Quality Forecasting model based upon GEMDM weather forecast model. GEM-MACH stands for Global Environmental Multiscale -Modelling Air quality and Chemistry. This model is run operationally on daily basis to provide  Air Quality forecast to Canadians. This model is also applied for various research projects such as Oil Sands, AQMEII2, Arctic Research, Air Quality Data Assimilation, Hg research etc. Input to this model are meteorological data, physical data sets and Emissions.</t>
  </si>
  <si>
    <t>ECC-728</t>
  </si>
  <si>
    <t>Air Quality Forecast  Model  AURAMS</t>
  </si>
  <si>
    <t>AURAMS</t>
  </si>
  <si>
    <t>This is an   older version of Air Quality model developed before GEM-MACH. AURAMS stands for "A Unifified Regional Atmospheric Modelling System". Input to this model are meteorological data, physical data sets and Emissions.</t>
  </si>
  <si>
    <t>ECC-729</t>
  </si>
  <si>
    <t>Emissions Processing System SMOKE</t>
  </si>
  <si>
    <t>SMOKE</t>
  </si>
  <si>
    <t>Air Quality models need grid based emissons as input.  The SMOKE application (orginal application from US EPA, but modified for Canadian emissions) is used to prepare the emission input files for GEM-MACH and AURAMS. Input to SMOKE is various raw emissions inventories prepared by various agencies in Canada and USA. SMOKE stands for Sparse Matrix Operator Kernel Emissions"</t>
  </si>
  <si>
    <t>Federal Economic Development Agency for Southern Ontario</t>
  </si>
  <si>
    <t>IFMS</t>
  </si>
  <si>
    <t>CMIS</t>
  </si>
  <si>
    <t>Southern Ontario Prosperity Initiatives</t>
  </si>
  <si>
    <t>APP-00887</t>
  </si>
  <si>
    <t>FedDev Ontario Proactive Disclosure: Contracts</t>
  </si>
  <si>
    <t>Contracts Proactive Disclosure application. Pulls data from IFMS and reformats it for population to our public web site. Note - this system is developed and maintained by Industry Canada on our behalf.</t>
  </si>
  <si>
    <t>APP-00889</t>
  </si>
  <si>
    <t>FedDev Ontario Proactive Disclosure: Grants &amp; Contributions</t>
  </si>
  <si>
    <t>Grants &amp; Contributions Proactive Disclosure application. Pulls data from CIMS and reformats it for population to our public web site. Note - this system is developed and maintained by Industry Canada on our behalf.</t>
  </si>
  <si>
    <t>APP-00893</t>
  </si>
  <si>
    <t>Fed Dev Ontario Proactive Disclosure: Travel &amp; Hospitality Expense</t>
  </si>
  <si>
    <t>Travel &amp; Hospitality Proactive Disclosure application. Pulls data from IFMS and reformats it for population to our public web site. Note - this system is developed and maintained by Industry Canada on our behalf.</t>
  </si>
  <si>
    <t>APP-00895</t>
  </si>
  <si>
    <t>Fed Dev Ontario Proactive Disclosure: Reclassification</t>
  </si>
  <si>
    <t>Reclassification Proactive Disclosure application. Pulls data from HRMS and reformats it for population to our public web site. Note - this system is developed and maintained by Industry Canada on our behalf.</t>
  </si>
  <si>
    <t>APP-00897</t>
  </si>
  <si>
    <t>Fed Dev Ontario Grants and Contributions</t>
  </si>
  <si>
    <t>FDOGC</t>
  </si>
  <si>
    <t>Project management system for Grants &amp; Contributions. Utilized to manage information before submission to the CMIS system. NOTE: This system is developed and maintained on our behalf by Industry Canada.</t>
  </si>
  <si>
    <t>APP-00899</t>
  </si>
  <si>
    <t>Fed Dev Ontario G&amp;C PDF Loader</t>
  </si>
  <si>
    <t>Parsing application component. Receives PDF form submissions and extracts data to be utilized in FDOGC before uploading to CMIS. NOTE: This system is developed and maintained by Industry Canada on our behalf.</t>
  </si>
  <si>
    <t>APP-00901</t>
  </si>
  <si>
    <t>FedDev Ontario: Question Period Cards</t>
  </si>
  <si>
    <t>QPCards</t>
  </si>
  <si>
    <t>System to manage and update Question Period Cards. NOTE: This system is developed and maintained on our behalf by Industry Canada.</t>
  </si>
  <si>
    <t>APP-00908</t>
  </si>
  <si>
    <t>BassetPro Material Management System</t>
  </si>
  <si>
    <t>SageData Solutions Inc.</t>
  </si>
  <si>
    <t>BassetPro is a system to help manage an inventory of physical assets. This could be IT equipment, desks and chairs, heritage assets and artwork, safety equipment, archival files, production or test equipment, tools and jigs for maintenance, air conditioning equipment.
The system uses bar coded identification tags to identify assets, locations, and (sometimes) owners. Hand held computers enable data to be collected easily, quickly and accurately. A full featured desk top element of the system enables information to be analysed and reported.</t>
  </si>
  <si>
    <t>BassetPro</t>
  </si>
  <si>
    <t>EPIC</t>
  </si>
  <si>
    <t>APP-00914</t>
  </si>
  <si>
    <t>ATIP Case Management</t>
  </si>
  <si>
    <t>Axcess-1 has been developed to meet the specific Access to Information and Privacy (ATIP) requirements of Canadian federal government departments. It combines an integrated document imaging package with an easy to use case management tool.
Developed on the .Net 2.0 framework, this bilingual solution is fully configurable, allowing users to implement their own unique business processes. With the added functionality of flexible reporting to meet all your standard and ad hoc reporting requirements, Axcess-1 delivers everything you need in an end-to-end ATIP solution.</t>
  </si>
  <si>
    <t>Financial Transactions and Reports Analysis Centre of Canada</t>
  </si>
  <si>
    <t>FINTRAC-1</t>
  </si>
  <si>
    <t>Money Services Business Registry Search</t>
  </si>
  <si>
    <t>MSB - Search</t>
  </si>
  <si>
    <t>Compliance</t>
  </si>
  <si>
    <t>Search tool for looking up MSB registered with FINTRAC</t>
  </si>
  <si>
    <t>FINTRAC-10</t>
  </si>
  <si>
    <t>Defect and Enhancement Management Tool</t>
  </si>
  <si>
    <t>Internal Services - Resource Management Services</t>
  </si>
  <si>
    <t>Atlassian / Jira</t>
  </si>
  <si>
    <t>FINTRAC-100</t>
  </si>
  <si>
    <t>Information technology tool</t>
  </si>
  <si>
    <t>Imprivata</t>
  </si>
  <si>
    <t>Biometric Software</t>
  </si>
  <si>
    <t>FINTRAC-101</t>
  </si>
  <si>
    <t>FINTRAC-102</t>
  </si>
  <si>
    <t>Cardscan -</t>
  </si>
  <si>
    <t>FINTRAC-103</t>
  </si>
  <si>
    <t>FINTRAC-104</t>
  </si>
  <si>
    <t>Reporting tool</t>
  </si>
  <si>
    <t>FINTRAC-105</t>
  </si>
  <si>
    <t>avaya</t>
  </si>
  <si>
    <t>FINTRAC-106</t>
  </si>
  <si>
    <t>Encryption tool</t>
  </si>
  <si>
    <t>safenet token</t>
  </si>
  <si>
    <t>FINTRAC-107</t>
  </si>
  <si>
    <t>mozilla</t>
  </si>
  <si>
    <t>FINTRAC-108</t>
  </si>
  <si>
    <t>facilities tool</t>
  </si>
  <si>
    <t>autocad</t>
  </si>
  <si>
    <t>FINTRAC-109</t>
  </si>
  <si>
    <t>wireshark</t>
  </si>
  <si>
    <t>FINTRAC-11</t>
  </si>
  <si>
    <t>Incident and Problem Management Tool</t>
  </si>
  <si>
    <t>FrontRange / HEAT Service Management</t>
  </si>
  <si>
    <t>FINTRAC-110</t>
  </si>
  <si>
    <t>software development tool</t>
  </si>
  <si>
    <t>re-tos</t>
  </si>
  <si>
    <t>FINTRAC-111</t>
  </si>
  <si>
    <t>hylx</t>
  </si>
  <si>
    <t>FINTRAC-112</t>
  </si>
  <si>
    <t>eclipse</t>
  </si>
  <si>
    <t>FINTRAC-113</t>
  </si>
  <si>
    <t>jenkins</t>
  </si>
  <si>
    <t>FINTRAC-114</t>
  </si>
  <si>
    <t>maven</t>
  </si>
  <si>
    <t>FINTRAC-115</t>
  </si>
  <si>
    <t>nexus</t>
  </si>
  <si>
    <t>FINTRAC-116</t>
  </si>
  <si>
    <t>drupal</t>
  </si>
  <si>
    <t>FINTRAC-117</t>
  </si>
  <si>
    <t>FINTRAC-118</t>
  </si>
  <si>
    <t>FINTRAC-119</t>
  </si>
  <si>
    <t>Project Tracking System</t>
  </si>
  <si>
    <t>PTS</t>
  </si>
  <si>
    <t>FINTRAC-120</t>
  </si>
  <si>
    <t>FINTRAC-121</t>
  </si>
  <si>
    <t>FINTRAC-122</t>
  </si>
  <si>
    <t>FINTRAC-123</t>
  </si>
  <si>
    <t>FINTRAC-124</t>
  </si>
  <si>
    <t>WINSCP</t>
  </si>
  <si>
    <t>FINTRAC-125</t>
  </si>
  <si>
    <t>Forticlient VPN Client</t>
  </si>
  <si>
    <t>FINTRAC-126</t>
  </si>
  <si>
    <t>Oracle 12g client</t>
  </si>
  <si>
    <t>FINTRAC-127</t>
  </si>
  <si>
    <t>External CDN</t>
  </si>
  <si>
    <t>FINTRAC-128</t>
  </si>
  <si>
    <t>Internal CDN</t>
  </si>
  <si>
    <t>FINTRAC-129</t>
  </si>
  <si>
    <t>FINTRAC-13</t>
  </si>
  <si>
    <t>Records and Document Management System</t>
  </si>
  <si>
    <t>RDIMS - corporate</t>
  </si>
  <si>
    <t>Open Text / eDOCS</t>
  </si>
  <si>
    <t>FINTRAC-130</t>
  </si>
  <si>
    <t>CRA-EFT</t>
  </si>
  <si>
    <t>FINTRAC-131</t>
  </si>
  <si>
    <t>Internal JMS</t>
  </si>
  <si>
    <t>FINTRAC-14</t>
  </si>
  <si>
    <t>Reports Disposition</t>
  </si>
  <si>
    <t>FINTRAC-15</t>
  </si>
  <si>
    <t>Requirements Management Tool</t>
  </si>
  <si>
    <t>Contour</t>
  </si>
  <si>
    <t>Jama Software / Jama</t>
  </si>
  <si>
    <t>FINTRAC-16</t>
  </si>
  <si>
    <t>Public VIR Intake</t>
  </si>
  <si>
    <t>Form accessible via the FINTRAC public site that allows members of the public to provide to FINTRAC information about suspicions of money laundering or the financing of terrorist activities.</t>
  </si>
  <si>
    <t>FINTRAC-17</t>
  </si>
  <si>
    <t>Security Management System</t>
  </si>
  <si>
    <t>Internal Services - Governance &amp; Management support</t>
  </si>
  <si>
    <t>Lenel</t>
  </si>
  <si>
    <t>FINTRAC-18</t>
  </si>
  <si>
    <t>Visitor Management System</t>
  </si>
  <si>
    <t>Easy Lobby</t>
  </si>
  <si>
    <t>FINTRAC-19</t>
  </si>
  <si>
    <t>Batch Reporting</t>
  </si>
  <si>
    <t>FINTRAC-2</t>
  </si>
  <si>
    <t>Compliance tool</t>
  </si>
  <si>
    <t>FINTRAC-20</t>
  </si>
  <si>
    <t>Compliance Assessment Report Web</t>
  </si>
  <si>
    <t>FINTRAC-21</t>
  </si>
  <si>
    <t>Compliance Deficiency Tracking Tool</t>
  </si>
  <si>
    <t>FINTRAC-23</t>
  </si>
  <si>
    <t>Compliance Assessment Report Administration</t>
  </si>
  <si>
    <t>FINTRAC-24</t>
  </si>
  <si>
    <t>Contact Management System</t>
  </si>
  <si>
    <t>FINTRAC-25</t>
  </si>
  <si>
    <t>Examinations</t>
  </si>
  <si>
    <t>FINTRAC-26</t>
  </si>
  <si>
    <t>Money Services Businesses Registration Processing System</t>
  </si>
  <si>
    <t>FINTRAC-27</t>
  </si>
  <si>
    <t>Workload Delivery System</t>
  </si>
  <si>
    <t>FINTRAC-28</t>
  </si>
  <si>
    <t>Reports Monitoring</t>
  </si>
  <si>
    <t>FINTRAC-29</t>
  </si>
  <si>
    <t>Review and Appeals</t>
  </si>
  <si>
    <t>FINTRAC-3</t>
  </si>
  <si>
    <t>Asset Management System</t>
  </si>
  <si>
    <t>SageData_Solutions_Inc</t>
  </si>
  <si>
    <t>Internal Services - Asset Management Services</t>
  </si>
  <si>
    <t>FINTRAC-30</t>
  </si>
  <si>
    <t>F2R Reporting</t>
  </si>
  <si>
    <t>FINTRAC-32</t>
  </si>
  <si>
    <t>Secure Money Services Business Registration System</t>
  </si>
  <si>
    <t>FINTRAC-33</t>
  </si>
  <si>
    <t>SecureLane</t>
  </si>
  <si>
    <t>TradeMerit</t>
  </si>
  <si>
    <t>FINTRAC-34</t>
  </si>
  <si>
    <t>FINTRAC-35</t>
  </si>
  <si>
    <t>Simple Query Tool</t>
  </si>
  <si>
    <t>FINTRAC-36</t>
  </si>
  <si>
    <t>Strategic Analytical Query Tool</t>
  </si>
  <si>
    <t>FINTRAC-37</t>
  </si>
  <si>
    <t>ATIP Case Management and Redaction - new</t>
  </si>
  <si>
    <t>Government and Management Support</t>
  </si>
  <si>
    <t>FINTRAC-38</t>
  </si>
  <si>
    <t>Analysis Tool</t>
  </si>
  <si>
    <t>Financial Intelligence</t>
  </si>
  <si>
    <t>FINTRAC-39</t>
  </si>
  <si>
    <t>FINTRAC-40</t>
  </si>
  <si>
    <t>FINTRAC-41</t>
  </si>
  <si>
    <t>FINTRAC-42</t>
  </si>
  <si>
    <t>Strategic Spatial Query Tool</t>
  </si>
  <si>
    <t>FINTRAC-5</t>
  </si>
  <si>
    <t>Financial Management System</t>
  </si>
  <si>
    <t>FINTRAC-53</t>
  </si>
  <si>
    <t>hummingbird</t>
  </si>
  <si>
    <t>FINTRAC-55</t>
  </si>
  <si>
    <t>User Rights Software</t>
  </si>
  <si>
    <t>FINTRAC-56</t>
  </si>
  <si>
    <t>python</t>
  </si>
  <si>
    <t>FINTRAC-57</t>
  </si>
  <si>
    <t>FINTRAC-58</t>
  </si>
  <si>
    <t>dynaTrace AJAX Edition</t>
  </si>
  <si>
    <t>FINTRAC-59</t>
  </si>
  <si>
    <t>Adobe suite of apps</t>
  </si>
  <si>
    <t>FINTRAC-6</t>
  </si>
  <si>
    <t>Performance Building for Human Capital</t>
  </si>
  <si>
    <t>Salary Management System</t>
  </si>
  <si>
    <t>Freebalance / Performance Building for Human Capital</t>
  </si>
  <si>
    <t>FINTRAC-60</t>
  </si>
  <si>
    <t>Spatial data tool</t>
  </si>
  <si>
    <t>ArcGIS Desktop</t>
  </si>
  <si>
    <t>FINTRAC-61</t>
  </si>
  <si>
    <t>Beyond Compare Version</t>
  </si>
  <si>
    <t>FINTRAC-62</t>
  </si>
  <si>
    <t>FINTRAC-63</t>
  </si>
  <si>
    <t>FINTRAC-64</t>
  </si>
  <si>
    <t>SSH</t>
  </si>
  <si>
    <t>FINTRAC-65</t>
  </si>
  <si>
    <t>FINTRAC-66</t>
  </si>
  <si>
    <t>FINTRAC-67</t>
  </si>
  <si>
    <t>Vim</t>
  </si>
  <si>
    <t>FINTRAC-68</t>
  </si>
  <si>
    <t>file transfer tool</t>
  </si>
  <si>
    <t>7Zip</t>
  </si>
  <si>
    <t>FINTRAC-69</t>
  </si>
  <si>
    <t>Snag it</t>
  </si>
  <si>
    <t>FINTRAC-7</t>
  </si>
  <si>
    <t>HR Management Tool</t>
  </si>
  <si>
    <t>HRWARE</t>
  </si>
  <si>
    <t>HRWare - HRWare</t>
  </si>
  <si>
    <t>FINTRAC-70</t>
  </si>
  <si>
    <t>Antidote HD</t>
  </si>
  <si>
    <t>FINTRAC-71</t>
  </si>
  <si>
    <t>CorelDRAW Graphics Suite X4</t>
  </si>
  <si>
    <t>Corel_Corporation</t>
  </si>
  <si>
    <t>FINTRAC-72</t>
  </si>
  <si>
    <t>MiKTeX</t>
  </si>
  <si>
    <t>FINTRAC-73</t>
  </si>
  <si>
    <t>OxMetrics</t>
  </si>
  <si>
    <t>FINTRAC-74</t>
  </si>
  <si>
    <t>SWI-Prolog</t>
  </si>
  <si>
    <t>FINTRAC-75</t>
  </si>
  <si>
    <t>TeXnicCenter</t>
  </si>
  <si>
    <t>FINTRAC-76</t>
  </si>
  <si>
    <t>Tinn-R</t>
  </si>
  <si>
    <t>FINTRAC-77</t>
  </si>
  <si>
    <t>FINTRAC-78</t>
  </si>
  <si>
    <t>analyst tool</t>
  </si>
  <si>
    <t>nero</t>
  </si>
  <si>
    <t>FINTRAC-79</t>
  </si>
  <si>
    <t>Reporting Tool</t>
  </si>
  <si>
    <t>cognos</t>
  </si>
  <si>
    <t>FINTRAC-8</t>
  </si>
  <si>
    <t>ATIP Case Management and Redaction</t>
  </si>
  <si>
    <t>CDSC Enterprise Solutions</t>
  </si>
  <si>
    <t>FINTRAC-81</t>
  </si>
  <si>
    <t>entrust</t>
  </si>
  <si>
    <t>FINTRAC-82</t>
  </si>
  <si>
    <t>chrome</t>
  </si>
  <si>
    <t>FINTRAC-83</t>
  </si>
  <si>
    <t>IE</t>
  </si>
  <si>
    <t>FINTRAC-84</t>
  </si>
  <si>
    <t>collabnet</t>
  </si>
  <si>
    <t>FINTRAC-85</t>
  </si>
  <si>
    <t>baretrail</t>
  </si>
  <si>
    <t>FINTRAC-86</t>
  </si>
  <si>
    <t>cygwin</t>
  </si>
  <si>
    <t>FINTRAC-87</t>
  </si>
  <si>
    <t>gimp</t>
  </si>
  <si>
    <t>FINTRAC-88</t>
  </si>
  <si>
    <t>Security tool</t>
  </si>
  <si>
    <t>McAfee_inc</t>
  </si>
  <si>
    <t>FINTRAC-89</t>
  </si>
  <si>
    <t>FINTRAC-90</t>
  </si>
  <si>
    <t>FINTRAC-91</t>
  </si>
  <si>
    <t>FINTRAC-92</t>
  </si>
  <si>
    <t>filezilla</t>
  </si>
  <si>
    <t>FINTRAC-93</t>
  </si>
  <si>
    <t>FINTRAC-94</t>
  </si>
  <si>
    <t>FINTRAC-95</t>
  </si>
  <si>
    <t>FINTRAC-96</t>
  </si>
  <si>
    <t>FINTRAC-97</t>
  </si>
  <si>
    <t>SQL Management Studio</t>
  </si>
  <si>
    <t>FINTRAC-98</t>
  </si>
  <si>
    <t>Gpg4win</t>
  </si>
  <si>
    <t>FINTRAC-99</t>
  </si>
  <si>
    <t>Enterprise Architect</t>
  </si>
  <si>
    <t>Fisheries and Oceans Canada</t>
  </si>
  <si>
    <t>DFO-1000</t>
  </si>
  <si>
    <t>TransfertChenal</t>
  </si>
  <si>
    <t>TransChenal</t>
  </si>
  <si>
    <t>1.8 Marine Navigation</t>
  </si>
  <si>
    <t>Scipt permettant de transférer des portée de FTP vers Mont-Joli</t>
  </si>
  <si>
    <t>DFO-1002</t>
  </si>
  <si>
    <t>Traverse</t>
  </si>
  <si>
    <t>Licensing and sales tracking for CHS products</t>
  </si>
  <si>
    <t>Kalibur Solutions - Traverse</t>
  </si>
  <si>
    <t>DFO-1005</t>
  </si>
  <si>
    <t>Tides and Water Levels</t>
  </si>
  <si>
    <t>TWL</t>
  </si>
  <si>
    <t>3.8 Ocean Forecasting</t>
  </si>
  <si>
    <t>Historical water level data, station metadata and tidal constituents repository and applications</t>
  </si>
  <si>
    <t>DFO-1007</t>
  </si>
  <si>
    <t>User Registry Management</t>
  </si>
  <si>
    <t>URM</t>
  </si>
  <si>
    <t>Removed: Back-end system tool Manages security roles for users of ISDM JavaEE applications</t>
  </si>
  <si>
    <t>DFO-1008</t>
  </si>
  <si>
    <t>Odin data validator</t>
  </si>
  <si>
    <t>VDO</t>
  </si>
  <si>
    <t>Permet de valider/invalider des données de la BD ODIN</t>
  </si>
  <si>
    <t>DFO-1009</t>
  </si>
  <si>
    <t>ValidSineco</t>
  </si>
  <si>
    <t>Outil de vérification quotidien des capteurs de niveau d'eau des stations SINECO</t>
  </si>
  <si>
    <t>PCSD</t>
  </si>
  <si>
    <t>1.11 Climate Change Adaptation Program</t>
  </si>
  <si>
    <t>DFO-1013</t>
  </si>
  <si>
    <t>Vessel Hail in/out Report System, Licensing Data Portal</t>
  </si>
  <si>
    <t>PacSearch</t>
  </si>
  <si>
    <t>1.1 Integrated Fisheries Resource Management</t>
  </si>
  <si>
    <t>A reporting tool used by the Fisheries Management and C&amp;P to search against licening data, vessel activity and recreational fishing licensing.</t>
  </si>
  <si>
    <t>DFO-1014</t>
  </si>
  <si>
    <t>Vessel Hail-Out Report</t>
  </si>
  <si>
    <t>VHOR</t>
  </si>
  <si>
    <t>Telephone and web based system used to track the hail outs done by harvesters prior to leaving port.  The system is to be taken offline as of of Jan 1 2014.</t>
  </si>
  <si>
    <t>DFO-1015</t>
  </si>
  <si>
    <t>Vessel Monitoring System (VMS)</t>
  </si>
  <si>
    <t>DFO's National VMS system is a satellite based, near real time, positional tracking system. It provides the department with information on a vessel’s location (latitude, longitude), speed and heading at a particular date and time along with the identification of the VMS unit installed on board.  The system is used for tracking fishing vessels as well as DFO and Coast Guard vessels.  Licence conditions in certain fisheries require that fishing vessels carry a VMS unit. VMS can also be used to assist in emergency situations, however, it is not intended to replace existing mandatory safety equipment.</t>
  </si>
  <si>
    <t>2.4 Environmental Response Services</t>
  </si>
  <si>
    <t>Waves</t>
  </si>
  <si>
    <t>DFO-1037</t>
  </si>
  <si>
    <t>WPT - Web Publishing Tool (OWF Integrated Tool)</t>
  </si>
  <si>
    <t>Tool to create, manage and publish web site on the Open Web Framework, including Intranet and Internet. Integrated in Open Web Framework. Support 0.01 FTE.  Total Support Cost Score: 1 (&lt;$20K)</t>
  </si>
  <si>
    <t>DFO-1040</t>
  </si>
  <si>
    <t>DFO and Sentinel Fisheries Survey System</t>
  </si>
  <si>
    <t>SFSS</t>
  </si>
  <si>
    <t>Ensemble d'applications desktop</t>
  </si>
  <si>
    <t>DFO-1041</t>
  </si>
  <si>
    <t>Commercial Catch Sampling System</t>
  </si>
  <si>
    <t>COMSAMP</t>
  </si>
  <si>
    <t>DFO-1053</t>
  </si>
  <si>
    <t>CARIS notebook</t>
  </si>
  <si>
    <t>Field survey tool</t>
  </si>
  <si>
    <t>CARIS Notebook</t>
  </si>
  <si>
    <t>DFO-1054</t>
  </si>
  <si>
    <t>CARIS Spatial Fusion</t>
  </si>
  <si>
    <t>Caris SFE</t>
  </si>
  <si>
    <t>Server software for to display CARIS geospatial products on the web</t>
  </si>
  <si>
    <t>DFO-1056</t>
  </si>
  <si>
    <t>Dkart Image Inspector</t>
  </si>
  <si>
    <t>DKart</t>
  </si>
  <si>
    <t>Chart quality assurance tool</t>
  </si>
  <si>
    <t>Jeppesen dKart</t>
  </si>
  <si>
    <t>DFO-1057</t>
  </si>
  <si>
    <t>Filemaker Pro</t>
  </si>
  <si>
    <t>Outil de base de données ISO pour le SHC</t>
  </si>
  <si>
    <t>FileMaker</t>
  </si>
  <si>
    <t>DFO-1086</t>
  </si>
  <si>
    <t>WS FTP Pro</t>
  </si>
  <si>
    <t>3.7 Hydrographic Products and Services</t>
  </si>
  <si>
    <t>A FTP server for the distripution of scientific datasets to the public</t>
  </si>
  <si>
    <t>Ipswitch WSFTP</t>
  </si>
  <si>
    <t>DFO-1088</t>
  </si>
  <si>
    <t>User Productivity Kit</t>
  </si>
  <si>
    <t>UPK</t>
  </si>
  <si>
    <t>Online Training Tool</t>
  </si>
  <si>
    <t>Oracle - UPK</t>
  </si>
  <si>
    <t>DFO-1089</t>
  </si>
  <si>
    <t>Markview</t>
  </si>
  <si>
    <t>Scanning Software for Accounts Payable</t>
  </si>
  <si>
    <t>Kofax - Markview</t>
  </si>
  <si>
    <t>DFO-1090</t>
  </si>
  <si>
    <t>Kofax Capture</t>
  </si>
  <si>
    <t>Kofax - Capture</t>
  </si>
  <si>
    <t>DFO-1091</t>
  </si>
  <si>
    <t>VDE+ Data Entry System</t>
  </si>
  <si>
    <t>VDE+</t>
  </si>
  <si>
    <t>Data Entry system for Science data</t>
  </si>
  <si>
    <t>Viking Software</t>
  </si>
  <si>
    <t>DFO-1094</t>
  </si>
  <si>
    <t>Data Migration Project</t>
  </si>
  <si>
    <t>DMP</t>
  </si>
  <si>
    <t>Oracle database under construction to move 30+ years of data from flat files to database for all sections of Science Branch</t>
  </si>
  <si>
    <t>DFO-1099</t>
  </si>
  <si>
    <t>Whale Sightings Database</t>
  </si>
  <si>
    <t>WSDB</t>
  </si>
  <si>
    <t>Oracle dataset and related mantainence utilities relating to information on whale sighting events.</t>
  </si>
  <si>
    <t>DFO-1100</t>
  </si>
  <si>
    <t>Aquatic Biotechnology Laboratory Database</t>
  </si>
  <si>
    <t>ABLDB</t>
  </si>
  <si>
    <t>1.6 Biotechnology and Genomics</t>
  </si>
  <si>
    <t>Data entry system used by the Aquatic Biotech Lab for DNA Samples tombstone data.</t>
  </si>
  <si>
    <t>DFO-1101</t>
  </si>
  <si>
    <t>Shipboard Request System Maintenance</t>
  </si>
  <si>
    <t>SBRM</t>
  </si>
  <si>
    <t>for code table maintenance and reports of SHIPRQST database. Related to SBR system</t>
  </si>
  <si>
    <t>DFO-1102</t>
  </si>
  <si>
    <t>Otolith Laboratory Reader</t>
  </si>
  <si>
    <t>Otolith Lab</t>
  </si>
  <si>
    <t>Data entry application used by laboratory staff during reading of salmon otoliths for stock ID mass mark applications</t>
  </si>
  <si>
    <t>DFO-1103</t>
  </si>
  <si>
    <t>Otolith Online Manager</t>
  </si>
  <si>
    <t>Otolith online</t>
  </si>
  <si>
    <t>Web application for review of salmon otolith mass marking application and recovery data.</t>
  </si>
  <si>
    <t>DFO-1104</t>
  </si>
  <si>
    <t>Salmon Escapement Data System</t>
  </si>
  <si>
    <t>nuSEDS</t>
  </si>
  <si>
    <t>Data entry and analysis of Pacific salmon escapement data</t>
  </si>
  <si>
    <t>DFO-1105</t>
  </si>
  <si>
    <t>Fish Aging Data System</t>
  </si>
  <si>
    <t>Data entry and analysis of fish age determination data</t>
  </si>
  <si>
    <t>DFO-1106</t>
  </si>
  <si>
    <t>nuSEDS Extractor</t>
  </si>
  <si>
    <t>Data querying and reporting tool for salmon escapement (nuSEDS) and fish aging (PADS) data (MRP Extractor-based)</t>
  </si>
  <si>
    <t>DFO-1107</t>
  </si>
  <si>
    <t>Mark Recovery Program System</t>
  </si>
  <si>
    <t>MRPSYS</t>
  </si>
  <si>
    <t>DFO-1108</t>
  </si>
  <si>
    <t>Mark Recovery Program Web Services</t>
  </si>
  <si>
    <t>MRPWS</t>
  </si>
  <si>
    <t>A suite of web-based user-centric information interfaces for accessing salmon stock information provided by the MRP System (MRP SYS)</t>
  </si>
  <si>
    <t>DFO-1110</t>
  </si>
  <si>
    <t>Mark Recovery Program Data Entry Interface</t>
  </si>
  <si>
    <t>MRPDE</t>
  </si>
  <si>
    <t>Web-based data collection interfaces and associated database for entry of salmon mark recovery field sampling data and lab results.</t>
  </si>
  <si>
    <t>DFO-1111</t>
  </si>
  <si>
    <t>Mark Recovery Program Archive</t>
  </si>
  <si>
    <t>MRPARCH</t>
  </si>
  <si>
    <t>Storage and indexing of scanned field document images</t>
  </si>
  <si>
    <t>DFO-1121</t>
  </si>
  <si>
    <t>Shellfish Licencing Application</t>
  </si>
  <si>
    <t>SFLA</t>
  </si>
  <si>
    <t>(Networked MS Access) Records commercial shellfish harvest log submissions; provides clearance info to PLS Very stable application and needs very little or no support.  When Pacific Licencing Application gets replaced with some National Licencing App, then there will be a burst of activity getting SFLA to communicate with the new licencing system.</t>
  </si>
  <si>
    <t>DFO-1122</t>
  </si>
  <si>
    <t>Species at Risk Web Mapping</t>
  </si>
  <si>
    <t>2.3 Species at Risk Management</t>
  </si>
  <si>
    <t>screening tool for proponents to determine whether their projects require further review by DFO under the Species at Risk Act</t>
  </si>
  <si>
    <t>GeoCortex by Latitude Geographics</t>
  </si>
  <si>
    <t>DFO-1124</t>
  </si>
  <si>
    <t>Gulf Fisheries Information System (GFIS) - C&amp;P component</t>
  </si>
  <si>
    <t>GFIS - C&amp;P</t>
  </si>
  <si>
    <t>GFIS combines fish catch, effort, quota, and licensing and trip hail information.</t>
  </si>
  <si>
    <t>DFO-1125</t>
  </si>
  <si>
    <t>Gulf Fisheries Information System (GFIS) - LICENSING component</t>
  </si>
  <si>
    <t>GFIS - LIC</t>
  </si>
  <si>
    <t>DFO-1126</t>
  </si>
  <si>
    <t>Gulf Fisheries Information System (GFIS) - QUOTA component</t>
  </si>
  <si>
    <t>GFIS - QUOTA</t>
  </si>
  <si>
    <t>DFO-1127</t>
  </si>
  <si>
    <t>Gulf Fisheries Information System (GFIS) - STATS component</t>
  </si>
  <si>
    <t>GFIS - STATS</t>
  </si>
  <si>
    <t>DFO-1131</t>
  </si>
  <si>
    <t>Common Core*</t>
  </si>
  <si>
    <t>CC</t>
  </si>
  <si>
    <t>3.4 Fleet Operational Readiness</t>
  </si>
  <si>
    <t>Common Core is a web based repository for all common fields in different fleet application</t>
  </si>
  <si>
    <t>DFO-1134</t>
  </si>
  <si>
    <t>Information Systems Inventory</t>
  </si>
  <si>
    <t>ISI</t>
  </si>
  <si>
    <t>DFO-1137</t>
  </si>
  <si>
    <t>My DFO - Fish n Ships</t>
  </si>
  <si>
    <t>MyDFO</t>
  </si>
  <si>
    <t>Web Application presenting Comms information</t>
  </si>
  <si>
    <t>DFO-1140</t>
  </si>
  <si>
    <t>Pathways of Effects</t>
  </si>
  <si>
    <t>DFO-1145</t>
  </si>
  <si>
    <t>Observed Water Levels</t>
  </si>
  <si>
    <t>OWL</t>
  </si>
  <si>
    <t>IIS/Oracle Web application for data access and presentation of real-time observed tidal levels on Pacific Coast. Uses the Xconnect COTS App for collection of realtime water level data from remote sites (Sutron/Xconnect). See also APM ID 234</t>
  </si>
  <si>
    <t>CM</t>
  </si>
  <si>
    <t>DFO-1147</t>
  </si>
  <si>
    <t>CHS Training Database</t>
  </si>
  <si>
    <t>CHS Training</t>
  </si>
  <si>
    <t>DFO-1148</t>
  </si>
  <si>
    <t>CHS Quality Management System</t>
  </si>
  <si>
    <t>CHS QMS</t>
  </si>
  <si>
    <t>Web application for documenting non-conformities, preventative actions, opportunities for improvement in relation to nautical chart production and hydrographic data acquisition; handles work assignment and tracking; supports ISO 9001:2008 certification audits;  hosted by Pacific region but used by all regions. Co-located with Observed Water Levels DB – no additional licence or H/W support costs.  0.07 FTE maintenance.   Support Cost Score: 1 (&lt;$20K)</t>
  </si>
  <si>
    <t>DFO-1154</t>
  </si>
  <si>
    <t>Webleave</t>
  </si>
  <si>
    <t>WebLeave</t>
  </si>
  <si>
    <t>DFO-1155</t>
  </si>
  <si>
    <t>Climat (Module d'analyse des donnee climatologiques d'emplacement)</t>
  </si>
  <si>
    <t>MADCE</t>
  </si>
  <si>
    <t>This is a data collection/modelling tool that is used to determine current/water conditions.</t>
  </si>
  <si>
    <t>DFO-1156</t>
  </si>
  <si>
    <t>Management of fisheries activities - catch and effort</t>
  </si>
  <si>
    <t>MFA-CE</t>
  </si>
  <si>
    <t>L’application GAP est un ensemble de sous-systèmes intégrés, fonctionnel depuis janvier 2000, qui a pour but de gérer les activités de la pêche dans l’environnement ORACLE pour la région du Québec.  L'application GAP inclut les sous-systèmes/modules de gestion et d'émission de permis, la gestion des conditions de permis, l'interface avec le paiement des permis par les banques, la gestion des contingents(Quotas)et des classes de permis, la gestion des bateaux et des locations, la gestion des intervenants (pêcheurs), la gestion des prises et efforts, l'interface avec le système des appels de sorties en mer (hail out), la réception et la gestion des appels en mer (hail in), la gestion des données d'acheteurs et un module de gestion des tables de pilotage(</t>
  </si>
  <si>
    <t>DFO-1157</t>
  </si>
  <si>
    <t>Gap - Gestion des activités de la pêche - Permis</t>
  </si>
  <si>
    <t>GAP-Permis</t>
  </si>
  <si>
    <t>DFO-1158</t>
  </si>
  <si>
    <t>Gap - Gestion des activités de la pêche - Production usine</t>
  </si>
  <si>
    <t>GAP-Achtr</t>
  </si>
  <si>
    <t>DFO-1159</t>
  </si>
  <si>
    <t>Gap - Gestion des activités de la pêche - Donnée des observateurs</t>
  </si>
  <si>
    <t>GAP-PROB</t>
  </si>
  <si>
    <t>DFO-1160</t>
  </si>
  <si>
    <t>Gap - Gestion des activités de la pêche - Gestion</t>
  </si>
  <si>
    <t>GAP-GEST</t>
  </si>
  <si>
    <t>DFO-1161</t>
  </si>
  <si>
    <t>Gap - Gestion des activités de la pêche - Rapports</t>
  </si>
  <si>
    <t>GAP-Rapport</t>
  </si>
  <si>
    <t>DFO-1162</t>
  </si>
  <si>
    <t>Groundfish Survey Entry</t>
  </si>
  <si>
    <t>GSE</t>
  </si>
  <si>
    <t>APM</t>
  </si>
  <si>
    <t>DFO-1166</t>
  </si>
  <si>
    <t>DFO Intranet Search Platform (http://search-recherche.ent.dfo-mpo.ca/)</t>
  </si>
  <si>
    <t>APS-SearchTool</t>
  </si>
  <si>
    <t>APS CMDB</t>
  </si>
  <si>
    <t>Intranet search tool</t>
  </si>
  <si>
    <t>DFO-1168</t>
  </si>
  <si>
    <t>DFO Web Analytics (https://webstats.ent.dfo-mpo.ca)</t>
  </si>
  <si>
    <t>APS-WebAnalytics</t>
  </si>
  <si>
    <t>Intranet/Internet Web Analytics Platform</t>
  </si>
  <si>
    <t>DFO-1171</t>
  </si>
  <si>
    <t>APS-Portal</t>
  </si>
  <si>
    <t>Web-based portal allowing users to access applications deployed in APS web environments. Also enables developers to see deployment history, etc.</t>
  </si>
  <si>
    <t>DFO-1172</t>
  </si>
  <si>
    <t>Suggestions Box</t>
  </si>
  <si>
    <t>Tool to gather feedback and ideas for projects</t>
  </si>
  <si>
    <t>DFO-1173</t>
  </si>
  <si>
    <t>RESSAR</t>
  </si>
  <si>
    <t>3.1 Search and Rescue Services</t>
  </si>
  <si>
    <t>Outil permettant au groupe de Recherche et Sauvetage d'obtenir rapidement toutes les ressources et services disponibles près du site où une intervention de sauvetage est effectuée.</t>
  </si>
  <si>
    <t>DFO-1175</t>
  </si>
  <si>
    <t>Poaching Alerts</t>
  </si>
  <si>
    <t>Poaching</t>
  </si>
  <si>
    <t>2.1 Compliance and Enforcement</t>
  </si>
  <si>
    <t>Formulaire Internet permettant aux citoyens de signaler de possibles actes de braconnage.</t>
  </si>
  <si>
    <t>DFO-1176</t>
  </si>
  <si>
    <t>Network Account Management e-Form</t>
  </si>
  <si>
    <t>NAMEF</t>
  </si>
  <si>
    <t>This item is only used for incident Leave Change Logging uncheck  An intranet form to provide information needed to create, modify, or destroy a DFO computer account. This also allows the creation of a ticket for this request in ASSYST.  The application old name was "ASSYST Accounts Management".</t>
  </si>
  <si>
    <t>DFO-1178</t>
  </si>
  <si>
    <t>eXpenditure Control System</t>
  </si>
  <si>
    <t>XCS</t>
  </si>
  <si>
    <t>MS Access based app for managing Credite Card and other expenditures on CCG Vesserls and boat stations in various regions</t>
  </si>
  <si>
    <t>Human Resources Management Services,Information Technology Services</t>
  </si>
  <si>
    <t>Environmental management support software</t>
  </si>
  <si>
    <t>DFO-1181</t>
  </si>
  <si>
    <t>Chaines de traitement d'images satellites NOAA</t>
  </si>
  <si>
    <t>CTIN</t>
  </si>
  <si>
    <t>Groupe de programmes développés pour interagir avec le COTS (TeraScan).  Part of Remote Sensing/Teledetection system</t>
  </si>
  <si>
    <t>Terascan par Seaspace</t>
  </si>
  <si>
    <t>DFO-1183</t>
  </si>
  <si>
    <t>Système de contrôle de bassins hypoxiques</t>
  </si>
  <si>
    <t>Hypoxie</t>
  </si>
  <si>
    <t>Application essentielle utilisée pour le contrôle des bassins à l'Institut scientifique Maurice Lamontagne Desktop application</t>
  </si>
  <si>
    <t>DFO-1184</t>
  </si>
  <si>
    <t>Monitorage de températures</t>
  </si>
  <si>
    <t>TempLog</t>
  </si>
  <si>
    <t>Application essentielle utilisée pour le contrôle des bassins à l'Institut scientifique Maurice Lamontagne not on the network</t>
  </si>
  <si>
    <t>DFO-1213</t>
  </si>
  <si>
    <t>notSHIPS/Avis à la navigation écrits (Quebec)</t>
  </si>
  <si>
    <t>notSHIPS/AVIS</t>
  </si>
  <si>
    <t>Information Management Services,Real Property Services</t>
  </si>
  <si>
    <t>Service Web qui permet de récupérer les informations sur les avis écrits enregistrés dans le système Ms-Access FRANKLIN utilisé à C&amp;A, Terre-Neuve et Maritimes. Ces informations sont conservées dans une BD Oracle et une application dynamique permets aux navigateurs de rechercher et visualiser les avis vis l'Internet du MPO.</t>
  </si>
  <si>
    <t>DFO-1215</t>
  </si>
  <si>
    <t>Ichthyoplankton Surveys</t>
  </si>
  <si>
    <t>ISE</t>
  </si>
  <si>
    <t>Ichthyoplankton Surveys Entry and validation forms as well as maintenance to an Oracle database backend.</t>
  </si>
  <si>
    <t>DFO-1218</t>
  </si>
  <si>
    <t>Activity Based Budgeting</t>
  </si>
  <si>
    <t>ABB</t>
  </si>
  <si>
    <t>Activity Based Budgetting/Planning tool</t>
  </si>
  <si>
    <t>DFO-1219</t>
  </si>
  <si>
    <t>National Training Tracking Tool</t>
  </si>
  <si>
    <t>NTTT or NT3</t>
  </si>
  <si>
    <t>Tool to track training for CCG Employees</t>
  </si>
  <si>
    <t>DFO-1228</t>
  </si>
  <si>
    <t>NL C&amp;P Variation Order</t>
  </si>
  <si>
    <t>VORS</t>
  </si>
  <si>
    <t>2.2 Fisheries Protection</t>
  </si>
  <si>
    <t>Web Application - Variation Order requests system</t>
  </si>
  <si>
    <t>DFO-1229</t>
  </si>
  <si>
    <t>Application for Buoys</t>
  </si>
  <si>
    <t>BUOYS</t>
  </si>
  <si>
    <t>L'application des bouées est une application desktop qui existe sur le poste d'acquisition des données de bouées à l'Institut Maurice-Lamontagne pour envoyer celles-ci dans une base de données en temps réel.</t>
  </si>
  <si>
    <t>DFO-1230</t>
  </si>
  <si>
    <t>Government of Canada Correspondence Management System</t>
  </si>
  <si>
    <t>GCCMS</t>
  </si>
  <si>
    <t>Tracks correspondance for DFO</t>
  </si>
  <si>
    <t>DFO-1231</t>
  </si>
  <si>
    <t>WS-Carto</t>
  </si>
  <si>
    <t>Services GIS pour accès aux prévisions de courants et glaces des modèles scientifiques MOGSL, STLE et NEMO http://ws.ns-shc.qc.dfo-mpo.gc.ca/ Système de prévisions de Courants et Glace pour le Golfe et l'Estuaire du St-Laurent. Ce système comprend 3 services web, soir un WMS qui produit des images des données, un  WCS qui fournit les données brutes des couches matricielles et un WFS qui fournit le données brutes des images générées. Entretien des applications installées sur le serveur.</t>
  </si>
  <si>
    <t>DFO-1234</t>
  </si>
  <si>
    <t>Central Permanent Water Level Network</t>
  </si>
  <si>
    <t>CENPWLN</t>
  </si>
  <si>
    <t>CENPWLN is the Water level system for Central and Arctic region. It consists of a network of water level monitors, installed in tidal stations, using hardware by Sutron. Hardware is usually a datalogger device. The Central and Arctic regional office in Burlington, Ontario pulls data (via modem and in some cases via IP) from all sites using Sutron Xconnect software installed on 2 computers (see also APM ID # 234) .  At some sites, the Data logger pushes water level data to the WDS system (see APM ID # 915). At some sites, the Data logger pushes water level data to NOAA via satellite. Sutron Xconnect software writes the data to an Oracle database (xcmanager@ svonburxp166.ent.dfo-mpo.ca:1521/cenpwlnp). There is also a pull from this database for Observed</t>
  </si>
  <si>
    <t>DFO-1235</t>
  </si>
  <si>
    <t>ESRI ArcGIS License Server - NCR</t>
  </si>
  <si>
    <t>ArcGIS LS NCR</t>
  </si>
  <si>
    <t>ESRI ArcGIS License Server - Distributes desktop licenses to clients</t>
  </si>
  <si>
    <t>ArcGIS for Server Enterprise A</t>
  </si>
  <si>
    <t>ESRI ArcGIS License Manager</t>
  </si>
  <si>
    <t>DFO-1236</t>
  </si>
  <si>
    <t>ESRI ArcGIS License Server - BIO</t>
  </si>
  <si>
    <t>ArcGIS LS BIO</t>
  </si>
  <si>
    <t>DFO-1237</t>
  </si>
  <si>
    <t>ESRI ArcGIS License Server - C&amp;A</t>
  </si>
  <si>
    <t>ArcGIS LS C&amp;A</t>
  </si>
  <si>
    <t>DFO-1238</t>
  </si>
  <si>
    <t>ESRI ArcGIS License Server - Quebec</t>
  </si>
  <si>
    <t>ArcGIS LS QC</t>
  </si>
  <si>
    <t>DFO-1239</t>
  </si>
  <si>
    <t>ESRI ArcGIS License Server - Pacific</t>
  </si>
  <si>
    <t>ArcGIS LS PAC</t>
  </si>
  <si>
    <t>DFO-1242</t>
  </si>
  <si>
    <t>Archives SHC Québec</t>
  </si>
  <si>
    <t>ArchivesSHC</t>
  </si>
  <si>
    <t>Archives des données du SHC depuis 1989 (rétention infinie)</t>
  </si>
  <si>
    <t>BackupExec + Drobo</t>
  </si>
  <si>
    <t>DFO-1244</t>
  </si>
  <si>
    <t>Canadian Shellfish Sanitation Program</t>
  </si>
  <si>
    <t>CSSP</t>
  </si>
  <si>
    <t>1.5 Aquatic Animal Health</t>
  </si>
  <si>
    <t>GIS app to identify Shellfish openings and closures</t>
  </si>
  <si>
    <t>DFO-1245</t>
  </si>
  <si>
    <t>CHS National Website</t>
  </si>
  <si>
    <t>CHSNATWEB</t>
  </si>
  <si>
    <t>CHS National website. Canadian Hydrographic Service (CHS)’s exceptional nautical charts and navigational products help ensure the safe navigation of Canada’s waterways.</t>
  </si>
  <si>
    <t>DFO-1246</t>
  </si>
  <si>
    <t>ESRI ArcGIS Online</t>
  </si>
  <si>
    <t>ArcGIS Online</t>
  </si>
  <si>
    <t>ESRI licensed Cloud based GIS software</t>
  </si>
  <si>
    <t>Portal for ArcGIS</t>
  </si>
  <si>
    <t>DFO-1247</t>
  </si>
  <si>
    <t>ET GeoWizard</t>
  </si>
  <si>
    <t>GeoWizard</t>
  </si>
  <si>
    <t>ET GeoWizards is a set of powerful functions that will help the ArcGIS users to manipulate data with easy. GIS tools that are an extension of ESRI's ArcGIS Desktop software</t>
  </si>
  <si>
    <t>ET SpatialTechniques - ET GeoWizards</t>
  </si>
  <si>
    <t>DFO-1248</t>
  </si>
  <si>
    <t>Geocortex</t>
  </si>
  <si>
    <t>GIS tools that are an extension of ESRI's ArcGIS Desktop software</t>
  </si>
  <si>
    <t>Latitude Geographics - Geocortex Essentials</t>
  </si>
  <si>
    <t>DFO-1249</t>
  </si>
  <si>
    <t>HPDProjectReleaser</t>
  </si>
  <si>
    <t>Application permettant d'envoyer une mise-à-jour/release d'une carte marine au HQ. [Outil qui permet de changer le statut d'un projet dans HPD]</t>
  </si>
  <si>
    <t>DFO-1250</t>
  </si>
  <si>
    <t>ISDM National Website</t>
  </si>
  <si>
    <t>ISDMNatWeb</t>
  </si>
  <si>
    <t>ISDM National website. Mandate is to manage and archive ocean data collected by DFO, or acquired through national and international programmes conducted in ocean areas adjacent to Canada, and to disseminate data, data products, and services to the marine community in accordance with the policies of the Department.</t>
  </si>
  <si>
    <t>DFO-1251</t>
  </si>
  <si>
    <t>LIMa</t>
  </si>
  <si>
    <t>Application pour faire la gestion des maréomètres (EMS)</t>
  </si>
  <si>
    <t>DFO-1252</t>
  </si>
  <si>
    <t>NaviSailor</t>
  </si>
  <si>
    <t>COTS ECDIS (Electronic Chart Display &amp; Information System) software used by shipping companies and others for chart navigation. Used by CHS for verification and quality assurance of digital chart display on commercial systems.</t>
  </si>
  <si>
    <t>Transas NaviSailor</t>
  </si>
  <si>
    <t>DFO-1253</t>
  </si>
  <si>
    <t>OpenCPN</t>
  </si>
  <si>
    <t>Application for viewing nautical charts for overview and verification purposes. Electronic chart viewer software for looking at BSB-format charts.</t>
  </si>
  <si>
    <t>DFO-1257</t>
  </si>
  <si>
    <t>Spine.NET</t>
  </si>
  <si>
    <t>Permet de voir en temps réel le niveau d'eau sous la coque du bateau de sondage</t>
  </si>
  <si>
    <t>DFO-1258</t>
  </si>
  <si>
    <t>TidePredictionsTools</t>
  </si>
  <si>
    <t>TidePredTools</t>
  </si>
  <si>
    <t>Application de chargement des prédictions de niveaux d'eau</t>
  </si>
  <si>
    <t>DFO-1259</t>
  </si>
  <si>
    <t>xTools Pro</t>
  </si>
  <si>
    <t>xTools</t>
  </si>
  <si>
    <t>XTools Pro is a third party extensions for ArcGIS for Desktop end users providing a lot of various tools and features for working with spatial data and attributes in ArcGIS, vector spatial analysis, shape conversion and table management.</t>
  </si>
  <si>
    <t>XTools, LLC - Xtools Pro</t>
  </si>
  <si>
    <t>DFO-1260</t>
  </si>
  <si>
    <t>Marine Technical Review Board</t>
  </si>
  <si>
    <t>MTRB</t>
  </si>
  <si>
    <t>Application to track TC Board Decision Exemption</t>
  </si>
  <si>
    <t>DFO-1261</t>
  </si>
  <si>
    <t>IBM Control Desk</t>
  </si>
  <si>
    <t>ICD</t>
  </si>
  <si>
    <t>IT asset and service management software</t>
  </si>
  <si>
    <t>DFO-1262</t>
  </si>
  <si>
    <t>Project Management Information System (Capital) - Phase 2 of ABB</t>
  </si>
  <si>
    <t>Application for monitoring and controlling capital projects. New module of CCG Financial portal including ABB</t>
  </si>
  <si>
    <t>DFO-1263</t>
  </si>
  <si>
    <t>Incident Control System</t>
  </si>
  <si>
    <t>ICS</t>
  </si>
  <si>
    <t>Application for effectively reponsing to a potential spill</t>
  </si>
  <si>
    <t>intermedix</t>
  </si>
  <si>
    <t>DFO-1271</t>
  </si>
  <si>
    <t>Pacific Permanent Water Level Network</t>
  </si>
  <si>
    <t>PACPWLN</t>
  </si>
  <si>
    <t>PACPWLN is the Water level system for Pacific region. It consists of a network of water level monitors, installed in Pacific coast tidal stations, using hardware by Sutron. Hardware is usually a datalogger device. The Pacific regional office in Sidney at IOS pulls data (via modem and in some cases via IP) from all sites using Sutron Xconnect software installed on 2 computers (see also APM ID # 234) .  At some sites, the Data logger pushes water level data to the WDS system (see APM ID # 915). At some sites, the Data logger pushes water level data to NOAA via satellite. Sutron Xconnect software writes the data to an Oracle database (xcmanager@vsbciosxp75.ent.dfo-mpo.ca:1521/prod1). There is also a pull from this database for Observed Water Levels on the</t>
  </si>
  <si>
    <t>Xconnect by Sutron</t>
  </si>
  <si>
    <t>DFO-1273</t>
  </si>
  <si>
    <t>ASVPCleaner</t>
  </si>
  <si>
    <t>CHS</t>
  </si>
  <si>
    <t>Permet de nettoyer les données acquises lors de test de vitesse du son dans l'eau</t>
  </si>
  <si>
    <t>DFO-1275</t>
  </si>
  <si>
    <t>National Fisheries Intelligence Service</t>
  </si>
  <si>
    <t>NFIS</t>
  </si>
  <si>
    <t>i2 Base</t>
  </si>
  <si>
    <t>DFO-1276</t>
  </si>
  <si>
    <t>Fisheries Regulations Information System</t>
  </si>
  <si>
    <t>FRIS</t>
  </si>
  <si>
    <t>1.1 Integrated Fisheries Management</t>
  </si>
  <si>
    <t>The FRIS information gets posted to the DFO website and also on the new Fishing BC app that was developed by an external contractor in partnership with the BC Sport Fishing Institute and DFO. http://www.pac.dfo-mpo.gc.ca/fm-gp/rec/index-eng.html http://www.pac.dfo-mpo.gc.ca/fm-gp/rec/index-fra.html</t>
  </si>
  <si>
    <t>DFO-1277</t>
  </si>
  <si>
    <t>DFO Data Catalogue</t>
  </si>
  <si>
    <t>Catalogue</t>
  </si>
  <si>
    <t>The DFO data cataloguing tool is a metadata management tool to manage the departmental inventory of data assets and to support data publication.  This initiative is a collaboration with Environment Canada (EC) and Natural Resources Canada (NRCan).</t>
  </si>
  <si>
    <t>GeoNetwork</t>
  </si>
  <si>
    <t>DFO-1278</t>
  </si>
  <si>
    <t>Atlas de la Division de la protection des pêches</t>
  </si>
  <si>
    <t>ATLAS_DPP</t>
  </si>
  <si>
    <t>Outil cartographique donnant accès aux données sur les espèces et les habitats nécessaires aux opérations de la division de la protection des pêches.</t>
  </si>
  <si>
    <t>DFO-1279</t>
  </si>
  <si>
    <t>Collaborative Agreements Recording System (ARC)</t>
  </si>
  <si>
    <t>ICONTRIBUTE</t>
  </si>
  <si>
    <t>Tool for recording and reporting on Collaborative Agreements (ARC)</t>
  </si>
  <si>
    <t>DFO-1280</t>
  </si>
  <si>
    <t>IT Self-Service Portal (assystNet)</t>
  </si>
  <si>
    <t>IT SELF-SERVICE PORTAL/PORTAIL LIBRE-SERVICE TI</t>
  </si>
  <si>
    <t>This item can only be used to capture incidents ** Leave Change Logging" uncheck"</t>
  </si>
  <si>
    <t>Axios Enterprise</t>
  </si>
  <si>
    <t>DFO-1281</t>
  </si>
  <si>
    <t>RM</t>
  </si>
  <si>
    <t>Paper record Management system</t>
  </si>
  <si>
    <t>Opentext</t>
  </si>
  <si>
    <t>DFO-1282</t>
  </si>
  <si>
    <t>SWI - Single Window Initiative</t>
  </si>
  <si>
    <t>DFO-1283</t>
  </si>
  <si>
    <t>Project and Portfolio Management</t>
  </si>
  <si>
    <t>KINTANA</t>
  </si>
  <si>
    <t>Change Management Application</t>
  </si>
  <si>
    <t>DFO-1284</t>
  </si>
  <si>
    <t>Fusion Reactor</t>
  </si>
  <si>
    <t>FR</t>
  </si>
  <si>
    <t>This software is used to monitor the health of the ColdFusion Application Servers in the Pacific Region.  This software will also be used in the NCR data centre as well in the near future.</t>
  </si>
  <si>
    <t>Application Portfolio Management</t>
  </si>
  <si>
    <t>DFO-1287</t>
  </si>
  <si>
    <t>DFO Mailing Lists</t>
  </si>
  <si>
    <t>APS-LISTS</t>
  </si>
  <si>
    <t>Tool to manage email mailing lists</t>
  </si>
  <si>
    <t>phpList</t>
  </si>
  <si>
    <t>DFO-1289</t>
  </si>
  <si>
    <t>Asset Tracking</t>
  </si>
  <si>
    <t>AT</t>
  </si>
  <si>
    <t>DFO-1291</t>
  </si>
  <si>
    <t>BIO Internet Website</t>
  </si>
  <si>
    <t>BIOINTERWEB</t>
  </si>
  <si>
    <t>DFO-1292</t>
  </si>
  <si>
    <t>Bug Tracking</t>
  </si>
  <si>
    <t>BUG</t>
  </si>
  <si>
    <t>Bug tracking tool for developers</t>
  </si>
  <si>
    <t>The Bug Genie</t>
  </si>
  <si>
    <t>DFO-1293</t>
  </si>
  <si>
    <t>CANRMS</t>
  </si>
  <si>
    <t>DFO-1294</t>
  </si>
  <si>
    <t>Common Data Application</t>
  </si>
  <si>
    <t>CDA-ADC</t>
  </si>
  <si>
    <t>DFO-1296</t>
  </si>
  <si>
    <t>Application Platform Services Configuration Management Database</t>
  </si>
  <si>
    <t>APSCMDB</t>
  </si>
  <si>
    <t>DFO-1298</t>
  </si>
  <si>
    <t>Daisy CMS</t>
  </si>
  <si>
    <t>DAISYCMS</t>
  </si>
  <si>
    <t>Wiki-based content management system</t>
  </si>
  <si>
    <t>DFO-1302</t>
  </si>
  <si>
    <t>Event Calendar</t>
  </si>
  <si>
    <t>DFO-1304</t>
  </si>
  <si>
    <t>EOS PCODES Master</t>
  </si>
  <si>
    <t>EOSPCODES</t>
  </si>
  <si>
    <t>DFO-1305</t>
  </si>
  <si>
    <t>EOS Standards</t>
  </si>
  <si>
    <t>EOSSTD</t>
  </si>
  <si>
    <t>DFO-1306</t>
  </si>
  <si>
    <t>Fisheries Information Management Program Operational Data Store</t>
  </si>
  <si>
    <t>FIMP_ODS</t>
  </si>
  <si>
    <t>Fisheries Management</t>
  </si>
  <si>
    <t>Common Vessel Table populated from 5 regional fishing licensing systems</t>
  </si>
  <si>
    <t>not COTS</t>
  </si>
  <si>
    <t>DFO-1312</t>
  </si>
  <si>
    <t>Integrated Taxonomic Information System</t>
  </si>
  <si>
    <t>DFO-1313</t>
  </si>
  <si>
    <t>In the Loop</t>
  </si>
  <si>
    <t>itl-ac</t>
  </si>
  <si>
    <t>In the Loop is a weekly email newsletter published on the Department’s intranet that keeps employees informed about what’s happening at Fisheries and Oceans Canada and the Canadian Coast Guard</t>
  </si>
  <si>
    <t>DFO-1314</t>
  </si>
  <si>
    <t>Integrated Water Level System</t>
  </si>
  <si>
    <t>DFO-1316</t>
  </si>
  <si>
    <t>Distribution List Membership System</t>
  </si>
  <si>
    <t>LISTEDISTRIB</t>
  </si>
  <si>
    <t>Registration and management utility of email distribution list for Quebec communications Infoceans  publication</t>
  </si>
  <si>
    <t>Windows server 2008 R2</t>
  </si>
  <si>
    <t>DFO-1323</t>
  </si>
  <si>
    <t>NFNWAG</t>
  </si>
  <si>
    <t>DFO-1327</t>
  </si>
  <si>
    <t>Salmon Escapment for GIS mapping</t>
  </si>
  <si>
    <t>NUSEDS_GIS</t>
  </si>
  <si>
    <t>database to relate Pacific salmon escapement data from NUSEDS database to geographic data in order to support mapping using geographic information systems</t>
  </si>
  <si>
    <t>DFO-1329</t>
  </si>
  <si>
    <t>National oceanographic profile database</t>
  </si>
  <si>
    <t>NOPD</t>
  </si>
  <si>
    <t>DFO-1330</t>
  </si>
  <si>
    <t>OpenLM</t>
  </si>
  <si>
    <t>OpenLM License Management software</t>
  </si>
  <si>
    <t>DFO-1334</t>
  </si>
  <si>
    <t>Gulf Science Datasets</t>
  </si>
  <si>
    <t>DFO-1340</t>
  </si>
  <si>
    <t>Aquaculture Activities Regulations</t>
  </si>
  <si>
    <t>AAR</t>
  </si>
  <si>
    <t>DFO-1354</t>
  </si>
  <si>
    <t>Client Portfolio Management Tracking Database</t>
  </si>
  <si>
    <t>CPMDB</t>
  </si>
  <si>
    <t>Information Management Services,Information Technology Services,Management and Oversight Services,Other</t>
  </si>
  <si>
    <t>CPM</t>
  </si>
  <si>
    <t>New Initiative Tracking tool: To assist in tracking new initiatives in a central location and generate reports on an as required basis</t>
  </si>
  <si>
    <t>DFO-1355</t>
  </si>
  <si>
    <t>WS Sentinelles Fixed</t>
  </si>
  <si>
    <t>WsSentinelleFixed</t>
  </si>
  <si>
    <t>Java web service that disseminates data related to the Quebec region fisheries program called Pêche Sentinelles Fixes</t>
  </si>
  <si>
    <t>DFO-1356</t>
  </si>
  <si>
    <t>WS Sentinelle Mobile</t>
  </si>
  <si>
    <t>WsSentinelleMobile</t>
  </si>
  <si>
    <t>Java web service that disseminates data related to the Quebec region fisheries program called Pêche Sentinelles mobile</t>
  </si>
  <si>
    <t>DFO-1357</t>
  </si>
  <si>
    <t>WS Halieutic</t>
  </si>
  <si>
    <t>WsHalieutique</t>
  </si>
  <si>
    <t>.Net web service that disseminates normalized data gathered during the yearly Teleost surveys (annual fish sampling and monitoring program)</t>
  </si>
  <si>
    <t>DFO-1358</t>
  </si>
  <si>
    <t>WS Observations</t>
  </si>
  <si>
    <t>WsObservations</t>
  </si>
  <si>
    <t>2.5 Oceans Management</t>
  </si>
  <si>
    <t>.Net web service that disseminates near real-time data coming from the national oceanographic buoys program as well as annual sampled data coming from thermographs -physical and chemical data</t>
  </si>
  <si>
    <t>DFO-164</t>
  </si>
  <si>
    <t>ABACUS Financial System</t>
  </si>
  <si>
    <t>ABACUS</t>
  </si>
  <si>
    <t>Financial and Materiel Management System, implementation of Oracle Financials Encompasses: Accounts Payables, Accounts Receivables, Fixed Assets, Government Acquisition Cards, General Ledger, Project Accounting, Purchasing.</t>
  </si>
  <si>
    <t>Oracle - R12.1.3</t>
  </si>
  <si>
    <t>DFO-185</t>
  </si>
  <si>
    <t>Building and security management software solution  http://www.sitesecuresoftware.com/</t>
  </si>
  <si>
    <t>Site-Secure</t>
  </si>
  <si>
    <t>DFO-213</t>
  </si>
  <si>
    <t>VHF Digital Select Calling</t>
  </si>
  <si>
    <t>VHF-DSC</t>
  </si>
  <si>
    <t>Very High Frequency (VHF) Digital Selective Calling (DSC) is a standard for sending pre-defined digital messages via very-high-frequency (VHF) maritime radio systems.</t>
  </si>
  <si>
    <t>DFO-234</t>
  </si>
  <si>
    <t>Sutron XConnect</t>
  </si>
  <si>
    <t>XConnect</t>
  </si>
  <si>
    <t>Is the piece of software used by Atlantic, C&amp;A, and Pacific region of CHS(not Quebec), to poll stations and feed their regional water level system. It’s a COTS supplied by the tides stations vendor(Sutron). Mike Sheward supports it in Pacific region, and help CHS-C&amp;A when they have issues. Craig Wright supports it for Atlantic region.</t>
  </si>
  <si>
    <t>Sutron</t>
  </si>
  <si>
    <t>DFO-236</t>
  </si>
  <si>
    <t>Aboriginal Policy and Governance Information System</t>
  </si>
  <si>
    <t>APGIS</t>
  </si>
  <si>
    <t>1.2 Aboriginal Strategies and Governance</t>
  </si>
  <si>
    <t>Manage Contribution Agreements for Aboriginal Programs</t>
  </si>
  <si>
    <t>DFO-239</t>
  </si>
  <si>
    <t>Aquaculture Collaborative Research and Development Program</t>
  </si>
  <si>
    <t>ACRDP</t>
  </si>
  <si>
    <t>1.3 Sustainable Aquaculture Program</t>
  </si>
  <si>
    <t>Project tracking application</t>
  </si>
  <si>
    <t>DFO-240</t>
  </si>
  <si>
    <t>Acronyms Index System</t>
  </si>
  <si>
    <t>Search and management of acronyms.</t>
  </si>
  <si>
    <t>DFO-242</t>
  </si>
  <si>
    <t>Active Fishing Vessel Reports Process</t>
  </si>
  <si>
    <t>ACTIVEFISHING</t>
  </si>
  <si>
    <t>Vessel Hails/Broadcasts daily reports on which fishing vessels in the Pacific fleet are currently carrying out fishing activities. Used largely by C&amp;P</t>
  </si>
  <si>
    <t>DFO-248</t>
  </si>
  <si>
    <t>MFD Ages DB</t>
  </si>
  <si>
    <t>AGEDB</t>
  </si>
  <si>
    <t>Data entry system for data specifically related to ageing materials. PED staff conduct ageing research for stock evaluations on a variety of marine finfish to provide scientific advice for fisheries management. Accurate ageing of fish is essential for effective evaluation of stock status. Age-based fisheries assessment models use the history of fish populations, including the number of fish in each year class, to help predict what will happen to the stocks in the future. This AGEDB system is an Oracle Form 10g Intranet web application running internally on the DFOnet(OZ) from Marbiod11. When the application is launched it connects to the mfd_ages (synonymss to groundfish, mfd_port_samples, observer, vdc_dev) schema in the BANK Oracle database which is</t>
  </si>
  <si>
    <t>DFO-249</t>
  </si>
  <si>
    <t>Aides - Balisage</t>
  </si>
  <si>
    <t>Intranet application to update and monitor buoy tending operations. Also used to display the comlete status of buoy tending operations on Marinfo website.</t>
  </si>
  <si>
    <t>DFO-250</t>
  </si>
  <si>
    <t>AIMS - Aboriginal Information Management System</t>
  </si>
  <si>
    <t>Intranet reporting tool on transfers of licences and vessels related to aboriginal</t>
  </si>
  <si>
    <t>DFO-255</t>
  </si>
  <si>
    <t>Anonymous QA</t>
  </si>
  <si>
    <t>Anon QA</t>
  </si>
  <si>
    <t>Form to create a question/answer that can be submitted anonymously on Intranet. Used by IMTS to gather feedback following important initiatives and meetings.</t>
  </si>
  <si>
    <t>DFO-261</t>
  </si>
  <si>
    <t>Aquaculture Integrated Information System</t>
  </si>
  <si>
    <t>AQUIIS</t>
  </si>
  <si>
    <t>Aquaculture Management system</t>
  </si>
  <si>
    <t>DFO-263</t>
  </si>
  <si>
    <t>Aquatic Invasive Species</t>
  </si>
  <si>
    <t>2.6 Aquatic Invasive Species</t>
  </si>
  <si>
    <t>Track information about aquatic invasive species. Aquatic Invasive Species is a web application used to load and store geo-referenced settings of aquatic invasive species in Canada. The goal of the application is centralize geo-referenced data collected and observed by DFO scientists in the effort to visualize and analyse the growth, spread or reduction of aquatic invasive species in Canada. The application is visible on the Internet at www.meds-sdmm.dfo-mpo.gc.ca/ais. The AIS application requires DFO scientists to obtain an account to load PDF documents, add/edit/delete datasets (individually or by spreadsheet), search, and download data.  There are four different types of users: Administrative user is assigned to designated individuals providing them</t>
  </si>
  <si>
    <t>DFO-265</t>
  </si>
  <si>
    <t>ARCHIBUS Space Management Pilot</t>
  </si>
  <si>
    <t>ARCHIBUS</t>
  </si>
  <si>
    <t>DFO-267</t>
  </si>
  <si>
    <t>ARGO</t>
  </si>
  <si>
    <t>Manage information about ARGO floats - Global oceanographic measurement equipment. http://www.argo.net/ The Argo data system was developed in 1999 as part of Canada contributions to data management component of the international Argo program. The system is used to process data (temperature, salinity, oxygen and etc.) collected by profiling floats deployed by Canadian scientists. The profiling floats collect data down to 2000 meters and transmit data via satellite system each time they surface. After data have been processing at ISDM, they are available freely to general public within 24 hours of the float surface via Internet and Global Telecommunication System (GTS). The Argo data system runs normally every 6 hours and 7 days a week. The goal of the s</t>
  </si>
  <si>
    <t>DFO-273</t>
  </si>
  <si>
    <t>Access Pro Suite</t>
  </si>
  <si>
    <t>DFO-278</t>
  </si>
  <si>
    <t>Atlantic Salmon Diary Database</t>
  </si>
  <si>
    <t>DIARY</t>
  </si>
  <si>
    <t>The Atlantic Salmon Diary database application supports the entry and reporting of fish data for fish caught at various Nova Scotia rivers and pools.</t>
  </si>
  <si>
    <t>DFO-279</t>
  </si>
  <si>
    <t>Atlantic Salmon Enumeration Facilities</t>
  </si>
  <si>
    <t>ASEF</t>
  </si>
  <si>
    <t>The Atlantic Salmon Enumeration Facilities (ASEF) Database is an Access database linked to Oracle Tables containing records relating to counts and morphological characteristics of Atlantic salmon captured and released by assessment technicians at enumeration facilities in the Maritimes Region. The database includes statistics on salmon captured over many years.</t>
  </si>
  <si>
    <t>DFO-280</t>
  </si>
  <si>
    <t>Atlantic Salmon Index Rivers</t>
  </si>
  <si>
    <t>ASIR</t>
  </si>
  <si>
    <t>(http://www.glf.dfo-mpo.gc.ca/Gulf/asir/index) Atlantic salmon returning to some rivers of the Maritime provinces are captured and counted at monitoring facilities. Salmon are captured using various methods. Counts of salmon at barrier fences, counting fences, fishways and at dams usually represent the total run size of fish at that point in the river. Counts at trapnets in estuaries represent partial counts to the river.</t>
  </si>
  <si>
    <t>DFO-281</t>
  </si>
  <si>
    <t>Interactive Atlas of the St. Lawrence gulf</t>
  </si>
  <si>
    <t>IASLG</t>
  </si>
  <si>
    <t>Outil cartographique donnant accès aux données pertinentes pour la gestion intégrée du Golfe du Saint-Laurent.</t>
  </si>
  <si>
    <t>DFO-289</t>
  </si>
  <si>
    <t>Available Water Depth Forecasting (Fraser River)</t>
  </si>
  <si>
    <t>AvaDepth</t>
  </si>
  <si>
    <t>AvaDepth is a computerized Internet reporting system that forecasts available water depths for vessels navigating the Fraser River South Arm Channel.</t>
  </si>
  <si>
    <t>DFO-291</t>
  </si>
  <si>
    <t>Fledermaus Pro</t>
  </si>
  <si>
    <t>Fledermaus</t>
  </si>
  <si>
    <t>Backscatter and multi-beam data processing and QA tool</t>
  </si>
  <si>
    <t>QPS Fledermauas</t>
  </si>
  <si>
    <t>DFO-292</t>
  </si>
  <si>
    <t>FME Professional</t>
  </si>
  <si>
    <t>FME</t>
  </si>
  <si>
    <t>Safe Software - FME Professional</t>
  </si>
  <si>
    <t>DFO-295</t>
  </si>
  <si>
    <t>Axios Assyst Entreprise</t>
  </si>
  <si>
    <t>AssystWEB and assystNET</t>
  </si>
  <si>
    <t>IT Service management toolset (ticketing system and client Web portal)  Integrated IT Service Management (ITSM) toolset (Workflow and Service Management –WSM Tool) This software is an integrated tool based on the IT Infrastructure Library (ITIL) set of best practices and were architected around the critical function of configuration management.  Assyst will store such information as the callers name, office location, sotware/hardware configuration, description of incident, action to resolve, etc.</t>
  </si>
  <si>
    <t>Axios assyst from Axios</t>
  </si>
  <si>
    <t>DFO-303</t>
  </si>
  <si>
    <t>Batch Management Application</t>
  </si>
  <si>
    <t>BATMAN</t>
  </si>
  <si>
    <t>Removed: only 1 concurrent user, therefore not an application per TBS criteria Manages batch jobs for ISDM Manages batch jobs for ISDM. The Batch Management (Batman) application allows the remote scheduling and execution of batch jobs. It is comprised of two components: a client written in Jython, and a server written in Java. The client is run from a user's machine on the DFO network and connects to a Batman server instance running on a separate machine. Batman is typically used for running jobs that  take a long time to execute, have heavy resource requirements, need to run outside of regular working hours, or that need to execute on a specific schedule. Batman is not limited in the types of jobs it can execute, so long as the server has the necessar</t>
  </si>
  <si>
    <t>DFO-308</t>
  </si>
  <si>
    <t>BioChem</t>
  </si>
  <si>
    <t>Biochem</t>
  </si>
  <si>
    <t>(http://www.meds-sdmm.dfo-mpo.gc.ca/BioChem/biochem-eng.htm) Manages a data warehouse of plankton and discrete oceanographic data. BioChem is a web-based application that allows users to query the contents of the BioChem archives, upload and edit data.  The Biochem Archives can be queried over the web by DFO employees, other departments, non-governmental organizations and the general public. Some of the data contained in the BioChem archives is restricted to DFO employees because the data is provided by third parties and arrangements were agreed to. Most of the data in the archives is accessible to the general public. The web application also allows internal DFO data managers to upload and quality control their data into the BioChem archives.  It also</t>
  </si>
  <si>
    <t>DFO-311</t>
  </si>
  <si>
    <t>Blog Tool (OWF Integrated Tool)</t>
  </si>
  <si>
    <t>Blog</t>
  </si>
  <si>
    <t>Communication tool for integration in Intranet web sites, used by CIO and other directors.</t>
  </si>
  <si>
    <t>DFO-312</t>
  </si>
  <si>
    <t>Software for tracking software bugs in ISDM applications</t>
  </si>
  <si>
    <t>Mozilla, Bugzilla</t>
  </si>
  <si>
    <t>DFO-315</t>
  </si>
  <si>
    <t>C&amp;P Inspection Database</t>
  </si>
  <si>
    <t>INSPECTIONS (ID)</t>
  </si>
  <si>
    <t>DFO-316</t>
  </si>
  <si>
    <t>C&amp;P Legacy Pacific Regional Violations and Charges System</t>
  </si>
  <si>
    <t>PRIORS</t>
  </si>
  <si>
    <t>DFO-318</t>
  </si>
  <si>
    <t>Conservation Protection Operational Planning System</t>
  </si>
  <si>
    <t>CPOPS</t>
  </si>
  <si>
    <t>Operational Planning</t>
  </si>
  <si>
    <t>DFO-322</t>
  </si>
  <si>
    <t>C&amp;P Voluntary Fitness Objective Results</t>
  </si>
  <si>
    <t>3.3 Maritime Security</t>
  </si>
  <si>
    <t>Application to allow Fishery Officers to print out certificates of accomplishment and voluntarily enter the time it took them to run C&amp;P fitness activities.</t>
  </si>
  <si>
    <t>DFO-324</t>
  </si>
  <si>
    <t>Calendar Tool (OWF Integrated Tool)</t>
  </si>
  <si>
    <t>Communications Services,Communications Services</t>
  </si>
  <si>
    <t>Communication tool for integration in Intranet and Internet websites to create events list and calendars. Used for communicating Public Consultations on Internet.</t>
  </si>
  <si>
    <t>DFO-334</t>
  </si>
  <si>
    <t>Canadian Fisheries Information Network</t>
  </si>
  <si>
    <t>CFIN - FOR</t>
  </si>
  <si>
    <t>Application for tracking fishing by foreign vessels</t>
  </si>
  <si>
    <t>DFO-335</t>
  </si>
  <si>
    <t>Canadian Groundfish Surveys Database</t>
  </si>
  <si>
    <t>CGSDB</t>
  </si>
  <si>
    <t>The Maritimes Groundfish Surveys is a system designed to support data collection at sea, data validation, database support and data analysis used in support of Stock Assessments. The system is a collection of sub  applications used to generate subsamples for aging, select stratified random tow stations, data entry and validation as well as to facilitate the extraction of data housed in the Oracle Groundfish Survey database.</t>
  </si>
  <si>
    <t>DFO-336</t>
  </si>
  <si>
    <t>Canadian Science Advisory Secretariat</t>
  </si>
  <si>
    <t>CSAS</t>
  </si>
  <si>
    <t>Manage information about scientific DFO events and publications</t>
  </si>
  <si>
    <t>DFO-337</t>
  </si>
  <si>
    <t>Canadian Search and Rescue Planning Program</t>
  </si>
  <si>
    <t>CANSARP</t>
  </si>
  <si>
    <t>The Canadian Search and Rescue Planning program is a critical (in house developed) SAR planning tool in the JRCC and MRSC.  CANSARP combines a search object drift simulation with a SAR planning decision support system.  The most recent version, 5.0, has been developed and maintained in-house by staff at the Canadian Coast Guard College using open source techNo</t>
  </si>
  <si>
    <t>DFO-342</t>
  </si>
  <si>
    <t>Capelin Sampling Program</t>
  </si>
  <si>
    <t>The programs allow entry of biological and capture information into a species specific Access database</t>
  </si>
  <si>
    <t>DFO-344</t>
  </si>
  <si>
    <t>CARIS Bathy DataBase Manager</t>
  </si>
  <si>
    <t>Caris BDB</t>
  </si>
  <si>
    <t>The CARIS Bathy Database server will store bathymetric sounding data collected by PWGSC Geomatic Services.  The server will be used as an information management, sharing, and dissemination tool between PWGSC, Port Metro Vancouver, mariners and CCG.  The server is hosted by a third-party and is external to DFO.                         Mariners and River Pilots use the information to plan their transits safely and efficiently. Port Metro Vancouver uses the information to coordinate and manage their dredging operations in the Fraser River.</t>
  </si>
  <si>
    <t>CARIS Bathy database</t>
  </si>
  <si>
    <t>DFO-347</t>
  </si>
  <si>
    <t>CARIS HIPS and SIPS</t>
  </si>
  <si>
    <t>CARIS HIPS</t>
  </si>
  <si>
    <t>Software suite for collection and QC of multibeam hydrographic data</t>
  </si>
  <si>
    <t>CARIS HIPS/SIPS</t>
  </si>
  <si>
    <t>DFO-350</t>
  </si>
  <si>
    <t>CARIS Hydrographic Production Database</t>
  </si>
  <si>
    <t>CARIS HPD</t>
  </si>
  <si>
    <t>Software suite for the production of nautical charts</t>
  </si>
  <si>
    <t>CARIS Hydrographic Production Database HPD</t>
  </si>
  <si>
    <t>Catch at Age</t>
  </si>
  <si>
    <t>DFO-355</t>
  </si>
  <si>
    <t>Kept and Released Estimation Survey Tool</t>
  </si>
  <si>
    <t>KREST</t>
  </si>
  <si>
    <t>The KREST system manages both raw and estimated catch data Recreational and First Nations Food Social and Ceremonial catch in Pacific Region.</t>
  </si>
  <si>
    <t>DFO-356</t>
  </si>
  <si>
    <t>CATCH</t>
  </si>
  <si>
    <t>Catch at age analysis application as part of the stock assessment process.  Catch at Age is a windows application for computing age statistics as part of a stock assessment process. Age statistics are calculated by combining length frequency and age length key sample data and then applying the resulting age length keys to length frequencies.</t>
  </si>
  <si>
    <t>CSRS</t>
  </si>
  <si>
    <t>DFO-361</t>
  </si>
  <si>
    <t>CCG Five Star Hotel System</t>
  </si>
  <si>
    <t>Five Star Hotel</t>
  </si>
  <si>
    <t>3.6 Canadian Coast Guard College</t>
  </si>
  <si>
    <t>Five Star  is a hotel management application that is used on the DFO network to manage CCG college bookings/resources.</t>
  </si>
  <si>
    <t>Five Star Hotel Systems</t>
  </si>
  <si>
    <t>DFO-362</t>
  </si>
  <si>
    <t>CCG Fleet Data Admin Tool</t>
  </si>
  <si>
    <t>FDAT</t>
  </si>
  <si>
    <t>Intranet application to manage vessel information. Output is sent to both the internet CCG site.</t>
  </si>
  <si>
    <t>DFO-363</t>
  </si>
  <si>
    <t>CCG IRIS</t>
  </si>
  <si>
    <t>Vessel and helicopter messaging system used to brief senior management. This web based tool also identifies and reports on vessels of interest and operations of interest |</t>
  </si>
  <si>
    <t>DFO-365</t>
  </si>
  <si>
    <t>CCG Maritime Fleet Management System</t>
  </si>
  <si>
    <t>MariTime</t>
  </si>
  <si>
    <t>DFO-366</t>
  </si>
  <si>
    <t>CCG notships Application</t>
  </si>
  <si>
    <t>notSHIP</t>
  </si>
  <si>
    <t>3.2 Marine Communications and Traffic Services</t>
  </si>
  <si>
    <t>(http://www.ccg-gcc.gc.ca/eng/CCG/notship) The Canadian Coast Guard (CCG) issues notices to Shipping (notSHIP) to inform mariners about hazards to navigation and to share other important information.</t>
  </si>
  <si>
    <t>DFO-367</t>
  </si>
  <si>
    <t>CCG Technical Data Management System</t>
  </si>
  <si>
    <t>TDMT (aka TDMS)</t>
  </si>
  <si>
    <t>Technical document managenent solution (used for CADKEY diagrams, and detailed electronic schematics) BlueCielo Meridian is a versatile Engineering Content Management solution with a broad range of features, allowing companies in multiple industries to optimize their business processes related to the creation, collaboration and distribution of engineering data.</t>
  </si>
  <si>
    <t>BlueCielo ECM - Meridian Enterprise</t>
  </si>
  <si>
    <t>DFO-370</t>
  </si>
  <si>
    <t>Configuration Change Request (CCR) Admin Tool</t>
  </si>
  <si>
    <t>CCRAT</t>
  </si>
  <si>
    <t>Tool to support the administration of the Configuration Change Request (CCR) process, through which changes to CCG assets are requested, vetted, approved and tracked. http://intra.coast-guard.ca/ITS/tools/CCR</t>
  </si>
  <si>
    <t>CDS</t>
  </si>
  <si>
    <t>DFO-373</t>
  </si>
  <si>
    <t>Change Management Automation Tool</t>
  </si>
  <si>
    <t>CMAT</t>
  </si>
  <si>
    <t>DFO-374</t>
  </si>
  <si>
    <t>CHS Digital Data Portal</t>
  </si>
  <si>
    <t>CSDDP</t>
  </si>
  <si>
    <t>Manage information about CHS Nautical charts and publications</t>
  </si>
  <si>
    <t>DFO-375</t>
  </si>
  <si>
    <t>Chart Server</t>
  </si>
  <si>
    <t>Chartserver</t>
  </si>
  <si>
    <t>The Chart Server system provides Internet-based distributions of map and chart updates for clients with subscriptions to CHS Digital Chart Updates. It also provides CHS clients and business partners with access to CHS digital data and print ready products in various file formats.</t>
  </si>
  <si>
    <t>CARIS ChartServer</t>
  </si>
  <si>
    <t>DFO-378</t>
  </si>
  <si>
    <t>CHSDir2</t>
  </si>
  <si>
    <t>Meta Database for Nautical data and Nautical products, CHSDIRII is a tool for managing hydrographic survey metadata and product metadata for the Canadian Hydrographic Service. It provides CHS the ability to track how and when survey data is incorporated into hydrographic products. It also provides business intelligence information for performance management assets.</t>
  </si>
  <si>
    <t>DFO-382</t>
  </si>
  <si>
    <t>Coastal Time Series Query</t>
  </si>
  <si>
    <t>The Coastal Time Series (CTS) database contains the temperature measurements obtained from long-term temperature monitoring programs. The CTS Query web application allows users to query the data for download and map display.</t>
  </si>
  <si>
    <t>DFO-383</t>
  </si>
  <si>
    <t>Coastal Time Series Maintenance</t>
  </si>
  <si>
    <t>CTSM</t>
  </si>
  <si>
    <t>The Coastal Time Series system was created using Oracle Forms versions 6i and Reports 6i.  It is designed to enable users to update the Coastal Time Series database with temperature data.  The Update Form allows the user to import data into the database, produce an error report for the current data, update the primary database tables, export/import data sets for modification, delete events and corresponding data, and maintain quality flag values.</t>
  </si>
  <si>
    <t>DFO-388</t>
  </si>
  <si>
    <t>Collaborative Agreements Recording System</t>
  </si>
  <si>
    <t>iAgree</t>
  </si>
  <si>
    <t>Tool for recording and reporting on Collaborative Agreements in DFO</t>
  </si>
  <si>
    <t>DFO-393</t>
  </si>
  <si>
    <t>Common Language Management System</t>
  </si>
  <si>
    <t>CLaMS</t>
  </si>
  <si>
    <t>(Mostly used as component in other EFM &amp; Science systems!)  Reference data system. It is a list of standard terminology within the fisheries porftolio)</t>
  </si>
  <si>
    <t>DFO-394</t>
  </si>
  <si>
    <t>Communications Automated Tracking System</t>
  </si>
  <si>
    <t>CATS</t>
  </si>
  <si>
    <t>Communications product tracking system</t>
  </si>
  <si>
    <t>DFO-395</t>
  </si>
  <si>
    <t>Communications Control System</t>
  </si>
  <si>
    <t>Frequentis</t>
  </si>
  <si>
    <t>1.9 Small Craft Harbours</t>
  </si>
  <si>
    <t>DFO-397</t>
  </si>
  <si>
    <t>ArcGIS (ESRI)</t>
  </si>
  <si>
    <t>ESRI's ArcGIS Desktop suite of software</t>
  </si>
  <si>
    <t>DFO-407</t>
  </si>
  <si>
    <t>Compliance Enforcement System</t>
  </si>
  <si>
    <t>CES</t>
  </si>
  <si>
    <t>DFO-408</t>
  </si>
  <si>
    <t>Conference and Foreign Travel System</t>
  </si>
  <si>
    <t>CFTS</t>
  </si>
  <si>
    <t>Has more than 1 concurent user. Manages data about conference and foreign travel for DFO</t>
  </si>
  <si>
    <t>DFO-410</t>
  </si>
  <si>
    <t>Contaminated Sites Management</t>
  </si>
  <si>
    <t>DFO-411</t>
  </si>
  <si>
    <t>Common Operating Picture</t>
  </si>
  <si>
    <t>Common Operating Picture: Enterprise GIS solution that provides geospatial capabilities for CCG. This piece has 3 components, GIS Server, GIS portal, desktop analysis.</t>
  </si>
  <si>
    <t>ESRI ArcGIS</t>
  </si>
  <si>
    <t>DFO-438</t>
  </si>
  <si>
    <t>Crossfire case management (AKA X-Fire, xFire)</t>
  </si>
  <si>
    <t>EKME</t>
  </si>
  <si>
    <t>Agnovi Corp.  Cross-Fire</t>
  </si>
  <si>
    <t>DFO-439</t>
  </si>
  <si>
    <t>Crustacean Research Information System</t>
  </si>
  <si>
    <t>CRIS</t>
  </si>
  <si>
    <t>The Crustacean Research Information System is used for the collection, editing and maintenance of crustacean at sea sampling, lobster tagging and historic offshore logbook data. There are two similar versions, one for the Intranet and one for the Internet with subset of functionality. The internet and intranet applications allow for entering of data, but the intranet version do not allow users to see data entered by others.</t>
  </si>
  <si>
    <t>DFO-444</t>
  </si>
  <si>
    <t>DFO Collaboration Portal (Daisy 2.4)</t>
  </si>
  <si>
    <t>DFO Collaboration Portal</t>
  </si>
  <si>
    <t>Wiki-based collaboration tool</t>
  </si>
  <si>
    <t>DFO-450</t>
  </si>
  <si>
    <t>Departmental Violations System (DVS)</t>
  </si>
  <si>
    <t>DVS</t>
  </si>
  <si>
    <t>DFO-454</t>
  </si>
  <si>
    <t>Application de gestion des marchandises</t>
  </si>
  <si>
    <t>Dépôt 18</t>
  </si>
  <si>
    <t>Gestion des différentes réceptions de marchandises nécessaires aux opérations du MPO, de l’entreposage de ces marchandises, de leurs sorties et aussi de l’inventaire matériel.</t>
  </si>
  <si>
    <t>DFO-456</t>
  </si>
  <si>
    <t>DFO - Forms</t>
  </si>
  <si>
    <t>Website containing DFO approved electronic Forms</t>
  </si>
  <si>
    <t>DFO-458</t>
  </si>
  <si>
    <t>DFO Digital Image Database for Quebec</t>
  </si>
  <si>
    <t>Banque d'images de la Région du Québec.</t>
  </si>
  <si>
    <t>Canto Software/Cumulus</t>
  </si>
  <si>
    <t>DFO-464</t>
  </si>
  <si>
    <t>DMP Reports System</t>
  </si>
  <si>
    <t>DMPR</t>
  </si>
  <si>
    <t>Internal database that displays all landings for the Gulf Region for all fisheries under the Dockside Monitoring Program.  This report’s main purpose is to monitor landing on an individual basis.</t>
  </si>
  <si>
    <t>DFO-465</t>
  </si>
  <si>
    <t>DMP/Call Centre MARFIS access</t>
  </si>
  <si>
    <t>Metaframe/ VPN/ web portal</t>
  </si>
  <si>
    <t>Application to allow DMP and Call centre access to Marfis related data.</t>
  </si>
  <si>
    <t>DFO-468</t>
  </si>
  <si>
    <t>Domoic Acid and Pseudo-nitzschia References</t>
  </si>
  <si>
    <t>DAPR</t>
  </si>
  <si>
    <t>DAPR is a Web-based interface providing access over the Internet to a searchable database of over 1,500 scientific papers covering research on the neurotoxin domoic acid and its production by marine diatoms of the genera Pseudo-nitzschia and Nitzschia. The database is updated as new papers are published. http://www.glf.dfo-mpo.gc.ca/Gulf/DAPR</t>
  </si>
  <si>
    <t>DFO-469</t>
  </si>
  <si>
    <t>Dragage 2.0</t>
  </si>
  <si>
    <t>Ce système permet de transmettre à ABACUS toutes les informations nécessaires à la facturation des travaux de dragage effectués par la GCC. Les informations sur le trafic maritime sont fournies par le système INNAV résidant sur un autre réseau opérationnel. La complexité de ce système se retrouve dans les règles d’affaires émises par l’industrie maritime et la GCC.</t>
  </si>
  <si>
    <t>DFO-472</t>
  </si>
  <si>
    <t>DRIBU</t>
  </si>
  <si>
    <t>DRIBU (DRIfting BUoy) is the real-time processsing of GTS data buoy messages profiles for DBCP and DFO, it is also the delayed-mode processing of buoy products from AOML</t>
  </si>
  <si>
    <t>DFO-475</t>
  </si>
  <si>
    <t>Dynamic Object Oriented Requirements System</t>
  </si>
  <si>
    <t>IBM® Rational® DOORS® is a requirements management application for optimizing requirements communication, collaboration and verification throughout the organization and supply chain tp help  meet business goals by managing project scope and cost.</t>
  </si>
  <si>
    <t>DFO-481</t>
  </si>
  <si>
    <t>Eel and Elver</t>
  </si>
  <si>
    <t>EEL</t>
  </si>
  <si>
    <t>Data Entry system for Eel and Elver data</t>
  </si>
  <si>
    <t>DFO-484</t>
  </si>
  <si>
    <t>EFM Checklist</t>
  </si>
  <si>
    <t>EFMC</t>
  </si>
  <si>
    <t>Provides a means for DFO employees to complete the annual Fishery Checklist and generates reports on -line Nationally.</t>
  </si>
  <si>
    <t>DFO-487</t>
  </si>
  <si>
    <t>Electronic Knowledge Management Environment</t>
  </si>
  <si>
    <t>EDRMS for the department of Fisheries and Oceans</t>
  </si>
  <si>
    <t>DFO-488</t>
  </si>
  <si>
    <t>Electronic Logbook Database</t>
  </si>
  <si>
    <t>ELOG DB</t>
  </si>
  <si>
    <t>The ELOG DB will hold all the catch data collected from actual fishing activities during or immediately following a fishing trip as well as vessel name, vessel registration number, and license number.  Catch, effort, location, and landing information are collected directly at source by the fisher at sea or fishing company and sent via email to DFO in near real time if required. Information collected is directly related to management of fish stocks across Canada and, without this data, Fishery Managers, Conservation and Protection, and Scientists could not meet the obligations to the resources.  This information is critical to conservation (assessment of biomass), Species at Risk (SARA) management, First Nations Food Social and Ceremonial (FSC) requirem</t>
  </si>
  <si>
    <t>DFO-494</t>
  </si>
  <si>
    <t>Employee Directory (OWF Integrated Tool)</t>
  </si>
  <si>
    <t>Employee directory, including employee and user information, integrated in many intranet applications and websites</t>
  </si>
  <si>
    <t>DFO-495</t>
  </si>
  <si>
    <t>Cognos Business Intelligence Version 8</t>
  </si>
  <si>
    <t>Cognos-BI</t>
  </si>
  <si>
    <t>IBM Cognos BI 10</t>
  </si>
  <si>
    <t>DFO-500</t>
  </si>
  <si>
    <t>Salmon Enhancement Planning and Assessment Database</t>
  </si>
  <si>
    <t>EPAD</t>
  </si>
  <si>
    <t>1.4 Salmanoid Enhancement Program</t>
  </si>
  <si>
    <t>Used for planning and assessment of enhanced Pacific salmon production.</t>
  </si>
  <si>
    <t>DFO-501</t>
  </si>
  <si>
    <t>Enhancement Project Database</t>
  </si>
  <si>
    <t>ENPRO</t>
  </si>
  <si>
    <t>The Enhancement Project Database (Enpro) was developed to provide a consistent format for Salmonid Enhancement Program (SEP) hatcheries in Pacific Region to capture data on salmon adult escapement; egg takes; egg incubation; and juvenile rearing, marking and release. In addition to providing a detailed record of hatchery activities for the individual hatcheries, much of the data is summarized and input into the Enhancement Planning and Assessment Database (EPAD) by the SEP Planning and Assessment Unit (SPA). Providing this data is a requirement of a hatchery's Pacific Aquaculture Regulations Licence.</t>
  </si>
  <si>
    <t>DFO-502</t>
  </si>
  <si>
    <t>Enterprise Reporting Solution</t>
  </si>
  <si>
    <t>ERS</t>
  </si>
  <si>
    <t>Reporting tool based on Cognos for many system like iFleet, MariTime, Sipa</t>
  </si>
  <si>
    <t>DFO-510</t>
  </si>
  <si>
    <t>Export Import Reporting System</t>
  </si>
  <si>
    <t>EXIM</t>
  </si>
  <si>
    <t>1.7 International Engagement</t>
  </si>
  <si>
    <t>EXIM is able to produce data on international fisheries trade</t>
  </si>
  <si>
    <t>FAP</t>
  </si>
  <si>
    <t>DFO-515</t>
  </si>
  <si>
    <t>Fast Track Staffing System</t>
  </si>
  <si>
    <t>FTSS</t>
  </si>
  <si>
    <t>System used to track and monitor Fast Track Staffing process</t>
  </si>
  <si>
    <t>DFO-518</t>
  </si>
  <si>
    <t>FIN-Analysis</t>
  </si>
  <si>
    <t>Cognos CUBE based reporting tool used by high-level managers and their senior assistants to analyse and report on information drawn from from PeopleSoft, ABACUS, SMIS.</t>
  </si>
  <si>
    <t>DFO-519</t>
  </si>
  <si>
    <t>Fish Health Audit and Surveillance System</t>
  </si>
  <si>
    <t>FHAS</t>
  </si>
  <si>
    <t>Aquaculture Rish Health Management tool</t>
  </si>
  <si>
    <t>DFO-520</t>
  </si>
  <si>
    <t>Fisheries Certificate System</t>
  </si>
  <si>
    <t>FCS</t>
  </si>
  <si>
    <t>DFO-521</t>
  </si>
  <si>
    <t>Fisheries Enforcement Activity Tracking System (FEATS)</t>
  </si>
  <si>
    <t>FEATS</t>
  </si>
  <si>
    <t>DFO-522</t>
  </si>
  <si>
    <t>Fisheries Management Harvest Information System</t>
  </si>
  <si>
    <t>FHMIS</t>
  </si>
  <si>
    <t>DFO-523</t>
  </si>
  <si>
    <t>Fisheries Operations System</t>
  </si>
  <si>
    <t>FOS</t>
  </si>
  <si>
    <t>Pacific Region Fishery catch &amp; effort and operations management system. FOS consolidates, stores and integrates all of the operational data required to monitor fisheries. FOS integrates with the other main systems PLS and QMS. It is used by RM, C&amp;P, Stock assessment, contractors, general public (via internet reports).</t>
  </si>
  <si>
    <t>DFO-525</t>
  </si>
  <si>
    <t>Fisheries Notification System</t>
  </si>
  <si>
    <t>FNS</t>
  </si>
  <si>
    <t>Provides the the public and industry with notification of fishery openings, closures and ammendments, and public health notices for PSP marine biotoxin closures. All previous notices are available online for public reference.</t>
  </si>
  <si>
    <t>DFO-527</t>
  </si>
  <si>
    <t>Fisheries Officers Information Portal</t>
  </si>
  <si>
    <t>FOIP</t>
  </si>
  <si>
    <t>Tool for Fisheries officers to view licencing information</t>
  </si>
  <si>
    <t>DFO-531</t>
  </si>
  <si>
    <t>Fishery Operating System - Fishery notice Module</t>
  </si>
  <si>
    <t>FOS FNS</t>
  </si>
  <si>
    <t>Allows public to sign up to receive fishery notices by email .  Controls sending and storing Fishery notices. FOS FNS allows a notice to be built, the fishery and areas affected identified and then automatically determines which clients to send notices to via email.</t>
  </si>
  <si>
    <t>DFO-532</t>
  </si>
  <si>
    <t>Fishery Operating System - Groundfish Module</t>
  </si>
  <si>
    <t>FOS GF</t>
  </si>
  <si>
    <t>System handles hails, skipper logs, dmp validation logs, notifications to contractors, video catch audit results. Used by contractors to enter data via interface or by upload through web services, C&amp;P and GMU for information and by Stock assessment for data access for analysis.</t>
  </si>
  <si>
    <t>DFO-533</t>
  </si>
  <si>
    <t>Fishery Operations System - Importer Module</t>
  </si>
  <si>
    <t>FOS Importer</t>
  </si>
  <si>
    <t>DFO-534</t>
  </si>
  <si>
    <t>Fishery Operations System - Salmon Module</t>
  </si>
  <si>
    <t>FOS SM</t>
  </si>
  <si>
    <t>DFO-536</t>
  </si>
  <si>
    <t>Fishery Operating System - Web Services</t>
  </si>
  <si>
    <t>FOS WS</t>
  </si>
  <si>
    <t>Provides access to FOS catch &amp; effort processing. Used by instrustry service providers.</t>
  </si>
  <si>
    <t>DFO-542</t>
  </si>
  <si>
    <t>Forum Tool (OWF Integrated Tool)</t>
  </si>
  <si>
    <t>FT</t>
  </si>
  <si>
    <t>Communication tool (Forum format) for integration in Intranet and Internet websites. Used by Service Desk and other groups to foster discussions on important matters.</t>
  </si>
  <si>
    <t>DFO-543</t>
  </si>
  <si>
    <t>Frequently Asked Question (OWF Integrated Tool)</t>
  </si>
  <si>
    <t>FAQ</t>
  </si>
  <si>
    <t>Communication tool to create FAQ for integration in Intranet and Internet websites</t>
  </si>
  <si>
    <t>DFO-544</t>
  </si>
  <si>
    <t>FS3 - Fleet Safety and Security System</t>
  </si>
  <si>
    <t>FS3</t>
  </si>
  <si>
    <t>Fleet Safety Security Management System: Web based system that manages and tracks incidents, non-conformities, audits, safety manual changes, and hazardous occurrences for compliance to the ISM</t>
  </si>
  <si>
    <t>DFO-549</t>
  </si>
  <si>
    <t>GAP</t>
  </si>
  <si>
    <t>GAP is Québec region management system of fisheries activities The system has various modules - Permit</t>
  </si>
  <si>
    <t>DFO-551</t>
  </si>
  <si>
    <t>Gaspereau Commercial Catch and Effort</t>
  </si>
  <si>
    <t>GaspE</t>
  </si>
  <si>
    <t>DFO-552</t>
  </si>
  <si>
    <t>Maritime Live Genebank Database</t>
  </si>
  <si>
    <t>MLGD</t>
  </si>
  <si>
    <t>Genetic, behavioral and ecological information for implementation of the Live Genebanking program in the Maritimes</t>
  </si>
  <si>
    <t>DFO-558</t>
  </si>
  <si>
    <t>Metadata repository for DFO Science metadata records</t>
  </si>
  <si>
    <t>OSS: geonetwork-opensource.org &amp; sourceforge.net/projects/geonetwork/</t>
  </si>
  <si>
    <t>DFO-559</t>
  </si>
  <si>
    <t>GeoPortal</t>
  </si>
  <si>
    <t>Communications Services,Information Management Services,Other</t>
  </si>
  <si>
    <t>Web Mapping applications for DFO</t>
  </si>
  <si>
    <t>DFO-562</t>
  </si>
  <si>
    <t>Gestion de l'information Fonciere et Territoriale</t>
  </si>
  <si>
    <t>GESTER</t>
  </si>
  <si>
    <t>Land and Territorial info management?</t>
  </si>
  <si>
    <t>DFO-565</t>
  </si>
  <si>
    <t>Gestion des ateliers</t>
  </si>
  <si>
    <t>Ateliers</t>
  </si>
  <si>
    <t>Basé sur le système de gestion des marchandises, ce système a été simplifié pour répondre aux besoins plus simples du magasin des Ateliers de la GCC.  Les fonctions incluses dans ce système permettent de maintenant un inventaire précis du matériel pouvant être prêté et vendu aux différents clients internes au MPO.</t>
  </si>
  <si>
    <t>DFO-566</t>
  </si>
  <si>
    <t>Gestion Temps supplémentaires</t>
  </si>
  <si>
    <t>GestionTS</t>
  </si>
  <si>
    <t>Base de données et interface de gestion du temps supplémentaire, pour le SHC région du Québec</t>
  </si>
  <si>
    <t>DFO-570</t>
  </si>
  <si>
    <t>GPS Pathfinder Office</t>
  </si>
  <si>
    <t>GPS Pathfinder</t>
  </si>
  <si>
    <t>Trimble GPS software</t>
  </si>
  <si>
    <t>Trimble Geospatial - GPS Pathfinder Office</t>
  </si>
  <si>
    <t>DFO-574</t>
  </si>
  <si>
    <t>Groundfish Port Sampling Database</t>
  </si>
  <si>
    <t>GFPSDB</t>
  </si>
  <si>
    <t>DFO-576</t>
  </si>
  <si>
    <t>GFIS</t>
  </si>
  <si>
    <t>DFO-577</t>
  </si>
  <si>
    <t>Habitat Training System</t>
  </si>
  <si>
    <t>HTS</t>
  </si>
  <si>
    <t>DFO-580</t>
  </si>
  <si>
    <t>Hatchery Distribution</t>
  </si>
  <si>
    <t>HATDIST</t>
  </si>
  <si>
    <t>Site and species information on the distribution of hatchery-reared Atlantic salmon and trout in the Maritimes</t>
  </si>
  <si>
    <t>DFO-582</t>
  </si>
  <si>
    <t>HÉLICO - Système de gestion de vol des hélicoptères</t>
  </si>
  <si>
    <t>HÉLICO</t>
  </si>
  <si>
    <t>Financial Management Services,Information Management Services,Materiel Services</t>
  </si>
  <si>
    <t>Gestion des demandes pour l'utilisation d'un hélicoptère</t>
  </si>
  <si>
    <t>DFO-584</t>
  </si>
  <si>
    <t>Harbour Porpoise Application</t>
  </si>
  <si>
    <t>HPA</t>
  </si>
  <si>
    <t>The Harbour Porpoise database application was designed to support the insertion, modification and deletion of By-Catch data collected during the Harbour Porpoise mitigation program.</t>
  </si>
  <si>
    <t>DFO-586</t>
  </si>
  <si>
    <t>HR Classification Forms</t>
  </si>
  <si>
    <t>HRCF</t>
  </si>
  <si>
    <t>DFO-596</t>
  </si>
  <si>
    <t>Ice Drifter System</t>
  </si>
  <si>
    <t>DFO-598</t>
  </si>
  <si>
    <t>Icebreaking Operation Data Information System</t>
  </si>
  <si>
    <t>IODIS</t>
  </si>
  <si>
    <t>Icebreaking Operations Data Information Systems (IODIS) was initial developed in 1989, to capture the detailed activities of the Coast Guard vessels while performing icebreaking and ice-related activities.  IODIS is the Icebreaking Program's primary information collection and analysis tool.</t>
  </si>
  <si>
    <t>DFO-599</t>
  </si>
  <si>
    <t>Icebreaking Services Fee Information System</t>
  </si>
  <si>
    <t>ISFIS</t>
  </si>
  <si>
    <t>Application used to calculate fees and generate fee invoices, which are mailed to Marine Agents representing the owner/ operator/charterer of vessels that use CCG's icebreaking services.</t>
  </si>
  <si>
    <t>DFO-601</t>
  </si>
  <si>
    <t>Ship Information Management</t>
  </si>
  <si>
    <t>iFLEET</t>
  </si>
  <si>
    <t>iFleet (client/server app)replaced the outdated FAIS application and provides facilities for Sailing orders, capturing position information, fuel transactions, service delivery context, and reporting. This application is used as both an operational tool and a business reporting tool. Operation Centres use this tool to issue and acknowledge sailing order and jobs and the planners use this tool as a means of providing feedback to our clients for service delivery</t>
  </si>
  <si>
    <t>DFO-604</t>
  </si>
  <si>
    <t>IMAGEO</t>
  </si>
  <si>
    <t>ImgGeo</t>
  </si>
  <si>
    <t>DFO-607</t>
  </si>
  <si>
    <t>In The Loop Intranet Form</t>
  </si>
  <si>
    <t>ITL</t>
  </si>
  <si>
    <t>DFO-608</t>
  </si>
  <si>
    <t>Industries Survey Database</t>
  </si>
  <si>
    <t>ISDB</t>
  </si>
  <si>
    <t>DFO-610</t>
  </si>
  <si>
    <t>IPI</t>
  </si>
  <si>
    <t>IPI refers to both the underlying Oracle database for Small Craft Harbours and its graphical user interface developed with Oracle Forms.</t>
  </si>
  <si>
    <t>DFO-611</t>
  </si>
  <si>
    <t>Information System on Marine Navigation (OpNet)</t>
  </si>
  <si>
    <t>INNAV</t>
  </si>
  <si>
    <t>DFO-613</t>
  </si>
  <si>
    <t>Intergrated Catch and Effort Reporting System</t>
  </si>
  <si>
    <t>ICERS</t>
  </si>
  <si>
    <t>ICERS is able to produce data on commercial fisheries' catch and effort from DFO's easternmost regions (NL, GULF, MARITIMES, QUEBEC)</t>
  </si>
  <si>
    <t>DFO-615</t>
  </si>
  <si>
    <t>Integrated Response Capacity Management System</t>
  </si>
  <si>
    <t>IRCMS</t>
  </si>
  <si>
    <t>Integrated Response Capacity Management System: In 1994 Environmental response acquired the IRCMS application to provide immediate up-to-date information on the operational status of ER’s pollution countermeasures equipment. The application is COTS (not sure if there is server element or stand alone) and is end of life likely being replaced by Maximo.</t>
  </si>
  <si>
    <t>TMA CMMS (TMA Systems, L.L.C)</t>
  </si>
  <si>
    <t>DFO-619</t>
  </si>
  <si>
    <t>Intelex Software</t>
  </si>
  <si>
    <t>Intelex</t>
  </si>
  <si>
    <t>DFO-620</t>
  </si>
  <si>
    <t>Interactive Voice Response Platform (Voice Enabled Telephony (VET) Project)</t>
  </si>
  <si>
    <t>IVR</t>
  </si>
  <si>
    <t>IVR Hail Out</t>
  </si>
  <si>
    <t>DFO-622</t>
  </si>
  <si>
    <t>Inventaire à bord des navires</t>
  </si>
  <si>
    <t>IBN</t>
  </si>
  <si>
    <t>L’application est installé sur plusieurs navires du GCC dans un environnement ORACLE pour la région du Québec</t>
  </si>
  <si>
    <t>DFO-627</t>
  </si>
  <si>
    <t>iPrivileges</t>
  </si>
  <si>
    <t>iPrivileges is a system that records information about departmental employees’ delegated financial authorities and responsibilities. The information is recorded and saved in the system for user reference as well as for audit purposes to better control all financial aspects of Financial Signing Authority (FSA), Blanket Travel Authority (BTA), Systems etc. The basic information saved in the system for each employee is drawn from other information systems such as Abacus, PeopleSoft and Salary Management Information System (SMIS).</t>
  </si>
  <si>
    <t>DFO-628</t>
  </si>
  <si>
    <t>IQSR - Individual Quota Status Report</t>
  </si>
  <si>
    <t>IQSR</t>
  </si>
  <si>
    <t>Internal web based report used to monitor individual fish harvesters quotas.</t>
  </si>
  <si>
    <t>DFO-630</t>
  </si>
  <si>
    <t>iResolve</t>
  </si>
  <si>
    <t>Issues ticketing/tracking and problem management system.  iResolve tracks all requests for: fixes to problems to financial and administrative systems; system administration (e.g. add users, printer maintenance); all minor changes to financial and administrative systems</t>
  </si>
  <si>
    <t>DFO-632</t>
  </si>
  <si>
    <t>ISDM Request System</t>
  </si>
  <si>
    <t>ISDMRS</t>
  </si>
  <si>
    <t>The Request system (Science Request System) consists in a database and online form allowing users from the internet to contact OSD in order to request data or information; and to track those requests for reporting and statistics</t>
  </si>
  <si>
    <t>DFO-633</t>
  </si>
  <si>
    <t>MediaWiki (ISDM &amp; BSWEOS)</t>
  </si>
  <si>
    <t>Wiki pages for ISDM</t>
  </si>
  <si>
    <t>DFO-635</t>
  </si>
  <si>
    <t>Issues Management and Project Management Application</t>
  </si>
  <si>
    <t>A proprietary issue tracking product, developed by Atlassian, used for bug tracking, issue tracking and project management</t>
  </si>
  <si>
    <t>Atlassian - JIRA</t>
  </si>
  <si>
    <t>DFO-640</t>
  </si>
  <si>
    <t>Kantech EntraPass</t>
  </si>
  <si>
    <t>EntraPass</t>
  </si>
  <si>
    <t>Facilities security system for card-access doors http://www.kantech.com/Products/software_entrapass.aspx</t>
  </si>
  <si>
    <t>Kantech; Entrapass Global Edition</t>
  </si>
  <si>
    <t>DFO-642</t>
  </si>
  <si>
    <t>Kofax Ascent Capture</t>
  </si>
  <si>
    <t>Kofax Capture NL</t>
  </si>
  <si>
    <t>Kofax Ascent Capture is a document imaging software used by the NL Region Statistics Division to convert incoming catch/effort paper documents to electronic TIF files.  The software automates the scanning, validation, verification, quality control and release, allowing efficient, high volume batch processing.  It also assists in delivering key information from the documents to an Oracle database, which is used by various intranet web pages to retrieve the images.  Access to original input documents is key to various DFO activities including quota monitoring, investigations, court cases and data editing.</t>
  </si>
  <si>
    <t>DFO-644</t>
  </si>
  <si>
    <t>Kofax VirtualReScan</t>
  </si>
  <si>
    <t>VRS</t>
  </si>
  <si>
    <t>Kofax Virtual Rescan is an add-on to the Kofax Ascent Capture software that automatically examines documents and applies the correct settings to improve the readability of scanned images.</t>
  </si>
  <si>
    <t>Kofax Virtual Rescan</t>
  </si>
  <si>
    <t>DFO-647</t>
  </si>
  <si>
    <t>LANikom (OpNet)</t>
  </si>
  <si>
    <t>LANikom</t>
  </si>
  <si>
    <t>TCP-Com is a software application that replicates the Environment Canada AMIS weather data feed to MDS/NAVTEX at the MCTS Centres. LANikom is the system that feeds weather information to the Marine Communications and Traffic Services (MCTS) Centres across Canada. The system that will replace LANikom (and its end devices, MDS/NAVTEX, at the MCTS Centres) is in the deployment phase, but the actual end date is not certain yet.</t>
  </si>
  <si>
    <t>LANTRONIX - TCP-Com</t>
  </si>
  <si>
    <t>DFO-648</t>
  </si>
  <si>
    <t>Large Pelagics Data Entry</t>
  </si>
  <si>
    <t>LPE</t>
  </si>
  <si>
    <t>Associated with the Dockside Monitoring program in Barrington Catch, the LPE system is an external facing web application for entering data for individual fish weights/lengths for large pelagic landings not recorded by MARFIS logs. They system is used by external contractors working for the Large Pelagics section at St. Andrews Biological Station. It is used rarely in terms of time but is accessed on a bi-weekly basis.</t>
  </si>
  <si>
    <t>DFO-652</t>
  </si>
  <si>
    <t>Licence Revenue Interface - PLS and TWS revenue components for Finance staff</t>
  </si>
  <si>
    <t>PLS-LRI</t>
  </si>
  <si>
    <t>PLS and NRLS (TWS) web baed revenue tools for Finance staff</t>
  </si>
  <si>
    <t>DFO-654</t>
  </si>
  <si>
    <t>Licensing Conditions Management System</t>
  </si>
  <si>
    <t>LCMS</t>
  </si>
  <si>
    <t>Web-based system used for the management of licence conditions and the issuance of all licensing documents (licences, conditions, at-sea observer letters, etc.)</t>
  </si>
  <si>
    <t>DFO-655</t>
  </si>
  <si>
    <t>Licensing Forms Substitute Operator</t>
  </si>
  <si>
    <t>LIF</t>
  </si>
  <si>
    <t>Web-based system used for the management and issuance of subsitute operator permits. Is this the same as Request for Licensing Transactions? http://www.glf.dfo-mpo.gc.ca/Gulf/Licenses-Delivery/Request-Licensing-Transactions</t>
  </si>
  <si>
    <t>DFO-657</t>
  </si>
  <si>
    <t>Licensing Reports</t>
  </si>
  <si>
    <t>LIR</t>
  </si>
  <si>
    <t>Web-based report used to query participant, licence and vessels data stored in GFIS</t>
  </si>
  <si>
    <t>DFO-659</t>
  </si>
  <si>
    <t>Thermo-Fisher - Nautilus</t>
  </si>
  <si>
    <t>DFO-660</t>
  </si>
  <si>
    <t>Lobster Catch and Length Composition Database</t>
  </si>
  <si>
    <t>LCL</t>
  </si>
  <si>
    <t>Used to assess the stock status of the lobster fishery in the Maritimes Region, data on lobster catch rates and size structure are needed.  The LCL database contains data from dockside samples of the commercial catch lobster catch in LFAs 27-33.  Lobster length and sex are included.  Data on lobster catch rates comes from confidential fishing logs kept voluntarily by a small subset of lobster fishermen.</t>
  </si>
  <si>
    <t>DFO-666</t>
  </si>
  <si>
    <t>MAINTelligence</t>
  </si>
  <si>
    <t>Maintelligence</t>
  </si>
  <si>
    <t>Asset Management and Condition Monitoring System for ‘Large Fleet’ CCG vessels</t>
  </si>
  <si>
    <t>DMSI MainIntelligence</t>
  </si>
  <si>
    <t>DFO-676</t>
  </si>
  <si>
    <t>Marine Finfish Aquaculture Decision Support System</t>
  </si>
  <si>
    <t>MFADSS</t>
  </si>
  <si>
    <t>System includes information to assist with the assessment of proposed and existing aquaculture sites in Nova Scotia and New Brunswick, including the applicant name, exact location of the site, information on the phsyical, chemical and biological characteristics of the site, stocking information (e.g., feeding rates, salmon densities), and environmental assessment results. |</t>
  </si>
  <si>
    <t>DFO-678</t>
  </si>
  <si>
    <t>Marine Pollution Incident Reporting System (MPIRS)</t>
  </si>
  <si>
    <t>MPIRS</t>
  </si>
  <si>
    <t>Legal Services,Management and Oversight Services,Other</t>
  </si>
  <si>
    <t>Application Express (APEX)</t>
  </si>
  <si>
    <t>DFO-679</t>
  </si>
  <si>
    <t>Marine Services Fee - Billing Template</t>
  </si>
  <si>
    <t>iCollect</t>
  </si>
  <si>
    <t>iCollect is basically a replacement for the foreign vessel component of MSFIS, through which agents deal with the internal MSFIS and accessible to them through the web rather than as a standalone application on their desks.</t>
  </si>
  <si>
    <t>DFO-680</t>
  </si>
  <si>
    <t>Marine Services Fee Information System</t>
  </si>
  <si>
    <t>MSFIS</t>
  </si>
  <si>
    <t>Application used to calculate fees and generate fee invoices, which are mailed to owner/ operator/charterer of vessels that use CCG's aids to navigation.</t>
  </si>
  <si>
    <t>DFO-681</t>
  </si>
  <si>
    <t>Marinfo - Site web de la Garde Côtière, région du Québec</t>
  </si>
  <si>
    <t>Marinfo</t>
  </si>
  <si>
    <t>Marinfo est principalement un portail Internet, comprenant des pages dites statiques, et d'autres dites dynamiques.  Les pages dynamiques contiennent de l'information qui varie en fonction de ce que le visiteur demande. C'est le cas notamment des avis à la navigation en vigueur dans un secteur sélectionné par le visiteur.</t>
  </si>
  <si>
    <t>DFO-683</t>
  </si>
  <si>
    <t>Maritime Fishery Information System</t>
  </si>
  <si>
    <t>MARFIS</t>
  </si>
  <si>
    <t>MARFIS supports the monitoring of fishing activity and conduct transactional processes in support of the Maritime regional fish management program for Fisheries and Aquaculture Management (FAM). The system is also used to monitor some quota for other regions fisheries.  Business records are a significant part of MARFIS. The historical data contributes to management decisions with respect to terms and conditions associated with licence issuance.  Licence renewal, business transactions, terms and conditions are determined by a number of factors, of which historical entitlements, quantities, locations and dependence on fishing as part of a fisher’s livelihood, all tracked in MARFIS, are contributors. MARFIS also now interfaces with the National Online Lic</t>
  </si>
  <si>
    <t>DFO-686</t>
  </si>
  <si>
    <t>Mark Recovery Program Extractor</t>
  </si>
  <si>
    <t>MRP Extractor</t>
  </si>
  <si>
    <t>Web-based reporting tool to provide summary or detailed ad-hoc custom query results from specified larger dataset</t>
  </si>
  <si>
    <t>DFO-687</t>
  </si>
  <si>
    <t>MASE - Mactaquac Atlantic Salmon Entry</t>
  </si>
  <si>
    <t>MASE</t>
  </si>
  <si>
    <t>Atlantic salmon biological and site information from the Mactaquac Sorting Facility</t>
  </si>
  <si>
    <t>DFO-691</t>
  </si>
  <si>
    <t>MAXIMO Inventory management system</t>
  </si>
  <si>
    <t>Maximo (MIMS)</t>
  </si>
  <si>
    <t>Asset Management System for shore based systems, ‘Small Fleet’ CCG vessels, and ITS supported electronics equipment (ship and shore)</t>
  </si>
  <si>
    <t>IBM Maximo Asset Management</t>
  </si>
  <si>
    <t>DFO-692</t>
  </si>
  <si>
    <t>MDS/NAVTEX</t>
  </si>
  <si>
    <t>Message Data System and automatic message broadcasting system (MDS/NAVTEX). NAVTEX is an internationally coordinated narrow band direct printing broadcast. NAVTEX is an international service for the broadcast and automatic reception of marine safety information (MSI) by means of narrow band direct-printing using MF frequencies. The NAVTEX System has the ability to compile, edit, schedule and automatically transmit NAVTEX messages</t>
  </si>
  <si>
    <t>DFO-694</t>
  </si>
  <si>
    <t>Media Room Admin Tool</t>
  </si>
  <si>
    <t>MRA</t>
  </si>
  <si>
    <t>Publication of news releases on Internet</t>
  </si>
  <si>
    <t>DFO-699</t>
  </si>
  <si>
    <t>Message Board (OWF Integrated Tool)</t>
  </si>
  <si>
    <t>MBT</t>
  </si>
  <si>
    <t>Communication tool for Intranet to post announcement and news</t>
  </si>
  <si>
    <t>DFO-711</t>
  </si>
  <si>
    <t>MRS - Management Reporting System</t>
  </si>
  <si>
    <t>MRS is a database containing all relevant financial and materiel information for reporting purposes. It received financial/materiel information from ABACUS, HR information from PeopleSoft, and salary information from SMIS.  MRS is used to produce three different categories of reports:  1. Finance and Materiel reports generated automatically from a menu selection or with the ability to filter on the data prior to generating a report.  2. HR reports with the ability to filter on the data prior to generating a report.  3. DACS reports with the ability to filter on the data prior to generating a report.</t>
  </si>
  <si>
    <t>DFO-712</t>
  </si>
  <si>
    <t>MRS - Management WEB Reporting System</t>
  </si>
  <si>
    <t>MRS WEB Reports</t>
  </si>
  <si>
    <t>Web interface for MRS</t>
  </si>
  <si>
    <t>DFO-714</t>
  </si>
  <si>
    <t>MRS Impromptu</t>
  </si>
  <si>
    <t>Impromptu is a reporting tool used to retrieve data from the MRS Database. Impromptu reports do not save data, they save the report structure.</t>
  </si>
  <si>
    <t>Impromptu</t>
  </si>
  <si>
    <t>DFO-718</t>
  </si>
  <si>
    <t>Multi-year Financial Planning System (iMYFPS)</t>
  </si>
  <si>
    <t>iMYFPS</t>
  </si>
  <si>
    <t>Cognos CUBE based reporting tool used by high-level managers and their senior assistants for multi-year financial planning based on information drawn from from PeopleSoft, ABACUS, SMIS.</t>
  </si>
  <si>
    <t>DFO-720</t>
  </si>
  <si>
    <t>Removed: System/platform software Système de surveillance des systèmes informatiques du SHC région du Québec</t>
  </si>
  <si>
    <t>Nagios (logiciel libre)</t>
  </si>
  <si>
    <t>DFO-721</t>
  </si>
  <si>
    <t>Nakisa - Organizational Management Web Applications</t>
  </si>
  <si>
    <t>NAKISAOMWA</t>
  </si>
  <si>
    <t>Human Resources Management Services,Information Management Services,Management and Oversight Services</t>
  </si>
  <si>
    <t>Web-deployed COTS application that provides a detailed view of the current organisational structure.</t>
  </si>
  <si>
    <t>DFO-722</t>
  </si>
  <si>
    <t>National Archive of Wave Data (Waves)</t>
  </si>
  <si>
    <t>National database repository for ocean wave data</t>
  </si>
  <si>
    <t>DFO-724</t>
  </si>
  <si>
    <t>National Electronic Access Solution</t>
  </si>
  <si>
    <t>eACCESS</t>
  </si>
  <si>
    <t>SAML-based Single Sign On solution (authentication) The National Electronic Access Solution (eAccess) is a recent implementation of a Federated Identification Management framework (FIM). The use of FIM is an important service in order for DFO to provide an online self-serve channel. Also FIM provides/ will provide DFO clients with a single, secure, and web-based access application to: • Conduct e-transactions (licensing, payments, quota transfers, vessel transfers, etc.) during or after normal business hours • Access information or generate reports on the client’s own fishing activities • Access other information (licensing, conditions, and variation and prohibition orders The use of FIM is critical as it allows users to employ the same user name, pass</t>
  </si>
  <si>
    <t>DFO-725</t>
  </si>
  <si>
    <t>National Environmental Compliance Assurance Program</t>
  </si>
  <si>
    <t>DFO-729</t>
  </si>
  <si>
    <t>National Online Licensing System</t>
  </si>
  <si>
    <t>NOLS</t>
  </si>
  <si>
    <t>This is a national web-based system that applies to holders of commercial &amp; recreational fishing licences managed by Fisheries and Oceans Canada. The system allows external users to view holdings, pay fees using GoC RGBB, to view and print licences and other fishing documents, and to submit licensing-related requests to DFO for action. An internal Smart Client Windows application allows DFO staff members  to view and action tasks and fisher requests. External interfaces include:  - GCKey &amp; eAccess for authentication - Goc RGBB for payment of fees - processing of bank payment files for fees paid at banking institutions, - links to 6 regional systems that allows the passing of fees owing &amp; completed licensing document to NOLS - passing paid fees from NOL</t>
  </si>
  <si>
    <t>DFO-730</t>
  </si>
  <si>
    <t>National Recreational Licensing System</t>
  </si>
  <si>
    <t>NRLS</t>
  </si>
  <si>
    <t>A public facing licensing system which allows sport fishermen to buy recreational fishing licenses on the internet. This portion of the system is the public internet site where people can buy a license. It includes a link to an online credit card processing company called Chase Paymentech (e-xact).</t>
  </si>
  <si>
    <t>DFO-731</t>
  </si>
  <si>
    <t>National Recreational Licensing System DFO Administrative Application</t>
  </si>
  <si>
    <t>NRLS-ADMIN</t>
  </si>
  <si>
    <t>An internal administration system for the National Recreational Licensing System (NRLS) which allows the Pacific Licensing Unit's licensing staff to view and generate reports on the NRLS data, and to manage sport fishermen user records.</t>
  </si>
  <si>
    <t>DFO-733</t>
  </si>
  <si>
    <t>National Special Licensing Issurance System</t>
  </si>
  <si>
    <t>NSLIS</t>
  </si>
  <si>
    <t>Provides functionality to handle the issuance of Section 52 licences and acts as a central repository for all Pacific region S52 licences to allow for ease of reporting given recent Larocque and APPFA court decisions.</t>
  </si>
  <si>
    <t>DFO-737</t>
  </si>
  <si>
    <t>NCR HR Staffing Fast Track Forms</t>
  </si>
  <si>
    <t>FTForms</t>
  </si>
  <si>
    <t>DFO-740</t>
  </si>
  <si>
    <t>Newfoundland &amp; Labrador Fisheries Information Network</t>
  </si>
  <si>
    <t>NLFIN</t>
  </si>
  <si>
    <t>This bank describes information collected to track licences issued to commercial fish harvesters and fishing vessels. The personal information may include full name, address, telephone number, date of birth, homeport, fishing status, fees paid, financial information, vessel name, vessel specifications, species licence entitlements, individual quotas, actual catch figures and other DFO identification numbers, as well as a listing of all gear identification (trap tags or net labels) or species harvest control devices (such as tuna tags) issued.</t>
  </si>
  <si>
    <t>DFO-741</t>
  </si>
  <si>
    <t>NL Catch and Effort</t>
  </si>
  <si>
    <t>NLCE</t>
  </si>
  <si>
    <t>The Newfoundland Region Catch and Effort system (NLCE) provides detailed information on landings and fishing activity in the region which is essential to the scientific research, stock assessment, quota monitoring, enforcement, licensing, policy analysis, and statistics functions of the DFO.</t>
  </si>
  <si>
    <t>DFO-744</t>
  </si>
  <si>
    <t>NL In-Season River Status Tool</t>
  </si>
  <si>
    <t>ISRS</t>
  </si>
  <si>
    <t>Intranet application with output on Internet. To provide users with the status of rivers during the angling season i.e. open, closed, partially closed. (application)</t>
  </si>
  <si>
    <t>DFO-745</t>
  </si>
  <si>
    <t>NL Salmon Form</t>
  </si>
  <si>
    <t>NLSF</t>
  </si>
  <si>
    <t>DFO-756</t>
  </si>
  <si>
    <t>Software to track CHS licensing and intelectual property</t>
  </si>
  <si>
    <t>Future Path Development Group Inc. - Nucleus</t>
  </si>
  <si>
    <t>DFO-758</t>
  </si>
  <si>
    <t>Observations Temps réel</t>
  </si>
  <si>
    <t>ObsTR</t>
  </si>
  <si>
    <t>Outil de visualisation des observatiNo</t>
  </si>
  <si>
    <t>DFO-763</t>
  </si>
  <si>
    <t>Ocean Climate Database</t>
  </si>
  <si>
    <t>OCDM</t>
  </si>
  <si>
    <t>The Ocean Climate system was created using Oracle Forms versions 6i and Reports 6i.  It is designed to enable users to update the Ocean Climate database with temperature, salinity and density data.  The Update Form allows the user to import data into the database, produce an error report for the current data, update the primary database tables, export/import data sets for modification, delete events and corresponding data, and maintain quality flag values.</t>
  </si>
  <si>
    <t>DFO-764</t>
  </si>
  <si>
    <t>OCEAN</t>
  </si>
  <si>
    <t>Oceans is the real-time processsing of global temperature-salinity (GTS) ocean profiles for Global Temperature-Salinity Profile Project ( GTSPP) and DFO, it is also the delayed-mode processing of ocean profiles (XBT, CTD, bottle data, etc) from DFO and of other provenance if collected in the Canadian waters. </t>
  </si>
  <si>
    <t>DFO-765</t>
  </si>
  <si>
    <t>Ocean Climate database query</t>
  </si>
  <si>
    <t>OCD</t>
  </si>
  <si>
    <t>The Ocean Climate Database system houses binned temperature, depth, and salinity data for the North West Atlantic. The Ocean Climate query application is a web interface that allows the users to submit queries against the database. The query is placed in a queue which is processed by a back-end application called ‘Query Agent’. The resulting data is placed on the FTP server and the FTP link is sent to the user via email.</t>
  </si>
  <si>
    <t>DFO-767</t>
  </si>
  <si>
    <t>Ocean Color Database System Query</t>
  </si>
  <si>
    <t>OCDB</t>
  </si>
  <si>
    <t>The Ocean Color Database consists of satelite measurement of chlorophyll data for Northwest Atlantic. The Ocean Color query application is a web interface that allows the users to submit queries against the database. The query is placed in a queue which is processed by a back-end application called ‘Query Agent’. The resulting data is placed on the FTP server and the FTP link is sent to the user via email.</t>
  </si>
  <si>
    <t>DFO-768</t>
  </si>
  <si>
    <t>Ocean Color Database System Update</t>
  </si>
  <si>
    <t>OCDBM</t>
  </si>
  <si>
    <t>This system was developed using Oracle Forms versions 6i and Reports 6i.  It facilitate the loading of the remote sensing chlorophyll data obtained from NASA(collected by SeaWiFS sensors on satellties) into the Ocean Colour Database, an Oracle backend  The data loaded are a subset of NASA's global dataset for the North West Atlantic. SQL loader is used to load the data into a temporary table. This GUI app allows the system maintainer to apply the identtification of the datasource(satellite type), perform basic quality assurance and move the data into production table.</t>
  </si>
  <si>
    <t>DFO-769</t>
  </si>
  <si>
    <t>Ocean Data Inventory Database Query</t>
  </si>
  <si>
    <t>ODI</t>
  </si>
  <si>
    <t>The Ocean Data Inventory (ODI) database contains the inventory of the oceanographic time series data held by the Branch.   The ODI query system is a web interface that allows the users to query the data temporally and geographically in order to determine what data files to request for further analysis.  This is available on the internet to the public.</t>
  </si>
  <si>
    <t>DFO-770</t>
  </si>
  <si>
    <t>Ocean Data Inventory</t>
  </si>
  <si>
    <t>ODIM</t>
  </si>
  <si>
    <t>The Ocean Data Inventory Database Update is a multi-form, stand-alone application that was created using Oracle Forms versions 6i and Reports 6i.  The system is used to import raw data into the database, produce error reports, update the database, import/export data sets for future editing, delete events and maintain quality flag values.</t>
  </si>
  <si>
    <t>DFO-779</t>
  </si>
  <si>
    <t>Oceans Coral Sponge Intranet Web Atlas</t>
  </si>
  <si>
    <t>OCSIWA</t>
  </si>
  <si>
    <t>National Atlas Coral and Sponge Distribution</t>
  </si>
  <si>
    <t>DFO-785</t>
  </si>
  <si>
    <t>ODIN (SINECO)</t>
  </si>
  <si>
    <t>ODIN</t>
  </si>
  <si>
    <t>Vintage, but mission critical system used by CHS-Quebec to acquire, manage and broadcast water level observation to external and internal clients.</t>
  </si>
  <si>
    <t>DFO-787</t>
  </si>
  <si>
    <t>Offshore Clam Archival and Code Table Maintenance Database</t>
  </si>
  <si>
    <t>CLAM</t>
  </si>
  <si>
    <t>DFO-788</t>
  </si>
  <si>
    <t>Offshore Scallop Surveys</t>
  </si>
  <si>
    <t>OSS</t>
  </si>
  <si>
    <t>The Offshore Scallop Surveys is a data entry system and Oracle database for the storage and retrieval of field data collected during annual dredge surveys of the major offshore scallop grounds off Nova Scotia.  These data provide the main source of information on the abundance, biomass, growth, size composition, and spatial distribution of sea scallops used for stock assessements to provide scientific advice to fisheries managers and the fishing industry on fishing plans.</t>
  </si>
  <si>
    <t>DFO-789</t>
  </si>
  <si>
    <t>OHEB Spatial Information Infrastructure</t>
  </si>
  <si>
    <t>SII-1  MAPSTER</t>
  </si>
  <si>
    <t>Provide GIS to support DFO Science http://geoportal.gc.ca/eng/Gallery/ApplicationProfile/2  The purpose of MAPSTER is to provide simple access to fish and fish habitat map information for a widely dispersed and diverse group of users. Users include DFO staff, NGO's, Industry, First Nations, consultants and the general public. Over 700 fish and fish habitat layers covering British Columbia, the Yukon Territory, and the Canadian pacific offshore area can currently be displayed and queried through MAPSTER's interactive map interface.</t>
  </si>
  <si>
    <t>DFO-790</t>
  </si>
  <si>
    <t>Open Web Framework Hub (OWF Integrated Tool)</t>
  </si>
  <si>
    <t>Hub</t>
  </si>
  <si>
    <t>Main component to generate applications, sites and pages for Internet and Intranet.</t>
  </si>
  <si>
    <t>DFO-797</t>
  </si>
  <si>
    <t>Orders Management System (OMS)</t>
  </si>
  <si>
    <t>OMS</t>
  </si>
  <si>
    <t>Web-based system used for the management and issuance of variation and prohibition orders</t>
  </si>
  <si>
    <t>DFO-800</t>
  </si>
  <si>
    <t>OSUM - Ocean Science User Update(OSCI)</t>
  </si>
  <si>
    <t>OSUM</t>
  </si>
  <si>
    <t>This is an Oracle 6i Forms application used to manage user accounts created for various internet query applications which provide access to physical oceanographic data to end users.  These applications include Ocean Data Inventory (ODI), Sea Surface Temperature (SST), Ocean Colour Database (OCDB), Ocean Climate (OCD), and Coastal Time Series (CTS).</t>
  </si>
  <si>
    <t>DFO-802</t>
  </si>
  <si>
    <t>Otolith Inventory (OTOINV) at Saint Andrews Biological Station (SABS)</t>
  </si>
  <si>
    <t>OTOINV</t>
  </si>
  <si>
    <t>This application, OTOINV, contains information relating to the Population Ecology collection of Otoliths data which is stored at the St. Andrews Biological Station (SABS). There are three categories in the collection, samples taken from the Groundfish Surveys, samples taken from Port Samples and other samples that do not belong to the first two categories. The Otolith Inventory application is used to access the database for entry, maintenance and query</t>
  </si>
  <si>
    <t>DFO-806</t>
  </si>
  <si>
    <t>Open Web Framework (OWF) Administration Tool</t>
  </si>
  <si>
    <t>Adm</t>
  </si>
  <si>
    <t>Communications Services,Financial Management Services,Human Resources Management Services,Information Management Services,Information Technology Services</t>
  </si>
  <si>
    <t>Main effort tool to track projects, tasks, metrics and effort for IMTS Application Development</t>
  </si>
  <si>
    <t>DFO-807</t>
  </si>
  <si>
    <t>OWF Portal (OWF Integrated Tool)</t>
  </si>
  <si>
    <t>OWFP</t>
  </si>
  <si>
    <t>Main website of the Open Web Framework intranet.</t>
  </si>
  <si>
    <t>DFO-813</t>
  </si>
  <si>
    <t>Pacific Licensing System</t>
  </si>
  <si>
    <t>PLS</t>
  </si>
  <si>
    <t>Pacific Region's commercial fishing licencing system - Legacy system</t>
  </si>
  <si>
    <t>DFO-814</t>
  </si>
  <si>
    <t>Pacific notification System (Inbound) (Voice Enabled Telephony (VET) Project)</t>
  </si>
  <si>
    <t>Pacific notification System (Inbound)</t>
  </si>
  <si>
    <t>Public phones in for variation and prohibition order notices</t>
  </si>
  <si>
    <t>DFO-816</t>
  </si>
  <si>
    <t>Pacific Region Fisheries Data Gateway</t>
  </si>
  <si>
    <t>Pacific Region Client Dashboard providing customized view of access to systems in the Pacific region</t>
  </si>
  <si>
    <t>DFO-817</t>
  </si>
  <si>
    <t>Pacific Region Environmental Database  </t>
  </si>
  <si>
    <t>PRED</t>
  </si>
  <si>
    <t>DFO-818</t>
  </si>
  <si>
    <t>Pacific Single-Sign-On User Access Administrative Application</t>
  </si>
  <si>
    <t>PacAdmin</t>
  </si>
  <si>
    <t>Administration system which controls authroization and access to specific Pacific region applications</t>
  </si>
  <si>
    <t>DFO-819</t>
  </si>
  <si>
    <t>Pacific Wiki and Knowledgebase</t>
  </si>
  <si>
    <t>CONFLUENCE</t>
  </si>
  <si>
    <t>Team collaboration software, wiki and knowledgebase, developed by Atlassian, used to collect and maintain information</t>
  </si>
  <si>
    <t>Atlassian - Conflucence</t>
  </si>
  <si>
    <t>DFO-822</t>
  </si>
  <si>
    <t>Pelagic Samples Database</t>
  </si>
  <si>
    <t>The Population Ecology Section staff conduct research and stock evaluations to provide scientific advice for fisheries management and the Species at Risk program. Scientific information is gathered from field surveys, tagging programs, aging studies, commercial catch data, and field and laboratory studies. | The Pelagic Samples Database is made up of historical and current biological sampling data for herring in the Maritimes Region.  The application can be used to input data, query, or generate reports.</t>
  </si>
  <si>
    <t>DFO-823</t>
  </si>
  <si>
    <t>PeopleSoft Data at DFO</t>
  </si>
  <si>
    <t>PEOPLESOFT_HR</t>
  </si>
  <si>
    <t>DFO HR data from Dept of Agriculture</t>
  </si>
  <si>
    <t>DFO-825</t>
  </si>
  <si>
    <t>Photo Gallery Module (OWF Integrated Tool)</t>
  </si>
  <si>
    <t>OWF-PGM</t>
  </si>
  <si>
    <t>OWF module to allow incorporating photo galleries in Web applications</t>
  </si>
  <si>
    <t>DFO-829</t>
  </si>
  <si>
    <t>Open Source Content management system for C&amp;A Intranet Environment</t>
  </si>
  <si>
    <t>DFO-839</t>
  </si>
  <si>
    <t>Proactive Disclosure of Travel and Hospitality System (component of 164 ABACUS)</t>
  </si>
  <si>
    <t>iDisclose</t>
  </si>
  <si>
    <t>Confirmed by Finance that this is a component of ABACUS (APM ID 164) System used to track and report on proactive disclosure related the Travel and Hospitality policy</t>
  </si>
  <si>
    <t>DFO-840</t>
  </si>
  <si>
    <t>Production ISDM Look and Feel</t>
  </si>
  <si>
    <t>Pilaf</t>
  </si>
  <si>
    <t>Removed: Software development tool Provide CLF2 tools for other ISDM JavaEE applications</t>
  </si>
  <si>
    <t>DFO-841</t>
  </si>
  <si>
    <t>Products Database</t>
  </si>
  <si>
    <t>PDB</t>
  </si>
  <si>
    <t>CHS Product and source data repository Front-end forms server retired per email from L. Patterson March 23, 2015</t>
  </si>
  <si>
    <t>DFO-842</t>
  </si>
  <si>
    <t>Program Activity Tracking for Habitat</t>
  </si>
  <si>
    <t>PATH</t>
  </si>
  <si>
    <t>DFO-845</t>
  </si>
  <si>
    <t>Pulse Energy Management System</t>
  </si>
  <si>
    <t>Pulse EMS</t>
  </si>
  <si>
    <t>Real Time Energy Monitoring Dashboard Application Third-party cloud-based application (SaaS).</t>
  </si>
  <si>
    <t>Pulse Energy Inc Pulse Energy EMS Software</t>
  </si>
  <si>
    <t>DFO-850</t>
  </si>
  <si>
    <t>Q-Pulse</t>
  </si>
  <si>
    <t>The main purpose for Q-Pulse is to electronically manage the quality management system of 4 DFO laboratories which are doing diagnostic and research testing on behalf of the of  NAAHP (National Aquatic Animal Health Program), including the document control procedure for standard operating procedures, test method protocols, minutes from meetings, forms, etc.  This software enables staff to have electronic access the approved current version of any quality document.</t>
  </si>
  <si>
    <t>Vendor: Stuart Connell (Process Power Solutions) - Product:  Q-Pulse</t>
  </si>
  <si>
    <t>DFO-851</t>
  </si>
  <si>
    <t>QR - Gulf Quota Report</t>
  </si>
  <si>
    <t>QR</t>
  </si>
  <si>
    <t>Internal and External Web based report that displays all quota’s and landings for all fisheries under the Dockside Monitoring Program.  This report is broke down by several different ways depending on the species, for example:  Fleet, zone or province.</t>
  </si>
  <si>
    <t>DFO-855</t>
  </si>
  <si>
    <t>Query Agent</t>
  </si>
  <si>
    <t>QA</t>
  </si>
  <si>
    <t>The Query Agent is a java servlet running on an Intranet server marbiod11 in support of the query applications OCD (Ocean Climate Database), OCDB (Ocean Color Database) and SST (Sea Surface Temperature). This is a utility that runs periodically looking for new queries submitted by users against the above databases.  These queries are then processed and the results are packaged and made available on the FTP server, Starfish.  The user is then emailed by this utility informing them that their results are available for them to download.</t>
  </si>
  <si>
    <t>DFO-856</t>
  </si>
  <si>
    <t>Quota Management System</t>
  </si>
  <si>
    <t>Pacific Region's quota management system used by the Groundfish Management Unit to allocated and distribute quota to both commerical and recreational (halibut recreational) licences.</t>
  </si>
  <si>
    <t>DFO-860</t>
  </si>
  <si>
    <t>Real Property Information Management System</t>
  </si>
  <si>
    <t>RPIMS</t>
  </si>
  <si>
    <t>DFO-861</t>
  </si>
  <si>
    <t>(Retired) Real Property Information System</t>
  </si>
  <si>
    <t>(Retired per Julien Tremblay 17-Jun-2014) Tracks real property information for DFO.</t>
  </si>
  <si>
    <t>DFO-864</t>
  </si>
  <si>
    <t>Real Time Water Level System</t>
  </si>
  <si>
    <t>RTWL</t>
  </si>
  <si>
    <t>CHS has tide gauges deployed in the Maritimes, and internal process downloads the data and updates the Oracle database on Kamsok in real-time.  The RTWL application provides an interactive map to view the locations and information about the tidal gauges, as well as to view historical data in the past and predicted water levels in the future. The Real Time Water Level System (RTWL) enables access to water level information retrieved from the tide gauge installations around Atlantic Provinces and Labrador.  The water level is retrieved from these tide gauges, stored in the Oracle database, and made available in real (or near real) time.  This information is used by Environment Canada and Provincial Emergency Preparedness Organizations.  The access to dat</t>
  </si>
  <si>
    <t>DFO-865</t>
  </si>
  <si>
    <t>Reference Data Repository Comparison process</t>
  </si>
  <si>
    <t>REFDIFFTOOL</t>
  </si>
  <si>
    <t>Used to compare data values residing in the Reference Data Repository. Used to maintain data quality.</t>
  </si>
  <si>
    <t>DFO-866</t>
  </si>
  <si>
    <t>PacFish Reference Data</t>
  </si>
  <si>
    <t>REFDATA</t>
  </si>
  <si>
    <t>PacFish Reference Data Repository Database used to store data standards, such as common codes, for use by data systems located in the Pacific Region.</t>
  </si>
  <si>
    <t>DFO-871</t>
  </si>
  <si>
    <t>Contaminated Sites Directory</t>
  </si>
  <si>
    <t>Removed: according to the PRA/SOS, this application is web-based client-server, but has only 1 user. Le répertoire des sites contaminés aide la biologiste principale sites contaminés à la DRGE a donner des avis au sujet de site contaminés fédéraux pouvant impacter la vie aquatique.  L’application lui permet de  - Superposer sur une carte différentes sources d’information comme les sites contaminés fédéraux et les données du système information géographique de l’habitat du poisson; - Entrer des notes et des observations; - Rechercher rapidement des sites et des observations; • Produire des rapports et des cartes.</t>
  </si>
  <si>
    <t>DFO-875</t>
  </si>
  <si>
    <t>Request Management Tool (OWF Integrated Tool)</t>
  </si>
  <si>
    <t>RMT</t>
  </si>
  <si>
    <t>Main tool to manage ongoing support for web sites, applications (Intranet and Internet) hosted on the OWF</t>
  </si>
  <si>
    <t>DFO-877</t>
  </si>
  <si>
    <t>Réservation de salles</t>
  </si>
  <si>
    <t>Salles</t>
  </si>
  <si>
    <t>Permet de gérer les informations sur les salles de réunion et de faire des réservations quotidiennes et périodiques (tous les lundis de chaque semaine pour une certaine période).</t>
  </si>
  <si>
    <t>DFO-878</t>
  </si>
  <si>
    <t>Réservation de véhicule</t>
  </si>
  <si>
    <t>SERV</t>
  </si>
  <si>
    <t>Permet de réserver un des véhicules appartenant au ministère.</t>
  </si>
  <si>
    <t>DFO-885</t>
  </si>
  <si>
    <t>S52- Section 52</t>
  </si>
  <si>
    <t>S52</t>
  </si>
  <si>
    <t>Web-based systems used for management and issuance of Section 52 licences. It includes an application form used by internal/external clients.</t>
  </si>
  <si>
    <t>DFO-890</t>
  </si>
  <si>
    <t>Salmon Angling Licensing Monitoring Nova Scotia</t>
  </si>
  <si>
    <t>SalmoNS</t>
  </si>
  <si>
    <t>The Salmon Angling Licensing Monitoring Nova Scotia (Salmo-NS) system captures, manipulates, and reports on recreational salmon angler license data collected seasonally.   | The system has a data entry and edits interface that provides forms to enter data into the Salmo-NS database tables.  These tables can be broken up into two sections.  Seasonal effort data tables contain salmon angler license data collected seasonally.  Lookup tables contain the current list of applicable values associated with them, such as cities, counties, and rivers.   The system has a report-generating function as well.  |</t>
  </si>
  <si>
    <t>DFO-898</t>
  </si>
  <si>
    <t>SCE - Shipboard Computing Environment - CTD Data Acquisition and Processing Syst</t>
  </si>
  <si>
    <t>SCE - CTDDAP</t>
  </si>
  <si>
    <t>The CTD Data Acquisition and Processing System is a wrapper application to facilitate downloading and processing of CTD data from the SBE25 Sealogger, SBE25Plus Sealogger , SBE19 Seacat, SBE19Plus Seacat, SBE 19Plus V2 SeaCAT,  and SBE911Plus CTD instruments.  This includes applying Seabird SBE data processing modules, as well as in-house BIO processing modules to the data, to produce output formats for further analysis. The user may select Seabird SBE data processing modules to run in a particular sequence, and configure each module for his or her particular needs.</t>
  </si>
  <si>
    <t>DFO-900</t>
  </si>
  <si>
    <t>SCH Reports (Cognos 8)</t>
  </si>
  <si>
    <t>SCH Reports</t>
  </si>
  <si>
    <t>SCH Reports are built on top of Data Management's IBM Cognos 8 Portal.</t>
  </si>
  <si>
    <t>DFO-901</t>
  </si>
  <si>
    <t>SCHMIR - Small Craft Harbours Management Information Retriever</t>
  </si>
  <si>
    <t>SCHMIR</t>
  </si>
  <si>
    <t>Small Craft Harbours Management Information Retriever is another front end to the IPI database and a front end tied to a national file server.  SCHMIR also retrieves relevant data from other sectors and associates these to SCH sites.</t>
  </si>
  <si>
    <t>DFO-906</t>
  </si>
  <si>
    <t>SCOOP Viewer</t>
  </si>
  <si>
    <t>SCPV</t>
  </si>
  <si>
    <t>The SCOOP Viewer is an interactive web map interface developed using the IMF (Internet Mapping Framework). The map uses the ArcIMS map service based on the Ocean Wave Forecast data for Northwest Atlantic generated using SCOOP Operational Wave Model. The viewer can be accessed via the URL http://bluefin2.dfo-mpo.gc.ca/imf-ows/sites/ofcast/index.html . The model runs twicw a daya and hence the ARCIMS map service is updated twice a day using an automated process.</t>
  </si>
  <si>
    <t>DFO-907</t>
  </si>
  <si>
    <t>Sea Lamprey Information Management System</t>
  </si>
  <si>
    <t>SLIMS</t>
  </si>
  <si>
    <t>SLIMS serves as an electronic archive of data collected on paper during each field season. Currently SLIMS stores adult sea lamprey assessment data beginning in 1980, and larval assessment data beginning in 1989. The collection of this quantitative sea lamprey information is critical to integrate sea lamprey management with fishery-management goals of Great Lakes agencies.   The database contains information on larval sea lamprey distribution and age structure, which enables managers to direct sea lamprey control activities to priority areas based on a cost-benefit model. The database also contains information on the adult sea lamprey abundance in each lake, which enables managers to evaluate the success of the program at local, regional, and lake-wide</t>
  </si>
  <si>
    <t>DFO-908</t>
  </si>
  <si>
    <t>Sea Surface Temperature Database Query</t>
  </si>
  <si>
    <t>The Sea Surface Temperature Database consists of satelite measurement of sea surface temperature data for Northwest Atlantic. The Sea Surface Temperature query application is a web interface that allows the users to submit queries against the database. The query is placed in a queue which is processed by a back-end application called ‘Query Agent’. The resulting data is placed on the FTP server and the FTP link is sent to the user via email.</t>
  </si>
  <si>
    <t>DFO-909</t>
  </si>
  <si>
    <t>Sea Surface Temperature Database Update</t>
  </si>
  <si>
    <t>SSTM</t>
  </si>
  <si>
    <t>This system was developed using Oracle Forms versions 6i and Reports 6i.  It facilitate the loading of the satellite derived sea surface temperature data obtained from the Physical Oceanography Archive Centre of the Jet Propulsion Laboratory (JPL), into the Sea Surface Temperature Database, an Oracle backend  SQL loader is used to load the data into a temporary table. This GUI app allows the system maintainer to apply the identtification of the datasource(satellite type), perform basic quality assurance and move the data into production table.</t>
  </si>
  <si>
    <t>DFO-914</t>
  </si>
  <si>
    <t>CHS Service Request and Monitoring Application</t>
  </si>
  <si>
    <t>SRMA</t>
  </si>
  <si>
    <t>Work request tracking and reporting system for hydrography-related services for Pacific and Central &amp; Arctic; records details to support ISO 9001:2008 certification audits Co-located with Observed Water Levels DB – noadditional licence or H/W support costs.  0.07 FTE maintenance.   Support Cost Score: 1 (&lt;$20K)</t>
  </si>
  <si>
    <t>DFO-915</t>
  </si>
  <si>
    <t>WDS Observations web service</t>
  </si>
  <si>
    <t>WDS Observations</t>
  </si>
  <si>
    <t>Service web de diffusion des observations de niveaux d'eau dans le fleuve St-Laurent (basé sur la norme WDS)</t>
  </si>
  <si>
    <t>DFO-916</t>
  </si>
  <si>
    <t>WDS Predictions web service</t>
  </si>
  <si>
    <t>WDS Predictions</t>
  </si>
  <si>
    <t>Service web de diffusion des prédictions de niveaux d'eau du Canada (basé sur la norme WDS)</t>
  </si>
  <si>
    <t>DFO-917</t>
  </si>
  <si>
    <t>WDS SPINE web service</t>
  </si>
  <si>
    <t>WDS SPINE</t>
  </si>
  <si>
    <t>Service web de diffusion des prévisions de niveaux d'eau dans le fleuve St-Laurent (basé sur la norme WDS)</t>
  </si>
  <si>
    <t>DFO-918</t>
  </si>
  <si>
    <t>Servox</t>
  </si>
  <si>
    <t>Système d'accès par téléphone aux niveaux d'eaux partout au Canada</t>
  </si>
  <si>
    <t>Microsystèmes JFB - Servox</t>
  </si>
  <si>
    <t>DFO-925</t>
  </si>
  <si>
    <t>Shellfish Health System</t>
  </si>
  <si>
    <t>SHS</t>
  </si>
  <si>
    <t>Intranet application to manage case related with monitoring shellfish health.</t>
  </si>
  <si>
    <t>DFO-926</t>
  </si>
  <si>
    <t>Shellfish Research CTD Data Acquisition System</t>
  </si>
  <si>
    <t>SRDAS</t>
  </si>
  <si>
    <t>CTD Data loader application, Oracle database and validation reports.</t>
  </si>
  <si>
    <t>DFO-929</t>
  </si>
  <si>
    <t>Shipboard Request System</t>
  </si>
  <si>
    <t>SBR</t>
  </si>
  <si>
    <t>The SBR system is a web application that will be active for a set amount of time each year for accepting applications (requests) for ship time for the following year. There is both an English and a French version of this system. The submissions are used by the System Owner to determine the following year's Atlantic Science Vessels Schedule. |</t>
  </si>
  <si>
    <t>DFO-935</t>
  </si>
  <si>
    <t>SIPA - Aids Information Program System</t>
  </si>
  <si>
    <t>SIPA</t>
  </si>
  <si>
    <t>As part of the mandate to provide aids to navigation, where warranted (see Directive 2.2100 Provision of Short-Range Marine Aids Systems), the Canadian Coast Guard (CCG) is charged with the responsibility to ensure that appropriate efforts are made to inform mariners of discrepancies or malfunctions and to correct such discrepancies within a reasonable time after receipt of the discrepancy report. The Aids Program Information System (SIPA Web) is the primary information collection and analysis tool for Aids to Navigation. SIPA information is used to produce safety information notices such as notices to Mariners (notMAR notices) and List of Lights publications.</t>
  </si>
  <si>
    <t>DFO-937</t>
  </si>
  <si>
    <t>Search and Rescue Information System</t>
  </si>
  <si>
    <t>SARIS</t>
  </si>
  <si>
    <t>Search and rescue information system used to track and report on search and rescue incidents. App is being replaced by SMMS (in house developed app)</t>
  </si>
  <si>
    <t>DFO-938</t>
  </si>
  <si>
    <t>Canadian Hydrographic Service Tidal Website</t>
  </si>
  <si>
    <t>TidalWebsite</t>
  </si>
  <si>
    <t>External website to show users tidal, current, and water level predictions. APM ID 376 is English version of same application Website URLs: http://tides.gc.ca/eng  &amp; http://marees.gc.ca/</t>
  </si>
  <si>
    <t>DFO-940</t>
  </si>
  <si>
    <t>Small Craft Harbours Data Portal</t>
  </si>
  <si>
    <t>SCHDP</t>
  </si>
  <si>
    <t>The Small Craft Harbours Data Portal is a web application designed by Small Craft Harbours (Maritimes &amp; Gulf Regions) to consolidate various information holdings (ie. information from the national SCH database, MARFIS, GFIS, aerial photos, CAD drawings, etc).</t>
  </si>
  <si>
    <t>DFO-941</t>
  </si>
  <si>
    <t>Small Craft Harbours Data Retrieval System</t>
  </si>
  <si>
    <t>SCHDRS</t>
  </si>
  <si>
    <t>The Small Craft Harbours Data Retrieval System (SCHDRS) is a web application designed* by Small Craft Harbours (Maritimes &amp; Gulf Regions) to consolidate various information holdings (ie. information from the national SCH database, MARFIS, GFIS, aerial photos, CAD drawings, etc).</t>
  </si>
  <si>
    <t>DFO-942</t>
  </si>
  <si>
    <t>SMIS - Salary Management Information System</t>
  </si>
  <si>
    <t>SMIS</t>
  </si>
  <si>
    <t>Salary Management Information System</t>
  </si>
  <si>
    <t>FreeBalance - Salary Management System</t>
  </si>
  <si>
    <t>DFO-951</t>
  </si>
  <si>
    <t>Tides Currents and Water Levels Tool Kit</t>
  </si>
  <si>
    <t>TCWLTools</t>
  </si>
  <si>
    <t>Stand alone tools for predicting and analyzing currents and water levels</t>
  </si>
  <si>
    <t>DFO-957</t>
  </si>
  <si>
    <t>Staff Publications Application</t>
  </si>
  <si>
    <t>NLB</t>
  </si>
  <si>
    <t>The Staff Publications Bibliography is a Web-based application to search a citations database of published work by staff affiliated with DFO scientific research institutions. It includes references to scientific journals, conference proceedings, books and reports.  http://www.inter.dfo-mpo.gc.ca/libraries-bibliotheques/bibliographies/home</t>
  </si>
  <si>
    <t>DFO-970</t>
  </si>
  <si>
    <t>Stratified Analysis</t>
  </si>
  <si>
    <t>STRANAL</t>
  </si>
  <si>
    <t>Calculates Stratified Analysis statistics of US and Canadian Bottom Trawl Survey data used in the Stock Assessment processes.</t>
  </si>
  <si>
    <t>DFO-974</t>
  </si>
  <si>
    <t>Survey and Feedback Tool (OWF Integrated Tool)</t>
  </si>
  <si>
    <t>Tool to create survey and feedback forms on Intranet and Internet websites.</t>
  </si>
  <si>
    <t>DFO-978</t>
  </si>
  <si>
    <t>SCQ</t>
  </si>
  <si>
    <t>Removed: not part of DFO mandate to facilitate employee carpooling. En s’abonnant, un employé peut savoir si des collègues du ministère résident dans les environs de Qc et IML dans le but de favoriser le covoiturage.</t>
  </si>
  <si>
    <t>DFO-980</t>
  </si>
  <si>
    <t>Ocean Data Management System</t>
  </si>
  <si>
    <t>ODMS</t>
  </si>
  <si>
    <t>not an app; no user interface Le SGDO est essentiellement une application informatique qui permet aux utilisateurs d’obtenir des données océaNo</t>
  </si>
  <si>
    <t>DFO-989</t>
  </si>
  <si>
    <t>Tag Return Database</t>
  </si>
  <si>
    <t>TAGRET</t>
  </si>
  <si>
    <t>Tagged Atlantic salmon releases, recoveries and rearing background records in the Maritimes</t>
  </si>
  <si>
    <t>DFO-990</t>
  </si>
  <si>
    <t>Audit Management System</t>
  </si>
  <si>
    <t>CCH Canadian Ltd - TeamMate Audit Management System</t>
  </si>
  <si>
    <t>Global Affairs Canada</t>
  </si>
  <si>
    <t>DFATD-115</t>
  </si>
  <si>
    <t>CRAFT-CMS</t>
  </si>
  <si>
    <t>DFATD-119</t>
  </si>
  <si>
    <t>DFATD-120</t>
  </si>
  <si>
    <t>DFATD-122</t>
  </si>
  <si>
    <t>Credit Reporting System. CRS reports to Canadian ODA commitments on an ongoing basis to the OECD and the World Bank  in order to comply with international agreements. Reports to the OECD/DAC are generated every two months for new approved projects or revisions to existing projects; and an annual report for the following topics: - Official bilateral grant commitment report; detailed grant commitment report; grant commitment by country within sector; grant commitment by sector within country; small project summary report; calendar year commitment by country report.</t>
  </si>
  <si>
    <t>DFATD-147</t>
  </si>
  <si>
    <t>DFATD-149</t>
  </si>
  <si>
    <t>OpenText Product OpenText eDocs v5.3</t>
  </si>
  <si>
    <t>DFATD-150</t>
  </si>
  <si>
    <t>DFATD-151</t>
  </si>
  <si>
    <t>DFATD-192</t>
  </si>
  <si>
    <t>DFATD-210</t>
  </si>
  <si>
    <t>The International Aid Transparency Initiative (IATI) aims to make information about aid spending easier to find, use and compare.  GAC publishes its data sets (Activity and Organisation XML files) every quarter.</t>
  </si>
  <si>
    <t>DFATD-226</t>
  </si>
  <si>
    <t>IRIMS-LLRS</t>
  </si>
  <si>
    <t>iRIMS is GAC's recordkeeping system that provides the functionality to collect, organize and categorize records and enable the preservation, retrieval, use and disposition of records.</t>
  </si>
  <si>
    <t>DFATD-34</t>
  </si>
  <si>
    <t>DFATD-391</t>
  </si>
  <si>
    <t>DFATD-403</t>
  </si>
  <si>
    <t>Results Base Management</t>
  </si>
  <si>
    <t>Results Base Management (replacement of IMRT) plugged under SAP-PS - BMI-APP Process, CEAA, GeoScoping, Sector of focus, Technical Cooperation, Policy Markers &amp; Gender Equality</t>
  </si>
  <si>
    <t>DFATD-408</t>
  </si>
  <si>
    <t>DFATD-4101</t>
  </si>
  <si>
    <t>ARAF Workplan Application</t>
  </si>
  <si>
    <t>ARAF</t>
  </si>
  <si>
    <t>The Work Plan application is used to support Property Maintenance activities that include the management of minor capital maintenance projects for the department.  It aligns with the Mission Maintenance Workplan (MMW).</t>
  </si>
  <si>
    <t>DFATD-4104</t>
  </si>
  <si>
    <t>Remedy - Bell MITNET Service Request</t>
  </si>
  <si>
    <t>Remedy-MITNET</t>
  </si>
  <si>
    <t>This Remedy-based application that is used to track automatically detected SIGNET and MITNET incidents that are deemed critical and impact the standard operation of an IT service and which causes, or may cause, an interruption to, or a reduction in, the quality of that service</t>
  </si>
  <si>
    <t>Vendor:  BMC Remedy  Product:  Remedy ARS</t>
  </si>
  <si>
    <t>DFATD-4107</t>
  </si>
  <si>
    <t>ccm - Briefing Products Tracking System</t>
  </si>
  <si>
    <t>ccm-BPTS</t>
  </si>
  <si>
    <t>BPTS is a ccmMercury based application used to track the development of briefing materials and Parliamentary Returns for Ministers, Secretaries of State and Deputy Ministers.</t>
  </si>
  <si>
    <t>DFATD-4108</t>
  </si>
  <si>
    <t>Business Intelligence Platform Legacy</t>
  </si>
  <si>
    <t>BI-Platform</t>
  </si>
  <si>
    <t>Vendor:  IBM Cognos  Product: IBM Cognos Business Intelligence Suite</t>
  </si>
  <si>
    <t>DFATD-4116</t>
  </si>
  <si>
    <t>Remedy - Change Management</t>
  </si>
  <si>
    <t>Remedy-CM</t>
  </si>
  <si>
    <t>The Change Management System is a Remedy based application that is used to track all Requests For Change (RFC's).  This application also includes Release Management and Task Management modules.</t>
  </si>
  <si>
    <t>DFATD-4121</t>
  </si>
  <si>
    <t>Corporate Governance Database</t>
  </si>
  <si>
    <t>Comtrac</t>
  </si>
  <si>
    <t>Comtrac is an Intranet-based application that is used by DCD to maintain an index and access to all management committee meeting documentation.  A small number of DCD users maintain the content which is accessible to all departmental staff via the intranet.</t>
  </si>
  <si>
    <t>DFATD-4122</t>
  </si>
  <si>
    <t>ccm - Intervention Tracking System</t>
  </si>
  <si>
    <t>ccm-ITS</t>
  </si>
  <si>
    <t>The Conflict Resolution Management Systems is a ccmMercury based application to record and track inquires and interventions managed by the Dispute Resolution Division.</t>
  </si>
  <si>
    <t>DFATD-4127</t>
  </si>
  <si>
    <t>Correspondence Registry</t>
  </si>
  <si>
    <t>Cor-Reg</t>
  </si>
  <si>
    <t>The Correspondence Registry is web based application used by administrators at HQ and missions to log information about inbound and outbound correspondence.</t>
  </si>
  <si>
    <t>DFATD-4128</t>
  </si>
  <si>
    <t>COSMOS</t>
  </si>
  <si>
    <t>Canada''s International Platform</t>
  </si>
  <si>
    <t>WorldReach Software</t>
  </si>
  <si>
    <t>DFATD-4129</t>
  </si>
  <si>
    <t>Countries</t>
  </si>
  <si>
    <t>CO</t>
  </si>
  <si>
    <t>The Countries application is the official reference used by Protocol for Countries around the world and also used by other systems for as a source for country codes.</t>
  </si>
  <si>
    <t>DFATD-4136</t>
  </si>
  <si>
    <t>Dialogue</t>
  </si>
  <si>
    <t>DFATD-4138</t>
  </si>
  <si>
    <t>Diplomatic Registration System</t>
  </si>
  <si>
    <t>DRS</t>
  </si>
  <si>
    <t>DFATD-4141</t>
  </si>
  <si>
    <t>EDSIM-P</t>
  </si>
  <si>
    <t>EDSIM-P application is used by the department's Account Administration Unit for provisioning of SIGNET Accounts on the department's SIGNET C and D environments.</t>
  </si>
  <si>
    <t>DFATD-4142</t>
  </si>
  <si>
    <t>Edu-Canada</t>
  </si>
  <si>
    <t>Edu-Cda</t>
  </si>
  <si>
    <t>The Edu-Canada application provides a means for international students to find out how to apply and attend school in Canada and remain as permanent residents and citizens. The project is lead by the International Academic Relations Bureau (TMM) and has involved partnerships with CIC and HRSDC.  Includes features to calculate cost for people coming from France (formerly LiveLearnSucceed - LLS)</t>
  </si>
  <si>
    <t>DFATD-4144</t>
  </si>
  <si>
    <t>EICS Legacy</t>
  </si>
  <si>
    <t>EICS</t>
  </si>
  <si>
    <t>DFATD-4145</t>
  </si>
  <si>
    <t>Remedy - ESM Trouble Ticketing</t>
  </si>
  <si>
    <t>Remedy-ESM</t>
  </si>
  <si>
    <t>This Remedy-based application tracks automatically detected SIGNET and MITNET incidents that are deemed critical and impact the standard operation of an IT service and which causes, or may cause, an interruption to, or a reduction in, the quality of that service</t>
  </si>
  <si>
    <t>DFATD-4146</t>
  </si>
  <si>
    <t>EXCOL Legacy</t>
  </si>
  <si>
    <t>EXCOL</t>
  </si>
  <si>
    <t>DFATD-4148</t>
  </si>
  <si>
    <t>FACTS/RCS</t>
  </si>
  <si>
    <t>The FACTS/RCS application supports the shipment and reception of goods for and from missions at the department's commercial warehouse.  This application is managed by the Physical Resources Bureau (ARD) for the application owner, the Distribution and Transportation Division (AAG).  AAG reimburses ARD $6,000 per month for maintenance.</t>
  </si>
  <si>
    <t>DFATD-4149</t>
  </si>
  <si>
    <t>Foreign Representatives in Canada (Protocol)</t>
  </si>
  <si>
    <t>For-Reps</t>
  </si>
  <si>
    <t>Foreign Representatives in Canada is a web application that displays information about missions and foreign diplomats accredited to Canada. It is accessible on the internet and includes functionality to send PDF documents electronically.</t>
  </si>
  <si>
    <t>DFATD-4152</t>
  </si>
  <si>
    <t>GEDS Feed</t>
  </si>
  <si>
    <t>GEDS</t>
  </si>
  <si>
    <t>The GEDS Feed application extracts information on a bi-weekly basis from GAC's Directory such as name, title, phone number and organization. This information is provided to PWGSC and is used to update the Government Electronic Directory Services Site, an online directory of federal public servants.</t>
  </si>
  <si>
    <t>DFATD-4153</t>
  </si>
  <si>
    <t>ccm - General Correpsondence System</t>
  </si>
  <si>
    <t>ccm-GCS</t>
  </si>
  <si>
    <t>General Correpsondence System  is a ccmMercury based application that provides an application for offices to register and track their correspondence.</t>
  </si>
  <si>
    <t>DFATD-4154</t>
  </si>
  <si>
    <t>Global Opportunities for Associations System - Administration</t>
  </si>
  <si>
    <t>GOA-Admin</t>
  </si>
  <si>
    <t>The GOA Admin application is an Intranet system used by BSS / AIAW to manage tombstone information and authorization info for the GOA Application. It is also used to process G&amp;C applications that have been submitted via the public facing GOA system.</t>
  </si>
  <si>
    <t>DFATD-4155</t>
  </si>
  <si>
    <t>Global Opportunities for Associations System</t>
  </si>
  <si>
    <t>GOA</t>
  </si>
  <si>
    <t>The GOA System is an internet application that accepts applications for the GOA Grants and Contributions program.    Global Opportunities for Associations (GOA), formerly the Program for Export Market Development - Associations (PEMD-A), provides contribution funding to support national associations undertaking new or expanded international business development activities, in strategic markets and sectors, for the benefit of an entire industry (member and non-member firms).  Annual non-repayable contributions range from a minimum of $20,000 to a maximum of $250,000 and the funding approvals are made for a one-year period for activities and related expenditures taking place between April 1 and March 31 of the following year. GOA provides matching funds</t>
  </si>
  <si>
    <t>DFATD-4160</t>
  </si>
  <si>
    <t>HRMS - Platform</t>
  </si>
  <si>
    <t>Vendor:  Oracle PeopleSoft Enterprise PeopleTools  Product:  Enterprise PeopleTools 8.51</t>
  </si>
  <si>
    <t>DFATD-4162</t>
  </si>
  <si>
    <t>HRMS - Designations / Accreditations Bolt-on</t>
  </si>
  <si>
    <t>HRMS-ACCR</t>
  </si>
  <si>
    <t>Vendor:  Oracle PeopleSoft Enterprise PeopleTools  Product:   Enterprise PeopleTools 8.51 - Designations/Accreditations</t>
  </si>
  <si>
    <t>DFATD-4163</t>
  </si>
  <si>
    <t>HRMS - Exclusions / De-exclusions Bolt-on</t>
  </si>
  <si>
    <t>HRMS-EX</t>
  </si>
  <si>
    <t>Vendor:  Oracle PeopleSoft Enterprise PeopleTools  Product:   Enterprise PeopleTools 8.51 - Exclusions/De-exclusions</t>
  </si>
  <si>
    <t>DFATD-4166</t>
  </si>
  <si>
    <t>HRMS - General Inquiries Bolt-on</t>
  </si>
  <si>
    <t>HRMS-GI</t>
  </si>
  <si>
    <t>Vendor:  Oracle PeopleSoft Enterprise PeopleTools  Product:   Enterprise PeopleTools 8.51 - General Service Enquiries</t>
  </si>
  <si>
    <t>DFATD-4167</t>
  </si>
  <si>
    <t>HRMS - Medical Appointments Bolt-on</t>
  </si>
  <si>
    <t>HRMS-MA</t>
  </si>
  <si>
    <t>Vendor:  Oracle PeopleSoft Enterprise PeopleTools  Product:  Enterprise PeopleTools 8.51 - Medical Appointments</t>
  </si>
  <si>
    <t>DFATD-4168</t>
  </si>
  <si>
    <t>HRMS - Personnel Security Bolt-on</t>
  </si>
  <si>
    <t>HRMS-PS</t>
  </si>
  <si>
    <t>DFATD-4169</t>
  </si>
  <si>
    <t>HRMS - Posting Administration Bolt-on</t>
  </si>
  <si>
    <t>HRMS-Padmin</t>
  </si>
  <si>
    <t>Vendor:  Oracle PeopleSoft Enterprise</t>
  </si>
  <si>
    <t>DFATD-4175</t>
  </si>
  <si>
    <t>Commercial-Economic Program Planning and Reporting Application</t>
  </si>
  <si>
    <t>CEP-PPRS</t>
  </si>
  <si>
    <t>The Business Planning and Reporting Application is web-based and accessible via the department’s Intranet. The application serves a portal for Commercial Program Managers (CPMs)/Senior Trade Commissioners (STCs) and their teams at missions abroad and Regional Offices in Canada to access the templates in order to develop and submit their business plans and to report on accomplishments online.</t>
  </si>
  <si>
    <t>DFATD-4176</t>
  </si>
  <si>
    <t>DFATD Interwoven Platform</t>
  </si>
  <si>
    <t>Interwoven</t>
  </si>
  <si>
    <t>Interwoven is an enterprise web content management system. It is currently used to manage the content of GAC's internet sites and the Intranet corporate/main pages. Content owners can use features of Interwoven to directly manage the content of their web sites.</t>
  </si>
  <si>
    <t>Vendor:  HP Autonomy Product:  Interwoven Content Management System</t>
  </si>
  <si>
    <t>DFATD-4177</t>
  </si>
  <si>
    <t>Enquiries Data Services -  InfoEX/DataEng</t>
  </si>
  <si>
    <t>InfoEX/DataEng</t>
  </si>
  <si>
    <t>The Enquiries Service provides the capability of recording and tracking requests for information via Canada Post, facsimile, e-mail, walk-in clients and telephone calls.  This application is the Enquiries Service’s primary tool to record and track these inquiries.  The Enquiries Service unit also uses this application to produce reports for statistical analysis of enquiries.</t>
  </si>
  <si>
    <t>DFATD-4179</t>
  </si>
  <si>
    <t>Remedy - IT Asset Management System</t>
  </si>
  <si>
    <t>Remedy-ITAMS</t>
  </si>
  <si>
    <t>Remedy based application that is used to track all IT Assets at HQ and abroad.  This application has also an interface to exchange data between IMS.</t>
  </si>
  <si>
    <t>DFATD-4183</t>
  </si>
  <si>
    <t>Remedy - Mail Automated Processing System</t>
  </si>
  <si>
    <t>MAPS</t>
  </si>
  <si>
    <t>MAPS is a shipping and receiving tracking application for both unclassified and classified material going to and from missions.  The application is supplied and supported by Pitney Bowes.</t>
  </si>
  <si>
    <t>DFATD-4184</t>
  </si>
  <si>
    <t>ccm - Media Calls</t>
  </si>
  <si>
    <t>ccm-Media</t>
  </si>
  <si>
    <t>The Media Calls application is a ccmMercury based application.  It is used to register calls from the media to the Department.</t>
  </si>
  <si>
    <t>DFATD-4186</t>
  </si>
  <si>
    <t>ccm - Ministerial Correspondence Management System</t>
  </si>
  <si>
    <t>ccm-MCMS</t>
  </si>
  <si>
    <t>MCMS is a ccmMercury based application used to register correspondence for the Ministers, Secretaries of State, Deputy Ministers, and to track the development of required replies.</t>
  </si>
  <si>
    <t>DFATD-4189</t>
  </si>
  <si>
    <t>Mission Maintenance Workplan</t>
  </si>
  <si>
    <t>MMW</t>
  </si>
  <si>
    <t>The Mission Maintenance Workplan Application is used to capture Missions property maintenance needs and requirements.  It aligns with the ARAF Workplan.</t>
  </si>
  <si>
    <t>DFATD-4192</t>
  </si>
  <si>
    <t>Official Events System</t>
  </si>
  <si>
    <t>OES</t>
  </si>
  <si>
    <t>The Official Events System is used by the Official Events section of Protocol to record and track information about special events/visits. The application includes functionality to manage lists for guests, dignitaries, staff, seating arrangements, menus, and invitations.</t>
  </si>
  <si>
    <t>DFATD-4193</t>
  </si>
  <si>
    <t>Online Course Nofitification System</t>
  </si>
  <si>
    <t>OCNS</t>
  </si>
  <si>
    <t>The Online Course Notification System sends reminders to users to take a specific course.  The system only notifies users of two courses at this point, which are the SIGNET Security Course and GAC 101 Course.</t>
  </si>
  <si>
    <t>DFATD-4196</t>
  </si>
  <si>
    <t>Performance Management Program Online</t>
  </si>
  <si>
    <t>PMP</t>
  </si>
  <si>
    <t>DFATD-4199</t>
  </si>
  <si>
    <t>The PRIME application is used to manage tombstone data for all of GAC's international property assets.</t>
  </si>
  <si>
    <t>DFATD-4200</t>
  </si>
  <si>
    <t>Proactive Disclosure of Contracts</t>
  </si>
  <si>
    <t>ProDisContracts</t>
  </si>
  <si>
    <t>The Proactive Disclosure of Contracts application provides publication on the internet of contracts exceeding $10,000 in accordance with GoC Disclosure Guidelines.   The system works with the department's IMS to populate financial data that is validated by SMFS prior to publication.</t>
  </si>
  <si>
    <t>DFATD-4201</t>
  </si>
  <si>
    <t>Proactive Disclosure of Grants and Contributions (Admin)</t>
  </si>
  <si>
    <t>ProDisG&amp;C</t>
  </si>
  <si>
    <t>The Proactive Disclosure of Grants and Contributions maintains information on grants and contributions exceeding $25,000 for subsequent publication on the department's internet site. Provision of this information is required to comply with GoC disclosure guidelines. (SMS) .</t>
  </si>
  <si>
    <t>DFATD-4202</t>
  </si>
  <si>
    <t>Proactive Disclosure of Travel and Hospitality Expenses</t>
  </si>
  <si>
    <t>DTHE</t>
  </si>
  <si>
    <t>The Proactive Disclosure of Travel and Hospitality Expenses (DTHE) maintains travel and hospitality details for subsequent publication on the department's internet site. Provision of this information is required to comply with GoC disclosure guidelines.  The application includes an administrative module.</t>
  </si>
  <si>
    <t>DFATD-4209</t>
  </si>
  <si>
    <t>ccm - Questions and Answers</t>
  </si>
  <si>
    <t>ccm-Q&amp;As</t>
  </si>
  <si>
    <t>The Questions and Answers System (Q&amp;A) is a ccmMercury based application accessed by officers in the department and the executive offices to generate Q&amp;A's for Question Period in the House of Commons.</t>
  </si>
  <si>
    <t>DFATD-4214</t>
  </si>
  <si>
    <t>Security Incident Reporting Tool</t>
  </si>
  <si>
    <t>SIRT</t>
  </si>
  <si>
    <t>The SIRT system is used to keep track of Incident that occurs at missions.   The system is used to manage information such as types of incidents, number of casualties, time, location, zone, etc.   Every time an incident is entered into the system an e-mail is sent to notify the appropriate person.  SIRT also provides functionality to maintain a list of Mission Security Officers (MSO) and DMSO, Military police, Regional Security Officer, Regional Security Managers, etc.</t>
  </si>
  <si>
    <t>DFATD-4215</t>
  </si>
  <si>
    <t>Remedy - Service Request Module</t>
  </si>
  <si>
    <t>Remedy-SR</t>
  </si>
  <si>
    <t>This is a Remedy ARS based application that is primarily used by the Help Center, ITP's/FSITP's at HQ and abroad and several other AID groups to submit and handles activities and issues related to processes such as Incident and Problem Management.</t>
  </si>
  <si>
    <t>DFATD-4216</t>
  </si>
  <si>
    <t>Shop@DFATD</t>
  </si>
  <si>
    <t>Shop@DFATD is a shopping application for authorized departmental users to purchase hardware, software, office supplies, and procurement.  The application provides a great user experience with options that also allow a user to create dynamic catalogues.  Released Business Cards functionality November 2016</t>
  </si>
  <si>
    <t>DFATD-4220</t>
  </si>
  <si>
    <t>Infobank DM-RM - SIGNET-D (Client and Server)</t>
  </si>
  <si>
    <t>IB-D</t>
  </si>
  <si>
    <t>InfoBank is an Enterprise Records and Document Information Management System.  The DM-RM Server is used by Record Managers. Manages requests against the repository; manages library lists, access control to all full text indexes, and connectivity between all DM components. Encompasses DM Webtop application.</t>
  </si>
  <si>
    <t>Vendor:  OpentText  Product OpenText eDoc V5.3</t>
  </si>
  <si>
    <t>DFATD-4222</t>
  </si>
  <si>
    <t>Space Inventory Tool</t>
  </si>
  <si>
    <t>SpaceApp</t>
  </si>
  <si>
    <t>It does this by creating an excel file with all people information.</t>
  </si>
  <si>
    <t>DFATD-4224</t>
  </si>
  <si>
    <t>TeamInfo</t>
  </si>
  <si>
    <t>Teaminfo</t>
  </si>
  <si>
    <t>This file is then uploaded using the tool Sinker-Import on the other network.</t>
  </si>
  <si>
    <t>DFATD-4226</t>
  </si>
  <si>
    <t>Trade Commissioner Service Website</t>
  </si>
  <si>
    <t>TCS</t>
  </si>
  <si>
    <t>International Trade Development and Innovation</t>
  </si>
  <si>
    <t>The TCS (Trade Commissioner Service) system is an internet web site available to the public that provides export information on all markets and industry sectors.</t>
  </si>
  <si>
    <t>ATG Web Commerce, ATG</t>
  </si>
  <si>
    <t>DFATD-4227</t>
  </si>
  <si>
    <t>Treaties</t>
  </si>
  <si>
    <t>The Treaties application maintains information on active Canadian treaties and provides access to the Treaty documents via the Internet.   This application also includes an administrative module.</t>
  </si>
  <si>
    <t>DFATD-4229</t>
  </si>
  <si>
    <t>Velocity (IDACS-HQ)</t>
  </si>
  <si>
    <t>IDACS-HQ</t>
  </si>
  <si>
    <t>Velocity, Hirsch</t>
  </si>
  <si>
    <t>DFATD-4232</t>
  </si>
  <si>
    <t>Visits Calendar</t>
  </si>
  <si>
    <t>Visits</t>
  </si>
  <si>
    <t>Visits Calendar application is a tool to collect and share information about visits by foreign governments or heads of state to representatives of Canada such as the Governor General of Canada, Prime Minister office, and ministers from the Department of Foreign Affairs and International Trade. It also collects information about visits by representatives of Canada to foreign countries.</t>
  </si>
  <si>
    <t>DFATD-4235</t>
  </si>
  <si>
    <t>Wiki@International</t>
  </si>
  <si>
    <t>The Wiki application is the departmental use that facilities the collection of web pages that can be accessed by GAC staff that can then contribute to or modify content using a simplified editor. This provides an online tool to greatly improve collaboration amongst GAC staff.</t>
  </si>
  <si>
    <t>DFATD-4275</t>
  </si>
  <si>
    <t>HRMS - Employee Self Service Bolt-on</t>
  </si>
  <si>
    <t>HRMS-ESS</t>
  </si>
  <si>
    <t>Vendor:  Oracle PeopleSoft Enterprise PeopleTools  Product:   Enterprise PeopleTools 8.51 - Employee Self-Service</t>
  </si>
  <si>
    <t>DFATD-4276</t>
  </si>
  <si>
    <t>HRMS - Manager Self-Service Bolt-on</t>
  </si>
  <si>
    <t>HRMS-MSS</t>
  </si>
  <si>
    <t>Vendor:  Oracle PeopleSoft Enterprise PeopleTools  Product:  Enterprise PeopleTools 8.51 - Manager Self-Service</t>
  </si>
  <si>
    <t>DFATD-4277</t>
  </si>
  <si>
    <t>HRMS - Position Activity Bolt-on</t>
  </si>
  <si>
    <t>HRMS-PA</t>
  </si>
  <si>
    <t>Vendor:  Oracle PeopleSoft Enterprise PeopleTools  Product:  Enterprise PeopleTools 8.51 - Posting Administration</t>
  </si>
  <si>
    <t>DFATD-4279</t>
  </si>
  <si>
    <t>Mission Planning and Reporting System</t>
  </si>
  <si>
    <t>MPRS</t>
  </si>
  <si>
    <t>The Mission Planning and Reporting System is a bilingual web-based solution for mission planning and reporting templates to facilitate the alignment of Mission work with GOC and GAC priorities as well as the gathering and tracking of results, particularly as it relates to Political, Economic Reporting and Public Affairs Program (PERPA). A primary tool to facilitate data analysis by executives (ADMs, DGs &amp; HOMs) and to support summary analysis for missions.</t>
  </si>
  <si>
    <t>DFATD-4280</t>
  </si>
  <si>
    <t>Remedy - Shipment Module</t>
  </si>
  <si>
    <t>Remedy-Ship</t>
  </si>
  <si>
    <t>This application, based on Remedy, is used to manage and track DFAIT shipments.</t>
  </si>
  <si>
    <t>DFATD-4281</t>
  </si>
  <si>
    <t>Remedy - Procurement</t>
  </si>
  <si>
    <t>Remedy-Procure</t>
  </si>
  <si>
    <t>This Remedy module, which is linked to Shop@DFAIT, is used to process orders.</t>
  </si>
  <si>
    <t>DFATD-4282</t>
  </si>
  <si>
    <t>Remedy - Library</t>
  </si>
  <si>
    <t>Remedy-Lib</t>
  </si>
  <si>
    <t>Remedy based module that is used to track portfolio and reference requests and to gather statistics on requests.  AIML has been using this Remedy module since 1998.</t>
  </si>
  <si>
    <t>DFATD-4283</t>
  </si>
  <si>
    <t>Remedy SIGNET-D Platform</t>
  </si>
  <si>
    <t>Remedy-D</t>
  </si>
  <si>
    <t>BMC Remedy AR System provides a consolidated Service Process Management platform for automating and managing Service Management business processes.  BMC Remedy AR System is used for efficiency in Service Management business process delivery and includes pre-built modules for notifications, escalations, and approvals. It also provides business activity monitoring functionality to proactively measure business process performance.</t>
  </si>
  <si>
    <t>DFATD-4285</t>
  </si>
  <si>
    <t>LESPay-T4</t>
  </si>
  <si>
    <t>LES-T4</t>
  </si>
  <si>
    <t>LESPay is a system for storing and maintaining pay lists for locally engaged staff at the missions and for processing T4 slips at the end of year.  This system also consists of a spreadsheet portion which is updated and deployed by SIAE.</t>
  </si>
  <si>
    <t>DFATD-4293</t>
  </si>
  <si>
    <t>Canadian Heads of Posts Abroad from 1880</t>
  </si>
  <si>
    <t>CHPA-1880</t>
  </si>
  <si>
    <t>This application is used to manage a list of  of Head's of Missions for the department.</t>
  </si>
  <si>
    <t>DFATD-4302</t>
  </si>
  <si>
    <t>Accommodation Reporting and Tracking System</t>
  </si>
  <si>
    <t>ARTS</t>
  </si>
  <si>
    <t>ARTS (Accommodation Reporting and Tracking System) is a web application to keep track of all accommodations requests that HAD client receives from departmental users at HQ.</t>
  </si>
  <si>
    <t>DFATD-4303</t>
  </si>
  <si>
    <t>Scholarships</t>
  </si>
  <si>
    <t>The Scholarships system is used by applicants such as students and institutions to submit and apply for scholarships provided by GAC.  The system is also responsible for managing this data and providing related applicant reports to senior management. Program Managers and Administrators also use the system to process scholarships applications by moving them along from applied to approved and granted.</t>
  </si>
  <si>
    <t>DFATD-4305</t>
  </si>
  <si>
    <t>FSD Portal</t>
  </si>
  <si>
    <t>FSD-Portal</t>
  </si>
  <si>
    <t>DFATD-4306</t>
  </si>
  <si>
    <t>ccmMercury Platform - D (for unclassified information)</t>
  </si>
  <si>
    <t>ccm-D</t>
  </si>
  <si>
    <t>ccmMercury is a COTS workflow product to support activities of Executive Services.  A number of different solutions are leveraging this platform.</t>
  </si>
  <si>
    <t>DFATD-4310</t>
  </si>
  <si>
    <t>This application is used to manage, store, and conduct analysis and assessments on all business and corporate system applications in the department.</t>
  </si>
  <si>
    <t>DFATD-4311</t>
  </si>
  <si>
    <t>Content Management System</t>
  </si>
  <si>
    <t>CMS-NAFTA</t>
  </si>
  <si>
    <t>A Content Management System used to create pages for Canadian, USA, Mexican national sections and NAFTA trilateral websites.</t>
  </si>
  <si>
    <t>DFATD-4312</t>
  </si>
  <si>
    <t>Registry Information System</t>
  </si>
  <si>
    <t>RIS-NAFTA</t>
  </si>
  <si>
    <t>This application allows administrators of all 3 Secretariats(Canada, United States, and Mexico) to create Panel Review Cases, upload and download documents pertaining to these cases, and maintain participants and Counsel that are associated to these cases onto a web enabled platform.</t>
  </si>
  <si>
    <t>DFATD-4313</t>
  </si>
  <si>
    <t>International Experience Canada</t>
  </si>
  <si>
    <t>IEC</t>
  </si>
  <si>
    <t>The International Experience Canada (IEC) program negotiates and manages reciprocal youth mobility arrangements (i.e., treaties and memoranda of understanding) that simplify the process for Canadian and non-Canadian youth to gain travel, work and life experiences in another country.   Focussing on the creation of a solution for the front-end and back-end systems to support the non-Canadian online application process.</t>
  </si>
  <si>
    <t>DFATD-4314</t>
  </si>
  <si>
    <t>Summits, Official Events &amp; Management Services Registration and Accreditatio</t>
  </si>
  <si>
    <t>SOEMS</t>
  </si>
  <si>
    <t>DFATD-4316</t>
  </si>
  <si>
    <t>Web Security Module</t>
  </si>
  <si>
    <t>WSM</t>
  </si>
  <si>
    <t>The Web Security application allows clients to handle the management of Active Directory for their application.  Mainly used by application made by SIA.  As of (May 2015), it includes a module to create ad groups for the specific applications.</t>
  </si>
  <si>
    <t>DFATD-4319</t>
  </si>
  <si>
    <t>Agora</t>
  </si>
  <si>
    <t>This application, based on the open-source software ELGG, is used by various users throughout the department for E-collaboration, knowledge sharing and reporting services.</t>
  </si>
  <si>
    <t>DFATD-4320</t>
  </si>
  <si>
    <t>Case Management Tracking System</t>
  </si>
  <si>
    <t>CMTS</t>
  </si>
  <si>
    <t>CMTS is a tool for managing client position change request for GAC, other government departments (OGD's), and co-locator clients by recording and tracking client requests. The application records and tracks position change requests such as position creations, deletions, reclassifications, redeployments and term extensions. CMTS tracks the progress of each case through various stages, including several exchanges of the file throughout the departments during administrative tool and a key source of information for internal GAC management reporting. In addition, CMTS is the sole source of data driving the Position Costing Automation Tool (TM1-PCAT) which serves as the corporate application used to create costing scenarios for each position change request.</t>
  </si>
  <si>
    <t>DFATD-4323</t>
  </si>
  <si>
    <t>Business Intelligence - Manager's Dashboard</t>
  </si>
  <si>
    <t>BI-MDB</t>
  </si>
  <si>
    <t>The Managers’ Dashboard is a web-based solution providing high-level and detailed information with focus on financial, HR, education, mission, trade, and real property, from one central location. It is used by Fund Centre Managers across GAC to provide current and previous fiscal years information for a quick view at trends and for comparison between fiscal years.  It is using Active Directory as a source for single sign-on.</t>
  </si>
  <si>
    <t>DFATD-4325</t>
  </si>
  <si>
    <t>Business Intelligence - International Business Development Dashboard</t>
  </si>
  <si>
    <t>BI-IBD</t>
  </si>
  <si>
    <t>The International Business Development application is used by trade commissioners world-wide to support Canadian businesses. The IBD Dashboard is comprised of scorecards, a self-serve environment and dimensional reports and cubes.</t>
  </si>
  <si>
    <t>DFATD-4326</t>
  </si>
  <si>
    <t>Business Intelligence - Information Management Improvement Plan Dashboard</t>
  </si>
  <si>
    <t>BI-IMIP</t>
  </si>
  <si>
    <t>The Information Management Improvement Plan dashboard is used by the Information Management branch and accessed by Senior Management interested in understanding how Information Management solutions are used within their area of responsibility. The IMIP Dashboard is comprised of scorecards, a self-serve environment and dimensional reports and cubes.</t>
  </si>
  <si>
    <t>DFATD-4327</t>
  </si>
  <si>
    <t>Emergency Management Portal</t>
  </si>
  <si>
    <t>EMP</t>
  </si>
  <si>
    <t>The Emergency Management Portal provides real-time information related to situational awareness, analysis,and lessons learned  to improve emergency and crisis management in the department.</t>
  </si>
  <si>
    <t>DFATD-4331</t>
  </si>
  <si>
    <t>Remedy - Automated Incident Management Application</t>
  </si>
  <si>
    <t>Remedy-AIMApp</t>
  </si>
  <si>
    <t>This system is a Remedy platform application that is used by IT support users to assigns, notify, and track detected IT infrastructure incidents.</t>
  </si>
  <si>
    <t>DFATD-4334</t>
  </si>
  <si>
    <t>TRIO2</t>
  </si>
  <si>
    <t>International Trade Development</t>
  </si>
  <si>
    <t>TRIO2 is an eCRM (contact management system and client relationship system) and is now fully operational for use by trade officers  to record Canadian and local contacts and interactions with those contacts.  TRIO -- the original system -- is now working in read-only mode after being replaced in FY 2013-2014.</t>
  </si>
  <si>
    <t>DFATD-4335</t>
  </si>
  <si>
    <t>Mission Emergency Plan Generator</t>
  </si>
  <si>
    <t>MEPGen</t>
  </si>
  <si>
    <t>DFATD-4337</t>
  </si>
  <si>
    <t>Panorama (MAPS America)</t>
  </si>
  <si>
    <t>Panorama</t>
  </si>
  <si>
    <t>Panorama is a web-based inventory and mapping tool, capturing and displaying Government of Canada programming footprint in support of Canada’s Strategy for engagement in the Americas.  Its database incorporates and displays on an internal map projects over $25,000 from all Departments, Agencies and Crown Corporations (DACC) partners funding projects in the Americas. DACC partners without access to SIGNET can use an external portal to the Panorama system to enter their project information directly and view the whole-of-government inventory and the associated map. A subset of the project data is also accessible to the public on Americas.gc.ca , a GAC-hosted whole-of-government website.</t>
  </si>
  <si>
    <t>DFATD-4339</t>
  </si>
  <si>
    <t>Web Reporting</t>
  </si>
  <si>
    <t>WeRept</t>
  </si>
  <si>
    <t>The Web Reporting application provides forms and functionality to collect web inventory statistics and assign/complete/review manual assessments to monitor the compliance to WCAG 2.0 standards of websites. In addition to data collection, Web Reporting provides global reporting of an entire web inventory and assessment comparisons. The data collected is currently only of public facing websites, but may be extended to Intranet sites if required.</t>
  </si>
  <si>
    <t>DFATD-4340</t>
  </si>
  <si>
    <t>Division IT Asset Report System</t>
  </si>
  <si>
    <t>IT-Asset</t>
  </si>
  <si>
    <t>Divisional and individual IT Asset inventory display and reconciliation.</t>
  </si>
  <si>
    <t>DFATD-4341</t>
  </si>
  <si>
    <t>Mission Online Payment System</t>
  </si>
  <si>
    <t>MOPS</t>
  </si>
  <si>
    <t>The MOPS is used by Consular and International Experience agents at mission abroad to process payments for clients’ service requests. It allows missions to collect revenue via credit card and offers this payment method to clients abroad. The MOPS provides an end to end online credit card payment solution.  The MOPS is used to receive payments from clients requesting a service at mission in person and by mail.</t>
  </si>
  <si>
    <t>CFLI</t>
  </si>
  <si>
    <t>DFATD-4343</t>
  </si>
  <si>
    <t>My International</t>
  </si>
  <si>
    <t>MyIntl</t>
  </si>
  <si>
    <t>My International is a WordPress based application that provides a platform for content display, sharing, and aggregation with specific merit to DFATD's mandate.</t>
  </si>
  <si>
    <t>DFATD-4346</t>
  </si>
  <si>
    <t>Travel Advice Management Application</t>
  </si>
  <si>
    <t>TAMA</t>
  </si>
  <si>
    <t>The TAMA (Travel Advice Management Application) software will manage all data published to the Travel advice section of travel.gc.ca and voyage.gc.ca.  The information will be published to the Signet-D intranet and be pulled from a processed managed by an application managed by LDWR (formely BCI) to generate the webpage.</t>
  </si>
  <si>
    <t>DFATD-4347</t>
  </si>
  <si>
    <t>Modus</t>
  </si>
  <si>
    <t>MODUS</t>
  </si>
  <si>
    <t>Modus is a departmental web application that hosts the business processes and related tools that employees need to do their work and to stay informed of departmental practices, including: policies and directives; strategies and frameworks; guidelines and instructions; and templates and forms. The content on Modus is created and managed by business process owners who are supported by branch advisors and the Modus team. Corporate Management Committee unanimously endorsed the corporate business management framework and governance structure, featuring Modus as the single repository for departmental processes, in May 2014. Business process governance, with an emphasis on ensuring lean processes that respond to the needs of users, is consistent with the obje</t>
  </si>
  <si>
    <t>DFATD-4348</t>
  </si>
  <si>
    <t>Canada's Trade Facts</t>
  </si>
  <si>
    <t>CTF</t>
  </si>
  <si>
    <t>The Pocket Facts application is a WEB-based, mobile device-friendly version of the Pocket Facts site, developed to allow for global access to Canada’s Trade statistics. These statistics are gathered primarily from Statcan CANSIM tables, and these have been substantially altered since the initial release of the Pocket Facts application.</t>
  </si>
  <si>
    <t>DFATD-4349</t>
  </si>
  <si>
    <t>Mission Request Online</t>
  </si>
  <si>
    <t>MRO</t>
  </si>
  <si>
    <t>Fully functional integrated Mission Workflow Request system for the RSC and Missions that will provide end- clients and Missions, the ability to submit, receive, track, list, action and request via a Workflow Client &amp; web-based platform on Signet-D.</t>
  </si>
  <si>
    <t>DFATD-4350</t>
  </si>
  <si>
    <t>Lyris is a large volume email management tool that delivers departmental messaging to a broad range of stakeholders, including the Canadian public, the media and other key constituencies. It is primarily used BCI to support MINA media release products. Lyris is integrated with Interwoven WCMS and is a business critical application for the department.</t>
  </si>
  <si>
    <t>Lyris, Lyris ListManager</t>
  </si>
  <si>
    <t>DFATD-4351</t>
  </si>
  <si>
    <t>Pureshare Service Portal</t>
  </si>
  <si>
    <t>Pureshare</t>
  </si>
  <si>
    <t>Service Portal- The Service Portal consolidates Business Service Management &amp; ITSM information from Remedy, SCOM and Pureshare databases concurrently and displays it on web dashboards to offer real-time views of operational metrics.</t>
  </si>
  <si>
    <t>DFATD-4410</t>
  </si>
  <si>
    <t>Partners@International</t>
  </si>
  <si>
    <t>P@I</t>
  </si>
  <si>
    <t>The Partners@International Web portal is part of the department's corporate solution to manage Grants &amp; Contributions.  It allows Canadian and international organizations to register, submit applications for funding (proposals submission) and submit claims.  The portal allows program managers and officers to administer the organizations, applications and claims.</t>
  </si>
  <si>
    <t>DFATD-4446</t>
  </si>
  <si>
    <t>Security Stability Project Management Tool</t>
  </si>
  <si>
    <t>START</t>
  </si>
  <si>
    <t>The Security and Stability Project Management Tool (SSPMT) is START’s project management system. Along with data entry, project management capabilities, the SSPMT can conduct various automations for corporate reporting and business process requirements. It is essentially a software used to manage START’s grants and contribution projects. It is mostly used by START’s programming division (IRG)</t>
  </si>
  <si>
    <t>DFATD-4448</t>
  </si>
  <si>
    <t>Strategia</t>
  </si>
  <si>
    <t>Strategia is a single Web-based Planning and Reporting portal for missions, allowing for Whole-of-mission, Commercial, Common Service Delivery,  FPDS, and Budget  planning and reporting to take place on a holistic and synchronized basis using an open and transparent platform.</t>
  </si>
  <si>
    <t>DFATD-4450</t>
  </si>
  <si>
    <t>SCCM Reports</t>
  </si>
  <si>
    <t>It's a reporting system that will analyze DFATD software inventory ( as well as other factors) and identify workstations that are eligible for upgrade to the Signet4 platform. The reporting system will also be used to identify software that must be certified for the signet4 platform.</t>
  </si>
  <si>
    <t>DFATD-4457</t>
  </si>
  <si>
    <t>SAP Portal for the SAP Corporate Reporting</t>
  </si>
  <si>
    <t>SAP-CR</t>
  </si>
  <si>
    <t>Acquisition Services,Financial Management Services,Human Resources Management Services,Management and Oversight Services,Materiel Services</t>
  </si>
  <si>
    <t>The SAP portal is GAC’s installation of the SAP NetWeaver 7.4 to provide access to SAP Finance and Administration Reporting system via Web Portal to access corporate financial reports and the FINSTAT application (Integrated Planning).</t>
  </si>
  <si>
    <t>SAP CANADA</t>
  </si>
  <si>
    <t>SIC</t>
  </si>
  <si>
    <t>DFATD-4471</t>
  </si>
  <si>
    <t>Scholarships (Admin)</t>
  </si>
  <si>
    <t>DFATD-4488</t>
  </si>
  <si>
    <t>Canadian Heads of Posts Abroad from 1880 (Admin)</t>
  </si>
  <si>
    <t>CHPA-1880 (Admin)</t>
  </si>
  <si>
    <t>Canada''s International</t>
  </si>
  <si>
    <t>Admin application used to enter data that is displayed on the Canadian Heads of Posts Abroad public site.</t>
  </si>
  <si>
    <t>DFATD-4489</t>
  </si>
  <si>
    <t>Invest in Canada-Community Initiative (Admin)</t>
  </si>
  <si>
    <t>ICCI-Admin</t>
  </si>
  <si>
    <t>Admin application used to maintain various features in the ICCI Public app</t>
  </si>
  <si>
    <t>DFATD-4491</t>
  </si>
  <si>
    <t>Panorama Admin</t>
  </si>
  <si>
    <t>PanoramaAdmin</t>
  </si>
  <si>
    <t>Admin app used by Internal admins to maintain various features in the public facing Panorama application</t>
  </si>
  <si>
    <t>DFATD-4492</t>
  </si>
  <si>
    <t>Panorama (OGD Admin)</t>
  </si>
  <si>
    <t>OGDAdmin</t>
  </si>
  <si>
    <t>Admin app used by OGD users who have been granted access to maintian projects related to their department in Panorama</t>
  </si>
  <si>
    <t>DFATD-4493</t>
  </si>
  <si>
    <t>Shop@DFATD (Admin)</t>
  </si>
  <si>
    <t>Admin app used to maintain various features in the Shop@DFATD app</t>
  </si>
  <si>
    <t>DFATD-4494</t>
  </si>
  <si>
    <t>Treaties (Admin)</t>
  </si>
  <si>
    <t>Treaties-Admin</t>
  </si>
  <si>
    <t>Admin app used to maintain various features in the Treaties system.</t>
  </si>
  <si>
    <t>DFATD-4495</t>
  </si>
  <si>
    <t>Proactive Disclosure of Travel and Hospitality Expenses (Admin)</t>
  </si>
  <si>
    <t>DTHEAdmin</t>
  </si>
  <si>
    <t>Admin app used to maintain the DTHE Puplic facing app</t>
  </si>
  <si>
    <t>DFATD-4496</t>
  </si>
  <si>
    <t>Proactive Disclosure of Contracts (Admin)</t>
  </si>
  <si>
    <t>ProDisContractsAdmin</t>
  </si>
  <si>
    <t>Admin app used to maintain the Contract DisclosurePuplic facing app</t>
  </si>
  <si>
    <t>DFATD-4497</t>
  </si>
  <si>
    <t>idM</t>
  </si>
  <si>
    <t>DFATD-4498</t>
  </si>
  <si>
    <t>AppStore</t>
  </si>
  <si>
    <t>Flexera_Software_LLC</t>
  </si>
  <si>
    <t>Appstore enables IT Managers to enforce continual software license compliance and control software deployment, while increasing customer satisfaction and the efficiency of application service delivery. The employee driven enterprise app store automates the request, fulfillment and reclamation of software licenses to eliminate waste, ensure proper governance, and maximize usage of enterprise software.</t>
  </si>
  <si>
    <t>FlexNet App Portal</t>
  </si>
  <si>
    <t>DFATD-4500</t>
  </si>
  <si>
    <t>xCIDA and XDFAIT Account Provisioning</t>
  </si>
  <si>
    <t>AP</t>
  </si>
  <si>
    <t>Application used to generate the list of xCIDA mail addresses used to feed the CIDA-DFAIT Mail Checker app</t>
  </si>
  <si>
    <t>DFATD-4504</t>
  </si>
  <si>
    <t>MIISReplace Apps</t>
  </si>
  <si>
    <t>MIISReplace</t>
  </si>
  <si>
    <t>This suite of application (4 in total) sync information between AD &amp; SQL. 1 - People.  This information is synced from AD to the Personnel database 2 - Country.  This information is synced from the Country database into AD  3 - Building.  This information is synced from the Organization database into AD 4 - Orgs.  This information is synced from the Organization database into AD</t>
  </si>
  <si>
    <t>DFATD-4505</t>
  </si>
  <si>
    <t>GiftBank</t>
  </si>
  <si>
    <t>Used by the Office of Protocol to track the gifts that were given to foreign individuals by the Governor General, the Prime Minister and GAC portfolio Ministers.</t>
  </si>
  <si>
    <t>DFATD-4506</t>
  </si>
  <si>
    <t>Official Events System Standalone</t>
  </si>
  <si>
    <t>OES-S</t>
  </si>
  <si>
    <t>The Official Events Standalone System is used by the Official Events section of Protocol to record and track information about special events/visits. The application includes the same functionality as Official Events System and also the functionality to “Reset” contact information in the database.  OES standalone has its own separate database.</t>
  </si>
  <si>
    <t>DFATD-4508</t>
  </si>
  <si>
    <t>Travel Smart Mobile App</t>
  </si>
  <si>
    <t>TSMA</t>
  </si>
  <si>
    <t>Mobile application for Canadian travellers to access travel related information on their mobile devices.</t>
  </si>
  <si>
    <t>DFATD-4518</t>
  </si>
  <si>
    <t>Totaux du SICS / KISS Totals</t>
  </si>
  <si>
    <t>KISSTotals</t>
  </si>
  <si>
    <t>This is the Information System on Selections database for entering data and producing reports on the selection of requests for proposals posted on the MERX electronic tendering</t>
  </si>
  <si>
    <t>DFATD-4530</t>
  </si>
  <si>
    <t>Forms Portal</t>
  </si>
  <si>
    <t>This application is a COTS product (Adobe LiveCycle ES4).  All the forms exists within its repository.  It has a small web component which allows it to contact Interwoven for the Intranet horseshoe.  A separate JSP page allows for the searching of the form.</t>
  </si>
  <si>
    <t>Forms Manager</t>
  </si>
  <si>
    <t>DFATD-4535</t>
  </si>
  <si>
    <t>SAP Financial Administration System - SAP GUI</t>
  </si>
  <si>
    <t>SAP - FAS</t>
  </si>
  <si>
    <t>DFATD-4536</t>
  </si>
  <si>
    <t>Finance and Administration System Portal</t>
  </si>
  <si>
    <t>FAS Portal</t>
  </si>
  <si>
    <t>The SAP portal is GAC’s installation of the SAP NetWeaver 7.4 to provide access to GCS Project Management (Project System) module via Web Portal to create and maintain G&amp;C projects.</t>
  </si>
  <si>
    <t>DFATD-4537</t>
  </si>
  <si>
    <t>SAP Financial Administration Reporting System</t>
  </si>
  <si>
    <t>SAP - FARS</t>
  </si>
  <si>
    <t>DFATD-4543</t>
  </si>
  <si>
    <t>Travel Wizard Interactive Consular Inquiry Guide</t>
  </si>
  <si>
    <t>Travel Wizard</t>
  </si>
  <si>
    <t>Web Application designed to reduce the number of routine queries placed on missions, “Travel Wizard” as part of the plan’s Go Digital initiatives which would facilitate routine requests to be addressed immediately, thereby allowing consular staff to focus on more complex cases.</t>
  </si>
  <si>
    <t>DFATD-4549</t>
  </si>
  <si>
    <t>Web analytics tool used by corporate communication teams to monitor and measure departmental web traffic. The software utilizes log file analysis and page tagging. Log analysis reads the files in which the web server records all its transactions</t>
  </si>
  <si>
    <t>Webtrends, Webtrends</t>
  </si>
  <si>
    <t>DFATD-4560</t>
  </si>
  <si>
    <t>Canadian Immigration Biometric System</t>
  </si>
  <si>
    <t>CIBIDS</t>
  </si>
  <si>
    <t>Front-end software used to collect biographic and bio-metric information from Visa required visitors to Canada.</t>
  </si>
  <si>
    <t>DFATD-4570</t>
  </si>
  <si>
    <t>Position Costing Automation Tool</t>
  </si>
  <si>
    <t>TM1-PCAT</t>
  </si>
  <si>
    <t>The Position Costing Automation Tool 1.0 is designed to offer GAC,  partner departments  and co-locators a simple-to-use Web interface that incorporates data from many systems to generate costing estimates  in real-time for the creation/deletion/change of all mission positions.</t>
  </si>
  <si>
    <t>DFATD-4681</t>
  </si>
  <si>
    <t>ICCI Cognos Reporting</t>
  </si>
  <si>
    <t>ICCI reporting in Cognos using new ETL and data manager processes to prepare data.</t>
  </si>
  <si>
    <t>DFATD-4724</t>
  </si>
  <si>
    <t>ARBD Facts Reports</t>
  </si>
  <si>
    <t>ARBD</t>
  </si>
  <si>
    <t>Reporting software.</t>
  </si>
  <si>
    <t>DFATD-4725</t>
  </si>
  <si>
    <t>BPC Minutes</t>
  </si>
  <si>
    <t>BPC</t>
  </si>
  <si>
    <t>Software for recording meeting minutes and generating reports.</t>
  </si>
  <si>
    <t>DFATD-4727</t>
  </si>
  <si>
    <t>Mary</t>
  </si>
  <si>
    <t>Project planning tool.</t>
  </si>
  <si>
    <t>DFATD-4728</t>
  </si>
  <si>
    <t>MPSR Exec Summary</t>
  </si>
  <si>
    <t>MPSR</t>
  </si>
  <si>
    <t>Custom reporting osftware for division.</t>
  </si>
  <si>
    <t>DFATD-4729</t>
  </si>
  <si>
    <t>Zebra</t>
  </si>
  <si>
    <t>CAD drawing filing system.</t>
  </si>
  <si>
    <t>DFATD-4736</t>
  </si>
  <si>
    <t>GACTracker</t>
  </si>
  <si>
    <t>Application used to track the time for the different commitments for the teams under SIA</t>
  </si>
  <si>
    <t>DFATD-4748</t>
  </si>
  <si>
    <t>NAFTA Now</t>
  </si>
  <si>
    <t>NAFTAN</t>
  </si>
  <si>
    <t>NAFTA Now is a tripartite website established jointly by the governments of Canada, the U.S. and Mexico in 2007.</t>
  </si>
  <si>
    <t>DFATD-4749</t>
  </si>
  <si>
    <t>Passport Canada Parliament Portal</t>
  </si>
  <si>
    <t>PCPP</t>
  </si>
  <si>
    <t>Site used by Members of Parliament to assist constituents with passport related issues.</t>
  </si>
  <si>
    <t>DFATD-4752</t>
  </si>
  <si>
    <t>Consular Management Information Program</t>
  </si>
  <si>
    <t>COMIP</t>
  </si>
  <si>
    <t>COMIP (Consular Management information Program) is the consular management component of the COSMOS consular package. It is used to record information concerning consular and non-consular activity and personnel information for management purposes and the planning of consular operations. Such functions include the analysis of consular work by missions or headquarters division/unit, the monitoring of workload levels and the targeting of appropriate resources as required.   COMIP main functionalities are organized by two main entities:  Mission User [Daily Input User] and  Mission Manager [Program Manager]  Mission users are asked to complete their Daily Input Log for each day they worked as well as submit their Monthly Input Log [monthly summary of their</t>
  </si>
  <si>
    <t>DFATD-4757</t>
  </si>
  <si>
    <t>Resource Availability Manager Web Application</t>
  </si>
  <si>
    <t>RAMWA</t>
  </si>
  <si>
    <t>The Resource Availability Manager provides an calendar view for managers and employees to view resource availability at a glance. It also provides a mechanism to submit availability changes and notify associated managers by email.</t>
  </si>
  <si>
    <t>DFATD-4758</t>
  </si>
  <si>
    <t>Training Course Calendar and Catalogue Search Web Application</t>
  </si>
  <si>
    <t>TCC</t>
  </si>
  <si>
    <t>3-4x PowerShell scripts set to download 4x files from MyAccount (Excel spreadsheet format) and re-format them into a useable .html "include" file. The same server that does the PowerShell script automation also has to host the "Calendar" website which uses the "include" file generated by the PowerShell scripts to display all the running courses in MyAccount. These scripts run daily to have up-to-date data available on the website/calendar.</t>
  </si>
  <si>
    <t>DFATD-4760</t>
  </si>
  <si>
    <t>Travel Expenses Log</t>
  </si>
  <si>
    <t>TEL</t>
  </si>
  <si>
    <t>The Travel Expenses Log is an MS Access database to help SMVF with prioritizing, tracking and processing of all HRG travel claim requests.</t>
  </si>
  <si>
    <t>DFATD-4765</t>
  </si>
  <si>
    <t>Velocity (IDACS at Missions)</t>
  </si>
  <si>
    <t>IDACS at Missions</t>
  </si>
  <si>
    <t>DFATD-4780</t>
  </si>
  <si>
    <t>Dialogue Admin</t>
  </si>
  <si>
    <t>Dialogue-Admin</t>
  </si>
  <si>
    <t>The Dialogue application is a web based survey tool that allows the Centre of Learning for International Affairs and Management (CFSD) to conduct secure online 180/360 degree feedback evaluation questionnaires for appointed Heads of Missions (HOMs), Perfo</t>
  </si>
  <si>
    <t>DFATD-4781</t>
  </si>
  <si>
    <t>Hazard Prevention Program Online Tool</t>
  </si>
  <si>
    <t>HPPOT</t>
  </si>
  <si>
    <t>DFATD-4783</t>
  </si>
  <si>
    <t>Mission Content Management Application</t>
  </si>
  <si>
    <t>MCMA</t>
  </si>
  <si>
    <t>The Mission Content Management Application (MCMA) is a web application that provides users with a framework to enter specific (mission) consular content in a structured fashion so that it may be re-purposed on multiple platforms, such as: Ask Travel, Mission Websites, future Country Pages, and Travel App.</t>
  </si>
  <si>
    <t>DFATD-4784</t>
  </si>
  <si>
    <t>NAFTA Secretariat - Canadian Site</t>
  </si>
  <si>
    <t>NAFTA-SC</t>
  </si>
  <si>
    <t>NAFTA Secretariat comprises of the Canadian, Mexican and the U.S. national sections. The three national sections are required to provide joint administration of trade dispute resolution mechanisms. As a result, they jointly developed the web based registry information system and NAFTA, Canadian, Mexican and U.S. section websites, which are administered by the Canadian Section.</t>
  </si>
  <si>
    <t>DFATD-4785</t>
  </si>
  <si>
    <t>NAFTA Secretariat - American Site</t>
  </si>
  <si>
    <t>NAFTA-SA</t>
  </si>
  <si>
    <t>DFATD-4786</t>
  </si>
  <si>
    <t>NAFTA Secretariat - Mexican Site</t>
  </si>
  <si>
    <t>NAFTA-SM</t>
  </si>
  <si>
    <t>DFATD-4791</t>
  </si>
  <si>
    <t>Proactive Disclosure of Grants and Contributions</t>
  </si>
  <si>
    <t>DFATD-4796</t>
  </si>
  <si>
    <t>CESSAutoGroup</t>
  </si>
  <si>
    <t>CESS</t>
  </si>
  <si>
    <t>The ‘CESSAutoGroup v1r1’ package is a response to a requirement requested by ARCB for a script which can ‘flatten’ the collective membership for all users (including nested users) of groups ‘L_APP_CESS*’ and ‘L_LC_CESS*’ into a single group ‘CESS_AllUsers’. The script is also required to perform this activity on a schedule, such that the ‘CESS_AllUsers’ groups will remain synchronized as the other CESS* groups become populated, for example through changes applied using the DFAIT Web Security Application. The specific requirement originates from a limitation within some of the proprietary CESS (Chancery Electronic Security System) applications which are unable to efficiently enumerate heavily nested Active Directory groups. The CESS system or Next-Gener</t>
  </si>
  <si>
    <t>DFATD-4827</t>
  </si>
  <si>
    <t>AMU Reports</t>
  </si>
  <si>
    <t>AMU</t>
  </si>
  <si>
    <t>This application give the AMU a view of active directory.  They can view dormant account or expired accounts that can be cleaned up or a list of all OGDs in the department.  It also gives a report of AD based on certain audit rules.  This helps with the cleanup attempts.</t>
  </si>
  <si>
    <t>DFATD-4835</t>
  </si>
  <si>
    <t>Sinker-Export</t>
  </si>
  <si>
    <t>This application transfers people information from Signet-D to another network.</t>
  </si>
  <si>
    <t>DFATD-4860</t>
  </si>
  <si>
    <t>CESS Cardholder PIN Generation and Reset Application</t>
  </si>
  <si>
    <t>CESS-PIN</t>
  </si>
  <si>
    <t>This application generates PINs and resets PINs that are bound to facility access cards (ID cards) used by CBS, LES and co-locators at missions abroad. A valid facility access card + PIN combination provides the cardholder unescorted access to physical operation zones authorized by the mission.</t>
  </si>
  <si>
    <t>DFATD-4866</t>
  </si>
  <si>
    <t>GroupAutoMem</t>
  </si>
  <si>
    <t>GAM</t>
  </si>
  <si>
    <t>This group allows for the automatic population/depopulation of membership of AD groups.  This is handled by running a LDAP ad query in the background.  The results of that query will determine who will be put in the group.  The application is broken up into 2 parts.  A web portal to allow for the modification of rules and a console application.    The console application is set on a 1 hour schedule.  Each time it is run, it runs the rules for all groups that has a rule and then modifies the group permissions accordingly.</t>
  </si>
  <si>
    <t>DFATD-4869</t>
  </si>
  <si>
    <t>SAP-SM</t>
  </si>
  <si>
    <t>SAP Solution Manager is an integrated end-to-end platform intended to assist users in adopting new developments, managing the application lifecycle, and running SAP solutions.</t>
  </si>
  <si>
    <t>DFATD-4882</t>
  </si>
  <si>
    <t>Berlin CMS</t>
  </si>
  <si>
    <t>BCMS</t>
  </si>
  <si>
    <t>This is a locally created contacts management DB based on SQL. It's main users are public affairs, political and trade located at the BRLIN mission. More information to come.</t>
  </si>
  <si>
    <t>DFATD-4902</t>
  </si>
  <si>
    <t>Managed Secure File Transfer (MSFT)</t>
  </si>
  <si>
    <t>DFATD-4971</t>
  </si>
  <si>
    <t>Emergency Notification and Mass Communciation</t>
  </si>
  <si>
    <t>ERMS</t>
  </si>
  <si>
    <t>This is a mass text/email/call service we use when systems go down as well as to push urgent security warning messages, call trees in emergencies and to call in 24/7 responders on short notice.  All information can be found at https://www.ermscorp.com/</t>
  </si>
  <si>
    <t>DFATD-545</t>
  </si>
  <si>
    <t>YEIS</t>
  </si>
  <si>
    <t>DFATD-6</t>
  </si>
  <si>
    <t>Account Services Web Application</t>
  </si>
  <si>
    <t>IDM-AS</t>
  </si>
  <si>
    <t>An application used by partners of development projects and internal staff provides Single-Sign-On and self-serve solution.</t>
  </si>
  <si>
    <t>Health Canada</t>
  </si>
  <si>
    <t>HC-App0637</t>
  </si>
  <si>
    <t>PACCB Requests Content | Edition: N/A | Version: N/A</t>
  </si>
  <si>
    <t>PACCB Requests Conte</t>
  </si>
  <si>
    <t>HC - Internal Services 2: Communications Services</t>
  </si>
  <si>
    <t>Functionality in the 'Web Publishing Request System' - ASR 2975 - application writes some documents-attachments to this db. Once this db reaches a set threshold, an email will be sent to administrator to inform them to submit a new CR to add a second copy and so forth ( similar to MECS). The initial db as well as any additional ones will be located in the same path as the 'Web Publishing Request System' application. The initial name of this other db will be paccb_reqcontent1.nsf and the suffix number will be incremented by 1 for every additional db created once any given db reaches the set threshold.</t>
  </si>
  <si>
    <t>HC-App1567</t>
  </si>
  <si>
    <t>Public Opinion Research | Edition: N/A | Version: N/A</t>
  </si>
  <si>
    <t>POR</t>
  </si>
  <si>
    <t>The Public Opinion Research (POR) Database was created to provide convenient access to information regarding POR conducted for the Department. Specifically, the information will include project status, contract numbers, type of research, project cost, methodology, audience, POR and program contacts. Project information is inputted and updated by the senior POR research advisors on an ongoing basis. This database also has the ability to generate report information quickly and easily.</t>
  </si>
  <si>
    <t>HC-App1708</t>
  </si>
  <si>
    <t>BCGAdmin | Edition: N/A | Version: Not Yet Assessed</t>
  </si>
  <si>
    <t>HC - 3.1 First Nations and Inuit Primary Health Care</t>
  </si>
  <si>
    <t>HC-App1710</t>
  </si>
  <si>
    <t>Births | Edition: N/A | Version: Not Yet Assessed</t>
  </si>
  <si>
    <t>HC-App1718</t>
  </si>
  <si>
    <t>Communicable Disease Control | Edition: N/A | Version: Not Yet Assessed</t>
  </si>
  <si>
    <t>CDC</t>
  </si>
  <si>
    <t>HC - 3.1.2 First Nations and Inuit Public Health Protection</t>
  </si>
  <si>
    <t>HC-App1721</t>
  </si>
  <si>
    <t>Community Profiles | Edition: N/A | Version: Not Yet Assessed</t>
  </si>
  <si>
    <t>HC - 3.3.2.2 e-Health Infostructure</t>
  </si>
  <si>
    <t>A place to track programs, facilities, and connectivity issues by First Nation communities who access FNIHB resources.</t>
  </si>
  <si>
    <t>HC-App1725</t>
  </si>
  <si>
    <t>Deaths | Edition: N/A | Version: Not Yet Assessed</t>
  </si>
  <si>
    <t>HC-App1727</t>
  </si>
  <si>
    <t>Dental Appeals Database | Edition: N/A | Version: Not Yet Assessed</t>
  </si>
  <si>
    <t>DAD</t>
  </si>
  <si>
    <t>HC - 3.2 Supplementary Health Benefits for First Nations and Inuit</t>
  </si>
  <si>
    <t>HC-App1735</t>
  </si>
  <si>
    <t>DT_Service Program | Edition: N/A | Version: Not Yet Assessed</t>
  </si>
  <si>
    <t>HC - 3.1.1.1 Healthy Child Development</t>
  </si>
  <si>
    <t>HC-App1737</t>
  </si>
  <si>
    <t>DT_Supply Order | Edition: N/A | Version: Not Yet Assessed</t>
  </si>
  <si>
    <t>Supply Inventory List for Ordering Dental and Misc. Supplies</t>
  </si>
  <si>
    <t>HC-App1739</t>
  </si>
  <si>
    <t>eChart Requirement Tracking | Edition: N/A | Version: Not Yet Assessed</t>
  </si>
  <si>
    <t>HC-App1747</t>
  </si>
  <si>
    <t>Immunization | Edition: N/A | Version: Not Yet Assessed</t>
  </si>
  <si>
    <t>HC-App1755</t>
  </si>
  <si>
    <t>Drug Master File | Edition: N/A | Version: Not Yet Assessed</t>
  </si>
  <si>
    <t>DMF Database</t>
  </si>
  <si>
    <t>HC - 2.1 Health Products</t>
  </si>
  <si>
    <t>HC-App1757</t>
  </si>
  <si>
    <t>Inventory_Database | Edition: N/A | Version: Not Yet Assessed</t>
  </si>
  <si>
    <t>Supplies, Office and Dental Equipment Inventory Program</t>
  </si>
  <si>
    <t>HC-App1765</t>
  </si>
  <si>
    <t>Mail Room Postage Database | Edition: N/A | Version: V2</t>
  </si>
  <si>
    <t>HC - Internal Services 8: Real Property Services</t>
  </si>
  <si>
    <t>HC-App1769</t>
  </si>
  <si>
    <t>Medgate 97 | Edition: N/A | Version: Not Yet Assessed</t>
  </si>
  <si>
    <t>HC - 1.2 Specialized Health Services</t>
  </si>
  <si>
    <t>HC-App1771</t>
  </si>
  <si>
    <t>Medical Records Chart (MRC) Index | Edition: N/A | Version: Not Yet Assessed</t>
  </si>
  <si>
    <t>MRC</t>
  </si>
  <si>
    <t>HC-App1773</t>
  </si>
  <si>
    <t>MentalF, MentalB | Edition: N/A | Version: Not Yet Assessed</t>
  </si>
  <si>
    <t>HC-App1787</t>
  </si>
  <si>
    <t>Sexually Transmitted Infections | Edition: N/A | Version: Not Yet Assessed</t>
  </si>
  <si>
    <t>STI</t>
  </si>
  <si>
    <t>HC-App1789</t>
  </si>
  <si>
    <t>SOA_Service Records | Edition: N/A | Version: Not Yet Assessed</t>
  </si>
  <si>
    <t>HC-App1791</t>
  </si>
  <si>
    <t>SOA_Supply Order | Edition: N/A | Version: Not Yet Assessed</t>
  </si>
  <si>
    <t>MS Access Database SOA Dentist Supply Order Program</t>
  </si>
  <si>
    <t>HC-App1793</t>
  </si>
  <si>
    <t>SOAMental, SOAMentalB | Edition: N/A | Version: Not Yet Assessed</t>
  </si>
  <si>
    <t>HC - 3.1.1.2 Mental Wellness</t>
  </si>
  <si>
    <t>HC-App1795</t>
  </si>
  <si>
    <t>Statuts IM | Edition: N/A | Version: N/A</t>
  </si>
  <si>
    <t>IM Status</t>
  </si>
  <si>
    <t>HC-App1797</t>
  </si>
  <si>
    <t>Suicide Surveillance | Edition: N/A | Version: Not Yet Assessed</t>
  </si>
  <si>
    <t>HC-App1799</t>
  </si>
  <si>
    <t>Sydney Tar Ponds.APR Database | Edition: N/A | Version: N/A</t>
  </si>
  <si>
    <t>HC - 2.3.3 Health Impacts of Chemicals</t>
  </si>
  <si>
    <t>HC-App1805</t>
  </si>
  <si>
    <t>Tuberculosis Case Reports | Edition: N/A | Version: Not Yet Assessed</t>
  </si>
  <si>
    <t>TBC</t>
  </si>
  <si>
    <t>HC - 3.1.2.1 Communicable Disease Control and Management</t>
  </si>
  <si>
    <t>HC-App1856</t>
  </si>
  <si>
    <t>NIHB Crisis Mental Health Database | Edition: N/A | Version: Not Yet Assessed</t>
  </si>
  <si>
    <t>HC-App1860</t>
  </si>
  <si>
    <t>TCPA Report | Edition: N/A | Version: N/A</t>
  </si>
  <si>
    <t>HC - 2.5 Problematic Substance Use (previously Substance Use and Misuse)</t>
  </si>
  <si>
    <t>Produces reports for management.</t>
  </si>
  <si>
    <t>HC-App1890</t>
  </si>
  <si>
    <t>Dental Equipment Sioux Lookout Zone office | Edition: N/A | Version: N/A</t>
  </si>
  <si>
    <t>Lotus Approach database used to track dental equipment shipped in and out of 26 remote First Nations Communities. We are slowly integrating our tracking system over to SAP with the help of Assets Manager Blair Hurd, however we have started with  our sundries first, followed by equipment.  At this time we are still not prepared to stop utilising lotus approach, however there is a plan in place to move away from Lotus Approach in the near future.</t>
  </si>
  <si>
    <t>HC-App1892</t>
  </si>
  <si>
    <t>Contracts_Notes | Edition: N/A | Version: Not Yet Assessed</t>
  </si>
  <si>
    <t>MS Access tracking tool for dental service contracts in Manitoba.</t>
  </si>
  <si>
    <t>HC-App1894</t>
  </si>
  <si>
    <t>Dental_Renewal | Edition: N/A | Version: Not Yet Assessed</t>
  </si>
  <si>
    <t>MS Access tracking tool for dental referrals.</t>
  </si>
  <si>
    <t>HC-App1896</t>
  </si>
  <si>
    <t>FCD_SupplyOrder | Edition: N/A | Version: Not Yet Assessed</t>
  </si>
  <si>
    <t>Supply Inventory List for Ordering Dental and Misc. Supplies for the FCD.</t>
  </si>
  <si>
    <t>HC-App1983</t>
  </si>
  <si>
    <t>HIV | Edition: N/A | Version: Not Yet Assessed</t>
  </si>
  <si>
    <t>HIV</t>
  </si>
  <si>
    <t>The HIV database contains clinical information on all HIV cases and contacts in the region. It is used to assist in case management and reporting.</t>
  </si>
  <si>
    <t>HC-App1985</t>
  </si>
  <si>
    <t>New MTRS Issue Maintenance Log | Edition: N/A | Version: Not Yet Assessed</t>
  </si>
  <si>
    <t>Simple tracking tool for identifying and managing MTRS technical issues.</t>
  </si>
  <si>
    <t>HC-App1987</t>
  </si>
  <si>
    <t>Lookup - FNIHB MB | Edition: N/A | Version: Not Yet Assessed</t>
  </si>
  <si>
    <t>The lookup database contains information that links Manitoba public health surveillance databases together.</t>
  </si>
  <si>
    <t>HC-App1991</t>
  </si>
  <si>
    <t>Population | Edition: N/A | Version: Not Yet Assessed</t>
  </si>
  <si>
    <t>The population database contains status verification system population data for Manitoba First Nations. Reports are pulled from this database on a regular basis.</t>
  </si>
  <si>
    <t>HC-App1993</t>
  </si>
  <si>
    <t>STD | Edition: N/A | Version: Not Yet Assessed</t>
  </si>
  <si>
    <t>Database of First Nations clients with sexually transmitted infections.  Information is obtained from case reports and from data extracts from Manitoba Health for public health purposes.</t>
  </si>
  <si>
    <t>HC-App1995</t>
  </si>
  <si>
    <t>ILI | Edition: N/A | Version: Not Yet Assessed</t>
  </si>
  <si>
    <t>HC - 3.1.3 First Nations and Inuit Primary Care</t>
  </si>
  <si>
    <t>Likely to track influenza-like illness</t>
  </si>
  <si>
    <t>HC-App1997</t>
  </si>
  <si>
    <t>Mass Vaccination | Edition: N/A | Version: Not Yet Assessed</t>
  </si>
  <si>
    <t>The mass vaccination contains information relevant to the vaccinations that took place during the first H1N1 outbreak. The mass vaccination database also contains information relevant to medical evacuations. Records are entered and reports are produced daily.</t>
  </si>
  <si>
    <t>HC-App1999</t>
  </si>
  <si>
    <t>FNIHB_Formulary_June_2011 | Edition: N/A | Version: Not Yet Assessed</t>
  </si>
  <si>
    <t>Access database that captures the Branch's master formulary and drug tables. Application also allows queries to be run and reports prepared.</t>
  </si>
  <si>
    <t>HC-App2003</t>
  </si>
  <si>
    <t>HC-App2005</t>
  </si>
  <si>
    <t>Vaccine Management | Edition: N/A | Version: Not Yet Assessed</t>
  </si>
  <si>
    <t>The vaccine management database is a tool to track information about vaccine wastage and cold chain breaks.</t>
  </si>
  <si>
    <t>HC-App2067</t>
  </si>
  <si>
    <t>Fleet app | Edition: N/A | Version: Version 14</t>
  </si>
  <si>
    <t>Application mainly used to support FNIHB (Facility Program) - Used by the regions to track the vehicles needed by the inspectors. Also, it allows to have more information about the fleet, and being able to provide some sort of fleet governance. Used is West Canada.</t>
  </si>
  <si>
    <t>HC-App2069</t>
  </si>
  <si>
    <t>Facility Condition Database | Edition: N/A | Version: Version 14</t>
  </si>
  <si>
    <t>Application mainly used to support FNIHB (Facility Program) - For the First Inuit program : database about Health infrastructures &amp; facilities. For Alberta locations</t>
  </si>
  <si>
    <t>HC-App2071</t>
  </si>
  <si>
    <t>SMTP (Special Medical Treatment Plan) | Edition: N/A | Version: N/A</t>
  </si>
  <si>
    <t>This is a legacy, read-only Lotus Approach database that tracks footcare in Manitoba as part of the treatment process for diabetes. Current cases are tracked in an MS Excel spreadsheet.</t>
  </si>
  <si>
    <t>HC-App2081</t>
  </si>
  <si>
    <t>FOREIGN SITES_TRACKING SHEETS_2014.APR | Edition: N/A | Version: N/A</t>
  </si>
  <si>
    <t>The foreign site database is a Lotus application used for tracking submissions to Health Canada of GMP evidence documents for buildings outside of Canada.  This database only contains information relating to the details of the submissions, as the documents submitted were saved on a shared drive and the review of the documents was captured in IRS and eCES.</t>
  </si>
  <si>
    <t>HC-App2129</t>
  </si>
  <si>
    <t>Web Pubs | Edition: N/A | Version: N/A</t>
  </si>
  <si>
    <t>Linked to App2123 : Web component of the HC Publications database for ordering of publications over the internet (Health Canada web site).</t>
  </si>
  <si>
    <t>HC-App2153</t>
  </si>
  <si>
    <t>NIHB Mental Health Management System Ontario | Edition: N/A | Version: TBD</t>
  </si>
  <si>
    <t>HC-App2161</t>
  </si>
  <si>
    <t>Communicable Disease Case Management Tool SK | Edition: N/A | Version: Not Yet A</t>
  </si>
  <si>
    <t>It will be used as a case management tool for tracking communicable diseases allowing to trend patient health data to improve patient health. SK Region.</t>
  </si>
  <si>
    <t>HC-App2177</t>
  </si>
  <si>
    <t>Security Sweeps | Edition: N/A | Version: N/A</t>
  </si>
  <si>
    <t>Database that allows to input statistics on a daily basis, and allows reporting on a monthly basis to senior management.</t>
  </si>
  <si>
    <t>HC-App2180</t>
  </si>
  <si>
    <t>BEET Training [BEET] | Edition: N/A | Version: 9.8</t>
  </si>
  <si>
    <t>BEET</t>
  </si>
  <si>
    <t>Database developed to track all training for all buildings emergency evacuation team members. Used to track who was trained.</t>
  </si>
  <si>
    <t>HC-App2232</t>
  </si>
  <si>
    <t>EAS Reporting System | Edition: N/A | Version: 2.0</t>
  </si>
  <si>
    <t>This application is able to provide batch reporting, to provide .pdf reporting files, to basically store report parameters for reporting consistency.  This reporting solution was developed to get around the problem of EAS reports not working after the deployment of Lotus Notes 8.5.  Data is exported from the EAS 1-800 database. This exported information is imported and parsed into a relational format to make it easier to report on.</t>
  </si>
  <si>
    <t>APP-03418</t>
  </si>
  <si>
    <t>Healthy Canadians Internet | Edition: N/A | Version: N/A</t>
  </si>
  <si>
    <t>Public Web site interim platform for Health Theme on Canada.ca</t>
  </si>
  <si>
    <t>APP-03420</t>
  </si>
  <si>
    <t>Health Information Claims Processing System (HICPS) Ad Hoc | Edition: N/A | Vers</t>
  </si>
  <si>
    <t>HICPS</t>
  </si>
  <si>
    <t>APP-03423</t>
  </si>
  <si>
    <t>UptoDate | Edition: N/A | Version: Not Yet Assessed</t>
  </si>
  <si>
    <t>Annual Subscription Renewal
UpToDate software is a clinical decision support tool used by all First Nations and Inuit Health Branch nurses and nurse practitioners who provide direct primary health care to First Nation clients. Primary Health Care providers are  required to provide evidence based, safe and competent care to the client they serve. The UpToDate Pharmatherapeutics is a specialized software which offers an evidence informed database that assist with clinical decision making and a standardized approach to improve patient care. This tool enables health care providers to provide safe pharmacotheraupic care based on current research evidence. It is recognized by health care experts to be a "go to" source of credible uptodate client care info</t>
  </si>
  <si>
    <t>APP-03425</t>
  </si>
  <si>
    <t>NHP-OS - CMS-Content Management System | Edition: N/A | Version: 5.1</t>
  </si>
  <si>
    <t>NHP-OS - CMS</t>
  </si>
  <si>
    <t>HC - 2.6 Radiation Protection</t>
  </si>
  <si>
    <t>APP-03429</t>
  </si>
  <si>
    <t>JIRA Medical Cannabis Registry (MCR) | Edition: N/A | Version: 6.3.14</t>
  </si>
  <si>
    <t>JIRA MCR</t>
  </si>
  <si>
    <t>HC - 2.5.2 Controlled Substances</t>
  </si>
  <si>
    <t>HC-App2379</t>
  </si>
  <si>
    <t>Personnel Security Mail Log | Edition: N/A | Version: Not Yet Assessed</t>
  </si>
  <si>
    <t>Updated via IT Approval (2017-11-17-0001172CDA-SW) November 2017  Personnel Security team in NCR requires MS Access in order to compile statistics security for senior management (nb of transactions, security screening activities, other).  Mail Log located on (L:) COMMON(\\NCR-A_CSBC4S\CSBC4\CSB_AMD_01-VOL1)/Security/PERSEC/PerSec Mail Log/PerSec Mail Log.Mdb   Database Name: PerSecMailLog.mdb - Personnel Security Mail Log - APM App2379 ·       Description: Used to track screening requests (incoming, in progress, completed) ·       Business Contact/Owner Name: Cathy Martindale ·       Branch:  Corporate Services Branch ·       Number of users accessing this database: Approx 12 ·       User Name:  Karl Maczuga + Asset tag: 288537 -         User Name:  lr</t>
  </si>
  <si>
    <t>HC-App2395</t>
  </si>
  <si>
    <t>Vision Care System (AB) | Edition: N/A | Version: N/A</t>
  </si>
  <si>
    <t>This application is used by the various regional NIHB offices to determine eligibility for vision care, process claims for vision care benefits and store vision care benefits information on our clients. This application Integrates with the Facsys fax application to automatically fax approvals to vision care providers. It also integrates with SAP to upload batches for payment.  With minor differences from one to the other, it is used in the following regions: Alberta, Atlantic, Manitoba, Northern, Ontario, Quebec, Saskatchewan.</t>
  </si>
  <si>
    <t>HC-App2397</t>
  </si>
  <si>
    <t>Vision Care System (MB) | Edition: N/A | Version: N/A</t>
  </si>
  <si>
    <t>HC-App2399</t>
  </si>
  <si>
    <t>Vision Care System (SK) | Edition: N/A | Version: N/A</t>
  </si>
  <si>
    <t>HC-App2401</t>
  </si>
  <si>
    <t>Vision Care System (QC) | Edition: N/A | Version: N/A</t>
  </si>
  <si>
    <t>HC-App2403</t>
  </si>
  <si>
    <t>Vision Care System (ATL) | Edition: N/A | Version: N/A</t>
  </si>
  <si>
    <t>HC-App2407</t>
  </si>
  <si>
    <t>Security Sweeps APR | Edition: N/A | Version: N/A</t>
  </si>
  <si>
    <t>Database that allows to input statistics on a daily basic, and allows reporting on a monthly basis to senior management.  Had been created to replace an old Lotus Notes.</t>
  </si>
  <si>
    <t>HC-App2479</t>
  </si>
  <si>
    <t>APM-Core | Edition: N/A | Version: 1.1.5</t>
  </si>
  <si>
    <t>HC - Internal Services 7: Information Technology Services</t>
  </si>
  <si>
    <t>Application Portfolio Management - software.  Collection, reporting, analysis tool. Ensures organization’s applications, projects and resources are aligned with the strategic plans of business . Supports decisions on how to invest limited resources, to optimize your enterprise, IT, service and product portfolio.</t>
  </si>
  <si>
    <t>HC-App2713</t>
  </si>
  <si>
    <t>G and C - Grants and Contributions - CFOB | Edition: N/A | Version: N/A</t>
  </si>
  <si>
    <t>HC - Internal Services 5: Financial Management Services</t>
  </si>
  <si>
    <t>Control and maintain all Grants and contribution for HC/PHAC</t>
  </si>
  <si>
    <t>HC-App2716</t>
  </si>
  <si>
    <t>SAP Related - CFOB | Edition: N/A | Version: N/A</t>
  </si>
  <si>
    <t>Lotus Notes databases used to support SAP for example related to requesting SAP user accounts and for tracking of SAP change requests. .  In general though these items are used to support the ongoing maintenance, support and enhancements for SAP on an ongoing basis</t>
  </si>
  <si>
    <t>HC-App2724</t>
  </si>
  <si>
    <t>Contract Disclosure | Edition: N/A | Version: N/A</t>
  </si>
  <si>
    <t>HC - Internal Services 10: Acquisition Services</t>
  </si>
  <si>
    <t>Feeds excel to transport to website to disclosure contracts over 10k Currently looking at transition to OpenData. Need to look into archiving or migrating data</t>
  </si>
  <si>
    <t>HC-App2727</t>
  </si>
  <si>
    <t>MECS | Edition: N/A | Version: N/A</t>
  </si>
  <si>
    <t>Application that manages ministerial correspondence from Minister's office to programs and back to Minister's office thought CPAB</t>
  </si>
  <si>
    <t>HC-App2744</t>
  </si>
  <si>
    <t>Change-Release Management CSB | Edition: N/A | Version: N/A</t>
  </si>
  <si>
    <t>Tracking database for all changes to the HC/PHAC production environment.</t>
  </si>
  <si>
    <t>HC-App2746</t>
  </si>
  <si>
    <t>PIRT - Project Implementation &amp; Reporting Tool | Edition: 2017-2018 | Versio</t>
  </si>
  <si>
    <t>PIRT</t>
  </si>
  <si>
    <t>The Project Implementation and Reporting Tool (PIRT), is the Information Management and Services Directorate’s (IMSD) project reporting tool.  Information gathered using this application serves as the main source of details for IT Enabled Projects.  Data gathered using this application is used for effective management decision-making, client communications, analysing project trending, executive briefing materials, corporate reporting, and effective risk/issues management across all IMSD initiatives.</t>
  </si>
  <si>
    <t>HC-App2786</t>
  </si>
  <si>
    <t>Morbidite | Edition: N/A | Version: N/A</t>
  </si>
  <si>
    <t>This application is used to obtain relevant information and determine morbidity on Indian reserves, to verify the effectiveness of prevention and promotion programs, and to facilitate administrative decision-making in all health posts and All health centers. Data is also used for workload management.</t>
  </si>
  <si>
    <t>HC-App2789</t>
  </si>
  <si>
    <t>QP Notes - FNIHB | Edition: N/A | Version: N/A</t>
  </si>
  <si>
    <t>HC - 3.3 Health Infrastructure Support for First Nations and Inuit</t>
  </si>
  <si>
    <t>Tracking tool for Question Period communications items related to FNIHB.</t>
  </si>
  <si>
    <t>HC-App2792</t>
  </si>
  <si>
    <t>Real Property Management Information System | Edition: N/A | Version: N/A</t>
  </si>
  <si>
    <t>Tracking tool for real property, capital, long-term capital planning, associated contribution agreements, etc.</t>
  </si>
  <si>
    <t>HC-App2803</t>
  </si>
  <si>
    <t>QP Issues - HECSB | Edition: N/A | Version: N/A</t>
  </si>
  <si>
    <t>HC - Internal Services 1: Management and Oversight Services</t>
  </si>
  <si>
    <t>QP Issues 00-01 This "application" holds the final ADM approved Question Period (QP) notes and are necessary to keep as they are referenced when requiring updates or requested by the Parliamentary Relations Office on behalf of the Minister of Health.</t>
  </si>
  <si>
    <t>HC-App2809</t>
  </si>
  <si>
    <t>QSI - HPFB - BCS-Approved | Edition: N/A | Version: N/A</t>
  </si>
  <si>
    <t>HC - 2.2 Food Safety and Nutrition</t>
  </si>
  <si>
    <t>QSi System for Quality Management (ISO 9001:2000)_x005F_x000D__x005F_x000D_ http://www.ibs-us.com/_x005F_x000D__x005F_x000D_ Is part of a suite of databases designed specifically to meet the requirements of ISO 9001:2000, the QSi System for Quality Management helps your organiza  application used as a document management system for FRD</t>
  </si>
  <si>
    <t>HC-App2839</t>
  </si>
  <si>
    <t>QSI - HPFB - BGTD | Edition: N/A | Version: N/A</t>
  </si>
  <si>
    <t>QSi System for Quality Management (ISO 9001:2000) http://www.ibs-us.com/ Is part of a suite of databases designed specifically to meet the requirements of ISO 9001:2000, the QSi System for Quality Management helps your organization reap the benefits of ISO certification, including improved customer satisfaction and reduced costs.  This integrated QSi System lets you create a seamless, paper-free Quality Management System across the enterprise for managing every aspect of ISO 9001:2000 compliance. Functions include:  Document Control  Specification Control  CAPA (CARs, PARs, SCARs)  Nonconformances  Change Management  Customer Management  Supplier Management  Employee Training  Internal andamp; Supplier Assessments  Management Reviews  Design Process Ma</t>
  </si>
  <si>
    <t>HC-App2908</t>
  </si>
  <si>
    <t>QSI - HPFB - FOOD | Edition: N/A | Version: N/A</t>
  </si>
  <si>
    <t>QSi System for Quality Management (ISO 9001:2000)</t>
  </si>
  <si>
    <t>HC-App2947</t>
  </si>
  <si>
    <t>HPFB - HPFBi - QSI_new | Edition: N/A | Version: N/A</t>
  </si>
  <si>
    <t>Is part of a suite of databases designed specifically to meet the requirements of ISO 9001:2000, the QSi System for Quality Management helps an organization reap the benefits of ISO certification, including improved customer satisfaction and reduced costs.   This integrated QSi System lets you create a seamless, paper-free Quality Management System across the enterprise for managing every aspect of ISO 9001:2000 compliance. Functions include: Document Control , Specification Control, CAPA (CARs, PARs, SCARs), Nonconformances, Change Management , Customer Management , Supplier Management, Employee Training , Internal &amp; Supplier Assessments, Management Reviews, Design Process Management, Inspection and Testing, Calibration</t>
  </si>
  <si>
    <t>HC-App2948</t>
  </si>
  <si>
    <t>QSI - HPFB - MHPD | Edition: N/A | Version: N/A</t>
  </si>
  <si>
    <t>HC-App3032</t>
  </si>
  <si>
    <t>PMRA - QP Issues | Edition: N/A | Version: N/A</t>
  </si>
  <si>
    <t>HC - 2.7 Pesticides</t>
  </si>
  <si>
    <t>This database is a 'working' tool that provides comments and advice to the minister based on question periods.  Application includes document management capacity such as approval status - record of approver/drafter etc.  Therefore it is not static.</t>
  </si>
  <si>
    <t>HC-App3035</t>
  </si>
  <si>
    <t>2016 - Inspector and Analyst Database | Edition: N/A | Version: N/A</t>
  </si>
  <si>
    <t>2016 Inspector and Analyst Database. This database contains all inspector both active expired and ones that have been revoked. The revoked are kept in the database for legal reason if there is ever a court challenge or ATIP.</t>
  </si>
  <si>
    <t>HC-App3041</t>
  </si>
  <si>
    <t>QSI - BRITISH COLUMBIA - QSI9000 | Edition: N/A | Version: N/A</t>
  </si>
  <si>
    <t>HC-App3043</t>
  </si>
  <si>
    <t>QSI - ONTARIO - QSI9000 | Edition: N/A | Version: N/A</t>
  </si>
  <si>
    <t>HC-App3082</t>
  </si>
  <si>
    <t>QSI - QUEBEC - DPSA | Edition: N/A | Version: N/A</t>
  </si>
  <si>
    <t>HC-App3125</t>
  </si>
  <si>
    <t>CHAD | Edition: N/A | Version: N/A</t>
  </si>
  <si>
    <t>HC - 1.1.2 Canada Health Act Administration</t>
  </si>
  <si>
    <t>Canada Health Act Directorate. This stores information for the administration of the Canada Health Act.</t>
  </si>
  <si>
    <t>HC-App3130</t>
  </si>
  <si>
    <t>QP Notes - SPB | Edition: N/A | Version: N/A</t>
  </si>
  <si>
    <t>HC - 1.1.1 Health System Priorities</t>
  </si>
  <si>
    <t>A repository to store notes and responses from Question Period in the House.</t>
  </si>
  <si>
    <t>HC-App3159</t>
  </si>
  <si>
    <t>Health Canada Nursing Application | Edition: N/A | Version: 1.0</t>
  </si>
  <si>
    <t>HCNA</t>
  </si>
  <si>
    <t>This application is used by nursing staff in FNIHB's Manitoba and Ontario Regions to allow accurate and timely scheduling of Health Canada and Agency nurses within First Nations communities. This application was custom developed by MNP Ltd. It is hosted by Shared Services Canada. There is currently an application support and maintenance contract in place with MNP (one year starting January 2016, with two option years). - Also called : Interim Nurse Scheduler - New Nurse Scheduler - Manages FNIHB Nurses in Manitoba AND Ontario Regions. Derived from Manitoba Nurse Scheduler and enhanced with features to accommodate Ontario. New Windows 2013 environment.</t>
  </si>
  <si>
    <t>HC-App3161</t>
  </si>
  <si>
    <t>Byte | Edition: N/A | Version: 2.0</t>
  </si>
  <si>
    <t>Byte 2.0</t>
  </si>
  <si>
    <t>This application consists of a GUI with searchable metadata that links to a segregated part of Novell. The Novell component contains all documents, images and metadata for NIHB Benefit transactions that were scanned into Ontario NIHB's previous document management system (Bytequest and Documentum). These files are referenced by benefit clerks to inform decisions on client requests. This application was developed by IMSD Solution Centre in 2015 to replace ByteQuest App3314 during Win 7 remediation</t>
  </si>
  <si>
    <t>HC-App3173</t>
  </si>
  <si>
    <t>Scooter | Edition: N/A | Version: 11</t>
  </si>
  <si>
    <t>Scooter V11</t>
  </si>
  <si>
    <t>Système de gestion de la charge de travail pour les inspecteurs à la sécurité des produits.</t>
  </si>
  <si>
    <t>HC-App3175</t>
  </si>
  <si>
    <t>Base de données des ressources humaines et de formation | Edition: N/A | Version</t>
  </si>
  <si>
    <t>Base de données des ressources humaines et de formation.</t>
  </si>
  <si>
    <t>HC-App3212</t>
  </si>
  <si>
    <t>ArcGIS Server | Edition: N/A | Version: 10.5</t>
  </si>
  <si>
    <t>HC - 3.3.2 First Nations and Inuit Health System Transformation</t>
  </si>
  <si>
    <t>Upgrade of ArcGIS desktop and server for AB Community Hosted network.(CHN) Not on HC LAN. Changed "is this an 'off network' use request changed to Yes as hosted on Alberta CHN network.  No vendor support. System used for environmental public GIS and water data reporting. Lose ability to map water data spatially and impact water sampling scheduling as GIS allows to map what sites have been completed. GIS also allows to map water infrastructure. Note for Office Suite 2016: can be used in Excel and ESRI Maps was not compatible as of 2015.  3 year support and maintenance agreement with vendor, includes upgrade to version 10.5</t>
  </si>
  <si>
    <t>APP-02610</t>
  </si>
  <si>
    <t>IceBarClient - Quebec | Edition: N/A | Version: 8</t>
  </si>
  <si>
    <t>HC-App3227</t>
  </si>
  <si>
    <t>Ice Administrator - Quebec | Edition: N/A | Version: 8</t>
  </si>
  <si>
    <t>This application is an administration module for Ice contact center software. It allows a user to add or change Ice contact center user accounts, queues, teams, and connection addresses</t>
  </si>
  <si>
    <t>HC-App3231</t>
  </si>
  <si>
    <t>Ice Monitor - Quebec | Edition: N/A | Version: 8</t>
  </si>
  <si>
    <t>This application is a real-time monitoring tool for Ice contact center software. It allows team leads and supervisors to perform simple contact center administration, such as managing queues, rerouting contacts, monitoring user performance, and creating custom alerts that pop up or are emailed.</t>
  </si>
  <si>
    <t>HC-App3236</t>
  </si>
  <si>
    <t>EAS - Employee Assistance Services | Edition: N/A | Version: N/A</t>
  </si>
  <si>
    <t>EAS</t>
  </si>
  <si>
    <t>Employee Assistance Services database to track client information and counsellor information.  This system is composed of 4 Notes applications:  - EAS Service 1-800 - EAS Customer Profile - EAS Counsellor Mngt - EAS Crystal Reports Data  Also store case notes, case mgnt and quality decisions, referals</t>
  </si>
  <si>
    <t>HC-App3259</t>
  </si>
  <si>
    <t>DLS 5 | Edition: N/A | Version: 1.5</t>
  </si>
  <si>
    <t>DLS 5</t>
  </si>
  <si>
    <t>App used to remotely program burglar alarm control panels.  As implementing the new panels, DLS 5 is used. However, DLS 2002 will be used for the old ones</t>
  </si>
  <si>
    <t>HC-App3265</t>
  </si>
  <si>
    <t>ATIP Solution - RICOH | Edition: N/A | Version: 9.2</t>
  </si>
  <si>
    <t>RICOH</t>
  </si>
  <si>
    <t>ATIP case management and imaging software solution for managing, tracking, processing, redacting and reporting on ATIP and Privacy requests.  Comprised of 4 components:  3131 - Laserfiche (Server) 6757 - Client Installation (Desktop) 6855 - EDIMS (Desktop) App3468 - Database</t>
  </si>
  <si>
    <t>APP-02612</t>
  </si>
  <si>
    <t>IceBarClient - Ontario | Edition: N/A | Version: 8</t>
  </si>
  <si>
    <t>HC-App3401</t>
  </si>
  <si>
    <t>Ice Administrator - Ontario | Edition: N/A | Version: 8</t>
  </si>
  <si>
    <t>HC-App3404</t>
  </si>
  <si>
    <t>Ice Monitor - Ontario | Edition: N/A | Version: 8</t>
  </si>
  <si>
    <t>APP-02608</t>
  </si>
  <si>
    <t>IceBarClient - Manitoba | Edition: N/A | Version: 8</t>
  </si>
  <si>
    <t>HC-App3408</t>
  </si>
  <si>
    <t>Ice Administrator - Manitoba | Edition: N/A | Version: 8</t>
  </si>
  <si>
    <t>HC-App3410</t>
  </si>
  <si>
    <t>Ice Monitor - Manitoba | Edition: N/A | Version: 8</t>
  </si>
  <si>
    <t>HC-App3425</t>
  </si>
  <si>
    <t>IceManager Monitor - EPAS | Edition: N/A | Version: 6.1.2.0</t>
  </si>
  <si>
    <t>HC-App3459</t>
  </si>
  <si>
    <t>Recalls &amp; Safety Alerts Mobile Application | Edition: N/A | Version: 3.0</t>
  </si>
  <si>
    <t>RSA Mobile</t>
  </si>
  <si>
    <t>Mobile application available for iOS and Android for Government of Canada (HC, CFIA and Transport Canada) Recalls and Safety Alerts</t>
  </si>
  <si>
    <t>HC-App3462</t>
  </si>
  <si>
    <t>My Food Guide Mobile application | Edition: N/A | Version: 1.8</t>
  </si>
  <si>
    <t>MFG-MGA</t>
  </si>
  <si>
    <t>Create customized Canada Food Guide's for you and your family. Just select age, sex and food preferences.</t>
  </si>
  <si>
    <t>HC-App3464</t>
  </si>
  <si>
    <t>Pesticides Label Search mobile app | Edition: N/A | Version: 2.3</t>
  </si>
  <si>
    <t>The Label Search is a flexible tool that is used to gather pesticide product information by searching the available Product Information Elements from the PMRA Registered Products Database.</t>
  </si>
  <si>
    <t>HC-App3529</t>
  </si>
  <si>
    <t>Vision Care System (NR) | Edition: N/A | Version: N/A</t>
  </si>
  <si>
    <t>HC-App3535</t>
  </si>
  <si>
    <t>WaterTrax (ON) | Edition: N/A | Version: N/A</t>
  </si>
  <si>
    <t>Web Based Data program. // This web-based system is used by First Nation Tribal Councils and communities in their drinking water monitoring program. Used by Health Canada, FNIHB, Ontario Region</t>
  </si>
  <si>
    <t>HC-App3537</t>
  </si>
  <si>
    <t>WaterTrax (SK) | Edition: N/A | Version: N/A</t>
  </si>
  <si>
    <t>Web Based Data program. // This web-based system is used by First Nation Tribal Councils and communities in their drinking water monitoring program. Used by Health Canada, FNIHB, Saskatchewan Region</t>
  </si>
  <si>
    <t>HC-App3546</t>
  </si>
  <si>
    <t>Milestone XProtect | Edition: N/A | Version: 10.1A - 2016 R2</t>
  </si>
  <si>
    <t>This software is required by the Security Management Division security technicians to install and maintain the closed circuit video equipment (CCVE) camera system (Milestone system).</t>
  </si>
  <si>
    <t>HC-App3606</t>
  </si>
  <si>
    <t>Data Management System - GHS | Edition: N/A | Version: N/A</t>
  </si>
  <si>
    <t>DMS-GHS</t>
  </si>
  <si>
    <t>HC - 2.4 Consumer Product and Workplace Hazardous Materials</t>
  </si>
  <si>
    <t>HC-App3629</t>
  </si>
  <si>
    <t>OLS K-School | Edition: N/A | Version: N/A</t>
  </si>
  <si>
    <t>The two Lotus Notes databases are used to provide technical safety training to laboratory staff, nurses and environmental health officers. This is a mandatory requirement for compliance to Canada Labour Code, Part II as well as Transportation of Dangerous Goods Regulations.  The goal is to move all courses contained in these database to Online Resource Centre (ORC) once the external facing Moodle confirmed to work as required.</t>
  </si>
  <si>
    <t>HC-App3631</t>
  </si>
  <si>
    <t>Environmental Management System (EMS) | Edition: N/A | Version: N/A</t>
  </si>
  <si>
    <t>This Lotus Notes database is used to store environmental information on our custodial facilities.  We are hoping to acquire a real property management system with an environmental module to replace this application.</t>
  </si>
  <si>
    <t>HC-App3719</t>
  </si>
  <si>
    <t>Drug Shortages Canada website | Edition: N/A | Version: 1.0</t>
  </si>
  <si>
    <t>Website for reporting drug shortages and discontinuations in Canada.  The Food and Drug Regulations require drug sellers to report when they are not able to meet demand for a product or when they stop selling a product.</t>
  </si>
  <si>
    <t>HC-App3747</t>
  </si>
  <si>
    <t>Issue Management System | Edition: N/A | Version: Not Yet Assessed</t>
  </si>
  <si>
    <t>HC-App3769</t>
  </si>
  <si>
    <t>Protecting Personal Information Training Website (PPI) | Edition: N/A | Version:</t>
  </si>
  <si>
    <t>This tool is used by FNIHB staff to certify that users understand client privacy requirements while using other IT systems and serving the public. Online training module to raise awareness of privacy and personal information.</t>
  </si>
  <si>
    <t>HC-App3771</t>
  </si>
  <si>
    <t>Ontario Medical Transportation System SLZ | Edition: N/A | Version: TBD</t>
  </si>
  <si>
    <t>OMTS</t>
  </si>
  <si>
    <t>This system was used to coordinate NIHB medical transportation benefits for eligible First Nations clients in Ontario-NIHB's Sioux Lookout Zone (SLZ). This tool was replaced by MTRS for new transactions in 2016.</t>
  </si>
  <si>
    <t>HC-App3773</t>
  </si>
  <si>
    <t>Ontario Medical Transportation System TBZ | Edition: N/A | Version: TBD</t>
  </si>
  <si>
    <t>This system was used to coordinate NIHB medical transportation benefits for eligible First Nations clients in Ontario-NIHB's Thunder Bay Zone (TBZ). This tool was replaced by MTRS for new transactions in 2016.</t>
  </si>
  <si>
    <t>HC-App3775</t>
  </si>
  <si>
    <t>Ontario Medical Transportation System WAHA | Edition: N/A | Version: TBD</t>
  </si>
  <si>
    <t>This system was used to coordinate NIHB medical transportation benefits for eligible First Nations clients in Ontario-NIHB's Weeneebayko Area Health Authority (WAHA). This tool was replaced by MTRS for new transactions in 2016.</t>
  </si>
  <si>
    <t>APP-03353</t>
  </si>
  <si>
    <t>Pharmacy Drug Information System (RXVigilance) | Edition: N/A | Version: October</t>
  </si>
  <si>
    <t>RXV</t>
  </si>
  <si>
    <t>Created via CR#: 42686
This is an updated to APM-Core ID#5846
RX-Vigilance provides information on drugs and health to clinicians and their patients aim to ensure the safe and optimal use of drugs. Software currently used by front line health care providers in First Nations communities.</t>
  </si>
  <si>
    <t>HC-1000</t>
  </si>
  <si>
    <t>Controlled Drugs and Substances Database (CDSD) | Edition: N/A | Version: 4</t>
  </si>
  <si>
    <t>CDSD</t>
  </si>
  <si>
    <t>HC-1021</t>
  </si>
  <si>
    <t>Apollo Access Control System | Edition: N/A | Version: Not Yet Assessed</t>
  </si>
  <si>
    <t>Apollo</t>
  </si>
  <si>
    <t>Security Access Control System for building. Stand alone system.  Used by Winnipeg NML (National Microbiology Lab)</t>
  </si>
  <si>
    <t>APMT</t>
  </si>
  <si>
    <t>APP-02665</t>
  </si>
  <si>
    <t>TCP Online Mass Media | Edition: N/A | Version: N/A</t>
  </si>
  <si>
    <t>OLMM</t>
  </si>
  <si>
    <t>HC - 2.5.1 Tobacco Control</t>
  </si>
  <si>
    <t>The development of the Mass Media Database will be an enhancement to the www.gosmokefree.gc.ca website by maximizing the capacity for the public to access TCP projects from successful campaigns of the past and future.
The Mass Media Resource Centre and Project On-line Database will involve the development and implementation of an interactive and informative resource on the TCP website. This database will allow stakeholders and the general public to access mass media and TCP project creatives previously developed and implemented throughout Canada</t>
  </si>
  <si>
    <t>HC-1039</t>
  </si>
  <si>
    <t>Addictions Management Information System | Edition: N/A | Version: 1</t>
  </si>
  <si>
    <t>AMIS</t>
  </si>
  <si>
    <t>This application is an externally hosted, browser accessible electronic database that captures addictions and treatment information gathered within National Native Alcohol and Drug Abuse Program (NNADAP) treatment centres.</t>
  </si>
  <si>
    <t>HC-1050</t>
  </si>
  <si>
    <t>Medical Transportation Data Store 2.0 | Edition: N/A | Version: 2.0</t>
  </si>
  <si>
    <t>MTDS 2.0</t>
  </si>
  <si>
    <t>HC-1051</t>
  </si>
  <si>
    <t>Canadian Nutrient File - Internal | Edition: N/A | Version: 3.2.2</t>
  </si>
  <si>
    <t>CNF</t>
  </si>
  <si>
    <t>The Canadian Nutrient File application was written with Visual Basic connecting to an Oracle backend.  The application allows CNF staff to insert/edit and extract nutrient data, and accompanying metadata, for &gt;120 nutrients in &gt;6000 foods for eventual publication on the Internet.</t>
  </si>
  <si>
    <t>HC-1066</t>
  </si>
  <si>
    <t>Alberta Medical Transportation System | Edition: N/A | Version: 120.227a</t>
  </si>
  <si>
    <t>MTS</t>
  </si>
  <si>
    <t>HC-1076</t>
  </si>
  <si>
    <t>Amega Monitoring System (Food Directorate (FD) /Biologics and Genetics Therapies</t>
  </si>
  <si>
    <t>AmegaView</t>
  </si>
  <si>
    <t>Temperature Monitoring and Alarm System for over hundreds of sensors, operational 24/7, accessed by approx 250 users.  Samples stored in freezers, refrigerators and incubators are critical to regulatory research.  Some samples are irreplaceable.  Stored historic temperature data is required for laboratory accreditation, and also to meet regulatory requirements.  The main AmegaView System, located in the Banting building connects to remote locations throughout Tunney’s Pasture via the Health Canada Network through a series AS gateways, dialers and AS connect panels.   The AmegaView Environmental Monitoring System monitors and logs the environmental storage conditions for viral, bacterial, tissue, cell culture, crude serum, antibody, protein, vaccine and</t>
  </si>
  <si>
    <t>HC-1080</t>
  </si>
  <si>
    <t>ePRS - Electronic Pesticide Regulatory System | Edition: N/A | Version: 7.02.0</t>
  </si>
  <si>
    <t>ePRS</t>
  </si>
  <si>
    <t>The Health Canada Financial Management Reporting Solutions (MRS) application allows users to access financial information using their Internet Explorer Web Browser. The database acts as a repository for financial information. It is an easy entry point for exploring a variety of financial views classified by category so that you can easily sort and organize your data, verify the information and print reports, as required.</t>
  </si>
  <si>
    <t>HC-1088</t>
  </si>
  <si>
    <t>Application Development Requests (ADR) | Edition: 2017-2018 | Version: N/A</t>
  </si>
  <si>
    <t>ADR</t>
  </si>
  <si>
    <t>Information Technology Services,Management and Oversight Services</t>
  </si>
  <si>
    <t>HC-1089</t>
  </si>
  <si>
    <t>Incident System (OnNet V50) | Edition: N/A | Version: 2.0</t>
  </si>
  <si>
    <t>IS</t>
  </si>
  <si>
    <t>Financial Management Services,Human Resources Management Services,Information Management Services,Information Technology Services,Management and Oversight Services</t>
  </si>
  <si>
    <t>HC-1092</t>
  </si>
  <si>
    <t>Patent Register - Internal | Edition: N/A | Version: Not Yet Assessed</t>
  </si>
  <si>
    <t>HC-1110</t>
  </si>
  <si>
    <t>Scientific Experts Database - Internal | Edition: N/A | Version: 1.2.16</t>
  </si>
  <si>
    <t>SED</t>
  </si>
  <si>
    <t>HC-1115</t>
  </si>
  <si>
    <t>ATL FNIHB Community Contact DB | Edition: N/A | Version: 1</t>
  </si>
  <si>
    <t>This database holds community contact details for the Atlantic region. It is a web based application used to track community contacts, perform mail merges, create letters, and more.</t>
  </si>
  <si>
    <t>HC-1164</t>
  </si>
  <si>
    <t>Border Centre | Edition: N/A | Version: N/A</t>
  </si>
  <si>
    <t>HC-1176</t>
  </si>
  <si>
    <t>Chronic Condition Monitoring System | Edition: N/A | Version: 1</t>
  </si>
  <si>
    <t>CHR</t>
  </si>
  <si>
    <t>HC-1191</t>
  </si>
  <si>
    <t>Broadcast news | Edition: N/A | Version: N/A</t>
  </si>
  <si>
    <t>HC-1258</t>
  </si>
  <si>
    <t>Electronic Service Delivery Template | Edition: N/A | Version: TBD</t>
  </si>
  <si>
    <t>eSDRT</t>
  </si>
  <si>
    <t>HC-1269</t>
  </si>
  <si>
    <t>Canada Vigilance Electronic Reporting System | Edition: N/A | Version: Not Yet A</t>
  </si>
  <si>
    <t>CVP-ERS</t>
  </si>
  <si>
    <t>HC-1270</t>
  </si>
  <si>
    <t>First Nations and Inuit Health Information System | Edition: N/A | Version: 2.2</t>
  </si>
  <si>
    <t>FNIHIS</t>
  </si>
  <si>
    <t>HC-1272</t>
  </si>
  <si>
    <t>Canada Vigilance System (ARISg and AGSignals) | Edition: N/A | Version: 5.0.2.17</t>
  </si>
  <si>
    <t>HC - 2.1.1 Pharmaceutical Drugs</t>
  </si>
  <si>
    <t>HC-1273</t>
  </si>
  <si>
    <t>Immunization Record System | Edition: N/A | Version: 1.3</t>
  </si>
  <si>
    <t>HC-1279</t>
  </si>
  <si>
    <t>Status Verification System | Edition: N/A | Version: 2.0</t>
  </si>
  <si>
    <t>SVS</t>
  </si>
  <si>
    <t>HC-1283</t>
  </si>
  <si>
    <t>Canadian Health Measures Survey | Edition: N/A | Version: Cycle 5</t>
  </si>
  <si>
    <t>CHMS</t>
  </si>
  <si>
    <t>HC-1285</t>
  </si>
  <si>
    <t>Medical Transportation Record System (MTRS) | Edition: N/A | Version: 5.5</t>
  </si>
  <si>
    <t>MTRS</t>
  </si>
  <si>
    <t>HC-1286</t>
  </si>
  <si>
    <t>Secure Access for Medical Marijuana II (SAMM II) | Edition: N/A | Version: 2.0</t>
  </si>
  <si>
    <t>SAMM II</t>
  </si>
  <si>
    <t>HC-1302</t>
  </si>
  <si>
    <t>Drug Product Database | Edition: N/A | Version: 2.6</t>
  </si>
  <si>
    <t>DPD</t>
  </si>
  <si>
    <t>HC-1315</t>
  </si>
  <si>
    <t>Drug Submission Tracking System | Edition: N/A | Version: 2.8.0.0</t>
  </si>
  <si>
    <t>DSTS</t>
  </si>
  <si>
    <t>HC-1328</t>
  </si>
  <si>
    <t>Chemical Emergency Response Unit (CERU) Incident Report Log | Edition: N/A | Ver</t>
  </si>
  <si>
    <t>HC-1329</t>
  </si>
  <si>
    <t>Chemical Emergency Response Unit (CERU) Information Library | Edition: TBD | Ver</t>
  </si>
  <si>
    <t>Chemical Inventory</t>
  </si>
  <si>
    <t>HC-1345</t>
  </si>
  <si>
    <t>CHHAD Reference Library | Edition: N/A | Version: N/A</t>
  </si>
  <si>
    <t>Database of Health Risk Assessments (used for 24/7 HRAs done in support of CFIA investigations) as well as key policy and assessment documents</t>
  </si>
  <si>
    <t>HC-1351</t>
  </si>
  <si>
    <t>Export Certificate Database | Edition: N/A | Version: 2.5</t>
  </si>
  <si>
    <t>ECD</t>
  </si>
  <si>
    <t>HC-1360</t>
  </si>
  <si>
    <t>Notice of Compliance | Edition: N/A | Version: 3.0.0</t>
  </si>
  <si>
    <t>The database will provide users with information such as a drug's full name, the date it was authorized, the active/medicinal ingredient, the manufacturer, the therapeutic class of the drug, and the Drug Identification Number, which is the numerical code assigned to drug products authorized under the Food and Drugs Act and its Regulations. A Notice of Compliance is the regulatory authorization to market a new drug in Canada. Health Canada issues such a notice to a company following the satisfactory review of a new drug submission. It indicates that the product has met the requirements of the Regulations for safety, quality and efficacy.</t>
  </si>
  <si>
    <t>HC-1371</t>
  </si>
  <si>
    <t>NHPD Submission Approval System | Edition: N/A | Version: 1.6.0.3</t>
  </si>
  <si>
    <t>NHPSAS</t>
  </si>
  <si>
    <t>HC-1376</t>
  </si>
  <si>
    <t>BCP - PCO | Edition: N/A | Version: N/A</t>
  </si>
  <si>
    <t>BCP Database</t>
  </si>
  <si>
    <t>Computed Radiography - Manitoba | Edition: N/A | Version: Not Yet Assessed</t>
  </si>
  <si>
    <t>CR-Manitoba</t>
  </si>
  <si>
    <t>APP-03344</t>
  </si>
  <si>
    <t>HC-1419</t>
  </si>
  <si>
    <t>e-Paper | Edition: N/A | Version: N/A</t>
  </si>
  <si>
    <t>HC-1468</t>
  </si>
  <si>
    <t>Customs Refusal-Release | Edition: TBD | Version: Not Yet Assessed</t>
  </si>
  <si>
    <t>Custom Refusal/Release_v2</t>
  </si>
  <si>
    <t>HC-1489</t>
  </si>
  <si>
    <t>FIRMS SAP | Edition: N/A | Version: ERP 6 EHP 7</t>
  </si>
  <si>
    <t>FIRMS</t>
  </si>
  <si>
    <t>Acquisition Services,Financial Management Services,Information Management Services,Materiel Services,Travel and Other Administrative Services</t>
  </si>
  <si>
    <t>HC-1490</t>
  </si>
  <si>
    <t>Data Management System | Edition: N/A | Version: N/A</t>
  </si>
  <si>
    <t>DMS</t>
  </si>
  <si>
    <t>Audit and Planning Unit within the Non-Insured Health Benefits Directorate.  The purpose of this system is to allow electronic storage of dental audits which will aid in the management of the tracking process.  Microsoft Access 2002 along with a valid user account and password will authorize access to this system.</t>
  </si>
  <si>
    <t>HC-1502</t>
  </si>
  <si>
    <t>Activity Tracking System | Edition: N/A | Version: Not Yet Assessed</t>
  </si>
  <si>
    <t>HC-1503</t>
  </si>
  <si>
    <t>Dental Client Referral MB | Edition: N/A | Version: N/A</t>
  </si>
  <si>
    <t>HC-1535</t>
  </si>
  <si>
    <t>Dosimetry Management System | Edition: N/A | Version: 2.0</t>
  </si>
  <si>
    <t>HC-1572</t>
  </si>
  <si>
    <t>DAIS | Edition: N/A | Version: 2.32B Server &amp; 3.57.0.23 Desktop</t>
  </si>
  <si>
    <t>DAIS</t>
  </si>
  <si>
    <t>HC-1576</t>
  </si>
  <si>
    <t>Watchdog Environmental Monitoring System | Edition: N/A | Version: N/A</t>
  </si>
  <si>
    <t>WEMS</t>
  </si>
  <si>
    <t>The Watchdog system provides 24/7 monitor of several environmental parameters such as temperature, humidity, lighting and differential pressure within the animal care facility. These parameters are monitored and recorded 24 hours a day to ensure the species housed are kept at appropriate measurements at all times.</t>
  </si>
  <si>
    <t>HC-1584</t>
  </si>
  <si>
    <t>Docubridge | Edition: N/A | Version: 5.8</t>
  </si>
  <si>
    <t>ECTD/Docubridge</t>
  </si>
  <si>
    <t>HC-1585</t>
  </si>
  <si>
    <t>Canada Vigilance Online Query and Data Extract | Edition: N/A | Version: Unknown</t>
  </si>
  <si>
    <t>CVP Online</t>
  </si>
  <si>
    <t>Part I - Internet User Module: represents a publicly searchable Online Query presentation of the Canada Vigilance AR data on the Health Canada website.  Part II - Data Extract and Loading Process Module: represents the processes involved in extracting and populating the Canada Vigilance Online Query database and the creation of the Canada Vigilance data extracts (flat file). Both the online query and the downloadable zip files will contain all records from the Canada Vigilance system (confidential information removed), and will be totally updated and replaced on a quarterly basis.</t>
  </si>
  <si>
    <t>HC-1627</t>
  </si>
  <si>
    <t>Environmental Health Information System | Edition: N/A | Version: N/A</t>
  </si>
  <si>
    <t>EHIS</t>
  </si>
  <si>
    <t>HC - 3.1.2.2 Environmental Public Health</t>
  </si>
  <si>
    <t>HC-1629</t>
  </si>
  <si>
    <t>Environmental Public Health Information Suite | Edition: N/A | Version: 1.0</t>
  </si>
  <si>
    <t>ELPHIS</t>
  </si>
  <si>
    <t>HC-1632</t>
  </si>
  <si>
    <t>NewFrench | Edition: N/A | Version: N/A</t>
  </si>
  <si>
    <t>NewFrench</t>
  </si>
  <si>
    <t>HC-1650</t>
  </si>
  <si>
    <t>Canadian Nutrient File - On Web | Edition: N/A | Version: TBD</t>
  </si>
  <si>
    <t>CNF on Web</t>
  </si>
  <si>
    <t>The Canadian Nutrient File web application was written with an interactive Javascript program connecting to a static copy of the database stored in Oracle.  The application allows the user only to extract and view data reports – no edits or changes to the data are possible.  Selected parts of the database are made available while some background metadata are not relevant for viewing outside of Health Canada.  This program was created in response to requests from clients including the general public who could not access to the data through the downloadable relational files.</t>
  </si>
  <si>
    <t>HC-1664</t>
  </si>
  <si>
    <t>Centre and Systems in support of the Federal Nuclear Emergency Plan (FNEP) | Edi</t>
  </si>
  <si>
    <t>FNEP</t>
  </si>
  <si>
    <t>HC-1689</t>
  </si>
  <si>
    <t>Clinical Trials Database Online Query | Edition: N/A | Version: Not Yet Assessed</t>
  </si>
  <si>
    <t>CTDB Online</t>
  </si>
  <si>
    <t>The CTDB is a web-enable query tool that provides the public with a listing of specific information relating to phase I, II and III clinical trials in patients. The database is managed by Health Canada and provides a source of information about Canadian clinical trials involving human pharmaceutical and biological drugs. Health Canada recognizes the value of making information about clinical trials available to the public. Patients can access the database to determine if a clinical trial has met the regulatory requirements. The database may also assist Canadians in finding clinical trials that might be relevant to their medical condition.</t>
  </si>
  <si>
    <t>HC-1692</t>
  </si>
  <si>
    <t>FNIH Community Visit &amp; Reporting | Edition: N/A | Version: N/A</t>
  </si>
  <si>
    <t>FNIH Community Visit &amp; Reporting</t>
  </si>
  <si>
    <t>This application is used by Atlantic Region to track visits to First Nations communities and items discussed during these visits.</t>
  </si>
  <si>
    <t>HC-1695</t>
  </si>
  <si>
    <t>FNIH Mental Health DB - Atlantic | Edition: N/A | Version: 2.0</t>
  </si>
  <si>
    <t>FNIH Mental Health DB - Atlantic</t>
  </si>
  <si>
    <t>HC-1735</t>
  </si>
  <si>
    <t>CHAIS 2002.1 | Edition: N/A | Version: N/A</t>
  </si>
  <si>
    <t>APP-02651</t>
  </si>
  <si>
    <t>GCDOCS | Edition: SP1 | Version: 10.5</t>
  </si>
  <si>
    <t>HC - Internal Services 6: Information Management Services</t>
  </si>
  <si>
    <t>Application to store and track electronic files.</t>
  </si>
  <si>
    <t>HC-1750</t>
  </si>
  <si>
    <t>GC-HRMS Peoplesoft | Edition: N/A | Version: 8.9</t>
  </si>
  <si>
    <t>HC - Internal Services 4: Human Resources Management Services</t>
  </si>
  <si>
    <t>HC-1772</t>
  </si>
  <si>
    <t>Travel and Hospitality Expenses | Edition: N/A | Version: N/A</t>
  </si>
  <si>
    <t>Posting of the Travel and Hospitaltiy expense information for affected Minister and Senior Officials</t>
  </si>
  <si>
    <t>HC-1810</t>
  </si>
  <si>
    <t>Health Canada (HC) Internet | Edition: N/A | Version: N/A</t>
  </si>
  <si>
    <t>This is the HC Internet public-facing web site providing health-related information to Canadians.</t>
  </si>
  <si>
    <t>HC-1820</t>
  </si>
  <si>
    <t>Health Information Claims Processing System (HICPS) | Edition: N/A | Version: 20</t>
  </si>
  <si>
    <t>HC-1864</t>
  </si>
  <si>
    <t>HICPS Fraud Detection Solution | Edition: N/A | Version: Not Yet Assessed</t>
  </si>
  <si>
    <t>FDSSAS</t>
  </si>
  <si>
    <t>APP-02764</t>
  </si>
  <si>
    <t>HR Reports Online | Edition: N/A | Version: BO XI (3.1)</t>
  </si>
  <si>
    <t>HRRO</t>
  </si>
  <si>
    <t>HC-1945</t>
  </si>
  <si>
    <t>Adjunct Professorship | Edition: N/A | Version: N/A</t>
  </si>
  <si>
    <t>HC-1978</t>
  </si>
  <si>
    <t>Dental DB | Edition: N/A | Version: TBD</t>
  </si>
  <si>
    <t>HC-1992</t>
  </si>
  <si>
    <t>MCCS | Edition: N/A | Version: N/A</t>
  </si>
  <si>
    <t>MCCS</t>
  </si>
  <si>
    <t>HC-2000</t>
  </si>
  <si>
    <t>IRS - SRI | Edition: N/A | Version: N/A</t>
  </si>
  <si>
    <t>IRS - SRI</t>
  </si>
  <si>
    <t>HC-2030</t>
  </si>
  <si>
    <t>Drug Product Database (DPD) - Online Query | Edition: N/A | Version: Unknown</t>
  </si>
  <si>
    <t>DPD - Online Query</t>
  </si>
  <si>
    <t>The Drug Product Database Online contains product specific information on drugs approved for use in Canada. The database is managed by Health Canada and includes human pharmaceutical and biological drugs, veterinary drugs and disinfectant products.  It also contains information on discontinued products in the Canadian market.</t>
  </si>
  <si>
    <t>HC-2035</t>
  </si>
  <si>
    <t>FNIHB Mental Health Services Tracking System | Edition: N/A | Version: 3</t>
  </si>
  <si>
    <t>MHSTS</t>
  </si>
  <si>
    <t>HC-2053</t>
  </si>
  <si>
    <t>Drug Submission Tracking System - Industry Access | Edition: N/A | Version: Unkn</t>
  </si>
  <si>
    <t>DSTS-IA</t>
  </si>
  <si>
    <t>HC-2055</t>
  </si>
  <si>
    <t>Joint Emergency Preparedness Committee, sub-Committee on Chemical Emergencies |</t>
  </si>
  <si>
    <t>HC-2082</t>
  </si>
  <si>
    <t>HC Research Forum | Edition: N/A | Version: N/A</t>
  </si>
  <si>
    <t>HC-2086</t>
  </si>
  <si>
    <t>Publications and Web Document Tracking (v3) | Edition: N/A | Version: N/A</t>
  </si>
  <si>
    <t>HC-2091</t>
  </si>
  <si>
    <t>Laboratory Information Management System (LIMS) HPFB-VDD-EDR | Edition: N/A | Ve</t>
  </si>
  <si>
    <t>HC-2097</t>
  </si>
  <si>
    <t>LIMS-HECSB-RPB | Edition: N/A | Version: Labware 6</t>
  </si>
  <si>
    <t>LIMS-HECSB-RPB</t>
  </si>
  <si>
    <t>Laboratory Information Management System  (LIMS)  for the National Monitoring Laboratory (NMS) of the Radiation Protection Bureau. LIMS is an Oracle application and consists of a stand alone locally managed by NMS staff in support of the Laboratory's operation under the ISO 9001:2008 certification. The application is used to track laboratory samples in support of Health.This application is used daily.</t>
  </si>
  <si>
    <t>HC-2098</t>
  </si>
  <si>
    <t>Laboratory Information Management System (LIMS) HPFB-BGTD | Edition: N/A | Versi</t>
  </si>
  <si>
    <t>LIMS-HPFB-BGTD</t>
  </si>
  <si>
    <t>HC-2099</t>
  </si>
  <si>
    <t>Laboratory Information Management System (LIMS) HPFB-HBFBI | Edition: N/A | Vers</t>
  </si>
  <si>
    <t>HC-2100</t>
  </si>
  <si>
    <t>Electronic Compliance and Enforcement System | Edition: N/A | Version: 1.0.0</t>
  </si>
  <si>
    <t>eCES</t>
  </si>
  <si>
    <t>HC-2106</t>
  </si>
  <si>
    <t>CRRS | Edition: N/A | Version: N/A</t>
  </si>
  <si>
    <t>CRRS</t>
  </si>
  <si>
    <t>HC-2118</t>
  </si>
  <si>
    <t>Management of Contracts and Contributions | Edition: N/A | Version: 9.7</t>
  </si>
  <si>
    <t>APP-02675</t>
  </si>
  <si>
    <t>Manitoba FNIH Nursing Occurrences | Edition: N/A | Version: 1</t>
  </si>
  <si>
    <t>Through the use of access identify trends in nursing occurences month over month by nursing station.</t>
  </si>
  <si>
    <t>HC-2130</t>
  </si>
  <si>
    <t>Manitoba Medevac Abstract Surveillance | Edition: N/A | Version: Excel 2010</t>
  </si>
  <si>
    <t>MMAS</t>
  </si>
  <si>
    <t>HC-2159</t>
  </si>
  <si>
    <t>MCCS Tracking | Edition: N/A | Version: N/A</t>
  </si>
  <si>
    <t>APP-02472</t>
  </si>
  <si>
    <t>IceBarClient - EPAS | Edition: N/A | Version: 6.1.0.13</t>
  </si>
  <si>
    <t>iceMail transforms e-mail into a quality web communication channel for popular on-line applications such as help desk. In addition to phone calls, some 5-20% of our contact center interactions may be in the form of e-mails. It is a tool bar to open EPAS-Icemail to respond to public inquiries (email and telephone)</t>
  </si>
  <si>
    <t>HC-2200</t>
  </si>
  <si>
    <t>Federal Electronic Tobacco Reporting Evaluation System (FETRES) | Edition: N/A |</t>
  </si>
  <si>
    <t>FETRES</t>
  </si>
  <si>
    <t>HC-2202</t>
  </si>
  <si>
    <t>Medical Supplies &amp; Equipment Audit System | Edition: N/A | Version: Not Yet</t>
  </si>
  <si>
    <t>HC-2207</t>
  </si>
  <si>
    <t>Good Guidance Practices | Edition: N/A | Version: Not Yet Assessed</t>
  </si>
  <si>
    <t>GGP</t>
  </si>
  <si>
    <t>The Bureau of Policy Science and International Programs (BPSIP) is developing a relational GGP database to capture ongoing guidance development activities primarily within TPD but with the capability to extend use to other Directorates in HPFB.   The GGP database will be used in the assessment and reporting of Branch priorities related to guidance development, the creation of a guidance development plan, resourcing and financial reporting related to TPD guidance and policy development activities.   In addition to the active inventory, the database will also house a guidance needs assessment, future projected activities, projects and related documents.</t>
  </si>
  <si>
    <t>NEPTUNE</t>
  </si>
  <si>
    <t>MRM</t>
  </si>
  <si>
    <t>HC-2217</t>
  </si>
  <si>
    <t>Methadone Database | Edition: N/A | Version: Not Yet Assessed</t>
  </si>
  <si>
    <t>This is an Excel spreadsheet used to track Methadone clients for NIHB Atlantic Region.</t>
  </si>
  <si>
    <t>MMSD</t>
  </si>
  <si>
    <t>HC-2233</t>
  </si>
  <si>
    <t>AB Nursing eLearning Portal (Moodle LMS) | Edition: N/A | Version: Not Yet Asses</t>
  </si>
  <si>
    <t>MLMS</t>
  </si>
  <si>
    <t>The Alberta Region of our Branch has a support agreement with an Alberta organization (TSAG) to develop and maintain the "AB Nursing eLearning Portal", which is built in Moodle.   Moodle is an open source LMS that is houses all of the custom developed eLearning courses for HC and PHAC (31 courses).  All other submissions relating to Moodle or specific eLearning courses should be grouped with this submission. Nurses in Province of Alberta health services and nurses employed by HC provide training information for these on-line training modules. No personal information is stored in the system, only training material and links to where training material is located is stored.  The AB Nursing eLearning Portal has a number of different functions and features,</t>
  </si>
  <si>
    <t>Lotus Notes</t>
  </si>
  <si>
    <t>APP-02488</t>
  </si>
  <si>
    <t>New Employee Database - Regional | Edition: N/A | Version: N/A</t>
  </si>
  <si>
    <t>NED</t>
  </si>
  <si>
    <t>An application used by Atlantic Region EA's to help them better inform service providers and other interested parties of tasks that need to be completed when there is a new hire.</t>
  </si>
  <si>
    <t>HC-2281</t>
  </si>
  <si>
    <t>e-Index Builder | Edition: N/A | Version: 2.8.1</t>
  </si>
  <si>
    <t>The e-Index Builder is a stand-alone Java-based software application which facilitates the creation of an electronic index (in XML format) that fully describes each document submitted in support of applications to register or amend a pest control product registration, re-evaluation, special review, or in response to requests for information.</t>
  </si>
  <si>
    <t>HC-2303</t>
  </si>
  <si>
    <t>NNADAP Client Tracking Database | Edition: N/A | Version: N/A</t>
  </si>
  <si>
    <t>NNADAP</t>
  </si>
  <si>
    <t>HC-2310</t>
  </si>
  <si>
    <t>MAMD Standard Query Roll-Up Tool | Edition: N/A | Version: N/A</t>
  </si>
  <si>
    <t>Takes reports from SAP and rolls it up to one line per contract. Once value one everything.</t>
  </si>
  <si>
    <t>HC-2311</t>
  </si>
  <si>
    <t>Licensed Natural Health Products Database | Edition: N/A | Version: Not Yet Asse</t>
  </si>
  <si>
    <t>LNHPD</t>
  </si>
  <si>
    <t>(LNHPD) Pulic database of all Licensed NHPs.</t>
  </si>
  <si>
    <t>HC-2312</t>
  </si>
  <si>
    <t>Laboratory Information Management System (LIMS) RAPB-DAS | Edition: N/A | Versio</t>
  </si>
  <si>
    <t>DAS LIMS</t>
  </si>
  <si>
    <t>HC-2313</t>
  </si>
  <si>
    <t>Notifiable Disease Registry | Edition: N/A | Version: 1.0</t>
  </si>
  <si>
    <t>NDR</t>
  </si>
  <si>
    <t>HC-2318</t>
  </si>
  <si>
    <t>Mail Tracking System/Submission Tracking System | Edition: N/A | Version: 1.1</t>
  </si>
  <si>
    <t>MAILTRAK</t>
  </si>
  <si>
    <t>APP-02671</t>
  </si>
  <si>
    <t>MDELS Online | Edition: N/A | Version: TBD</t>
  </si>
  <si>
    <t>MDELS</t>
  </si>
  <si>
    <t>An online list of all establishment licence holders that will be updated on a regular basis</t>
  </si>
  <si>
    <t>HC-2326</t>
  </si>
  <si>
    <t>Nurse Employee Register | Edition: N/A | Version: N/A</t>
  </si>
  <si>
    <t>NERS</t>
  </si>
  <si>
    <t>Acquisition Services,Communications Services,Human Resources Management Services,Information Management Services,Management and Oversight Services</t>
  </si>
  <si>
    <t>HC-2328</t>
  </si>
  <si>
    <t>Nursing Service Log MB | Edition: N/A | Version: N/A</t>
  </si>
  <si>
    <t>NSL</t>
  </si>
  <si>
    <t>HC-2329</t>
  </si>
  <si>
    <t>Medical Devices System (MDS) | Edition: N/A | Version: Unknown</t>
  </si>
  <si>
    <t>HC - 2.1.3 Medical Devices</t>
  </si>
  <si>
    <t>HC-2355</t>
  </si>
  <si>
    <t>Online Reporting for Controlled Substance License Dealers | Edition: N/A | Versi</t>
  </si>
  <si>
    <t>ORLD</t>
  </si>
  <si>
    <t>HC-2366</t>
  </si>
  <si>
    <t>Ontario Medical Transportation System | Edition: N/A | Version: TBD</t>
  </si>
  <si>
    <t>PHAC - Internal Services</t>
  </si>
  <si>
    <t>HC-2475</t>
  </si>
  <si>
    <t>National Dose Registry | Edition: N/A | Version: 3.1</t>
  </si>
  <si>
    <t>PAS</t>
  </si>
  <si>
    <t>HC-2556</t>
  </si>
  <si>
    <t>Natural Health Products Directorate Ingredients Database | Edition: N/A | Versio</t>
  </si>
  <si>
    <t>NHPID</t>
  </si>
  <si>
    <t>(NHPID) Publlic database of all ingredients cleared fior use in NHPs including all pre-cleared information monographs.</t>
  </si>
  <si>
    <t>Multitrans</t>
  </si>
  <si>
    <t>HC-2615</t>
  </si>
  <si>
    <t>Notice of Compliance - Online | Edition: N/A | Version: Unknown</t>
  </si>
  <si>
    <t>NOC - Online</t>
  </si>
  <si>
    <t>HC-2619</t>
  </si>
  <si>
    <t>NSS | Edition: N/A | Version: N/A</t>
  </si>
  <si>
    <t>The application codes into nutrients the information collected in food consumption surveys. It uses the Canadian Nutrient File (CNF) and a modified version fo the USDA food and nutrient database for dietary sturdies to obtain the nutrient intake of surveyed group or population.  NSS a nutrition research tool is integral to many activities within the Food Program such as policy formulation, as in the discretionary fortification regulation development project, standards setting for Food and Drug Act and Regulations, risk assessement activities, the management of Natural Health Products (NHPs) in food formatand the food consumption surveys. It is the primary tool used to code data from the Canadian Community Health Survey (CCHS) with a nutrition focus (20</t>
  </si>
  <si>
    <t>HC-2697</t>
  </si>
  <si>
    <t>EDMS (Electronic Document Management System) | Edition: N/A | Version: 5.3.0.516</t>
  </si>
  <si>
    <t>HC-2698</t>
  </si>
  <si>
    <t>LRS - Livelink Records Server | Edition: N/A | Version: 9.2.0.0</t>
  </si>
  <si>
    <t>LRS</t>
  </si>
  <si>
    <t>HC-2733</t>
  </si>
  <si>
    <t>Information Notes | Edition: N/A | Version: N/A</t>
  </si>
  <si>
    <t>SAMM</t>
  </si>
  <si>
    <t>HC-2765</t>
  </si>
  <si>
    <t>Patent Register - OnLine | Edition: N/A | Version: 4.3</t>
  </si>
  <si>
    <t>The Patent Register is an alphabetical listing of medicines and the associated patents, patent expiry dates and other related information established in accordance with the Patented Medicines (Notice of Compliance) Regulations [SOR/133-93 as amended].  The Therapeutic Products Directorate has developed a web-accessible version of the Patent Register.  As of December 1, 2002, it became the only electronic version of the Patent Register made available to users. The official version of the Patent Register continues to be maintained by the TPD at the Finance Building and remains open to public inspection during business hours.</t>
  </si>
  <si>
    <t>HC-2771</t>
  </si>
  <si>
    <t>Phonetic Orthographic Computer Analysis | Edition: N/A | Version: v2.10</t>
  </si>
  <si>
    <t>POCA</t>
  </si>
  <si>
    <t>HC-2825</t>
  </si>
  <si>
    <t>Authorities Database | Edition: N/A | Version: N/A</t>
  </si>
  <si>
    <t>Tracks TB submissions submitted and approved includes all conditions of the submissions</t>
  </si>
  <si>
    <t>APP-02492</t>
  </si>
  <si>
    <t>Single Window Initiative | Edition: N/A | Version: 1.2</t>
  </si>
  <si>
    <t>HC-2877</t>
  </si>
  <si>
    <t>Regulatory Action Depot d'Action Reglementaire | Edition: N/A | Version: Not Yet</t>
  </si>
  <si>
    <t>HC-2884</t>
  </si>
  <si>
    <t>Integrated Planning and Performance Reporting System | Edition: N/A | Version: 2</t>
  </si>
  <si>
    <t>IPPRS</t>
  </si>
  <si>
    <t>tool that is used to collect planning and reporting information from all the branches in HC in regards to integrated planning. HECSB is a having user.  Will be decommissioned once PEP is implemented and client is ready to decomm</t>
  </si>
  <si>
    <t>HC-2888</t>
  </si>
  <si>
    <t>Enterprise Risk Management Tool | Edition: N/A | Version: 1.8</t>
  </si>
  <si>
    <t>ERM Tool</t>
  </si>
  <si>
    <t>HC-2912</t>
  </si>
  <si>
    <t>TB Screening | Edition: N/A | Version: 1.0</t>
  </si>
  <si>
    <t>HC-2920</t>
  </si>
  <si>
    <t>Special Access Programme (eSAP) | Edition: N/A | Version: 1.7</t>
  </si>
  <si>
    <t>eSAP</t>
  </si>
  <si>
    <t>Grants and Contributions Information Management System</t>
  </si>
  <si>
    <t>HC-2989</t>
  </si>
  <si>
    <t>Tobacco Control Programme activities | Edition: N/A | Version: N/A</t>
  </si>
  <si>
    <t>TCPA</t>
  </si>
  <si>
    <t>Tool to collect TCP's activities</t>
  </si>
  <si>
    <t>HC-3003</t>
  </si>
  <si>
    <t>Tobacco Compliance Information Management System (TCIMS) | Edition: N/A | Versio</t>
  </si>
  <si>
    <t>TCIMS</t>
  </si>
  <si>
    <t>APP-02522</t>
  </si>
  <si>
    <t>Health Canada Scientific Publications Management System | Edition: N/A | Version</t>
  </si>
  <si>
    <t>Tool for the approval and tracking of Scientific Publications.
This application has been developed &amp; maintained by Innovation, Science and Economic Development. Changed to GOTS as per Dariusz Bursynski - Aug 9, 2017</t>
  </si>
  <si>
    <t>HC-3010</t>
  </si>
  <si>
    <t>Tobacco Reporting Regulations System (TRRS) | Edition: N/A | Version: 3.0</t>
  </si>
  <si>
    <t>TDG</t>
  </si>
  <si>
    <t>APP-02434</t>
  </si>
  <si>
    <t>Management Report Solutions (MRS/MVR/MRE) | Edition: N/A | Version: V7 rel 7</t>
  </si>
  <si>
    <t>MRS/MVR/MRE</t>
  </si>
  <si>
    <t>HC-3043</t>
  </si>
  <si>
    <t>Vital Statistics Database | Edition: N/A | Version: 1.0</t>
  </si>
  <si>
    <t>HC-3046</t>
  </si>
  <si>
    <t>PMRA WCAG Forms | Edition: N/A | Version: 2.0</t>
  </si>
  <si>
    <t>HC-3047</t>
  </si>
  <si>
    <t>Water | Edition: N/A | Version: N/A</t>
  </si>
  <si>
    <t>H2O</t>
  </si>
  <si>
    <t>Drinking Water Monitoring Management System.  The eau-water.ca application stores data concerning bacteriological and chemical analysis of drinking water, pools and beaches in Quebec and Ontario region.  Also data from Native communities and federal entities (Department, Agency, Cruise ship line, Airline companies) are gathered.  Those information are required to give advice to the population on their water quality.  Database contains records back to 1987.  Also known colloquially as H2O</t>
  </si>
  <si>
    <t>HC-3049</t>
  </si>
  <si>
    <t>WaterTrax (Atl) | Edition: N/A | Version: N/A</t>
  </si>
  <si>
    <t>Drinking water database used by Health Canada, FNIHB, Atlantic Region</t>
  </si>
  <si>
    <t>HC-3051</t>
  </si>
  <si>
    <t>WaterTrax (MB) | Edition: N/A | Version: N/A</t>
  </si>
  <si>
    <t>Web Based Data program. // This web-based system is used by First Nation Tribal Councils and communities in their drinking water monitoring program</t>
  </si>
  <si>
    <t>HC-3053</t>
  </si>
  <si>
    <t>Recalls and Safety Alerts Management System (RSAMS) | Edition: N/A | Version: 1</t>
  </si>
  <si>
    <t>RSAMS</t>
  </si>
  <si>
    <t>The RSAMS gathers in a single database all Advisory, Warning and Recall information provided by the following partners: Transport Canada, Canadian Food Inspection Agency, Consumer Product Safety, Drugs and Health Products, Marketed Health Products, Strategic Communications, and expected new partners in the future.  Product is on LINUX server.</t>
  </si>
  <si>
    <t>HC-3054</t>
  </si>
  <si>
    <t>Consultation and Stakeholder Information Management System | Edition: N/A | Vers</t>
  </si>
  <si>
    <t>CSIMS</t>
  </si>
  <si>
    <t>Consultation and Stakeholder Information Management System (CSIMS) is a new single-window corporate system for managing consultations and stakeholder information management for the entire department.</t>
  </si>
  <si>
    <t>APP-02470</t>
  </si>
  <si>
    <t>Arrival and Departure Application | Edition: N/A | Version: 1</t>
  </si>
  <si>
    <t>ADA</t>
  </si>
  <si>
    <t>The application keeps a full audit of the various processes and work done by various service providers in the events of Health Canada employees  departing the department.</t>
  </si>
  <si>
    <t>APP-02478</t>
  </si>
  <si>
    <t>ATL User Access Card System | Edition: N/A | Version: Not Yet Assessed</t>
  </si>
  <si>
    <t>ATL UACS</t>
  </si>
  <si>
    <t>HC-3108</t>
  </si>
  <si>
    <t>DLS 2002 | Edition: N/A | Version: 2.0.2.34</t>
  </si>
  <si>
    <t>DLS 2002</t>
  </si>
  <si>
    <t>APP-03351</t>
  </si>
  <si>
    <t>DCS Performance Metrics Dashboard | Edition: N/A | Version: N/A</t>
  </si>
  <si>
    <t>Various IMSD Distributing Computing Service (DCS) performance metric reports.</t>
  </si>
  <si>
    <t>APP-02520</t>
  </si>
  <si>
    <t>LIMS change requests | Edition: N/A | Version: 8</t>
  </si>
  <si>
    <t>LIMS Chg Reqs</t>
  </si>
  <si>
    <t>A web application based on MYSQL and PHP Maker that tracks proposed and completed modifications to the Inspectorate LIMS. The system is also used by other programs in the Quebec Region.</t>
  </si>
  <si>
    <t>APP-02677</t>
  </si>
  <si>
    <t>Ontario Region Occurrence Reports | Edition: N/A | Version: Not Yet Assessed</t>
  </si>
  <si>
    <t>Data entry - Ontario First Nations communities occurrence repots.  MS Access.</t>
  </si>
  <si>
    <t>HC-3155</t>
  </si>
  <si>
    <t>NHPD Issues Tracking System | Edition: N/A | Version: 2.51</t>
  </si>
  <si>
    <t>(ITS) Open source app housed on the HRE which supports all general and technical client service inquiries at NNHPD.</t>
  </si>
  <si>
    <t>APP-02518</t>
  </si>
  <si>
    <t>Chemical Database V8 | Edition: N/A | Version: 8</t>
  </si>
  <si>
    <t>HC-3231</t>
  </si>
  <si>
    <t>Canadian Laboratory Information Network | Edition: N/A | Version: 4.0.1</t>
  </si>
  <si>
    <t>CANLINE</t>
  </si>
  <si>
    <t>HC-3232</t>
  </si>
  <si>
    <t>OBT SED | Edition: N/A | Version: Not Yet Assessed</t>
  </si>
  <si>
    <t>OBTD-SED</t>
  </si>
  <si>
    <t>HC-3233</t>
  </si>
  <si>
    <t>NHP On-line System | Edition: N/A | Version: 1.0</t>
  </si>
  <si>
    <t>NHP-OS</t>
  </si>
  <si>
    <t>HC-3496</t>
  </si>
  <si>
    <t>Ontario NIHB Mail and Appeals Log | Edition: N/A | Version: N/A</t>
  </si>
  <si>
    <t>Tracking tool for correspondence and appeals related to Ontario NIHB benefits.</t>
  </si>
  <si>
    <t>HC-3629</t>
  </si>
  <si>
    <t>TPD Mail Merge for OCT | Edition: N/A | Version: N/A</t>
  </si>
  <si>
    <t>TPD-MM-OCT</t>
  </si>
  <si>
    <t>HC-3630</t>
  </si>
  <si>
    <t>iScheduler | Edition: N/A | Version: Unknown</t>
  </si>
  <si>
    <t>This application is a browser accessible tool owned by the Province of Manitoba's Health - Teleheath department and supported by Telus Health Services. TELUS iScheduler offers five modules that can either stand alone or integrate to form a scheduling platform. These modules include the Referral Manager, the Telehealth Manager, the Enterprise Scheduling Manager, the Waitlist Manager, and the Organ Case Manager.</t>
  </si>
  <si>
    <t>HC-3631</t>
  </si>
  <si>
    <t>Manitoba Online | Edition: N/A | Version: Not Yet Assessed</t>
  </si>
  <si>
    <t>This application is owned by the Province of Manitoba. Manitoba Online provides subscribers with immediate access to provincial government databases. There is a confidential use agreement in place. Agreement Renewal Date: none - open ended. IBM supported application. To be replaced by Panorama in the future. Application contains Protected B info that can identify an individual as well as their immunization status. Editors are: employees of Manitoba Health; Employees of First Nations bands at 7 locations in Manitoba; Health Canada employees (data clerk at regional HC office in Manitoba that enters data collected by HC nurses working at HC health centres in Manitoba.</t>
  </si>
  <si>
    <t>HC-3632</t>
  </si>
  <si>
    <t>eChart Manitoba | Edition: N/A | Version: Not Yet Assessed</t>
  </si>
  <si>
    <t>eChart</t>
  </si>
  <si>
    <t>This browser accessible application is owned by the Province of Manitoba. It is the provincial electronic health record and is an adjunct to the information available at the point of care. eChart presents electronic information reported by contributing source systems (e.g. labs, diagnostic imaging) that is matched to the provincial health identifying information for the patient (e.g.: 9-digit PHIN). There is no contract involved with using this system. A previous MOA expired March 31, 2015 for project deployment costs.</t>
  </si>
  <si>
    <t>HC-3633</t>
  </si>
  <si>
    <t>Vision Care System (ON) | Edition: N/A | Version: N/A</t>
  </si>
  <si>
    <t>VCS</t>
  </si>
  <si>
    <t>APP-02681</t>
  </si>
  <si>
    <t>NIHB - OMTS Security | Edition: N/A | Version: N/A</t>
  </si>
  <si>
    <t>OMTS Security</t>
  </si>
  <si>
    <t>The Ontario Transportation Management System security works in conjunction with the NIHB Security Manager and has the function to grant / revoke access to OMTS security for all zones or a particular zone.</t>
  </si>
  <si>
    <t>HC-3635</t>
  </si>
  <si>
    <t>NIHB - Ontario MS&amp;E Reporting System | Edition: N/A | Version: N/A</t>
  </si>
  <si>
    <t>OMSER</t>
  </si>
  <si>
    <t>This database is a repository for Ontario NIHB Medical Supplies &amp; Equipment (MS &amp; E) data and to produce reports on these data. For transactions over the past few years, MS &amp; E claims/data is now stored in HICPS. The business client does not touch the application, it was used by the previous vendor OmniSoft. The business client is comfortable with decommissioning the MS &amp; E Reporting application.</t>
  </si>
  <si>
    <t>HC-3637</t>
  </si>
  <si>
    <t>NIHB - Ontario MS&amp;E Looklist | Edition: N/A | Version: N/A</t>
  </si>
  <si>
    <t>MSEL</t>
  </si>
  <si>
    <t>This database is a repository for Ontario NIHB policy information (reference material for staff including administrative procedures and required documentation). This functionality addresses the business need for organizational consistency in procedures and is updated when NIHB policy changes. The client is comfortable in transitioning to an alternate solution. The future plan is for FNIHB to work with IMSD-SC to determine technically feasible options to retain functionality and data.</t>
  </si>
  <si>
    <t>HC-3642</t>
  </si>
  <si>
    <t>JIRA SC Defect Tracking | Edition: N/A | Version: 4.x</t>
  </si>
  <si>
    <t>Web based defect tracking COTS solution for HC and PHAC that is used by IMSD.  A consolidation to this PHAC instance was carried out in 2016 and the HC instance is to be decommissioned (APM ID: 2054).</t>
  </si>
  <si>
    <t>HC-3651</t>
  </si>
  <si>
    <t>Psych Map | Edition: N/A | Version: 2.0</t>
  </si>
  <si>
    <t>Stores documents, service providers information (security clearance, specialities, locations), allows EAS to search for and view service provider (mental health fields) profiles and display on a map - geo services</t>
  </si>
  <si>
    <t>APP-02370</t>
  </si>
  <si>
    <t>Repertoire des inventaires des laboratoires de Longueuil V8 (RILL) | Ed:NA | V:8</t>
  </si>
  <si>
    <t>RILL</t>
  </si>
  <si>
    <t>HC-3654</t>
  </si>
  <si>
    <t>Systeme de Gestion des Informations du Laboratoire (SGIL) | Edition: N/A | Versi</t>
  </si>
  <si>
    <t>SGIL</t>
  </si>
  <si>
    <t>This application is used in the Quebec Food lab. Can be accessed at http://quebecintranet/sGILV7.  The Food lab does not have access to LIMS, so this system is used instead.  Base de gestion des résultats du laboratoire Aliments du Québec</t>
  </si>
  <si>
    <t>APP-02395</t>
  </si>
  <si>
    <t>Pedigree | Edition: N/A | Version: 8</t>
  </si>
  <si>
    <t>"A web application based on MYSQL and PHP Maker that tracks information on products, to assist with testing for counterfeits. Includes images of products and packaging. Allows analysts to add LIMS tests of counterfeit products received for testing from the inspectors.
2017.003.10 - This db is maintain by the Laboratory after the testing they add the info with pictures name lots etc. Not for public consumption."</t>
  </si>
  <si>
    <t>APP-02655</t>
  </si>
  <si>
    <t>FNIHB PMP Database | Edition: N/A | Version: Not Yet Assessed</t>
  </si>
  <si>
    <t>Pharmacy tracking.</t>
  </si>
  <si>
    <t>HC-3785</t>
  </si>
  <si>
    <t>Mental Health Information System -Alberta Region | Edition: N/A | Version: 1.0</t>
  </si>
  <si>
    <t>MHIS</t>
  </si>
  <si>
    <t>APP-02706</t>
  </si>
  <si>
    <t>Synergy In Action (SIA) | Edition: N/A | Version: N/A</t>
  </si>
  <si>
    <t>HC-3789</t>
  </si>
  <si>
    <t>MySource | Edition: N/A | Version: N/A</t>
  </si>
  <si>
    <t>MySource</t>
  </si>
  <si>
    <t>Health Canada and Public Health Agency of Canada internal facing site</t>
  </si>
  <si>
    <t>HC-3794</t>
  </si>
  <si>
    <t>Atlas (JIRA) | Edition: N/A | Version: 6</t>
  </si>
  <si>
    <t>JIRA [Atlas]</t>
  </si>
  <si>
    <t>HC - 2.3 Environmental Risks to Health</t>
  </si>
  <si>
    <t>HC-3795</t>
  </si>
  <si>
    <t>Laboratory Information Management System (LIMS) HECSB-PSL | Edition: N/A | Versi</t>
  </si>
  <si>
    <t>LIMS-HECSB-PSL</t>
  </si>
  <si>
    <t>PSL-Product Safety Lab</t>
  </si>
  <si>
    <t>HC-3801</t>
  </si>
  <si>
    <t>PMRA eDB (Electronic Dossier Builder) | Edition: N/A | Version: N/A</t>
  </si>
  <si>
    <t>PMRA eDB</t>
  </si>
  <si>
    <t>The eDossier Builder is a stand-alone software application that facilitates the submission of applications to any regulatory authority that has adopted the OECD Global Harmonised Submission Transport Standard (GHSTS). This global standard supports the submission of common applications by companies to multiple regulatory authorities, without the need to recompile such applications based on national standards.</t>
  </si>
  <si>
    <t>HC-3805</t>
  </si>
  <si>
    <t>Drug &amp; Health Product Inspections (public-facing name); Health Canada Inspec</t>
  </si>
  <si>
    <t>Online resource designed to provide ready access to information on inspections of companies that manufacture and sell drug products for the Canadian market.  Canadians can search the site for information on inspection findings, including which companies have a good history of meeting safety and quality standards and which do not. The tool provides centralized access to plain-language, timely information on inspections. Canadians can use this information to have a better understanding of how Health Canada is enforcing -- and how companies are meeting -- Canada’s high standards for drug safety and quality.</t>
  </si>
  <si>
    <t>APP-02661</t>
  </si>
  <si>
    <t>Drug and Health Product Register | Edition: TBD | Version: 2.0</t>
  </si>
  <si>
    <t>DHPR</t>
  </si>
  <si>
    <t>APP-02750</t>
  </si>
  <si>
    <t>Gestion des Installations/Hesk | Edition: N/A | Version: TBD</t>
  </si>
  <si>
    <t>Gestion des Installations/Hesk</t>
  </si>
  <si>
    <t>Tool that used by all the occupants to be able to input their requests related to corporate services (cards, extra electricity, ..). Allows open a ticket, follow-up, etc... building &amp; tenants service request, but not the fleet management (another tool). Only in the Health Portfolio.
Used by Quebec, Shawinigan, Dorval, Montréal, Longueuil</t>
  </si>
  <si>
    <t>APP-02399</t>
  </si>
  <si>
    <t>DELIM | Edition: N/A | Version: 8</t>
  </si>
  <si>
    <t>DELIM</t>
  </si>
  <si>
    <t>This is an application that is heavily used and relied upon by all the inspectors working in the East Region (Inspection and CV). Therefore, it is mandatory that it be maintained.
Used to track all of our incidents (recalls, complaints, NCARs, etc.) and is essential to our work. It is also used for statistics, for generating delegation forms, for keeping information on incidents, to see what files are still active or are closed, etc. 
Migrated from Approach DB</t>
  </si>
  <si>
    <t>APP-02730</t>
  </si>
  <si>
    <t>NIHB Online Drug Benefit List | Edition: N/A | Version: N/A</t>
  </si>
  <si>
    <t>Houses information regarding eligible drug benefits.</t>
  </si>
  <si>
    <t>APP-02817</t>
  </si>
  <si>
    <t>Client Information System for Aboriginal Health Facilities | Edition: N/A | Vers</t>
  </si>
  <si>
    <t>CISAHF</t>
  </si>
  <si>
    <t>Database to capture data for Community Based Reporting Templates (CBRT) that are required submissions for Funding Agreements between Health Canada and the First Nations and Inuit Communities.</t>
  </si>
  <si>
    <t>HC-5018</t>
  </si>
  <si>
    <t>BioNumerics - FOOD | Edition: N/A | Version: 6.6.11.0</t>
  </si>
  <si>
    <t>HC-5028</t>
  </si>
  <si>
    <t>DS Admin (Digital Sentry) | Edition: N/A | Version: 7.4.320.7640</t>
  </si>
  <si>
    <t>DS Admin</t>
  </si>
  <si>
    <t>Remote administration for network video recorders  Note : DS Admin use will depend on how long the EHS building will be up.</t>
  </si>
  <si>
    <t>HC-5029</t>
  </si>
  <si>
    <t>DS Control Point | Edition: N/A | Version: 7.7.309.9631</t>
  </si>
  <si>
    <t>DS Control Point</t>
  </si>
  <si>
    <t>HC-5039</t>
  </si>
  <si>
    <t>Hedgehog | Edition: N/A | Version: 4.4</t>
  </si>
  <si>
    <t>Hedgehog</t>
  </si>
  <si>
    <t>ICM</t>
  </si>
  <si>
    <t>Keyscan</t>
  </si>
  <si>
    <t>APP-02601</t>
  </si>
  <si>
    <t>Keyscan VII | Edition: N/A | Version: 7.0.20</t>
  </si>
  <si>
    <t>HC-5054</t>
  </si>
  <si>
    <t>Matrix Electron Access System | Edition: N/A | Version: 2009</t>
  </si>
  <si>
    <t>Frontier</t>
  </si>
  <si>
    <t>HC-5204</t>
  </si>
  <si>
    <t>Kroll RX | Edition: N/A | Version: Not Yet Assessed</t>
  </si>
  <si>
    <t>Kroll RX</t>
  </si>
  <si>
    <t>APP-02606</t>
  </si>
  <si>
    <t>Audiolog | Edition: N/A | Version: 1.0</t>
  </si>
  <si>
    <t>HC-5253</t>
  </si>
  <si>
    <t>EPAS-Icemail | Edition: N/A | Version: Not Yet Assessed</t>
  </si>
  <si>
    <t>iceMail transforms e-mail into a quality web communication channel for popular on-line applications such as help desk. In addition to phone calls, some 5-20% of our contact center interactions may be in the form of e-mails. iceMail allows our contact center agents to predefine responses, which can be used as automatic replies to some of these e-mails. E-mails requiring special care are instantly routed to appropriately skilled agents. Key features include a web-based search tool for agents to look up any historic e-mails by a variety of search criteria; e-mails can trigger screen-pops of popular CRM databases or launch a Web page.</t>
  </si>
  <si>
    <t>APP-02773</t>
  </si>
  <si>
    <t>Site Secure | Edition: N/A | Version: 3.6 R4</t>
  </si>
  <si>
    <t>Telax</t>
  </si>
  <si>
    <t>HC-5739</t>
  </si>
  <si>
    <t>Common Electronic Submission Gateway (CESG) | Edition: N/A | Version: 2.10.03.0</t>
  </si>
  <si>
    <t>CESG is the tool that supports B2B connection  which enables receipt of eCTD electronic submission. These are validated and loaded into docuBridge and is recognized as a corporate electronic content management system  It is an Agency-wide solution for accepting electronic regulatory submissions. It enables the secure submission of premarket and postmarket regulatory information for review.</t>
  </si>
  <si>
    <t>HC-5781</t>
  </si>
  <si>
    <t>Manitou CS | Edition: N/A | Version: 1.61.0.767</t>
  </si>
  <si>
    <t>Manitou CS</t>
  </si>
  <si>
    <t>Central Alarm Monitoring Station Solution</t>
  </si>
  <si>
    <t>HC-5782</t>
  </si>
  <si>
    <t>Real Time Identification | Edition: N/A | Version: COGENT 4.5 NMSO</t>
  </si>
  <si>
    <t>HC-5784</t>
  </si>
  <si>
    <t>Maximizer CRM | Edition: Group Edition | Version: 10.5.1905.961</t>
  </si>
  <si>
    <t>Maximizer</t>
  </si>
  <si>
    <t>Customer Relationship Management (CRM) solution: 2 DB for tracking  service providers and one about our organizational customers. merging info into documents for reporting/letter/agreements.  App2455 is the new version that will be implemented shortly (part of the Windows 2003 project) and 5784 (this record) is the current version that will be decommissioned once they implement App2455.</t>
  </si>
  <si>
    <t>DIS</t>
  </si>
  <si>
    <t>APP-02775</t>
  </si>
  <si>
    <t>Telax Call Centre | Edition: N/A | Version: 10.4</t>
  </si>
  <si>
    <t>APP-03407</t>
  </si>
  <si>
    <t>Nortel (Avaya) Business Communication Manager | Edition: N/A | Version: N/A</t>
  </si>
  <si>
    <t>BCM50</t>
  </si>
  <si>
    <t>ADS</t>
  </si>
  <si>
    <t>Rational System Architect</t>
  </si>
  <si>
    <t>HC-6362</t>
  </si>
  <si>
    <t>IceManager Administrator - NDS | Edition: N/A | Version: 6.2.0.0</t>
  </si>
  <si>
    <t>HC-6363</t>
  </si>
  <si>
    <t>IceBarClient - EAS | Edition: N/A | Version: 6.1.1.0</t>
  </si>
  <si>
    <t>systems allow calls to be distributed to first support agents regarding 1-800 services</t>
  </si>
  <si>
    <t>HC-6364</t>
  </si>
  <si>
    <t>IceManager Monitor - EAS | Edition: N/A | Version: 6.1.2.0</t>
  </si>
  <si>
    <t>used for monitoring the volume, quality of service, trace the call, reporting.</t>
  </si>
  <si>
    <t>HC-6408</t>
  </si>
  <si>
    <t>IceManager Administrator - EPAS | Edition: N/A | Version: 6.1.0.3</t>
  </si>
  <si>
    <t>allows manager to delegate to be able to respond to public inquiries</t>
  </si>
  <si>
    <t>APP-02616</t>
  </si>
  <si>
    <t>Rogers SK Region | Edition: N/A | Version: Version 4 SU6-ES</t>
  </si>
  <si>
    <t>HC-6458</t>
  </si>
  <si>
    <t>IUCLID | Edition: N/A | Version: 5.5</t>
  </si>
  <si>
    <t>IUCLID</t>
  </si>
  <si>
    <t>HC-6646</t>
  </si>
  <si>
    <t>RDIMS Instance | Edition: N/A | Version: 5.3.0.516</t>
  </si>
  <si>
    <t>An electronic data management system. Storage location for work files and records of business value.  RDIMS is the name of the database but it has no bearing on the location of users who use the system. This system has 2 locations EAST and WEST (previously 2 records in APM 6647 &amp; 6646. 6647 will be inactivated)  This instance of RDIMS is being used by HC &amp; PHAC.</t>
  </si>
  <si>
    <t>HC-6689</t>
  </si>
  <si>
    <t>ATIP Flow - PHAC | Edition: N/A | Version: N/A</t>
  </si>
  <si>
    <t>ATIP Flow is a tracking system used by CSB to better track and manage the large number of requests received under the Access to Information Act and under the Privacy Act for PHAC.</t>
  </si>
  <si>
    <t>HC-6690</t>
  </si>
  <si>
    <t>ATIP Flow - HC | Edition: N/A | Version: N/A</t>
  </si>
  <si>
    <t>APP-02599</t>
  </si>
  <si>
    <t>WinRecs | Edition: N/A | Version: V3 2016.02</t>
  </si>
  <si>
    <t>HC-6835</t>
  </si>
  <si>
    <t>BGTD Reviewers Toolkit (BGTD SRT Word ADDIN) | Edition: N/A | Version: 1.0</t>
  </si>
  <si>
    <t>MS Word add-on tool</t>
  </si>
  <si>
    <t>Immigration and Refugee Board of Canada</t>
  </si>
  <si>
    <t>Accueil</t>
  </si>
  <si>
    <t>IRB-Accueil</t>
  </si>
  <si>
    <t>Hearing Day Management System</t>
  </si>
  <si>
    <t>Refugee Protection; Refugee Appeals; Detention Reviews and Admissibility Hearings; Immigration Appeals</t>
  </si>
  <si>
    <t>IRB-AccessPro CM</t>
  </si>
  <si>
    <t>CDSC Systems Inc. - AccessPro Case Management</t>
  </si>
  <si>
    <t>CWS</t>
  </si>
  <si>
    <t>IRB-DARS</t>
  </si>
  <si>
    <t>Digital Audio Recording</t>
  </si>
  <si>
    <t>VIQ Solutions, DARS</t>
  </si>
  <si>
    <t>APP-03191</t>
  </si>
  <si>
    <t>Embarcadero ERStudio Data Architect</t>
  </si>
  <si>
    <t>ERStudio</t>
  </si>
  <si>
    <t>IDERA</t>
  </si>
  <si>
    <t>Data Architect provides visual interface to document, understand, and publish information about data models and databases.</t>
  </si>
  <si>
    <t>FA</t>
  </si>
  <si>
    <t>IRB-FA</t>
  </si>
  <si>
    <t>Financial Accountability</t>
  </si>
  <si>
    <t>FreeBalance Inc., Financial Accountability</t>
  </si>
  <si>
    <t>IRB-FITS</t>
  </si>
  <si>
    <t>Financial Integtrated Tool System</t>
  </si>
  <si>
    <t>Landry Micro Systems, F.I.T.S.</t>
  </si>
  <si>
    <t>Forms</t>
  </si>
  <si>
    <t>HBT</t>
  </si>
  <si>
    <t>IRB-HBT</t>
  </si>
  <si>
    <t>Hearing Booking Tool</t>
  </si>
  <si>
    <t>Refugee Protection</t>
  </si>
  <si>
    <t>HCD</t>
  </si>
  <si>
    <t>IRB-HCD</t>
  </si>
  <si>
    <t>Higher Court Decisions</t>
  </si>
  <si>
    <t>Refugee Protection; Refugee Appeals; Detention Review and Admissibility Hearings; Immigration Appeals</t>
  </si>
  <si>
    <t>HCD system provides information regarding decisions made by higher courts on IRB cases that have been appealed.  HCD provides the list of cases appealed and a summary of the higher court decisions, and is used primarily for error-correction and training purposes.</t>
  </si>
  <si>
    <t>InfoWeb</t>
  </si>
  <si>
    <t>IRB-Internet</t>
  </si>
  <si>
    <t>IRB Internet Site</t>
  </si>
  <si>
    <t>Internal Services; Refugee Protection</t>
  </si>
  <si>
    <t>This is our IRB corporate Web site open to the general public, as well as our internal website Atlas. The public site is a collection of Web pages providing information on our mandate, vision, business lines, priorities, etc. As per the recent decision by senior management, we also provide other applications to the public in order to facilitate country-of-origin research. The information provided is updated regularly. IRB Internet Website is built using SharePoint. It is refreshed regularly with updates.  The internal site is also a collection of web pages providing information and links to IRB employees to help them accomplish their tasks, as well as links to other applications such as Peoplesoft, Phoenix, and internal applications such as MultiTrans.</t>
  </si>
  <si>
    <t>JRTR</t>
  </si>
  <si>
    <t>IRB-JRTR</t>
  </si>
  <si>
    <t>Judicial Review Tracking Reports</t>
  </si>
  <si>
    <t>Lync</t>
  </si>
  <si>
    <t>APP-03263</t>
  </si>
  <si>
    <t>Microsoft Lync</t>
  </si>
  <si>
    <t>Microsoft Lync 2010</t>
  </si>
  <si>
    <t>APP-01697</t>
  </si>
  <si>
    <t>Manage Secure File Transfer</t>
  </si>
  <si>
    <t>Financial Management Services,Human Resources Management Services,Other</t>
  </si>
  <si>
    <t>Corporate Service Case Management, Refugee Protection Division</t>
  </si>
  <si>
    <t>MSFT (Managed Secure File Transfer)</t>
  </si>
  <si>
    <t>APP-04333</t>
  </si>
  <si>
    <t>Microsoft SQL Server Database</t>
  </si>
  <si>
    <t>SQL Server 2012 Enterprise</t>
  </si>
  <si>
    <t>IRB-Multitrans</t>
  </si>
  <si>
    <t>Multi Translation</t>
  </si>
  <si>
    <t>MultiTrans is a translation support and language management tool that is based on a multilingual full-text repository of previously translated content. It has helped global organizations and language industry professionals to improve translation productivity and quality. Unlike traditional translation memory tools which are based on a database of isolated whole segments, MultiTrans makes vast collections of legacy full-text translations searchable for text strings of any length in their full usage context. Its interactive search capabilities provide users with the most relevant information, maximizing language resource reuse.</t>
  </si>
  <si>
    <t>NFI</t>
  </si>
  <si>
    <t>IRB-NFI</t>
  </si>
  <si>
    <t>Nova FOSS Interface</t>
  </si>
  <si>
    <t>IRPA, IRPR, RPD Division Rules; RAD Division Rules (Bill C-11 and Bill C-31).</t>
  </si>
  <si>
    <t>NOVA</t>
  </si>
  <si>
    <t>IRB-NOVA</t>
  </si>
  <si>
    <t>NOVA Case Tracking System</t>
  </si>
  <si>
    <t>OFFICENOVA</t>
  </si>
  <si>
    <t>APP-03233</t>
  </si>
  <si>
    <t>Orgplus</t>
  </si>
  <si>
    <t>IRB-Orgplus</t>
  </si>
  <si>
    <t>Insperity OrgPlus</t>
  </si>
  <si>
    <t>Insperity</t>
  </si>
  <si>
    <t>Insperity, Orgplus</t>
  </si>
  <si>
    <t>Cognos PowerPlay</t>
  </si>
  <si>
    <t>RPD</t>
  </si>
  <si>
    <t>RIM</t>
  </si>
  <si>
    <t>SAM SSAS</t>
  </si>
  <si>
    <t>APP-03187</t>
  </si>
  <si>
    <t>SQL Server Analysis Services</t>
  </si>
  <si>
    <t>Cube</t>
  </si>
  <si>
    <t>IRB-SAS</t>
  </si>
  <si>
    <t>SAS - Activity Based Management</t>
  </si>
  <si>
    <t>Activity Based Management Line</t>
  </si>
  <si>
    <t>APP-03251</t>
  </si>
  <si>
    <t>APP-01720</t>
  </si>
  <si>
    <t>SSIS</t>
  </si>
  <si>
    <t>APP-01724</t>
  </si>
  <si>
    <t>SQL Server Integration Services</t>
  </si>
  <si>
    <t>SSIS - SQL Server Integration Services</t>
  </si>
  <si>
    <t>APP-01722</t>
  </si>
  <si>
    <t>SQL Server management Studio</t>
  </si>
  <si>
    <t>SQL Server is used by the IRB as the main database server for the applications most critical to its business. SQL Server is a relational database management system (RDBMS) from Microsoft that's designed for the enterprise environment. SQL Server also includes: SSRS, SSAS, SSIS</t>
  </si>
  <si>
    <t>SSRS</t>
  </si>
  <si>
    <t>IRB-SSRS</t>
  </si>
  <si>
    <t>SQL Server Reporting Services</t>
  </si>
  <si>
    <t>APP-01729</t>
  </si>
  <si>
    <t>Team Foundation Server (TFS) is a Microsoft product which provides the tools to effectively manage software development projects throughout the IT lifecycle. TFS is used by the IRB to manage the application development planning and work items, such as change requests, test cases and defects.</t>
  </si>
  <si>
    <t>Visual Studio Ultimate 2012 wi</t>
  </si>
  <si>
    <t>TFS - Team Foundation Server</t>
  </si>
  <si>
    <t>IRB-TMS</t>
  </si>
  <si>
    <t>Time Management Sheet - Legal</t>
  </si>
  <si>
    <t>Human Resources Management Services,Legal Services</t>
  </si>
  <si>
    <t>The Time Management System is used to capture data on the time and overtime spent by some of Legal Services’ employees on given tasks, for given clients. The System also allows for the production of reports based on this data.  The user base for this system ranges from 35 to 40 users, with full access and some with read only (reporting) access.</t>
  </si>
  <si>
    <t>Track-It!</t>
  </si>
  <si>
    <t>APP-03078</t>
  </si>
  <si>
    <t>Helpdesk, Asset Management, Change Management, Knowledge Management, Purchasing software.</t>
  </si>
  <si>
    <t>Immigration, Refugees and Citizenship Canada</t>
  </si>
  <si>
    <t>Access Manager/Gestionnaire d'accès</t>
  </si>
  <si>
    <t>IRCC-Access Manager/</t>
  </si>
  <si>
    <t>Access Manager</t>
  </si>
  <si>
    <t>Multiple Programs</t>
  </si>
  <si>
    <t>A web based tool developed to manage access to regional applications developed by Québec region.
Anne Turmel, 438-843-2495  (Shirley Cheung, assistant, 438-843-2494.  Contacted by phone November 11, 2017 - as this app is a tool for managing access to InfoClient, MAINTAIN (to be transferred to Nancy Camacho's team for support along with the main InfoClient app).</t>
  </si>
  <si>
    <t>Unassigned PAA</t>
  </si>
  <si>
    <t>Newcomer Settlement and Integration</t>
  </si>
  <si>
    <t>Citizenship for Newcomers and All Canadians</t>
  </si>
  <si>
    <t>Answers</t>
  </si>
  <si>
    <t>APP-01027</t>
  </si>
  <si>
    <t>GCMS - Answers</t>
  </si>
  <si>
    <t>Oracle Business Intelligence</t>
  </si>
  <si>
    <t>ARS</t>
  </si>
  <si>
    <t>IRCC-ARS</t>
  </si>
  <si>
    <t>Remedy Action Request System</t>
  </si>
  <si>
    <t>Manager Help Desk, Information Technology Solutions Directorate</t>
  </si>
  <si>
    <t>Emtec (BMC) - Remedy ITSM</t>
  </si>
  <si>
    <t>ATIP On Line Request</t>
  </si>
  <si>
    <t>IRCC-ATIP On Line Re</t>
  </si>
  <si>
    <t>Policy, Training &amp; Projects, ATIP Division</t>
  </si>
  <si>
    <t>The inter-departmental ATIP e-application, accessible through TBS's external web site: http://www.tbs-sct.gc.ca/tbs-sct/index-eng.asp, enables clients' submission of ATIP requests through one central location.</t>
  </si>
  <si>
    <t>ATIP Suite</t>
  </si>
  <si>
    <t>IRCC-ATIP Suite</t>
  </si>
  <si>
    <t>CSDC Enterprise Solutions - AccessPro</t>
  </si>
  <si>
    <t>Beyond 20 20</t>
  </si>
  <si>
    <t>IRCC-Beyond 20 20</t>
  </si>
  <si>
    <t>Permanent Economic Residents</t>
  </si>
  <si>
    <t>BIFT</t>
  </si>
  <si>
    <t>IRCC-BioSP / ARU</t>
  </si>
  <si>
    <t>Biometric Immigration Fingerprints Tool</t>
  </si>
  <si>
    <t>Fujitsu</t>
  </si>
  <si>
    <t>Migration Control and Security Management</t>
  </si>
  <si>
    <t>Enables the Operations Support Centre (OSC) to process refugee fingerprint files received from RCMP in support of the Five Country Conference initiative</t>
  </si>
  <si>
    <t>Aware BioSP</t>
  </si>
  <si>
    <t>BIP</t>
  </si>
  <si>
    <t>APP-01024</t>
  </si>
  <si>
    <t>Business Intelligence Publisher</t>
  </si>
  <si>
    <t>Oracle Report server use of GCMS operationnal reporting in printable format including 2D bar code labels.</t>
  </si>
  <si>
    <t>Business Intelligence Publishe</t>
  </si>
  <si>
    <t>SIMB</t>
  </si>
  <si>
    <t>BTS</t>
  </si>
  <si>
    <t>IRCC-BTS</t>
  </si>
  <si>
    <t>Barcode Tracking System, Kit Tracking System</t>
  </si>
  <si>
    <t>A system to label and track the barcodes that have been added to Temporary Resident kits that have been sent out.</t>
  </si>
  <si>
    <t>CCCA</t>
  </si>
  <si>
    <t>APP-03672</t>
  </si>
  <si>
    <t>Crown Copyright Clearance Application</t>
  </si>
  <si>
    <t>Web form to allow clients to request clearance for use of crown copyrighted materials</t>
  </si>
  <si>
    <t>APP-01019</t>
  </si>
  <si>
    <t>Cognos Disclosure Management</t>
  </si>
  <si>
    <t>EDW - CDM</t>
  </si>
  <si>
    <t>Reporting publication server, reporting versioning, publication in pdf, excel, ppt allowing user analysis input and formating.</t>
  </si>
  <si>
    <t>CEDIS                                                   </t>
  </si>
  <si>
    <t>IRCC-CEDIS</t>
  </si>
  <si>
    <t>Canadian Electoral District Information System</t>
  </si>
  <si>
    <t>CFM</t>
  </si>
  <si>
    <t>APP-00949</t>
  </si>
  <si>
    <t>Client Feedback Mechanism</t>
  </si>
  <si>
    <t>The CFM application is used by CIC's public user to provide feedback about CIC's services.</t>
  </si>
  <si>
    <t>IRCC-CIBIDS</t>
  </si>
  <si>
    <t>Canadian Immigration Biometrics Identification System</t>
  </si>
  <si>
    <t>CIC Intranet</t>
  </si>
  <si>
    <t>IRCC-CIC Intranet Ap</t>
  </si>
  <si>
    <t>CICWiki</t>
  </si>
  <si>
    <t>APP-02035</t>
  </si>
  <si>
    <t>Collaboration tool. To be replaced by GCPedia and GCConnex.</t>
  </si>
  <si>
    <t>CitSearch</t>
  </si>
  <si>
    <t>APP-02037</t>
  </si>
  <si>
    <t>Citizenship Ceremony Search</t>
  </si>
  <si>
    <t>Intranet application.</t>
  </si>
  <si>
    <t>CKFITS</t>
  </si>
  <si>
    <t>IRCC-CKFITS</t>
  </si>
  <si>
    <t>Controlled Key Forms Inventory Tracking System</t>
  </si>
  <si>
    <t>Automated system for the monitoring and oversight of CIC Immigration Controlled Forms.</t>
  </si>
  <si>
    <t>Classified</t>
  </si>
  <si>
    <t>APP-02041</t>
  </si>
  <si>
    <t>Classified Ads</t>
  </si>
  <si>
    <t>Intranet tool for employees to list items for sale. To be replaced by GCPedia or GCConnex.</t>
  </si>
  <si>
    <t>APP-01007</t>
  </si>
  <si>
    <t>EDW - Cognos BI</t>
  </si>
  <si>
    <t>Multiple Program Areas</t>
  </si>
  <si>
    <t>IRCC-ColdFusion</t>
  </si>
  <si>
    <t>A rapid development platform for building modern web applications.</t>
  </si>
  <si>
    <t>Coldfusion Enterprise</t>
  </si>
  <si>
    <t>Adobe Coldfusion</t>
  </si>
  <si>
    <t>Comments</t>
  </si>
  <si>
    <t>APP-02043</t>
  </si>
  <si>
    <t>Comments (Connexion)</t>
  </si>
  <si>
    <t>Correspondence                             </t>
  </si>
  <si>
    <t>IRCC-Correspondence</t>
  </si>
  <si>
    <t>Correspondence</t>
  </si>
  <si>
    <t>Provides the mailroom staff in each of our three lines of business to produce a letter of missing requirements for the clients who have submitted an application that is not complete and to produce production statistics for the PRC Team Leader and the PRC Operation Manager.  In addition, it is used to query for the client letters that has been sent if an inquiry is made.</t>
  </si>
  <si>
    <t>Temporary Economic Residents</t>
  </si>
  <si>
    <t>CPC - M</t>
  </si>
  <si>
    <t>IRCC-CPC - M</t>
  </si>
  <si>
    <t>CPC M - Imaging</t>
  </si>
  <si>
    <t>Family and Discretionary Immigration</t>
  </si>
  <si>
    <t>Imaging system for case processiing centre Missisuasga. Sponsorship files are scanned and saved in .tif format (stored on OMIS2W217 computer). File were scanned by an outside company (xebec). The tif images have not been updated since August 9, 2010, and ssytem is only used for reference lookup as needed.</t>
  </si>
  <si>
    <t>CPC Images</t>
  </si>
  <si>
    <t>APP-00813</t>
  </si>
  <si>
    <t>Support Services - Search</t>
  </si>
  <si>
    <t>CPC-M Stats                                      </t>
  </si>
  <si>
    <t>IRCC-CPC-M Stats</t>
  </si>
  <si>
    <t>CPC-M Stats</t>
  </si>
  <si>
    <t>Fax Software</t>
  </si>
  <si>
    <t>CPS-III</t>
  </si>
  <si>
    <t>IRCC-CPS-III</t>
  </si>
  <si>
    <t>Case Processing Systems</t>
  </si>
  <si>
    <t>IRCC-CSE</t>
  </si>
  <si>
    <t>Case Specific Enquiry (Canada) / Case Specific Enquiry (International)</t>
  </si>
  <si>
    <t>CSE                                                        </t>
  </si>
  <si>
    <t>The Case Specific Enquiry application is used by CIC Clients to enquire on applications submitted at visa offices.  The Case Specific Enquiry application is used by CIC Clients to enquire on applications submitted at visa offices.</t>
  </si>
  <si>
    <t>CSMS (SGSC)                                    </t>
  </si>
  <si>
    <t>IRCC-CSMS (SGSC)</t>
  </si>
  <si>
    <t>Client Service Management System</t>
  </si>
  <si>
    <t>CSQ-Lite</t>
  </si>
  <si>
    <t>APP-01806</t>
  </si>
  <si>
    <t>Client Status Query - Lite</t>
  </si>
  <si>
    <t>CTS File Repository</t>
  </si>
  <si>
    <t>IRCC-CTS Main</t>
  </si>
  <si>
    <t>Case Tracking System</t>
  </si>
  <si>
    <t>DFMS</t>
  </si>
  <si>
    <t>IRCC-IFMS</t>
  </si>
  <si>
    <t>Departmental Financial Materiel System - SAP</t>
  </si>
  <si>
    <t>Financial Management</t>
  </si>
  <si>
    <t>Director Awards                              </t>
  </si>
  <si>
    <t>IRCC-Director Awards</t>
  </si>
  <si>
    <t>Director Awards</t>
  </si>
  <si>
    <t>Provide staff with an electronic submission form for the Directors Award.</t>
  </si>
  <si>
    <t>IRCC-DMP - Dicom 42</t>
  </si>
  <si>
    <t>Digital X-ray Mgmt System</t>
  </si>
  <si>
    <t>DMP - Dicom                           </t>
  </si>
  <si>
    <t>Philips Medical Systems / DICOM</t>
  </si>
  <si>
    <t>DNTA</t>
  </si>
  <si>
    <t>APP-03706</t>
  </si>
  <si>
    <t>Dual Nationals Travel Authorization</t>
  </si>
  <si>
    <t>GCMS</t>
  </si>
  <si>
    <t>DV Dashboard</t>
  </si>
  <si>
    <t>APP-04266</t>
  </si>
  <si>
    <t>Data Visualization Dashboard</t>
  </si>
  <si>
    <t>Data Visualization</t>
  </si>
  <si>
    <t>A dashboard development environment for visualizing Excel spreadsheet data through a variety of online, interactive charts.  DV Dashboard is used to build the APM, ETI and Services Dashboards.  The system consists of a Studio for chart configuration and an online web-based dashboard application.</t>
  </si>
  <si>
    <t>e-Application</t>
  </si>
  <si>
    <t>IRCC-e-Application</t>
  </si>
  <si>
    <t>eServices - e-Application / e-App</t>
  </si>
  <si>
    <t>IRCC-e-CAS-COA</t>
  </si>
  <si>
    <t>Electronic - Client Application Status - Change of Address</t>
  </si>
  <si>
    <t>eServices - e-CAS-COA</t>
  </si>
  <si>
    <t>MSAccess and SQL</t>
  </si>
  <si>
    <t>IRCC-Eclipse</t>
  </si>
  <si>
    <t>A platform for building integrated web and application development tooling</t>
  </si>
  <si>
    <t>The Eclipse Foundation, Eclipse Mars</t>
  </si>
  <si>
    <t>ECT</t>
  </si>
  <si>
    <t>EDL SFTP</t>
  </si>
  <si>
    <t>APP-00018</t>
  </si>
  <si>
    <t>Enhanced Drivers Licence SFTP Windows Service</t>
  </si>
  <si>
    <t>Program Integrity</t>
  </si>
  <si>
    <t>EDL-QAIS</t>
  </si>
  <si>
    <t>IRCC-QAIS  EDL</t>
  </si>
  <si>
    <t>Enhanced Drivers Licence Quality Assurance Imaging System</t>
  </si>
  <si>
    <t>EDW - CnDs</t>
  </si>
  <si>
    <t>APP-04094</t>
  </si>
  <si>
    <t>SPSS CnDs</t>
  </si>
  <si>
    <t>SPSS Collaboration and Deployment Services, for storing and deployment of advanced analytics models, schedule and manage Advanced analytics Execution Servers.</t>
  </si>
  <si>
    <t>CnDs</t>
  </si>
  <si>
    <t>EDW - IAV</t>
  </si>
  <si>
    <t>APP-04091</t>
  </si>
  <si>
    <t>Informatica Address Dr</t>
  </si>
  <si>
    <t>Informatica Address Validation</t>
  </si>
  <si>
    <t>EDW - IDQ</t>
  </si>
  <si>
    <t>APP-04088</t>
  </si>
  <si>
    <t>Informatica DQ</t>
  </si>
  <si>
    <t>EDW - Netezza</t>
  </si>
  <si>
    <t>APP-01034</t>
  </si>
  <si>
    <t>Netezza IBM PureData System for Analytics</t>
  </si>
  <si>
    <t>IBM PureData System for Analytics (Netezza); Big data environment specialized for Advanced Analytics.  N2002-10  
Includes both Striper and Twinfin.</t>
  </si>
  <si>
    <t>EDW - SAS Forecast</t>
  </si>
  <si>
    <t>APP-04100</t>
  </si>
  <si>
    <t>SAS Forecast Solution</t>
  </si>
  <si>
    <t>Advanced Analytics , SAS Forecast Solution</t>
  </si>
  <si>
    <t>Forecasting</t>
  </si>
  <si>
    <t>EDW - SPSS Scoring</t>
  </si>
  <si>
    <t>APP-04097</t>
  </si>
  <si>
    <t>SPSS Scoring</t>
  </si>
  <si>
    <t>Advanced Analytics , SPSS Real Time Scoring Server</t>
  </si>
  <si>
    <t>Scoring Server</t>
  </si>
  <si>
    <t>EDW - WIAdmin</t>
  </si>
  <si>
    <t>APP-04103</t>
  </si>
  <si>
    <t>Sentinel RMS</t>
  </si>
  <si>
    <t>License Management Server for SPSS and i2ANB desktop licensing</t>
  </si>
  <si>
    <t>Siebel</t>
  </si>
  <si>
    <t>Enterprise Connect</t>
  </si>
  <si>
    <t>IRCC-Enterprise Conn</t>
  </si>
  <si>
    <t>Enterprise Connect (Open Text)</t>
  </si>
  <si>
    <t>e-Payment</t>
  </si>
  <si>
    <t>IRCC-e-Payment</t>
  </si>
  <si>
    <t>Client Services - Client Relationship Management</t>
  </si>
  <si>
    <t>An internet system that provides an electronic payment of cost recovery at the overseas missions and in Canada which is also capable of reconciling a fee payment with an application (TR,PR,SP or CIT).  Note that this is now a module in IPRMS.  Therefore, decomissioning this as a system.</t>
  </si>
  <si>
    <t>RGBB</t>
  </si>
  <si>
    <t>Erwin</t>
  </si>
  <si>
    <t>APP-01022</t>
  </si>
  <si>
    <t>EDW - Erwin</t>
  </si>
  <si>
    <t>CA Technologies</t>
  </si>
  <si>
    <t>Erwin Moder Mart repositiory  that store all physical and functionnal models for CIC.Erwin Modeler Workgroup Edition is the client.</t>
  </si>
  <si>
    <t>Ethics</t>
  </si>
  <si>
    <t>APP-02047</t>
  </si>
  <si>
    <t>Ethics Challenge</t>
  </si>
  <si>
    <t>Fast Track                                           </t>
  </si>
  <si>
    <t>IRCC-Fast Track</t>
  </si>
  <si>
    <t>Provides managers with electronic staffing actions request forms.</t>
  </si>
  <si>
    <t>File Request                                      </t>
  </si>
  <si>
    <t>IRCC-File Request</t>
  </si>
  <si>
    <t>File Request      </t>
  </si>
  <si>
    <t>Provides staff with an electronic submission form to request files from File Retirement.</t>
  </si>
  <si>
    <t>File Tracking                                      </t>
  </si>
  <si>
    <t>IRCC-File Tracking</t>
  </si>
  <si>
    <t>File Tracking                      </t>
  </si>
  <si>
    <t>Keeps track of physical file location with Citizenship Operations.</t>
  </si>
  <si>
    <t>FIMS</t>
  </si>
  <si>
    <t>IRCC-FIMS</t>
  </si>
  <si>
    <t>Forms Inventory Management System</t>
  </si>
  <si>
    <t>A system that inventories/tracks information (order, quantity, type, distribution) of CIT and IMM forms for both in-Canada and Overseas.</t>
  </si>
  <si>
    <t>FIN</t>
  </si>
  <si>
    <t>APP-02051</t>
  </si>
  <si>
    <t>Federal Internship for Newcomers Program - Application Form for Managers</t>
  </si>
  <si>
    <t>IRCC-GCDocs</t>
  </si>
  <si>
    <t>IRCC-GCMS</t>
  </si>
  <si>
    <t>Global Case Management System</t>
  </si>
  <si>
    <t>Management of Human Migration</t>
  </si>
  <si>
    <t>Oracle Siebel, Custom .NET, Adobe, IBM Websphere, Smaller 3rd Party vendors</t>
  </si>
  <si>
    <t>GCMS Issues Report</t>
  </si>
  <si>
    <t>APP-02055</t>
  </si>
  <si>
    <t>Web form for GCMS clients to submit issues about GCMS</t>
  </si>
  <si>
    <t>GCMS Outbound</t>
  </si>
  <si>
    <t>APP-04108</t>
  </si>
  <si>
    <t>GCMS Outbound Service</t>
  </si>
  <si>
    <t>Outbound service between IRIS and GCMS.</t>
  </si>
  <si>
    <t>GCMS Simulator</t>
  </si>
  <si>
    <t>APP-04110</t>
  </si>
  <si>
    <t>Passport Program</t>
  </si>
  <si>
    <t>GCS</t>
  </si>
  <si>
    <t>APP-01677</t>
  </si>
  <si>
    <t>Grants and Contributions System</t>
  </si>
  <si>
    <t>GCS - SSC</t>
  </si>
  <si>
    <t>GCS - Answers</t>
  </si>
  <si>
    <t>APP-04085</t>
  </si>
  <si>
    <t>Answers (GCS)</t>
  </si>
  <si>
    <t>Business Intelligence Solution</t>
  </si>
  <si>
    <t>HR Dashboard</t>
  </si>
  <si>
    <t>APP-00116</t>
  </si>
  <si>
    <t>Human Resource Management</t>
  </si>
  <si>
    <t>A web-based dashboard tool that promotes a self-service approach to HR planning and reporting in alignment with Treasury Board's mandated Common Human Resources Business Process (CHRBP) model.</t>
  </si>
  <si>
    <t>iCARE</t>
  </si>
  <si>
    <t>IRCC-iCARE</t>
  </si>
  <si>
    <t>Immigration Contribution Agreement Reporting Environment</t>
  </si>
  <si>
    <t>APP-04106</t>
  </si>
  <si>
    <t>Identity Management</t>
  </si>
  <si>
    <t>SIMB - GCMS</t>
  </si>
  <si>
    <t>APP-01031</t>
  </si>
  <si>
    <t>IBM Licensing Monitoring Tool</t>
  </si>
  <si>
    <t>EDW - ILMT</t>
  </si>
  <si>
    <t>Monitoring tool for IBM PVU licenses audit compliancy on VM environment .</t>
  </si>
  <si>
    <t>iLOVE</t>
  </si>
  <si>
    <t>APP-00020</t>
  </si>
  <si>
    <t>Immigration Language Online Verification Environment</t>
  </si>
  <si>
    <t>Internal web application allowing CPC Sydney to validate if a client has achieved a minimum language level in iCAMS/iCARE database records.</t>
  </si>
  <si>
    <t>IMIS</t>
  </si>
  <si>
    <t>IM/IT Intake</t>
  </si>
  <si>
    <t>APP-02059</t>
  </si>
  <si>
    <t>IM/IT Intake Request Form</t>
  </si>
  <si>
    <t>Import Tool</t>
  </si>
  <si>
    <t>APP-02061</t>
  </si>
  <si>
    <t>Import Tool for Digitized Records of Landing</t>
  </si>
  <si>
    <t>Info-Client</t>
  </si>
  <si>
    <t>IRCC-Info-Client</t>
  </si>
  <si>
    <t>Call Centre - Info-Client</t>
  </si>
  <si>
    <t>Informatica PC</t>
  </si>
  <si>
    <t>IRCC-EDW</t>
  </si>
  <si>
    <t>EDW - Informatica PC</t>
  </si>
  <si>
    <t>Informatica Power Center</t>
  </si>
  <si>
    <t>Instant Awards                                </t>
  </si>
  <si>
    <t>IRCC-Instant Awards</t>
  </si>
  <si>
    <t>Instant Awards</t>
  </si>
  <si>
    <t>Provides staff with an electronic submission form for Instant Award</t>
  </si>
  <si>
    <t>IPRMS</t>
  </si>
  <si>
    <t>APP-00978</t>
  </si>
  <si>
    <t>Integrated Payment Revenue Management System</t>
  </si>
  <si>
    <t>IRCC web site</t>
  </si>
  <si>
    <t>IRCC-IRCC web site</t>
  </si>
  <si>
    <t>Public facing website</t>
  </si>
  <si>
    <t>KMS</t>
  </si>
  <si>
    <t>IRCC-KMS</t>
  </si>
  <si>
    <t>Kit Management System</t>
  </si>
  <si>
    <t>KMS is a client server that tracks the order and distribution of forms, application kits and publications. It also has the capability to print labels and generate statistical reports.</t>
  </si>
  <si>
    <t>KMS Postal Code</t>
  </si>
  <si>
    <t>IRCC-KMS Postal Code</t>
  </si>
  <si>
    <t>Postal Code</t>
  </si>
  <si>
    <t>A standalone data load that provides monthly postal codes updates from Canada Post to the KMS system.</t>
  </si>
  <si>
    <t>IRCC-LIMS</t>
  </si>
  <si>
    <t>Litigation Information Management System</t>
  </si>
  <si>
    <t>Litigation Management</t>
  </si>
  <si>
    <t>Living</t>
  </si>
  <si>
    <t>APP-02069</t>
  </si>
  <si>
    <t>Living in Canada</t>
  </si>
  <si>
    <t>Internet application.</t>
  </si>
  <si>
    <t>IRCC-LLS</t>
  </si>
  <si>
    <t>Live, Learn and Succeed</t>
  </si>
  <si>
    <t>eServices - LLS</t>
  </si>
  <si>
    <t>A former internet tool hosted by DEFAIT that provided potential student or student workers the ability to search on information related to educational programs across Canada. CIC and HRSDC were partnered with DEFAIT to provide site associated information. CIC was responsible for providing a series of questions related to immigration, visa requirements, visa and case processing offices. On-line clients would receive answers depending upon which question selection criteria they chose. Note: The former LLS may have been replaced by the International Education Promotion (IEP) which is hosted now by DEFAT-D.</t>
  </si>
  <si>
    <t>Mail Tracking - Sydney</t>
  </si>
  <si>
    <t>IRCC-Mailroom</t>
  </si>
  <si>
    <t>Allows mailroom staff to capture the barcode number of all mail received in our three mailrooms.  The information is then categorized by LOB, date received application type (Grant or Proof for CPCS) and bucket Id (as the mail is stored in physical buckets that are serialized and labelled by the staff). Staff are also able to search via this application for all mail either by full or partial barcode number of the mail item or by date and bucket id that the mail item is located in.  This allows the staff to be able to locate and retrieve a physical mail item more quickly and efficiently as the system will display the bucket Id and location within the bucket of the searched mail item.</t>
  </si>
  <si>
    <t>Mailroom Stats-Kit Reporting</t>
  </si>
  <si>
    <t>APP-02528</t>
  </si>
  <si>
    <t>The Mailroom Stats – Kit Reporting application is used daily by RPR for recording incoming applications.  It is also used for historical data on applications received.</t>
  </si>
  <si>
    <t>MediaPort</t>
  </si>
  <si>
    <t>APP-00957</t>
  </si>
  <si>
    <t>Media Port</t>
  </si>
  <si>
    <t>An Intranet app to track all the external media line correspondence.</t>
  </si>
  <si>
    <t>IRCC-MyCIC</t>
  </si>
  <si>
    <t>My CIC</t>
  </si>
  <si>
    <t>eServices - MyCIC</t>
  </si>
  <si>
    <t>Notice</t>
  </si>
  <si>
    <t>APP-02071</t>
  </si>
  <si>
    <t>Notice of an International Event of Meeting</t>
  </si>
  <si>
    <t>Occupational</t>
  </si>
  <si>
    <t>APP-02073</t>
  </si>
  <si>
    <t>Occupational Health and Safety Training</t>
  </si>
  <si>
    <t>OLDGT / CMM</t>
  </si>
  <si>
    <t>IRCC-CMM</t>
  </si>
  <si>
    <t>Online Data Gathering Tool / Cost Management Model</t>
  </si>
  <si>
    <t>Cost Management</t>
  </si>
  <si>
    <t>Platform Server</t>
  </si>
  <si>
    <t>IRCC-OLS</t>
  </si>
  <si>
    <t>On-Line Services</t>
  </si>
  <si>
    <t>eServices - OLS</t>
  </si>
  <si>
    <t>The On-Line Services internet application provides a single-signon/registration entry point for GOL web applications namely; Payment of fees through the internet (e-Payment) and residence Calculator.</t>
  </si>
  <si>
    <t>Vendor Payment Tech - for e-payment credit card transactions (to be confirmed)</t>
  </si>
  <si>
    <t>Online Manuals                               </t>
  </si>
  <si>
    <t>IRCC-Online Manuals</t>
  </si>
  <si>
    <t>Online Manuals</t>
  </si>
  <si>
    <t>Provides staff an electronic means to reference, print or e-mail information about the Citizenship Policy, Legislation and Procedures to assist them in processing citizenship applications.</t>
  </si>
  <si>
    <t>IRCC-OTS</t>
  </si>
  <si>
    <t>Outreach Tracking System</t>
  </si>
  <si>
    <t>Passport - Compliments</t>
  </si>
  <si>
    <t>APP-02083</t>
  </si>
  <si>
    <t>Passport - Compliments and General Feedback</t>
  </si>
  <si>
    <t>Passport - Feedback</t>
  </si>
  <si>
    <t>APP-02085</t>
  </si>
  <si>
    <t>Passport - Feedback on Interactive Forms</t>
  </si>
  <si>
    <t>Passport - General</t>
  </si>
  <si>
    <t>APP-02087</t>
  </si>
  <si>
    <t>Passport - General Inquiries</t>
  </si>
  <si>
    <t>Passport - Official</t>
  </si>
  <si>
    <t>APP-02089</t>
  </si>
  <si>
    <t>Passport - Official Travel Contact Us</t>
  </si>
  <si>
    <t>Passport - Request</t>
  </si>
  <si>
    <t>APP-02091</t>
  </si>
  <si>
    <t>Passport - Request the Status of Your Application</t>
  </si>
  <si>
    <t>APP-02305</t>
  </si>
  <si>
    <t>Rational Team Concert</t>
  </si>
  <si>
    <t>RUP-TeamConcert</t>
  </si>
  <si>
    <t>"RUP Rational is a suite of tools to support the SDLC framework used by Passport Legacy Business solution teams. The suite is used to develop and run the Request Management System (See PPTC-0008), manage source code and executable and build and manage automated testing processes.
The suite includes the following tools;
Clear Case, Clear Quest, Functional Tester, Quality Manager and Team Concert."</t>
  </si>
  <si>
    <t>IBM Rational - Team Concert</t>
  </si>
  <si>
    <t>Passport - Status</t>
  </si>
  <si>
    <t>APP-02093</t>
  </si>
  <si>
    <t>Passport - Status of Your Child's Application</t>
  </si>
  <si>
    <t>Passport - Submit</t>
  </si>
  <si>
    <t>APP-02095</t>
  </si>
  <si>
    <t>Passport - Submit a Complaint</t>
  </si>
  <si>
    <t>APP-02307</t>
  </si>
  <si>
    <t>File Transfer Web Registry</t>
  </si>
  <si>
    <t>FTWR</t>
  </si>
  <si>
    <t>APP-02254</t>
  </si>
  <si>
    <t>IRIS - AdminPPT</t>
  </si>
  <si>
    <t>IRIS-AdminPPT</t>
  </si>
  <si>
    <t>APP-02273</t>
  </si>
  <si>
    <t>GCMS Inbound Service</t>
  </si>
  <si>
    <t>GCMS Inbound</t>
  </si>
  <si>
    <t>APP-02275</t>
  </si>
  <si>
    <t>IRIS - MARA</t>
  </si>
  <si>
    <t>IRIS-MARA</t>
  </si>
  <si>
    <t>APP-02277</t>
  </si>
  <si>
    <t>IRIS - MARA Viewer</t>
  </si>
  <si>
    <t>IRIS-MARAViewer</t>
  </si>
  <si>
    <t>APP-02279</t>
  </si>
  <si>
    <t>IRIS - OT Tracking</t>
  </si>
  <si>
    <t>IRIS-OTTracking</t>
  </si>
  <si>
    <t>APP-02281</t>
  </si>
  <si>
    <t>IRIS - PASSAP</t>
  </si>
  <si>
    <t>IRIS-PASSAP</t>
  </si>
  <si>
    <t>APP-02283</t>
  </si>
  <si>
    <t>IRIS - PCI</t>
  </si>
  <si>
    <t>IRIS-PCI</t>
  </si>
  <si>
    <t>APP-02285</t>
  </si>
  <si>
    <t>IRIS - Photocard Manager</t>
  </si>
  <si>
    <t>IRIS-PhotocardManager</t>
  </si>
  <si>
    <t>APP-02287</t>
  </si>
  <si>
    <t>IRIS - PMP - Simplified Renewal Abroad Service</t>
  </si>
  <si>
    <t>IRIS-PMPSimplified</t>
  </si>
  <si>
    <t>APP-02289</t>
  </si>
  <si>
    <t>IRIS - PMP - Transfer Service</t>
  </si>
  <si>
    <t>IRIS-PMPTransfer</t>
  </si>
  <si>
    <t>APP-02291</t>
  </si>
  <si>
    <t>IRIS - PTF Reports</t>
  </si>
  <si>
    <t>IRIS-PTFReports</t>
  </si>
  <si>
    <t>APP-02256</t>
  </si>
  <si>
    <t>IRIS - Address Label</t>
  </si>
  <si>
    <t>IRIS-AddressLabel</t>
  </si>
  <si>
    <t>APP-02293</t>
  </si>
  <si>
    <t>IRIS - QAP</t>
  </si>
  <si>
    <t>IRIS-QAP</t>
  </si>
  <si>
    <t>APP-02295</t>
  </si>
  <si>
    <t>IRIS - Qmonitor</t>
  </si>
  <si>
    <t>IRIS-Qmonitor</t>
  </si>
  <si>
    <t>APP-02297</t>
  </si>
  <si>
    <t>IRIS - SL Extract</t>
  </si>
  <si>
    <t>IRIS-SLExtract</t>
  </si>
  <si>
    <t>APP-02258</t>
  </si>
  <si>
    <t>IRIS - Call Center</t>
  </si>
  <si>
    <t>IRIS-CallCenter</t>
  </si>
  <si>
    <t>APP-02261</t>
  </si>
  <si>
    <t>IRIS - CI-SL Alerts</t>
  </si>
  <si>
    <t>IRIS-CI-SLAlerts</t>
  </si>
  <si>
    <t>APP-02263</t>
  </si>
  <si>
    <t>IRIS - CIC Extract</t>
  </si>
  <si>
    <t>IRIS-CICExtract</t>
  </si>
  <si>
    <t>APP-02265</t>
  </si>
  <si>
    <t>IRIS - CSC Parser</t>
  </si>
  <si>
    <t>IRIS-CSCParser</t>
  </si>
  <si>
    <t>APP-02267</t>
  </si>
  <si>
    <t>IRIS - DOJ C41</t>
  </si>
  <si>
    <t>IRIS-DOJC41</t>
  </si>
  <si>
    <t>APP-02269</t>
  </si>
  <si>
    <t>IRIS - ePPS IEC API</t>
  </si>
  <si>
    <t>IRIS-ePPSIECAPI</t>
  </si>
  <si>
    <t>APP-02271</t>
  </si>
  <si>
    <t>IRIS - ESRF Viewer</t>
  </si>
  <si>
    <t>IRIS-ESRFViewer</t>
  </si>
  <si>
    <t>APP-02313</t>
  </si>
  <si>
    <t>Passport Canada MP Portal</t>
  </si>
  <si>
    <t>MP Portal</t>
  </si>
  <si>
    <t>APP-02309</t>
  </si>
  <si>
    <t>Remote Access System / Remote Secure Access</t>
  </si>
  <si>
    <t>RAS-RSA</t>
  </si>
  <si>
    <t>APP-02299</t>
  </si>
  <si>
    <t>Rational Clear Case</t>
  </si>
  <si>
    <t>RUP-ClearCase</t>
  </si>
  <si>
    <t>IBM Rational - Clear Case</t>
  </si>
  <si>
    <t>APP-02301</t>
  </si>
  <si>
    <t>Rational Functional Tester</t>
  </si>
  <si>
    <t>RUP-FunctionalTester</t>
  </si>
  <si>
    <t>IBM Rational - Functional Tester</t>
  </si>
  <si>
    <t>APP-02303</t>
  </si>
  <si>
    <t>Rational Quality Manager</t>
  </si>
  <si>
    <t>RUP-QualityManager</t>
  </si>
  <si>
    <t>IBM Rational - Quality Manager</t>
  </si>
  <si>
    <t>PGP Web Form</t>
  </si>
  <si>
    <t>APP-03710</t>
  </si>
  <si>
    <t>Parents and Grandparents</t>
  </si>
  <si>
    <t>IRCC-PI Tool</t>
  </si>
  <si>
    <t>Program Integrity Tool</t>
  </si>
  <si>
    <t>PI Tool                                                 </t>
  </si>
  <si>
    <t>The PI Tool is an internal web-based application for conducting Program Integrity exercises. 
The PI Tool provides the ability to build custom questionnaires and manage the program integrity exercises in Canada and in missions abroad. 
The PI Tool provides the ability to create and implement questions relevant to the particular line of business, determine who will answer these questions, and easily monitor the responses in real time.  Reporting is facilitated, allowing more time to be spent analyzing results. 
With the PI Tool, questions can be composed</t>
  </si>
  <si>
    <t>Piwik</t>
  </si>
  <si>
    <t>APP-02099</t>
  </si>
  <si>
    <t>Open source web analytics software to compile web page usage statistics and usage.</t>
  </si>
  <si>
    <t>IRCC-PPTC-0001</t>
  </si>
  <si>
    <t>Passport Issuance System</t>
  </si>
  <si>
    <t>IRCC-PPTC-0003</t>
  </si>
  <si>
    <t>Case Management System</t>
  </si>
  <si>
    <t>IRCC-PPTC-0004</t>
  </si>
  <si>
    <t>Facial Recognition</t>
  </si>
  <si>
    <t>IRCC-PPTC-0008</t>
  </si>
  <si>
    <t>Change Request Management System</t>
  </si>
  <si>
    <t>RUP - Clear Quest</t>
  </si>
  <si>
    <t>IBM Rational - Clear Quest</t>
  </si>
  <si>
    <t>IRCC-PPTC-0009</t>
  </si>
  <si>
    <t>PPTC Mail Tracking System</t>
  </si>
  <si>
    <t>PPTC-MTS</t>
  </si>
  <si>
    <t>MTS is used to track all passport applications received by mail.</t>
  </si>
  <si>
    <t>Pitney-Bowes Arrival and/or DE+</t>
  </si>
  <si>
    <t>IRCC-PPTC-0010</t>
  </si>
  <si>
    <t>Queue Management System</t>
  </si>
  <si>
    <t>Q-Matic</t>
  </si>
  <si>
    <t>The Q-Matic application manages client queues at regional offices. This analysis is based on old version (Q-win) running 23 offices; however 8 offices are currently running newer version (Q-suite) which is not being evaluated.</t>
  </si>
  <si>
    <t>Q-Matic, Queue Management System</t>
  </si>
  <si>
    <t>IRCC-PPTC-0011</t>
  </si>
  <si>
    <t>Receiving Agent Checklist</t>
  </si>
  <si>
    <t>RA Checklist</t>
  </si>
  <si>
    <t>Logs errors associated with passport applications received through the receiving agents program.</t>
  </si>
  <si>
    <t>IRCC-PPTC-0012</t>
  </si>
  <si>
    <t>Return Passport</t>
  </si>
  <si>
    <t>IRCC-PPTC-0013</t>
  </si>
  <si>
    <t>Financial Management Services,Human Resources Management Services,Management and Oversight Services,Materiel Services,Real Property Services</t>
  </si>
  <si>
    <t>BMC Service Desk Express</t>
  </si>
  <si>
    <t>IRCC-PPTC-0015</t>
  </si>
  <si>
    <t>Configuration Management System</t>
  </si>
  <si>
    <t>This application is used for configuration management, inventory and patching purposes (security patches).</t>
  </si>
  <si>
    <t>Microsoft System Centre Configuration Manager</t>
  </si>
  <si>
    <t>IRCC-PPTC-0016</t>
  </si>
  <si>
    <t>Cost and Profitability Management</t>
  </si>
  <si>
    <t>This application, formerly known as SAS Activity-Based Management, is an analytic application that models business processes to determine cost and profitability, as well as what drives them</t>
  </si>
  <si>
    <t>APP-02353</t>
  </si>
  <si>
    <t>Operations Knowledge Centre</t>
  </si>
  <si>
    <t>This is the Operations Knowledge portal for passport Operations staff.</t>
  </si>
  <si>
    <t>PRC Scanning</t>
  </si>
  <si>
    <t>IRCC-PRC Scanning</t>
  </si>
  <si>
    <t>This is a suite of application that captures the client’s data and image from the IMM 5455, 5292, 5688 forms to produce the Permanent Residents card. The software components include scanning of the client’s application, quality assurance and transfer of the data to CBN for card productions.</t>
  </si>
  <si>
    <t>CIC supported COTS product (transferred from Vendor - Dunord)</t>
  </si>
  <si>
    <t>Proactive - G&amp;C</t>
  </si>
  <si>
    <t>APP-04078</t>
  </si>
  <si>
    <t>Proactive Disclosure - Grants &amp; Contributions</t>
  </si>
  <si>
    <t>Enables posting of Gs &amp; Cs larger than $25K to the public.</t>
  </si>
  <si>
    <t>Proactive - T&amp;H</t>
  </si>
  <si>
    <t>APP-04082</t>
  </si>
  <si>
    <t>Proactive - Travel &amp; Hospitality</t>
  </si>
  <si>
    <t>Travel and Hospitality</t>
  </si>
  <si>
    <t>Enables posting of all Travel and Hospitality to the public.</t>
  </si>
  <si>
    <t>Proactive Disclosure - Contracts over $10K</t>
  </si>
  <si>
    <t>APP-02101</t>
  </si>
  <si>
    <t>PSHRMS</t>
  </si>
  <si>
    <t>IRCC-PSHRMS</t>
  </si>
  <si>
    <t>PeopleSoft Human Resource Management System</t>
  </si>
  <si>
    <t>Enterprise Warehouse, PeopleSo</t>
  </si>
  <si>
    <t>ERP</t>
  </si>
  <si>
    <t>IRCC-ResCalc</t>
  </si>
  <si>
    <t>Residence Calculator</t>
  </si>
  <si>
    <t>eServices - ResCalc</t>
  </si>
  <si>
    <t>An OLS internet service that provides clients with the ability to determine if they have lived in Canada long enough to be eligible for citizenship and if not; when they will become eligible.</t>
  </si>
  <si>
    <t>Retirement Request</t>
  </si>
  <si>
    <t>APP-02103</t>
  </si>
  <si>
    <t>Request for a Retirement Letter or Certificate</t>
  </si>
  <si>
    <t>RFWS (SRTE)                                     </t>
  </si>
  <si>
    <t>IRCC-RFWS (SRTE)</t>
  </si>
  <si>
    <t>Regional Foreign Worker System</t>
  </si>
  <si>
    <t>APP-00015</t>
  </si>
  <si>
    <t>CIC Call Centre System - Rogers Virtual Contact Centre</t>
  </si>
  <si>
    <t>Call Centre - Rogers VCC</t>
  </si>
  <si>
    <t>Rogers / Inin</t>
  </si>
  <si>
    <t>Interactive Intelligence CIC 4.0 products offered as VCC by Rogers</t>
  </si>
  <si>
    <t>ROMS (SRGO)                                  </t>
  </si>
  <si>
    <t>IRCC-ROMS (SRGO)</t>
  </si>
  <si>
    <t>Regional Operations Mgmt System</t>
  </si>
  <si>
    <t>Search (GSA)</t>
  </si>
  <si>
    <t>APP-00946</t>
  </si>
  <si>
    <t>Google Search Appliance</t>
  </si>
  <si>
    <t>Provides search capabilities for the CIC's Intranet site.</t>
  </si>
  <si>
    <t>Google Serach</t>
  </si>
  <si>
    <t>SendSuite</t>
  </si>
  <si>
    <t>APP-02023</t>
  </si>
  <si>
    <t>Mailroom system.</t>
  </si>
  <si>
    <t>Siebel Client and Tools</t>
  </si>
  <si>
    <t>IRCC-Siebel Client a</t>
  </si>
  <si>
    <t>A Client Relationship Management (CRM) platform on which GCMS and GCS are built.</t>
  </si>
  <si>
    <t>Oracle Siebel Tools</t>
  </si>
  <si>
    <t>SMART database</t>
  </si>
  <si>
    <t>IRCC-SMART database</t>
  </si>
  <si>
    <t>The SMART stakeholder database to centralize stakeholder information (contact details, backgrounder info) and information on stakeholder events. The database also has a mass emailing and listserv function that we use to send out all of our external news releases, newsletters and mass mailings. The system can also manage event RSVPs and track attendance.
The existing contract has been extended with Syrenis (formally Qbase) who has been providing the clienwith the SMART licenses, technical support, etc., since 2012. The database is cleared to a Protected A level and all information are stored on Canadian servers. This contract will end October 2017.</t>
  </si>
  <si>
    <t>IRCC-Sparx Enterpris</t>
  </si>
  <si>
    <t>A visual modeling and design tool based on the OMG UML</t>
  </si>
  <si>
    <t>Sparx Systems,  Enterprise Architecture Version 12</t>
  </si>
  <si>
    <t>SPSS Modeler</t>
  </si>
  <si>
    <t>APP-01013</t>
  </si>
  <si>
    <t>Processing Server for SPSS Modeler models (Data Mining, predictive analytics); can batch process models.</t>
  </si>
  <si>
    <t>SPSS Statistics</t>
  </si>
  <si>
    <t>APP-01016</t>
  </si>
  <si>
    <t>Processing Server for SPSS Statistics Standard, can batch process models.</t>
  </si>
  <si>
    <t>SQL Server Tools</t>
  </si>
  <si>
    <t>IRCC-SQL Server Tool</t>
  </si>
  <si>
    <t>A Relational Database Management System (RDBMS) to provide database development, management and services.</t>
  </si>
  <si>
    <t>SQL Server 2012 Developer</t>
  </si>
  <si>
    <t>S3RSS</t>
  </si>
  <si>
    <t>IRCC-S3RSS</t>
  </si>
  <si>
    <t>Shared System Services Report Scheduling Service</t>
  </si>
  <si>
    <t>This internal report scheduler tracks/distributes via internal email shared schedules and report-specific schedules to assist clients with the processing and distribution of reports. The schedules specify a type of recurrence: monthly, weekly, or daily. S3RSS provides reports for WebCIMS and other clients.</t>
  </si>
  <si>
    <t>IRCC-TeamMate</t>
  </si>
  <si>
    <t>CCH / Wolters Kluwer</t>
  </si>
  <si>
    <t>APP-00140</t>
  </si>
  <si>
    <t>Visual Studio 2010 - Team Foundation Server</t>
  </si>
  <si>
    <t>APP-01009</t>
  </si>
  <si>
    <t>EDW - TM1</t>
  </si>
  <si>
    <t>Update DMP</t>
  </si>
  <si>
    <t>IRCC-Update DMP     </t>
  </si>
  <si>
    <t>Update DMP Information</t>
  </si>
  <si>
    <t>Custom-designed support software for DMP - Dicom 42.</t>
  </si>
  <si>
    <t>IRCC-Visual Studio</t>
  </si>
  <si>
    <t>A rich, integrated development environment for creating  applications for Windows, Android, and iOS, as well as modern web applications and cloud services.</t>
  </si>
  <si>
    <t>Visual Studio Professional 201</t>
  </si>
  <si>
    <t>IRCC-WebCART</t>
  </si>
  <si>
    <t>Computer Assisted Reference Tool (Call Centre)</t>
  </si>
  <si>
    <t>Call Centre - WebCART                                           </t>
  </si>
  <si>
    <t>WebCART serves as a repository for Case Processing Centres procedures and provides the most up-to-date information on CIC related programs, procedures and services in a way that is well-organized, user friendly and efficient.</t>
  </si>
  <si>
    <t>IRCC-WebCIMS EXEC/BM</t>
  </si>
  <si>
    <t>WebCIMS BMQ / CIC /  CMB - Correspondence &amp; Issues Management System</t>
  </si>
  <si>
    <t>A.Net Solutions Inc.</t>
  </si>
  <si>
    <t>Novell</t>
  </si>
  <si>
    <t>Indigenous and Northern Affairs Canada</t>
  </si>
  <si>
    <t>AANDC-1</t>
  </si>
  <si>
    <t>Aboriginal and Treaty Rights Information System</t>
  </si>
  <si>
    <t>ATRIS</t>
  </si>
  <si>
    <t>The Government</t>
  </si>
  <si>
    <t>The Aboriginal and Treaty Rights Information System (ATRIS) application provides required baseline information (e.g. what existing or potential rights that may exist within the vicinity of a proposed government or industry activity) to assist in determining whether a duty to consult exists and the extent of the consultation that is required.</t>
  </si>
  <si>
    <t>AANDC-6</t>
  </si>
  <si>
    <t>AccessPro Case Management</t>
  </si>
  <si>
    <t>CSDC Enterprise Solutions / AccessPro Suite</t>
  </si>
  <si>
    <t>APP-01970</t>
  </si>
  <si>
    <t>Adobe Learning Management System</t>
  </si>
  <si>
    <t>Connect Training</t>
  </si>
  <si>
    <t>AANDC-21</t>
  </si>
  <si>
    <t>Band Governance Management System</t>
  </si>
  <si>
    <t>BGMS</t>
  </si>
  <si>
    <t>The Band Governance Management System (BGMS) application is used by Headquarters, Regional and First Nation users for elections.  The application consists of the following three components: Elections - used to record each election and related event, ByLaws - tracks the history and current status of all bylaws and Estates (future release).</t>
  </si>
  <si>
    <t>AANDC-31</t>
  </si>
  <si>
    <t>CallBase Web</t>
  </si>
  <si>
    <t>Call centre management system used for the library and public enquiries centre. Uses both a thin Web client and a fat client.</t>
  </si>
  <si>
    <t>Nortak / CallBase Web</t>
  </si>
  <si>
    <t>AANDC-38</t>
  </si>
  <si>
    <t>OpenText / eDocs Collaboration</t>
  </si>
  <si>
    <t>AANDC-42</t>
  </si>
  <si>
    <t>Comprehensive Integrated Document Management System</t>
  </si>
  <si>
    <t>CIDM</t>
  </si>
  <si>
    <t>OpenText / eDOCS DM</t>
  </si>
  <si>
    <t>AANDC-43</t>
  </si>
  <si>
    <t>Comprehensive Land Claim Agreement (.net)</t>
  </si>
  <si>
    <t>CLCA.net</t>
  </si>
  <si>
    <t>The Comprehensive Land Claim Agreement (.net) application manages data related to procurement  and Comprehensive Land Claim Agreements.</t>
  </si>
  <si>
    <t>AANDC-44</t>
  </si>
  <si>
    <t>Corporate Application Security Controller</t>
  </si>
  <si>
    <t>CASC</t>
  </si>
  <si>
    <t>The Corporate Application Security Controller (CASC) is a customized application whose purpose is to provide secure access to some in-house web-based applications (older ADF1.x applications).  CASC is composed of two inter-related modules: CASCM and CASCC.</t>
  </si>
  <si>
    <t>AANDC-50</t>
  </si>
  <si>
    <t>CT Summation</t>
  </si>
  <si>
    <t>The People</t>
  </si>
  <si>
    <t>AccessData / Summation</t>
  </si>
  <si>
    <t>AANDC-55</t>
  </si>
  <si>
    <t>Education Information System</t>
  </si>
  <si>
    <t>EIS</t>
  </si>
  <si>
    <t>AANDC-56</t>
  </si>
  <si>
    <t>Education Reporting and Analysis Solution</t>
  </si>
  <si>
    <t>ERAS</t>
  </si>
  <si>
    <t>IBM / Cognos</t>
  </si>
  <si>
    <t>AANDC-63</t>
  </si>
  <si>
    <t>Estates Reporting System</t>
  </si>
  <si>
    <t>AANDC-64</t>
  </si>
  <si>
    <t>Executive Appointment System</t>
  </si>
  <si>
    <t>AANDC-69</t>
  </si>
  <si>
    <t>Financial Status Reporting (FSR)</t>
  </si>
  <si>
    <t>FSR</t>
  </si>
  <si>
    <t>EP</t>
  </si>
  <si>
    <t>AANDC-71</t>
  </si>
  <si>
    <t>First Nation Profiles System</t>
  </si>
  <si>
    <t>FNPS</t>
  </si>
  <si>
    <t>The First Nation Profiles System (FNP) application provides profiles of First Nations, tribal councils, etc.</t>
  </si>
  <si>
    <t>AANDC-73</t>
  </si>
  <si>
    <t>First Nations Child &amp; Family Services</t>
  </si>
  <si>
    <t>FNCFS</t>
  </si>
  <si>
    <t>AANDC-75</t>
  </si>
  <si>
    <t>FORTIS Electronic Imaging Management System</t>
  </si>
  <si>
    <t>FORTIS</t>
  </si>
  <si>
    <t>WestBrook Technologies / FORTIS</t>
  </si>
  <si>
    <t>AANDC-80</t>
  </si>
  <si>
    <t>AANDC-87</t>
  </si>
  <si>
    <t>Indian Government Support System</t>
  </si>
  <si>
    <t>IGSS</t>
  </si>
  <si>
    <t>The Indian Government Support System (IGSS) application tracks funding for band employee benefits, band support funding, tribal council funding and advisory services for unaffiliated bands.</t>
  </si>
  <si>
    <t>AANDC-88</t>
  </si>
  <si>
    <t>Indian Land Registry System</t>
  </si>
  <si>
    <t>ILRS</t>
  </si>
  <si>
    <t>The Land and Economy</t>
  </si>
  <si>
    <t>AANDC-90</t>
  </si>
  <si>
    <t>Indian Registration System</t>
  </si>
  <si>
    <t>AANDC-92</t>
  </si>
  <si>
    <t>Integrated Capital Management System</t>
  </si>
  <si>
    <t>The Integrated Capital Management System (ICMS) was developed to support improved Community Infrastructure (CI)  data collection processes so that program administrators will have relevant and accurate data available.</t>
  </si>
  <si>
    <t>AANDC-93</t>
  </si>
  <si>
    <t>Integrated Capital Management System Reporting System</t>
  </si>
  <si>
    <t>ICMS-RS</t>
  </si>
  <si>
    <t>AANDC-94</t>
  </si>
  <si>
    <t>Integrated Environment Management System</t>
  </si>
  <si>
    <t>IEMS</t>
  </si>
  <si>
    <t>AANDC-95</t>
  </si>
  <si>
    <t>Integrated Financial Solution (IFS)</t>
  </si>
  <si>
    <t>IFS</t>
  </si>
  <si>
    <t>AANDC-96</t>
  </si>
  <si>
    <t>Integrated Human Resource Reporting System</t>
  </si>
  <si>
    <t>IHRRS</t>
  </si>
  <si>
    <t>AANDC-99</t>
  </si>
  <si>
    <t>Web Content Management System (Teamsite)</t>
  </si>
  <si>
    <t>A web content management system.</t>
  </si>
  <si>
    <t>Autonomy / Interwoven Teamsite</t>
  </si>
  <si>
    <t>Web content management system</t>
  </si>
  <si>
    <t>APP-01976</t>
  </si>
  <si>
    <t>Inuit Nanilavut Database (Inuit Graves)</t>
  </si>
  <si>
    <t>Inuit Graves</t>
  </si>
  <si>
    <t>AANDC-102</t>
  </si>
  <si>
    <t>ITSM Tool (Remedy)</t>
  </si>
  <si>
    <t>ITSP</t>
  </si>
  <si>
    <t>BMC / Remedy</t>
  </si>
  <si>
    <t>AANDC-103</t>
  </si>
  <si>
    <t>Land Administration System</t>
  </si>
  <si>
    <t>LAS</t>
  </si>
  <si>
    <t>The North</t>
  </si>
  <si>
    <t>The Land Administration System (LAS) tracks and manages oil and gas rights, bids. LAS is also known as Northern Oil and Gas Land Administration System.</t>
  </si>
  <si>
    <t>AANDC-109</t>
  </si>
  <si>
    <t>IBlaze / CT Summation</t>
  </si>
  <si>
    <t>AANDC-111</t>
  </si>
  <si>
    <t>MIMSY-XG Indian and Inuit Art Collections Management System</t>
  </si>
  <si>
    <t>MIMSY-XG is a Collections Catalogue Management Database for the Inuit Art Gallery.</t>
  </si>
  <si>
    <t>Axiell / MIMSY-XG</t>
  </si>
  <si>
    <t>AANDC-114</t>
  </si>
  <si>
    <t>National Additions to Reserves Tracking System</t>
  </si>
  <si>
    <t>The National ATR Tracking System (NATS) application is a web-based application which the business line uses to track the progress of Addition to Reserves (ATR) files from their start date in the region until they are approved by the Privy Council Office (or by the Minister, as in the case of Ministerial Orders).</t>
  </si>
  <si>
    <t>AANDC-118</t>
  </si>
  <si>
    <t>NETLANDS</t>
  </si>
  <si>
    <t>AANDC-128</t>
  </si>
  <si>
    <t>Nutrition North Canada</t>
  </si>
  <si>
    <t>NNC</t>
  </si>
  <si>
    <t>The Nutrition North Canada (NNC) is a reporting solution that provides reporting in regards to food prices and food shipment data collected from NNC program recipients.</t>
  </si>
  <si>
    <t>AANDC-129</t>
  </si>
  <si>
    <t>Nutrition North Canada Reporting System</t>
  </si>
  <si>
    <t>NNC-RS</t>
  </si>
  <si>
    <t>A Nutrition North Reporting and Analytics Solution.</t>
  </si>
  <si>
    <t>AANDC-135</t>
  </si>
  <si>
    <t>PeopleSoft Nakisa OrgChart</t>
  </si>
  <si>
    <t>The PeopleSoft Nakisa OrgChart application is used for creating and displaying Organization Charts exported from the Peoplesoft system.</t>
  </si>
  <si>
    <t>Nakisa / Org Chart /Org Modeler</t>
  </si>
  <si>
    <t>PBMS</t>
  </si>
  <si>
    <t>AANDC-140</t>
  </si>
  <si>
    <t>Proposal Information Management System (Office of the Federal Interlocutor)</t>
  </si>
  <si>
    <t>PIMS-OFI</t>
  </si>
  <si>
    <t>The Proposal Information Management System (PIMS) is used by economic developement programs.</t>
  </si>
  <si>
    <t>AANDC-141</t>
  </si>
  <si>
    <t>Rational Portfolio Manager</t>
  </si>
  <si>
    <t>RPM</t>
  </si>
  <si>
    <t>The Rational Portfolio Management application is a Project Portfolio Management (PPM) tool that is used to track and report on the depatment's portfolio of IM/IT enabled projects.</t>
  </si>
  <si>
    <t>IBM / Rational Portfolio Manager</t>
  </si>
  <si>
    <t>AANDC-142</t>
  </si>
  <si>
    <t>Real Time Identification System</t>
  </si>
  <si>
    <t>MorphoTrust / RTID</t>
  </si>
  <si>
    <t>RACS</t>
  </si>
  <si>
    <t>AANDC-144</t>
  </si>
  <si>
    <t>Resource Information Management System</t>
  </si>
  <si>
    <t>Tracks and administers over 5000 active oil and gas surface and sub-surface agreements and a similar number of wells and their associated obligations on First Nation lands.</t>
  </si>
  <si>
    <t>L.J Consultants / RIMS</t>
  </si>
  <si>
    <t>AANDC-147</t>
  </si>
  <si>
    <t>Secure Certificate of Indian Status</t>
  </si>
  <si>
    <t>SCIS</t>
  </si>
  <si>
    <t>AANDC-148</t>
  </si>
  <si>
    <t>Security Services Information System</t>
  </si>
  <si>
    <t>AANDC-149</t>
  </si>
  <si>
    <t>Single Access to Dispute Resolution Enterprise</t>
  </si>
  <si>
    <t>SADRE</t>
  </si>
  <si>
    <t>SAMS</t>
  </si>
  <si>
    <t>AANDC-155</t>
  </si>
  <si>
    <t>Specific Claims Branch Database</t>
  </si>
  <si>
    <t>SCBDB</t>
  </si>
  <si>
    <t>AANDC-156</t>
  </si>
  <si>
    <t>Specific Claims Branch Reporting Interface</t>
  </si>
  <si>
    <t>SCBRI</t>
  </si>
  <si>
    <t>AANDC-157</t>
  </si>
  <si>
    <t>Specific Claims Branch Settlements Interactive Maps</t>
  </si>
  <si>
    <t>SCBS-Map</t>
  </si>
  <si>
    <t>The Specific Claims Settlements interactive Map (SCDB-Map) allow sthe public as well as internal staff to display claimants on a map that have specific claims settled through negotiation, and display tombstone information of the specific claims settled through negotiation.</t>
  </si>
  <si>
    <t>AANDC-165</t>
  </si>
  <si>
    <t>Teammate</t>
  </si>
  <si>
    <t>Arc Logics / TeamMate Audit Management</t>
  </si>
  <si>
    <t>AANDC-168</t>
  </si>
  <si>
    <t>Treaty Assessment Database</t>
  </si>
  <si>
    <t>TAD</t>
  </si>
  <si>
    <t>The Treaty Assessment Database (TAD) application plans, manages and reports on treaties in British Columbia region.</t>
  </si>
  <si>
    <t>AANDC-170</t>
  </si>
  <si>
    <t>Treaty Payment System</t>
  </si>
  <si>
    <t>AANDC-172</t>
  </si>
  <si>
    <t>Trust Funds Management System</t>
  </si>
  <si>
    <t>TFMS</t>
  </si>
  <si>
    <t>AANDC-174</t>
  </si>
  <si>
    <t>Virginia Tech Library System - VIRTUA</t>
  </si>
  <si>
    <t>VTLS - VIRTUA</t>
  </si>
  <si>
    <t>The Virginia Tech Library System (VTLS) application is an integrated automated library system.  It is comprised of several subsystems: Cataloguing, on-line public access catalogue to provide read only access to users, circulation, and serials control.</t>
  </si>
  <si>
    <t>Virginia Tech Library System - CHAMO</t>
  </si>
  <si>
    <t>APP-01987</t>
  </si>
  <si>
    <t>TestTrack Pro</t>
  </si>
  <si>
    <t>TTPro</t>
  </si>
  <si>
    <t>Seapine Software</t>
  </si>
  <si>
    <t>Software supporting issue and defect management and change requests</t>
  </si>
  <si>
    <t>TestTrack</t>
  </si>
  <si>
    <t>APP-01794</t>
  </si>
  <si>
    <t>Nunavut Map Selection</t>
  </si>
  <si>
    <t>NMS</t>
  </si>
  <si>
    <t>Pacific Geotech</t>
  </si>
  <si>
    <t>Northern Land, Resources and Environmental Management</t>
  </si>
  <si>
    <t>Online map selection is a process that modernizes the acquisition of mineral tenure.
[Release 1]</t>
  </si>
  <si>
    <t>truePERMIT™ technology framework solution</t>
  </si>
  <si>
    <t>APP-01973</t>
  </si>
  <si>
    <t>Guaranteed Loan Management System</t>
  </si>
  <si>
    <t>GLMS</t>
  </si>
  <si>
    <t>AANDC-198</t>
  </si>
  <si>
    <t>First Nations Community Profiles</t>
  </si>
  <si>
    <t>FNCP</t>
  </si>
  <si>
    <t>The First Nations Community Profiles (FNCP) application is a technical solution that captures and displays community based data related to financial records, education, infrastructure, environmental and activities related to community contact. Where available, data is pulled from expert systems.  In addition, enhanced functionality such as better search capabilities, the ability to generate PDF files and print have been included.</t>
  </si>
  <si>
    <t>AEFTS</t>
  </si>
  <si>
    <t>AANDC-207</t>
  </si>
  <si>
    <t>Aboriginal and Treaty Rights Information System - Map Selection</t>
  </si>
  <si>
    <t>ATRIS-Map</t>
  </si>
  <si>
    <t>Interactive maps for viewing information from the Aboriginal and Treaty Rights Information System (ATRIS) application.</t>
  </si>
  <si>
    <t>AANDC-210</t>
  </si>
  <si>
    <t>Electronic Registry Index Plan</t>
  </si>
  <si>
    <t>ERIP</t>
  </si>
  <si>
    <t>Interactive map connected to the Indian Land Registry System (ILRS) for viewing parcel registry data.w</t>
  </si>
  <si>
    <t>AANDC-211</t>
  </si>
  <si>
    <t>First Nations Child &amp; Family Services - Interactive Map</t>
  </si>
  <si>
    <t>FNCFS-Map</t>
  </si>
  <si>
    <t>Interactive map for showing information from the First Nations Child &amp; Family Services (FNCFS) application.</t>
  </si>
  <si>
    <t>AANDC-212</t>
  </si>
  <si>
    <t>First Nations Child and Family Services - Reporting Solution</t>
  </si>
  <si>
    <t>FNCFS-RS</t>
  </si>
  <si>
    <t>AANDC-213</t>
  </si>
  <si>
    <t>First Nations Profile - Interactive Maps</t>
  </si>
  <si>
    <t>FNP-Map</t>
  </si>
  <si>
    <t>Interactive map for the First Nations Profile (FNP) application.</t>
  </si>
  <si>
    <t>AANDC-214</t>
  </si>
  <si>
    <t>Interactive Map on Emergency and Related</t>
  </si>
  <si>
    <t>IMERA-Map</t>
  </si>
  <si>
    <t>Interactive map showing Emergency events for First Nations communities on a map.</t>
  </si>
  <si>
    <t>AANDC-215</t>
  </si>
  <si>
    <t>Land Administration System - Interactive Map</t>
  </si>
  <si>
    <t>LAS-Map</t>
  </si>
  <si>
    <t>Interactive Map for the viewing information from the Land Administration System (LAS) application.  Application also known as Northern Oil and Gas Land Administration System.</t>
  </si>
  <si>
    <t>AANDC-216</t>
  </si>
  <si>
    <t>Litigation Management System</t>
  </si>
  <si>
    <t>GCI</t>
  </si>
  <si>
    <t>AANDC-217</t>
  </si>
  <si>
    <t>Nutrition North Canada - Interactive Map</t>
  </si>
  <si>
    <t>NNC-Map</t>
  </si>
  <si>
    <t>Interactive map for the Nutrition North Canada (NNC) application.</t>
  </si>
  <si>
    <t>AANDC-218</t>
  </si>
  <si>
    <t>Nutrition North Query Package - Interactive Map</t>
  </si>
  <si>
    <t>NNQP-Map</t>
  </si>
  <si>
    <t>Interactive map for the Nutrition North Query Package application.</t>
  </si>
  <si>
    <t>ESRI Maps for IBM Cognos</t>
  </si>
  <si>
    <t>AANDC-220</t>
  </si>
  <si>
    <t>Results Based Information System</t>
  </si>
  <si>
    <t>RBIS</t>
  </si>
  <si>
    <t>AANDC-222</t>
  </si>
  <si>
    <t>Virginia Tech Library System (web interface)</t>
  </si>
  <si>
    <t>VTLS - VIRTUA (Web)</t>
  </si>
  <si>
    <t>The Virginia Tech Library System (web interface) application is an on-line public access catalogue to provide read only access to users, circulation, and serials control.</t>
  </si>
  <si>
    <t>APP-04229</t>
  </si>
  <si>
    <t>Modern Treaty Management Environment</t>
  </si>
  <si>
    <t>MTME</t>
  </si>
  <si>
    <t>Modern Treaty Obligation System will provide departments with a central, accessible tool to identify, track, analyze and report on the status of their obligations.  It will also support the MTIO in meeting its mandate.
MTME was built using MS Dynamics on the GC Case platform which provides TAG with governance, tools, training and guidance for federal officials to better equip them in managing and fulfilling their Treaty obligations, resulting in reduction in Government of Canada legal and financial risks.</t>
  </si>
  <si>
    <t>APP-04246</t>
  </si>
  <si>
    <t>BEYOND 20/20</t>
  </si>
  <si>
    <t>APP-04248</t>
  </si>
  <si>
    <t>Digital Asset Management System</t>
  </si>
  <si>
    <t>DAMS</t>
  </si>
  <si>
    <t>APP-04250</t>
  </si>
  <si>
    <t>iBUY</t>
  </si>
  <si>
    <t>IBUY</t>
  </si>
  <si>
    <t>APP-04252</t>
  </si>
  <si>
    <t>Oracle Financials</t>
  </si>
  <si>
    <t>ORACLE FINANCIALS</t>
  </si>
  <si>
    <t>APP-04254</t>
  </si>
  <si>
    <t>Oracle Salary Management System</t>
  </si>
  <si>
    <t>OSMS</t>
  </si>
  <si>
    <t>OSMS is a COTS product by Freebalance. OSMS was replaced by the SFT functionality in SAP in April of 2014.  At this point, OSMS is only a legacy system used for reporting since we are required to keep 7 years of financial data.</t>
  </si>
  <si>
    <t>Commport</t>
  </si>
  <si>
    <t>Not Available</t>
  </si>
  <si>
    <t>Human Resources Management System (PeopleSoft)</t>
  </si>
  <si>
    <t>Human Resources, PeopleSoft</t>
  </si>
  <si>
    <t>Infrastructure Canada</t>
  </si>
  <si>
    <t>CA Bank</t>
  </si>
  <si>
    <t>APP-02322</t>
  </si>
  <si>
    <t>CABank</t>
  </si>
  <si>
    <t>Funding Program Management</t>
  </si>
  <si>
    <t>Application to store and manage Contribution Agreement clauses that are legal approved for use.</t>
  </si>
  <si>
    <t>COGNOSBI</t>
  </si>
  <si>
    <t>APP-01708</t>
  </si>
  <si>
    <t>A Cognos-based reporting system is currently in production, and is used by both internal and external clients to produce reports based on information within the SIMSI IDW.</t>
  </si>
  <si>
    <t>APP-03361</t>
  </si>
  <si>
    <t>Financial Status Reporting System</t>
  </si>
  <si>
    <t>HR Reporting</t>
  </si>
  <si>
    <t>APP-02365</t>
  </si>
  <si>
    <t>PeopleInsight</t>
  </si>
  <si>
    <t>Human Resources Reporting</t>
  </si>
  <si>
    <t>Cloud SAAS (PeopleInsight) to provide reports on our HR Data provided by PeopleSoft (MyGCHR)</t>
  </si>
  <si>
    <t>APP-03358</t>
  </si>
  <si>
    <t>Infrastructure Recipients Information System</t>
  </si>
  <si>
    <t>Infrastructure Funding Programs</t>
  </si>
  <si>
    <t>INFC Portal to provide proponents access to Infrastructure programs and projects and to collaborate online with INFC staff.  Also provides INFC with Client Relationship Management capabilities</t>
  </si>
  <si>
    <t>MS Dynamics (SCMS) and CRM Portal</t>
  </si>
  <si>
    <t>APP-02317</t>
  </si>
  <si>
    <t>Service Management / Workflow Tool</t>
  </si>
  <si>
    <t>LaserFiche</t>
  </si>
  <si>
    <t>APP-01714</t>
  </si>
  <si>
    <t>LEXICON</t>
  </si>
  <si>
    <t>APP-01706</t>
  </si>
  <si>
    <t>Lexicon</t>
  </si>
  <si>
    <t>This small web application is a meta-data repository that provides consistent definitions of all data elements in use in program systems.</t>
  </si>
  <si>
    <t>Mentoring</t>
  </si>
  <si>
    <t>OPROMA</t>
  </si>
  <si>
    <t>APP-03364</t>
  </si>
  <si>
    <t>OPROMA - Central Collab</t>
  </si>
  <si>
    <t>Central Collab</t>
  </si>
  <si>
    <t>APP-01718</t>
  </si>
  <si>
    <t>Planning and Budget Management System</t>
  </si>
  <si>
    <t>PBMS is a small web application that is used to support the planning and funding activities of the IMIT directorate.</t>
  </si>
  <si>
    <t>APP-01700</t>
  </si>
  <si>
    <t>Program Information Management System</t>
  </si>
  <si>
    <t>Major Infrastructure Programs</t>
  </si>
  <si>
    <t>The Program Information Management System holds information related to the administration of funding programs and related projects managed through INFC and holds all  finances including commitment values, expenditures, reference level and vote information.</t>
  </si>
  <si>
    <t>Quotes</t>
  </si>
  <si>
    <t>APP-01716</t>
  </si>
  <si>
    <t>Quotes is a small web application that allows communications and parliamentary affairs keep quotations and extracts from speeches to be used in their communication activities.</t>
  </si>
  <si>
    <t>APP-02320</t>
  </si>
  <si>
    <t>TeamMate AM</t>
  </si>
  <si>
    <t>TMAM</t>
  </si>
  <si>
    <t>CCH</t>
  </si>
  <si>
    <t>Audit and Evaluation Case Management System</t>
  </si>
  <si>
    <t>APP-01642</t>
  </si>
  <si>
    <t>APP-02325</t>
  </si>
  <si>
    <t>Application Code Repository for INFC Custom Application</t>
  </si>
  <si>
    <t>APP-01712</t>
  </si>
  <si>
    <t>Web Correspondence Information Management System</t>
  </si>
  <si>
    <t>WebCIMS is a correspondence management tool (commercial-off-the-shelf) that is used in INFC to manage ministerial correspondence.</t>
  </si>
  <si>
    <t>Innovation, Science and Economic Development Canada</t>
  </si>
  <si>
    <t>IC-ABSTRAN</t>
  </si>
  <si>
    <t>Patent Workstation - Abstract Translations Request/Load</t>
  </si>
  <si>
    <t>SA1.1.5 Intellectual Property</t>
  </si>
  <si>
    <t>Used to extract a file of abstracts and titles that need to be exported for translation and then import the returned file.</t>
  </si>
  <si>
    <t>IC-ADOLCES</t>
  </si>
  <si>
    <t>Adobe LiveCycle Enterprise Suite (ES)</t>
  </si>
  <si>
    <t>ALCES</t>
  </si>
  <si>
    <t>SSA 4.1.2.4 Information Technology</t>
  </si>
  <si>
    <t>Adobe LiveCycle ES is a module based platform to design, develop and manage  forms in multiple formats including PDF.  This implementation has the ReaderExtension and Forms ES modules.</t>
  </si>
  <si>
    <t>LiveCycle Enterprise Suite</t>
  </si>
  <si>
    <t>AIRR</t>
  </si>
  <si>
    <t>IC-AIRR</t>
  </si>
  <si>
    <t>Online Reporting Applications  (formally Automated Inspection Results Reporting</t>
  </si>
  <si>
    <t>SA1.1.1 Trade Measurement</t>
  </si>
  <si>
    <t>An application to automate measuring devices' inspection result data entry and enable electronic data transfer as a means to offset significant additional data entry workload resulting from the introduction of mandatory inspection frequencies (e.g., retail and commercial scales, gas pumps every 2 years).</t>
  </si>
  <si>
    <t>ALSC</t>
  </si>
  <si>
    <t>IC-ALSC</t>
  </si>
  <si>
    <t>ALSC Admin</t>
  </si>
  <si>
    <t>The ALSC Admin application provides an easy way for project teams to manage configurable project data, such as Epic Templates, user roles, and environment specific configuration key/value pairs. The ALSC Admin application offers the following functionality:  - Team Leads have a unified view of all projects they need to manage.  - Add Epic Templates to a project.  - Force reload Epic Templates for a project. - Force reload ALL Epic Templates in the environment (ALSC Administrators only) - Assign/revoke application-specific roles to any Strategis user.  - Create/update configuration key/value pairs (for example, the URL to a web service URL or the license key for a third-party product such as the Google Maps API). - Add new project to the ALSC project</t>
  </si>
  <si>
    <t>IC-AMIKA</t>
  </si>
  <si>
    <t>Amika Mobile Alert Messaging System</t>
  </si>
  <si>
    <t>AMIKA MOBILE ALERT MESSAGING SYSTEM</t>
  </si>
  <si>
    <t>SA1.2.1 Spectrum Management and Telecommunications</t>
  </si>
  <si>
    <t>Communications and control system that provides alerts to CRC Campus Operations Branch building maintenance personnel with regards to the physical structure and systems that maintain the CRC infrastructure.</t>
  </si>
  <si>
    <t>AMIKA Mobility/Campus Alert System</t>
  </si>
  <si>
    <t>APP-04044</t>
  </si>
  <si>
    <t>Antenna Issues Tracking Database</t>
  </si>
  <si>
    <t>Database that tracks issues with antennas - searchable</t>
  </si>
  <si>
    <t>IC-APPENTRY</t>
  </si>
  <si>
    <t>Patent Workstation - Patent Cooperation Treaty (PCT) Application Entry</t>
  </si>
  <si>
    <t>Used to retrieve application information from WIPO for applications entering national phase in Canada. This system also allows for paper applications to be scanned into the system and the ability to swap pages in documents electronically.</t>
  </si>
  <si>
    <t>IC-APPXPORT</t>
  </si>
  <si>
    <t>Patent Workstation - Patent Dissemination Application (AppExport)</t>
  </si>
  <si>
    <t>Used to create one of export products that is shared with IP offices and commercial clients.</t>
  </si>
  <si>
    <t>APP-04047</t>
  </si>
  <si>
    <t>AP7Capture - Space Notification System</t>
  </si>
  <si>
    <t>AP7Capture is a stand-alone COTS application designed to assist administrations and the Radiocommunication Bureau (BR) in capturing earth station AP7 input parameters for AP7 Analysis.</t>
  </si>
  <si>
    <t>International Telecommunication Union (ITU)</t>
  </si>
  <si>
    <t>SSA 4.1.2.3 Information Management</t>
  </si>
  <si>
    <t>IC-ASBALS</t>
  </si>
  <si>
    <t>Aurea List Manager (LISTMGR/LISTSERV)</t>
  </si>
  <si>
    <t>LYRIS</t>
  </si>
  <si>
    <t>Industry Canada's Listserv service</t>
  </si>
  <si>
    <t>Lyris Inc/List Manager</t>
  </si>
  <si>
    <t>IC-ASBPTT</t>
  </si>
  <si>
    <t>CIO Project Tracking Tool</t>
  </si>
  <si>
    <t>LYRIS, SYNERGIS</t>
  </si>
  <si>
    <t>Tracks project costs, timelines, and resource utilization (timesheets)</t>
  </si>
  <si>
    <t>IC-ATRSEIS</t>
  </si>
  <si>
    <t>ATRS Reporting System</t>
  </si>
  <si>
    <t>ATRS</t>
  </si>
  <si>
    <t>ATRS is a system that facilitates the reporting of time against work activities. Used by several other government departments, ATRS allows employees to enter their activities online, and electronically submit time sheets for approval on a bi-weekly basis.</t>
  </si>
  <si>
    <t>IC-AXCESS1</t>
  </si>
  <si>
    <t>AXCESS1 Access to Information Case Management</t>
  </si>
  <si>
    <t>AXCESS1-ATIP-CASE-MANAGEMENT</t>
  </si>
  <si>
    <t>Epixus Axcess1</t>
  </si>
  <si>
    <t>BACNET</t>
  </si>
  <si>
    <t>IC-BACNET</t>
  </si>
  <si>
    <t>Bacnet</t>
  </si>
  <si>
    <t>BACnet is a communications protocol for building automation and control networks.  It is designed to allow communication of building automation and control systems for applications such as heating, ventilation and air-conditioning control, lighting control, access control and fire detection systems and their associated equipment.  The BACnet protocol provides mechanisms for computerized building automation devices to exchange information, regardless of the particular building service they perform. Proper communication between building automation devices is critical for maximizing building energy efficiency, indoor air quality, and other aspects of 'green' buildings.</t>
  </si>
  <si>
    <t>Bacnet Company/Reliable Controls</t>
  </si>
  <si>
    <t>IC-BCS</t>
  </si>
  <si>
    <t>Business Classification Structure Application</t>
  </si>
  <si>
    <t>This application serves as a reference for ISED’s enterprise information classification structure.  It was originally developed to be used as a tool to assist in setting standards, rules and records management retention schedules, all based on the business of the department, for the management of ISED’s information resources.   As a web-based application, it  provides both search and reporting functions.  While the application is no longer being updated, it is still being utilized as foundation for the development of the department’s new enterprise information architecture.</t>
  </si>
  <si>
    <t>BIZPAL</t>
  </si>
  <si>
    <t>IC-BIZPAL</t>
  </si>
  <si>
    <t>BizPaL</t>
  </si>
  <si>
    <t>SA3.1.2 Canada Business Network</t>
  </si>
  <si>
    <t>BizPaL is an online service that simplifies the business permit and licence process for entrepreneurs, governments, and third party business service providers. Easy and convenient, BizPaL provides Canadian businesses with one-stop access to permit and licence information for all levels of government. The services primary goals are to slash document research time and help entrepreneurs start up faster. BizPaL is currently being run as a project by Industry Canada in partnership with several provincial, territorial and local governments.</t>
  </si>
  <si>
    <t>EllisLab/Expression Engine</t>
  </si>
  <si>
    <t>IC-BNKSPKR</t>
  </si>
  <si>
    <t>Bank of Speakers</t>
  </si>
  <si>
    <t>IC-CASOHW</t>
  </si>
  <si>
    <t>Occupational Health and Workplace Safety Training</t>
  </si>
  <si>
    <t>OHWS</t>
  </si>
  <si>
    <t>SSA 4.1.2.1 Human Resource Management</t>
  </si>
  <si>
    <t>The Occupational Health and Workplace Safety Training application has two primary objectives: - Provide an online training exercise on Health and Safety issues that all Industry Canada employees must complete. - Provide an online administration component  On-line Training Session for Employee &amp; Manager Awareness in regards to Occupational Health and Safety provisions of the Canada Labour Code (CLC), Part II</t>
  </si>
  <si>
    <t>IC-CASS</t>
  </si>
  <si>
    <t>Co-operative Administrative and Statistical System</t>
  </si>
  <si>
    <t>The CASS is a web-based system for managing all aspects of the RCS co-operative processes including individual and aggregated co-operative account management, correspondence (letters and surveys)generation, data entry and reporting. It will utilize existing correspondence delivery methods (physical mail outs), data collection (manual entry, batch files) and reporting formats to ensure minimal impacts on existing  Rural Cooperative Secretariat (RCS) processes and workflows. It will also provide additional flexibility to existing workflows to allow improved management of co-operative correspondence and data collection tracking.</t>
  </si>
  <si>
    <t>IC-CASTHD</t>
  </si>
  <si>
    <t>Travel &amp; Hospitality Expense Proactive Disclosure</t>
  </si>
  <si>
    <t>THES</t>
  </si>
  <si>
    <t>SSA 4.1.2.2 Financial Management</t>
  </si>
  <si>
    <t>Implementation of processes to facilitate greater transparency with government reporting for Travel and Hospitality by senior execs and ministerial staff The Proactive Disclosure is a joint project managed by the Director of the Information and Privacy Rights Administration (ATIP) and the Finance Department of Industry Canada.  The objective of this project is to construct a website to publish Industry Canada's high-level officials' travel and hospitality expenses. The project allows the government official or his/her assistant to enter the expense reports that will be approved prior to being published.  Web application that publishes Industry Canada's high-level officials' travel and hospitality expenses on an external web site in accordance with TBS</t>
  </si>
  <si>
    <t>IC-CBBIMS</t>
  </si>
  <si>
    <t>Bureau Information Management System (BIMS)</t>
  </si>
  <si>
    <t>PA1.4 Competition Law Enforcement</t>
  </si>
  <si>
    <t>IC-CBCANUM</t>
  </si>
  <si>
    <t>CA Identification Number</t>
  </si>
  <si>
    <t>CBCANO, CAN</t>
  </si>
  <si>
    <t>A CA Identification Number, commonly referred to as'CA Number', is a five-digit number preceded by the letters CA issued by the Competition Bureau upon request. Only Canadian manufacturers, processors or finishers of a textile fibre product or Canadians engaged in the business of importing or selling any textile fibre product are allowed to register for a CA Identification Number. Such dealers are not required to have a CA Identification Number but they may use it in place of their name and address on the label of consumer textile articles.</t>
  </si>
  <si>
    <t>IC-CBDIS</t>
  </si>
  <si>
    <t>Directors Information System</t>
  </si>
  <si>
    <t>IC-CBNOTEBK</t>
  </si>
  <si>
    <t>IBM i2 Analyst's Notebook</t>
  </si>
  <si>
    <t>I2</t>
  </si>
  <si>
    <t>IC-CBPORTAL</t>
  </si>
  <si>
    <t>Canada Business Network FTP</t>
  </si>
  <si>
    <t>Canada Business "Portal"</t>
  </si>
  <si>
    <t>Communications Portal for collaboration and to provide information to Small Business.</t>
  </si>
  <si>
    <t>Ellis Lab/ExpressionEngine</t>
  </si>
  <si>
    <t>APP-01962</t>
  </si>
  <si>
    <t>Competition Bureau Record Management Information System</t>
  </si>
  <si>
    <t>IC-CBRINGT</t>
  </si>
  <si>
    <t>Ringtail Litigation Support Software</t>
  </si>
  <si>
    <t>RINGTAIL</t>
  </si>
  <si>
    <t>FTI Consulting/Ringtail</t>
  </si>
  <si>
    <t>IC-CBUMSDA</t>
  </si>
  <si>
    <t>CBSC Multi-Channel Service Delivery Assistant</t>
  </si>
  <si>
    <t>MSDA</t>
  </si>
  <si>
    <t>MSDA is a fully integrated suite of web-based tools serving a multitude of purpose. It includes tools for: multi-channel client service delivery; client feedback; customized partnership modules; tracking and reporting on client and partner information;  and accessing web-based information resources. It is a broadened suite of information resources and tools readily available to Business Information Officers. Officers can search, view, print, save, email, fax and mail information from CB content management system, Business Gateway, ExportSource, and other CB content repositories and licensed resources . Information in this database includes: name, address, telephone numbers, e-mail addresses, language of service, nature and phase of business, nature of</t>
  </si>
  <si>
    <t>CCAA</t>
  </si>
  <si>
    <t>IC-CCAA</t>
  </si>
  <si>
    <t>Company Creditor's Arrangement Act Application</t>
  </si>
  <si>
    <t>SA1.1.2 Bankruptcy and Insolvency</t>
  </si>
  <si>
    <t>The Companies' Creditors Arrangement Act (CCAA) requires the Office of the Superintendent of Bankruptcy (OSB) to perform a number of new supervisory functions, such as: - creating and maintaining a public record and prescribed information registry of CCAA filings; - being the final repository of all CCAA files; - recording and addressing complaints; conducting investigations into the conduct of the monitors (insolvency professionals, who must now be licensed trustees); and; - developing a public policy advisory capacity. The product developed will have 2 applications: A Web application available to the public - both public and password-protected areas (mainly Monitors/Trustees in Bankruptcy offices). The application will be used to upload filings (PDF,</t>
  </si>
  <si>
    <t>CCD</t>
  </si>
  <si>
    <t>IC-CCD</t>
  </si>
  <si>
    <t>Client Contact Database</t>
  </si>
  <si>
    <t>Application to track all client requests to the Client Service Centre for Intellectual Property information.</t>
  </si>
  <si>
    <t>IC-CCEBE</t>
  </si>
  <si>
    <t>Electronic Business Environment</t>
  </si>
  <si>
    <t>EBE</t>
  </si>
  <si>
    <t>SA1.1.3 Federal Incorporations</t>
  </si>
  <si>
    <t>Front-end and back-end processing for all Incorporations request, as well as capturing compliance information (such as filing of annual returns / annual summaries) and all corporations changes such as amendments, dissolutions, discontinuances, revivals, changes of directors, changes of address, etc. for maintenance of Federal Corporations records (Presently only used for the Non for profit, SOAP and BOTA incorporations)</t>
  </si>
  <si>
    <t>IC-CCM</t>
  </si>
  <si>
    <t>ccmMercury - Ministerial Correspondence</t>
  </si>
  <si>
    <t>SSA 4.1.1.1 Management and Oversight</t>
  </si>
  <si>
    <t>Executive Correspondence Tracking. CPO is the power user of CCM but it is used by all sectors as it deals with correspondence for the entire department.</t>
  </si>
  <si>
    <t>CCSS</t>
  </si>
  <si>
    <t>IC-CCSS</t>
  </si>
  <si>
    <t>Canadian Copyright Search System</t>
  </si>
  <si>
    <t>Canadian copyright search</t>
  </si>
  <si>
    <t>IC-CDNID</t>
  </si>
  <si>
    <t>Canadian Importers Database</t>
  </si>
  <si>
    <t>The Canadian Importers Database (CID) provides lists of companies importing goods into Canada, by product, by city and by country of origin.</t>
  </si>
  <si>
    <t>IC-CEMS</t>
  </si>
  <si>
    <t>Campus Energy Management system</t>
  </si>
  <si>
    <t>CAMPUS ENERGY MANAGEMENT SYSTEM</t>
  </si>
  <si>
    <t>Automated system used to manage the energy systems of the CRC Campus.</t>
  </si>
  <si>
    <t>Schneider/10A Enterprise</t>
  </si>
  <si>
    <t>CFMS</t>
  </si>
  <si>
    <t>IC-CFMS</t>
  </si>
  <si>
    <t>Client Feedback Management System (Corporate)</t>
  </si>
  <si>
    <t>Web based client feedback system for the collection and report of client comments.</t>
  </si>
  <si>
    <t>IC-CHVACS</t>
  </si>
  <si>
    <t>Campus HVAC system</t>
  </si>
  <si>
    <t>CAMPUS HVAC SYSTEM</t>
  </si>
  <si>
    <t>A monitoring application that provides real-time information on the heating, ventilation and air conditioning status of the Communications Research Centre campus.</t>
  </si>
  <si>
    <t>Honeywell/Enterprise Building Integrator</t>
  </si>
  <si>
    <t>IC-CIPOCCR</t>
  </si>
  <si>
    <t>Copyright Creation</t>
  </si>
  <si>
    <t>Automated system for the processing of copyright applications. Copyright?s client-server application that went into production in 2002. It was built using Oracle Developer suite 6i on HP-UX and was designed to perform all administrative processing of the Copyright branch, including direct database load of Copyright e-commerce applications.</t>
  </si>
  <si>
    <t>CIPOCID</t>
  </si>
  <si>
    <t>IC-CIPOCID</t>
  </si>
  <si>
    <t>Industrial Design Executive Information System</t>
  </si>
  <si>
    <t>A web-based statistical reporting application that uses Cognos tools Impromptu and Powerplay to give management flexible and accurate statistics on Branch performance metrics.  This web-based infrastructure provides access to performance metrics and enterprise analysis reporting as well as shared services for EIS information management and collection.  There are currently three web-based EIS applications in production: one for the Trade-marks Branch (2004), one for the Industrial Designs Office (2005) and one for the Copyright Office (2005).</t>
  </si>
  <si>
    <t>IBM Cognos BI</t>
  </si>
  <si>
    <t>IBM/Cognos</t>
  </si>
  <si>
    <t>IC-CIPOECOM</t>
  </si>
  <si>
    <t>Copyright E-Commerce Website</t>
  </si>
  <si>
    <t>CR_ECOM</t>
  </si>
  <si>
    <t>E-commerce transactions (e-filing copyright application, e-filing grant of interest, ...) for Copyright.</t>
  </si>
  <si>
    <t>IC-CIPOETM</t>
  </si>
  <si>
    <t>Trademark Search System</t>
  </si>
  <si>
    <t>Trademarck search</t>
  </si>
  <si>
    <t>IC-CIPOFTC</t>
  </si>
  <si>
    <t>CIPO File Transfer Console</t>
  </si>
  <si>
    <t>IC-CIPOGEO</t>
  </si>
  <si>
    <t>List of Geographic Indicators</t>
  </si>
  <si>
    <t>IC-CIPOIDS</t>
  </si>
  <si>
    <t>Industrial Design Web Search</t>
  </si>
  <si>
    <t>Industrial design web search</t>
  </si>
  <si>
    <t>IC-CIPORSA</t>
  </si>
  <si>
    <t>Product acquired by UNICOM Systems in 2015 and is now known as Unicom System Architect but ISED did not update to post-acquisition version.   An enterprise architecture tool that is used to model  business operations and the systems, applications, and databases that support them. System Architect supports various frameworks including TOGAF, DoDAF, MODAF and NAF.</t>
  </si>
  <si>
    <t>IBM System Architect (now Unicom System Architect)</t>
  </si>
  <si>
    <t>IC-CIPOTMEC</t>
  </si>
  <si>
    <t>Trademarks E-Commerce Website</t>
  </si>
  <si>
    <t>TM_ECOM</t>
  </si>
  <si>
    <t>Trademark, copyright and industrial design e-commerce website.</t>
  </si>
  <si>
    <t>IC-CIS</t>
  </si>
  <si>
    <t>Canadian Industry Statistics</t>
  </si>
  <si>
    <t>CISWP</t>
  </si>
  <si>
    <t>Canadian Industry Statistics presents and analyzes industry data on a number of economic indicators using the latest annual data sources from Statistics Canada.</t>
  </si>
  <si>
    <t>IC-CMBWIP</t>
  </si>
  <si>
    <t>CMB Web Integrated Performance (WIP)</t>
  </si>
  <si>
    <t>AWESOME</t>
  </si>
  <si>
    <t>PA2.2 Information and Communication Technologies Research and Innovation</t>
  </si>
  <si>
    <t>The AWESOME tool provides web managers and publishers with analytics and recommendations that can be used to improve their websites. It includes data from various sources, including web metrics, call centre data, and analysis performed by the Communications and Marketing Branch.</t>
  </si>
  <si>
    <t>IC-CMIS</t>
  </si>
  <si>
    <t>Contribution Management Information System (CMIS)</t>
  </si>
  <si>
    <t>GCIS</t>
  </si>
  <si>
    <t>Lotus Notes Domino</t>
  </si>
  <si>
    <t>APP-01966</t>
  </si>
  <si>
    <t>COMDECM</t>
  </si>
  <si>
    <t>IC-COMDECM</t>
  </si>
  <si>
    <t>Patent Workstation - Commissioners of Patents Decisions Db Maintenance</t>
  </si>
  <si>
    <t>COMDECM is a desktop application that allows the office to manage the decisions documentation, add decisions to the Commissioner decisions database and make certain ones available to the public by loading them onto the website.</t>
  </si>
  <si>
    <t>RACF</t>
  </si>
  <si>
    <t>CORPCAN</t>
  </si>
  <si>
    <t>IC-CORPCAN</t>
  </si>
  <si>
    <t>Corporations Canada Information System</t>
  </si>
  <si>
    <t>This system is comprised of a web-based application and a desktop application that will share the data contained in this schema. The web-based application will serve Corporations Canada personnel and external clients performing a variety of operations. Corporations Canada personnel will access the web-based application from Industry Canada's internal network as well as from the Internet. External clients will access the web-based application from the Internet. The desktop application will serve Corporations Canada personnel only and will be accessed from Industry Canada's internal network. The schema will contain data pertaining to new and existing corporations, as well as transactions performed with respect to corporations (e.g. filing annual returns,</t>
  </si>
  <si>
    <t>IC-CORPNUANS</t>
  </si>
  <si>
    <t>NUANS - New</t>
  </si>
  <si>
    <t>The NUANS system is a highly sophisticated name searching service which has become a national corporate pre-clearance and name reservation system. The software analyzes names and assigns them a value. These values are stored in a NUANS software searchable format and each new query is itself analyzed, and subsequently compared to all existing names. The fifty most similar are chosen and listed in order of highest similarity to produce the NUANS report. The NUANS Report is a legislated and/or regulated requirement at both the federal and provincial level and is one of a number of documents which must be filed when creating a new business and/or changing the name of an existing company. A second service provided by the main NUANS system relates to tradema</t>
  </si>
  <si>
    <t>IC-COVPG</t>
  </si>
  <si>
    <t>CoverPages</t>
  </si>
  <si>
    <t>Used to create a summary sheet of the Application/Patent. Every Application/Patent has a cover sheet created at the time of OPI and issue.</t>
  </si>
  <si>
    <t>IC-CPD</t>
  </si>
  <si>
    <t>Canadian Patent Database Search Application</t>
  </si>
  <si>
    <t>Used to allow the general public the ability to search  Canadian patents and applications and retrieve relevant information and documents.</t>
  </si>
  <si>
    <t>IC-CPORPB</t>
  </si>
  <si>
    <t>Canadian Patent Office Record (Gazette) Creation Application</t>
  </si>
  <si>
    <t>Used to publish the Canadian Patent Office Record (CPOR).</t>
  </si>
  <si>
    <t>IC-CRCS</t>
  </si>
  <si>
    <t>CRC Sharepoint</t>
  </si>
  <si>
    <t>CRC SHAREPOINT</t>
  </si>
  <si>
    <t>Microsoft Sharepoint used as a document repository to support management oversight activities.</t>
  </si>
  <si>
    <t>IC-CRMS </t>
  </si>
  <si>
    <t>IMCC Client Relationship Management System</t>
  </si>
  <si>
    <t>IMCC-CLIENT-RELATIONSHIP-MGMT</t>
  </si>
  <si>
    <t>What does this database do? This tracks all requests from ic.gc.ca clients made to the Strategis Client Services Help Desk, providing a profile of client inquiry details and the solution, the status of each call (opened, pending, closed or re-opened), method by which inquiry was received, who handled the request, who the request was referred to for the response, nature of the inquiry, information provided, turn around time for the response, etc. All modules of this Application are completely bilingual. Who will use this database? This database was developed for use by the IMCC Officers to track the inquiries they are responding to, who they have dealt with before, etc. This database should also be of interest to the product line managers, technical dev</t>
  </si>
  <si>
    <t>IC-CROWD</t>
  </si>
  <si>
    <t>CROWD Internal ID Management System</t>
  </si>
  <si>
    <t>CENTRALIZED-IDENTITY-MGMT-SYS</t>
  </si>
  <si>
    <t>Crowd is a centralized identity management system that allow for authentication and management of multiple userbases/directories (Active Directory, LDAP, eDirectory, etc?) from a single console. Crowd also allows to managed connected application's permissions from the same console, and also offer single sign-on support.</t>
  </si>
  <si>
    <t>Altlassian Crowd</t>
  </si>
  <si>
    <t>IC-CSBFP</t>
  </si>
  <si>
    <t>CSBFP/CALA Shared System</t>
  </si>
  <si>
    <t>CSBF</t>
  </si>
  <si>
    <t>SA3.1.1 Canada Small Business Financing</t>
  </si>
  <si>
    <t>Redesign of the SBLA 2000 Application. Application is being developed as a J2EE application with an Oracle back-end.</t>
  </si>
  <si>
    <t>DPLUS</t>
  </si>
  <si>
    <t>IC-DPLUS</t>
  </si>
  <si>
    <t>Industrial Design DesignPlus</t>
  </si>
  <si>
    <t>The Industrial Design application. This application went into production on Windows 2000 in 2002. At that time, the Industrial Design product line was converted from manual (scanning and viewing drawings) to automated drawings. It is built using Oracle Developer suite 6i on HP-UX. WIPO site: http://www.wipo.int/cgi-ipoa/atr_public/atr_details_query.pl?country_id= CA&amp;type_name=Industrial%20Design&amp;atrid=674&amp;atr_year=2002&amp;atr_year_filter= 2002&amp;status=2&amp;type_id=104&amp;atr_type=ID&amp;short_name=Canada&amp;language_id=en</t>
  </si>
  <si>
    <t>DPPM</t>
  </si>
  <si>
    <t>IC-DPPM</t>
  </si>
  <si>
    <t>Clarity PPM (Formally DPPM)</t>
  </si>
  <si>
    <t>The Departmental PPM Solution enables and supports the portfolio and project management processes for Industry Canada's Project Management Centre (PMC) which mesh with the Departmental Project Governance framework.  This application has functionality for: - Creating project Schedules &amp; Tasks - Recording time against a project  - Project Monitoring  - Project Reporting  - Project Dashboards  - Project Portfolio Management  Server  components include:  - Business Objects - CA Productivity Accelertor  - Clarity PPM  Desktop components include:  - Clarity PPM Schedule Connect  - Adobe SVG</t>
  </si>
  <si>
    <t>CA Clarity PPM</t>
  </si>
  <si>
    <t>IC-ECOMCPP</t>
  </si>
  <si>
    <t>IC E-Commerce Common Payment Processing System</t>
  </si>
  <si>
    <t>ECOM-COMMON-PAYMENT-PROCESSING</t>
  </si>
  <si>
    <t>IC-ECPYRGHT</t>
  </si>
  <si>
    <t>Copyright Application Filing</t>
  </si>
  <si>
    <t>EFILE_CPYRGHT</t>
  </si>
  <si>
    <t>IC-EIS</t>
  </si>
  <si>
    <t>Copyright Executive Information System</t>
  </si>
  <si>
    <t>IC-EPIC</t>
  </si>
  <si>
    <t>Electronic Publishing at Industry Canada (EPIC): This custom built application allows Industry Canada web content provider to publish documents to the web environment (Internet, Intranet and Extranet) according to CLF and TBS guidelines.</t>
  </si>
  <si>
    <t>IC-EQUITRAC</t>
  </si>
  <si>
    <t>Equitrac</t>
  </si>
  <si>
    <t>Print Management</t>
  </si>
  <si>
    <t>ETDS</t>
  </si>
  <si>
    <t>IC-ETDS</t>
  </si>
  <si>
    <t>Emergency Telecommunications Data System</t>
  </si>
  <si>
    <t>IC-FITT2</t>
  </si>
  <si>
    <t>Financial Information Transaction Tracking</t>
  </si>
  <si>
    <t>FITT</t>
  </si>
  <si>
    <t>CIPO's financial data entry and reporting system tool to validate and process revenues, store payment details and manage payment information. It was implemented in 2003 and replaced the RIS system.</t>
  </si>
  <si>
    <t>IC-GCDOCS</t>
  </si>
  <si>
    <t>Government of Canada Document Management System</t>
  </si>
  <si>
    <t>OpenText Content Server</t>
  </si>
  <si>
    <t>IC-GCINTAKE</t>
  </si>
  <si>
    <t>Grants and Contributions Intake</t>
  </si>
  <si>
    <t>GRANTS-CONTRIBUTIONS-INTAKE</t>
  </si>
  <si>
    <t>This application comprises two components: the public module allows Applicants to fill out and submit a PDF form to apply for various Grants and Contributions. Submitted forms are housed and processed in the internal module used by different clients such as FedDev Ontario and FedNor. Internal module provides search, reporting, editing, and audit on G's and C's submissions.</t>
  </si>
  <si>
    <t>APP-04080</t>
  </si>
  <si>
    <t>FedNor GC Intake</t>
  </si>
  <si>
    <t>Used for light Case and pdf Platform</t>
  </si>
  <si>
    <t>IC-GNRCSRCH</t>
  </si>
  <si>
    <t>AMIS Generic Search</t>
  </si>
  <si>
    <t>AGS</t>
  </si>
  <si>
    <t>Common search component employing Verity</t>
  </si>
  <si>
    <t>APP-01952</t>
  </si>
  <si>
    <t>Incident Management Software</t>
  </si>
  <si>
    <t>IC-HRMS/PSOFT</t>
  </si>
  <si>
    <t>Human Resource Management System</t>
  </si>
  <si>
    <t>IC-HRRPD</t>
  </si>
  <si>
    <t>HRB Reclassification Proactive Disclosure</t>
  </si>
  <si>
    <t>HRB_RPD</t>
  </si>
  <si>
    <t>Web application &amp; database that uses Peoplesoft extracted data on a quarterly basis in order to process &amp; publish position reclassifications on an external web site in accordance with TBS proactive disclosure directive.  Due to a new Treasury Board directive, the Human Resources Branch and Communications Branch of Industry Canada have jointly collaborated on a project to create a public web site for publishing Industry Canada's position reclassifications on a quarterly basis.  The actual source for the reclassification data that will be collected and published on this web site is to come from the PeopleSoft System.   At each fiscal quarter, reclassification data for that period are to be extracted from the PeopleSoft System and imported into the web ap</t>
  </si>
  <si>
    <t>IC-HRSTAFF</t>
  </si>
  <si>
    <t>HRStats Staffing</t>
  </si>
  <si>
    <t>IC-ICCPD</t>
  </si>
  <si>
    <t>Proactive Disclosure Contracts</t>
  </si>
  <si>
    <t>PROACTIVE-DISCLOSURE-CONTRACT</t>
  </si>
  <si>
    <t>IC-ICGCPD</t>
  </si>
  <si>
    <t>Proactive Disclosure Gs&amp;Cs</t>
  </si>
  <si>
    <t>PDGC</t>
  </si>
  <si>
    <t>The proactive disclose of grants and contributions over $25 000. This application comprises two components: an administration module that manages all G's &amp; C's, and a public module that displays the published G'S and C's to Industry Canada's website.</t>
  </si>
  <si>
    <t>ICWIKI</t>
  </si>
  <si>
    <t>IC-ICWIKI</t>
  </si>
  <si>
    <t>IC WEB collaboration tool (ICWIKI)</t>
  </si>
  <si>
    <t>Confluence ( IC wiki ). Industry Canada's collaboration tool.</t>
  </si>
  <si>
    <t>Atlassian Confluence</t>
  </si>
  <si>
    <t>IC-IDECOMWB</t>
  </si>
  <si>
    <t>Industrial Design E-Commerce Website</t>
  </si>
  <si>
    <t>IID</t>
  </si>
  <si>
    <t>IC-IDM</t>
  </si>
  <si>
    <t>IC Identity Management Application</t>
  </si>
  <si>
    <t>Identify Management</t>
  </si>
  <si>
    <t>IC-IFMS</t>
  </si>
  <si>
    <t>Integrated Finance and Material Management System (IFMS)</t>
  </si>
  <si>
    <t>SAP ERP ECC 6.0</t>
  </si>
  <si>
    <t>IC-IMBEDRMS</t>
  </si>
  <si>
    <t>Electronic Document and Records Management System (EDRMS/RDIMS)IMB</t>
  </si>
  <si>
    <t>RDIMS / eDocs / EDRMS</t>
  </si>
  <si>
    <t>This is an implementation of the COTS software known as OpenText LiveLink ECM - eDOCS DM and eDOCs RM products as part of the TBS RDIMS shared services initiative. The OpenText product suite was previously known as Hummingbird Enterprise DM and RM.  This is an electronic records management application.  It is licensed on a per user basis and is currently being managed by CIRS (Corporate Integrated Records Services).  Also known as: - SGDDI (Systeme de gestion des dossiers, des documents et de l'information) - Hummingbird - Odyssee</t>
  </si>
  <si>
    <t>OpenText Content Server (RDIMS)</t>
  </si>
  <si>
    <t>IC-IMCCKB </t>
  </si>
  <si>
    <t>IMCC Knowledge Base</t>
  </si>
  <si>
    <t>IMCC_KB</t>
  </si>
  <si>
    <t>The Knowledge Base module SCS is a repository of information on the information products found on Strategis. It is intended to be used as a quick reference tool for retrieving answers to previously/frequently asked questions, product literature (such as one pagers on the products in Strategis), correspondence sent out on the products, contacts for each product, standards, etc. in order to respond to requests coming in to Strategis Client Services. The information stored in this Knowledgebase gives the Help Desk officers access to standardized responses to questions, ensuring all clients receive the same response to common questions. All modules of the SCS Application are completely bilingual. Who will use this database? This database was initially deve</t>
  </si>
  <si>
    <t>IC-IMSCCC</t>
  </si>
  <si>
    <t>Canadian Company Capabilities</t>
  </si>
  <si>
    <t>CCC</t>
  </si>
  <si>
    <t>Collect and display company information to promote product and services sourcing in Canada. It is a centrally maintained current searchable database of 50,000 Canadian businesses</t>
  </si>
  <si>
    <t>IC-IMSUSNTD</t>
  </si>
  <si>
    <t>Trade Data Online</t>
  </si>
  <si>
    <t>TDO</t>
  </si>
  <si>
    <t>Provides ability to generate customized reports on Canada's and U.S. trade with over 200 countries. In line with the department's objective to help increase Canada's share of global trade Trade Data Online has been providing statistics on Canada and U.S. merchandise trade with more than 200 countries since the launch of Strategis in 1996.</t>
  </si>
  <si>
    <t>IC-INTELLEC</t>
  </si>
  <si>
    <t>Patent Intellect (Open For Inspection Search)</t>
  </si>
  <si>
    <t>Intellect</t>
  </si>
  <si>
    <t>Used internally to search the Canadian patent database.</t>
  </si>
  <si>
    <t>IC-INTERAPP</t>
  </si>
  <si>
    <t>InterApp International Patent Application</t>
  </si>
  <si>
    <t>InterApp</t>
  </si>
  <si>
    <t>INTREPID</t>
  </si>
  <si>
    <t>IC-INTREPID</t>
  </si>
  <si>
    <t>Intrepid II (Integrated Trademark Electronic Processing of Info and Designs)</t>
  </si>
  <si>
    <t>Automated system for the processing of trade-mark applications. A client/server architecture (HP-UX) utilizing Oracle as the database, COBOL for certain back-end processes and Centura for the client front-end. It is CIPO's Trade-mark automation application used to perform the administrative and data processing requirements of all areas within the Trade-marks Branch as well as controlling the workflow of a trademark application within CIPO from receipt to registration.</t>
  </si>
  <si>
    <t>IC-IPIS</t>
  </si>
  <si>
    <t>Intellectual Property Information System</t>
  </si>
  <si>
    <t>INTELLECTUAL PROPERTY INFORMATION SYSTEM</t>
  </si>
  <si>
    <t>System used to keep track of intellectual property assets generated by the Communications Research Centre.</t>
  </si>
  <si>
    <t>Future Path/Intelllectual Property Information System</t>
  </si>
  <si>
    <t>IC-IRBMIS</t>
  </si>
  <si>
    <t>ITB Accolade Management Information System</t>
  </si>
  <si>
    <t>IRB-MANAGEMENT-INFORMATION-SYS, IRBMIS, ITB Accolade</t>
  </si>
  <si>
    <t>SA3.2.3 Industrial and Regional Benefits</t>
  </si>
  <si>
    <t>Sopheon/Accolade Process Management</t>
  </si>
  <si>
    <t>IC-ISOCDFMI </t>
  </si>
  <si>
    <t>ISOC DF Mapping Interface</t>
  </si>
  <si>
    <t>ISOCDFMI</t>
  </si>
  <si>
    <t>Integrated System Observation Centre (ISOC) Direction Finding (DF) Mapping Interface (MI) The Integrated Spectrum Observation Centre (ISOC) is a complex system of computers, interface hardware, cables, test instruments, and control software used to perform remote monitoring of radio frequencies. Through the ISOC, a Spectrum Management Officer (SMO) can connect to instruments installed at remote locations or on mobile units across Canada and use these instruments through a virtual view of them on the officer's desktop. ISOC-DF, the direction finding application, builds upon the ISOC's ability to utilize instruments from multiple sites simultaneously; its main purpose is to use direction finding equipment at multiple locations to find a radio source. It</t>
  </si>
  <si>
    <t>VPN</t>
  </si>
  <si>
    <t>IC-ITODW</t>
  </si>
  <si>
    <t>ITO Data Warehouse</t>
  </si>
  <si>
    <t>TPC_DW</t>
  </si>
  <si>
    <t>SIS</t>
  </si>
  <si>
    <t>SA2.3.3 Strategic Aerospace and Defence Initiative</t>
  </si>
  <si>
    <t>ITUSD</t>
  </si>
  <si>
    <t>APP-04062</t>
  </si>
  <si>
    <t>International Telecommunications Union Space Data and Apps</t>
  </si>
  <si>
    <t>International Telecommunication Union</t>
  </si>
  <si>
    <t>ITU</t>
  </si>
  <si>
    <t>IC-I2CHTRDR</t>
  </si>
  <si>
    <t>IBM i2 Chartreader</t>
  </si>
  <si>
    <t>IC-I2IBASED</t>
  </si>
  <si>
    <t>IBM i2 iBase Designer</t>
  </si>
  <si>
    <t>IBM i2 iBase Designer – is the software used by the Analyst’s in the Bureau’s Intelligence Unit to design, setup and administer an iBase database so that it fulfills the requirements of each stage of a criminal investigation and prosecution, and the CID.</t>
  </si>
  <si>
    <t>IC-I2IBASEU</t>
  </si>
  <si>
    <t>IBM i2 Base User (database software)</t>
  </si>
  <si>
    <t>IC-JIRA</t>
  </si>
  <si>
    <t>JIRA Bug Tracking, Issue Tracking and Project Tracking Software</t>
  </si>
  <si>
    <t>Bug/Issue tracking tool for development bugs as well as Operational bugs</t>
  </si>
  <si>
    <t>Atlassian JIRA</t>
  </si>
  <si>
    <t>JSPRSRVR</t>
  </si>
  <si>
    <t>IC-JSPRSRVR</t>
  </si>
  <si>
    <t>JasperServer Web Reporting Tool</t>
  </si>
  <si>
    <t>JasperServer is a complete web reporting application, based on the JasperReports reporting library. It provides secure access for running reports through the browser and via Web services, and scheduled report distribution. JasperServer is actually an open-source product, with commercial support available through the vendor (JasperSoft), which has not been purchased.</t>
  </si>
  <si>
    <t>Jaspersoft JasperReportsServer</t>
  </si>
  <si>
    <t>IC-LENEL</t>
  </si>
  <si>
    <t>LENEL Security Management System</t>
  </si>
  <si>
    <t>LENEL-SECURITY-MANAGEMENT-SYSTEM</t>
  </si>
  <si>
    <t>SSA 4.1.2.5 Other Administrative Services</t>
  </si>
  <si>
    <t>OnGuard - Lenel</t>
  </si>
  <si>
    <t>IC-LOB</t>
  </si>
  <si>
    <t>Patent Line of Business (TechSource)</t>
  </si>
  <si>
    <t>TECHSOURCE</t>
  </si>
  <si>
    <t>IC-LTSAPPCH</t>
  </si>
  <si>
    <t>Lotus Approach</t>
  </si>
  <si>
    <t>MAPINFO</t>
  </si>
  <si>
    <t>IC-MAPINFO</t>
  </si>
  <si>
    <t>SITT-MAPINFO</t>
  </si>
  <si>
    <t>Create, store and manage geospatial data and develop and maintain geospatial and technical analysis tools that facilitate the granting of licences to radio and broadcast station and spectrum licence applicants, to support on-going spectrum control activities, and to provide information for planning new radiocommunication services.</t>
  </si>
  <si>
    <t>IC-MCAIMS</t>
  </si>
  <si>
    <t>MCIS Authorized Service Providers</t>
  </si>
  <si>
    <t>ASPIS</t>
  </si>
  <si>
    <t>IC-MCASPS</t>
  </si>
  <si>
    <t>MC - Authorized Service Provider Search</t>
  </si>
  <si>
    <t>The Authorized Service Provider Search is an in-house developed online web application (resident on the MC Internet site) for retailers seeking to identify private sector companies authorized by Measurement Canada to perform measuring device certification in accordance with legislative requirements.</t>
  </si>
  <si>
    <t>IC-MCCATS</t>
  </si>
  <si>
    <t>Calibration and Approval Tracking System</t>
  </si>
  <si>
    <t>IC-MCCONTRL</t>
  </si>
  <si>
    <t>Contractors Registry Search</t>
  </si>
  <si>
    <t>IC-MCDTCS</t>
  </si>
  <si>
    <t>Device Testing and Calibration System</t>
  </si>
  <si>
    <t>DTCS</t>
  </si>
  <si>
    <t>The Device Testing and Certification System (DTCS) is used in the Calibration Services Laboratories to calculate and record test data as various measuring devices are being calibrated.  DTCS produces a standardized certificate of calibration or a test report using the data acquired during the testing.</t>
  </si>
  <si>
    <t>IC-MCGRAVIT</t>
  </si>
  <si>
    <t>Gravity Calculator</t>
  </si>
  <si>
    <t>GRAVCALC</t>
  </si>
  <si>
    <t>The gravity calculator is intended to assist manufacturers, dealers and inspectors in determining whether or not scales can be initially inspected at a given location and then put into service at their final destination. Manufacturers, dealers and inspectors can access the calculator, enter the scale accuracy class, its Max and ?e?, the desired initial inspection location (i.e., the factory) and the scale's final destination. Using acceptance limits of error, the calculator will determine the most stringent limit of error applicable to the scale, determine if the difference in acceleration due to gravity between the point of inspection and the point of use will cause the scale to exceed the limits of error and finally, indicate whether or not the scale</t>
  </si>
  <si>
    <t>IC-MCMC</t>
  </si>
  <si>
    <t>Mass Comparator Program</t>
  </si>
  <si>
    <t>IC-MCNOAINS</t>
  </si>
  <si>
    <t>Measurement Canada Notice Of Approval Notebook (Inspector)</t>
  </si>
  <si>
    <t>NOA_INSP</t>
  </si>
  <si>
    <t>The main application is a stand-alone application that runs on the laptop of MC inspectors. It also has the ability to download database updates from an intranet web server hosted on legacy1.</t>
  </si>
  <si>
    <t>IC-MCNOAWEB</t>
  </si>
  <si>
    <t>Measurement Canada Approval Index Search</t>
  </si>
  <si>
    <t>External facing applications</t>
  </si>
  <si>
    <t>IC-MCPSEUDO</t>
  </si>
  <si>
    <t>Pseudo Random Sampling Application</t>
  </si>
  <si>
    <t>PRSA</t>
  </si>
  <si>
    <t>This application generates one or more pseudo-independent random samples. The samples may be used to satisfy legal requirements for sample selection and auditability under legislation enforced by Measurement Canada.</t>
  </si>
  <si>
    <t>IC-MCSTARS</t>
  </si>
  <si>
    <t>Measurement Canada Strategic Tracking and Reporting System</t>
  </si>
  <si>
    <t>MC_STARS</t>
  </si>
  <si>
    <t>The strategic tracking and reporting system (STARS) is designed to track commodity, device and standard inspections as well as the time spent performing these inspection activities.</t>
  </si>
  <si>
    <t>IC-MILSHOST</t>
  </si>
  <si>
    <t>Millennium Integrated Library System</t>
  </si>
  <si>
    <t>MILLENIUM-INTGRTD-LIB-SYS</t>
  </si>
  <si>
    <t>The Millenium Integrated Library System is one of the most broadly accepted solutions among libraries of all types and sizes around the world.  Its modules support simple everyday library transactions while at the same time meeting the demands of the most sophisticated cataloger, circulation manager, or web librarian.  The Millenium Integrated Library System is a COTS product and replaced the previous GEAC Library System.  It is comprised of two components ? an externally hosted component and a workstation component.</t>
  </si>
  <si>
    <t>Innovative Interfaces/Millenium</t>
  </si>
  <si>
    <t>IC-MIMOSAE</t>
  </si>
  <si>
    <t>Mimosa Export</t>
  </si>
  <si>
    <t>MIMOSA</t>
  </si>
  <si>
    <t>Name of authoring software for patent document images. It is an export process to extract newly laid open and granted patent data for inclusion in the MIMOSA search CDs.</t>
  </si>
  <si>
    <t>IC-MLTRANS</t>
  </si>
  <si>
    <t>Translation Memory Software</t>
  </si>
  <si>
    <t>MULTITRANS-TRANSLATION-MEMORY-SW</t>
  </si>
  <si>
    <t>The Translation Memory software tool is a repository for translated segments of text which allows users to instantly retrieve translated terminology from previously translated documents and insert it into their document.  It can recycle translations from over 250 file formats and shorten file conversion speeds.</t>
  </si>
  <si>
    <t>MultiTrans Prism External Tran</t>
  </si>
  <si>
    <t>Multicorpora R D inc./MultiTrans Prism External Translator</t>
  </si>
  <si>
    <t>IC-MRM</t>
  </si>
  <si>
    <t>Meeting Room Manager (Corporate Boardroom Reservation System)</t>
  </si>
  <si>
    <t>MRM is an application that manages the boardroom bookings for IC, including the Minister's Office.</t>
  </si>
  <si>
    <t>NetSimplicity/Meeting Room Maager</t>
  </si>
  <si>
    <t>IC-MRS</t>
  </si>
  <si>
    <t>Management Reporting System (MRS)</t>
  </si>
  <si>
    <t>IC-MSFIM</t>
  </si>
  <si>
    <t>Forefront Identity Manager</t>
  </si>
  <si>
    <t>FIM</t>
  </si>
  <si>
    <t>self-service password reset</t>
  </si>
  <si>
    <t>NATIS</t>
  </si>
  <si>
    <t>IC-NATIS</t>
  </si>
  <si>
    <t>Notification and Application Tracking Information System (NATIS)</t>
  </si>
  <si>
    <t>SA1.1.4 Investment Review</t>
  </si>
  <si>
    <t>APP-04067</t>
  </si>
  <si>
    <t>National Maritime Information Database</t>
  </si>
  <si>
    <t>OSOC-DF</t>
  </si>
  <si>
    <t>IC-OCACDB</t>
  </si>
  <si>
    <t>Consumer Research Database Admin</t>
  </si>
  <si>
    <t>CRDA</t>
  </si>
  <si>
    <t>PA1.3 Consumer Affairs</t>
  </si>
  <si>
    <t>Administrative component to Canadian Research Database Public.</t>
  </si>
  <si>
    <t>IC-OCAODP</t>
  </si>
  <si>
    <t>Consumer Research Database Public</t>
  </si>
  <si>
    <t>CRD</t>
  </si>
  <si>
    <t>The Consumer Research Database is a collection of research references on consumer related topics, including information on where and when the document was published.  Initially the database will contain over 100 items of consumer research undertaken by university researchers, governments and non-profit organizations.  The large majority of references pertain to Canada.  However, selected international references are also included.  The subject classification of the system recognizes 15 general topics, each with three to five sub-topics, for a total of 69 sub-topics (see Appendix).  With this project initiative the AMIS group of Industry Canada will build a web-based application for the Office of Consumer Affairs.  Users of this application will be able</t>
  </si>
  <si>
    <t>ODE</t>
  </si>
  <si>
    <t>IC-ODE</t>
  </si>
  <si>
    <t>ITO Online Document Exchange Sytem (rename from ITO PDF Loader)</t>
  </si>
  <si>
    <t>IC-OSBEFILE</t>
  </si>
  <si>
    <t>E-Filing (OSB)</t>
  </si>
  <si>
    <t>EFILE_OSB</t>
  </si>
  <si>
    <t>A Web-enabled system that allows electronic transmission and processing of forms and documents between the trustee community and the OSB. A prime feature of the system is its business-rules based processing which rejects incorrect filings, automates acceptance, and flags exceptions to be manually reviewed. In production since December 2002, supporting technologies for this system include ATG Dynamo, XML, Java, and Oracle. E-FILING (includes Fax Server; PDF Converter; Vendor Test Site; UAT &amp; Reporting Server)</t>
  </si>
  <si>
    <t>IC-OSBICDW</t>
  </si>
  <si>
    <t>OSB - Industry Canada Data Warehouse</t>
  </si>
  <si>
    <t>IC-OSBIMPAC</t>
  </si>
  <si>
    <t>IMPACT/Info+</t>
  </si>
  <si>
    <t>IMPACT, INFO+</t>
  </si>
  <si>
    <t>IC-OSBNAMES</t>
  </si>
  <si>
    <t>Name Search Call Center and Zetafax Server</t>
  </si>
  <si>
    <t>NS</t>
  </si>
  <si>
    <t>A subsystem of IMPACT that generates an official document (positive, negative or detailed) capable of being faxed or e-mailed directly to clients. A fee is charged to clients for each search request. A log of all searches performed by the client is kept for the production of monthly invoices. The application is used by Name Search Call Centre personnel who respond to about 200 requests per day.</t>
  </si>
  <si>
    <t>IC-OSBNSRCH</t>
  </si>
  <si>
    <t>Bankruptcy/Insolvency Name Search</t>
  </si>
  <si>
    <t>IBNS</t>
  </si>
  <si>
    <t>A Web-based system that provides clients the capability to search for bankruptcies via the Internet. Search fees can be paid on-line with a credit card or by charging an existing OSB client account. This database contains a record of all bankruptcies and proposals filed in Canada from 1978 to date.</t>
  </si>
  <si>
    <t>IC-OSBSTATS</t>
  </si>
  <si>
    <t>IMPACT Bankruptcy Statistics</t>
  </si>
  <si>
    <t>Web site where various bankruptcy statististics are published.</t>
  </si>
  <si>
    <t>IC-OSBTLR</t>
  </si>
  <si>
    <t>Trustee Licencing Renewal</t>
  </si>
  <si>
    <t>TLR</t>
  </si>
  <si>
    <t>A Web-enabled system that enables trustees to view their licence renewal statement, renewal their license on-line and pay their annual licence fee via credit cards.</t>
  </si>
  <si>
    <t>IC-OSBTSRCH</t>
  </si>
  <si>
    <t>Trustee Directory Search</t>
  </si>
  <si>
    <t>List of trustee firms and individual trustees which includes trustee contact information</t>
  </si>
  <si>
    <t>IC-OSBUDSRC</t>
  </si>
  <si>
    <t>Unclaimed Dividends Search</t>
  </si>
  <si>
    <t>UA-UD</t>
  </si>
  <si>
    <t>Web Search for unclaimed dividends.</t>
  </si>
  <si>
    <t>IC-PATECMF</t>
  </si>
  <si>
    <t>Patent Ecommerce Maintenance Fees</t>
  </si>
  <si>
    <t>Ecomm MF</t>
  </si>
  <si>
    <t>IC-PATEFL</t>
  </si>
  <si>
    <t>Patent E-filing Form Application</t>
  </si>
  <si>
    <t>Ecomm Filing</t>
  </si>
  <si>
    <t>PATEIS</t>
  </si>
  <si>
    <t>IC-PATEIS</t>
  </si>
  <si>
    <t>Patent Executive Information System</t>
  </si>
  <si>
    <t>A web-based statistical reporting application that uses Cognos tools Impromptu and Powerplay to give management flexible and accurate statistics on Branch performance metrics.  (2010 - Only does time statistics at this time.)</t>
  </si>
  <si>
    <t>IC-PATWS</t>
  </si>
  <si>
    <t>Patent WebSite (Incl Ecommerce)</t>
  </si>
  <si>
    <t>PAT_WS</t>
  </si>
  <si>
    <t>IC-PCT</t>
  </si>
  <si>
    <t>Patent PCTSafe Sofware International Patent Cooperation E-Filing Apltn</t>
  </si>
  <si>
    <t>PCTSafe</t>
  </si>
  <si>
    <t>WIPO/PCT Safe</t>
  </si>
  <si>
    <t>OSB PDF Converter</t>
  </si>
  <si>
    <t>IC-PDFCNVTR</t>
  </si>
  <si>
    <t>AdLib</t>
  </si>
  <si>
    <t>IC-POIMAP</t>
  </si>
  <si>
    <t>Industry Canada Points of Interest Interactive Map</t>
  </si>
  <si>
    <t>IC-POI-INTERACTIVE-MAP</t>
  </si>
  <si>
    <t>The Industry Canada Points of Interest Interactive Map will highlight various Industry Canada points of interest on a map.   The points of interest could include areas where IC has supplied funding or areas where IC is active.  The application will be similar to the following EAP Map:   http://www.actionplan.gc.ca/eng/map.asp</t>
  </si>
  <si>
    <t>IC-PRDTVYTL</t>
  </si>
  <si>
    <t>Productivity Accelerator Tool</t>
  </si>
  <si>
    <t>PRODUCTIVITY-ACCELERATOR-TOOL</t>
  </si>
  <si>
    <t>CA Productivity Accelerator Tool Provides Highly Personalized and Cost-Effective PPM Training</t>
  </si>
  <si>
    <t>IC-PRNTRDM</t>
  </si>
  <si>
    <t>Xerox Device Manager</t>
  </si>
  <si>
    <t>Manage print service administration</t>
  </si>
  <si>
    <t>File and Print Services Software</t>
  </si>
  <si>
    <t>IC-PWGC</t>
  </si>
  <si>
    <t>Patent Web General Correspondence</t>
  </si>
  <si>
    <t>General Corr</t>
  </si>
  <si>
    <t>IC-PWIGSL</t>
  </si>
  <si>
    <t>Patent Workstation - Identify Gene Seq Listings</t>
  </si>
  <si>
    <t>APP-01956</t>
  </si>
  <si>
    <t>IBM Rational Doors</t>
  </si>
  <si>
    <t>RATPT</t>
  </si>
  <si>
    <t>IC-RATPT</t>
  </si>
  <si>
    <t>Rational Policy Tester</t>
  </si>
  <si>
    <t>Rational Policy Tester is a web quality assurance software that provides improved scanning capabilities and a rich set of quality assurance reports to help publishers manage their website content.  The reports will identify broken links, slow pages, missing alt tags, dc metadata values, spelling errors and more.</t>
  </si>
  <si>
    <t>IBM Rational Policy Tester</t>
  </si>
  <si>
    <t>IC-RDIM</t>
  </si>
  <si>
    <t>Electronic Document and Records Management System (EDRMS) Quebec</t>
  </si>
  <si>
    <t>EDRMS-ODYSSEY-QUE</t>
  </si>
  <si>
    <t>Open Text/RDIMS</t>
  </si>
  <si>
    <t>IC-RFAXJAVA </t>
  </si>
  <si>
    <t>RightFax JAVA API</t>
  </si>
  <si>
    <t>RFAXJAVA</t>
  </si>
  <si>
    <t>IC-RGOFLDOC</t>
  </si>
  <si>
    <t>Registrar General of Canada Official Document Repository</t>
  </si>
  <si>
    <t>RGDR</t>
  </si>
  <si>
    <t>Provides imaging, scanning, indexing, storage, search and print of official documents (Railway System, Commissions, Proclamations, Election Writs).</t>
  </si>
  <si>
    <t>RGSTR</t>
  </si>
  <si>
    <t>IC-RGSTR</t>
  </si>
  <si>
    <t>IC Client Registration (was Strategis Client Registration)</t>
  </si>
  <si>
    <t>Handles all aspects of the registration process to use certain applications on Strategis.</t>
  </si>
  <si>
    <t>RIGHTFAX</t>
  </si>
  <si>
    <t>IC-RIGHTFAX</t>
  </si>
  <si>
    <t>RightFax</t>
  </si>
  <si>
    <t>OpenText RightFax</t>
  </si>
  <si>
    <t>IC-RPT</t>
  </si>
  <si>
    <t>RPT, ART, Simple Report Builder</t>
  </si>
  <si>
    <t>This application is a business intelligence tool (a.k.a report builder) which enables users to generate reports from Oracle databases without in-depth knowledge of the SQL language.  It builds simple/complex SQL queries by allowing users to select tables/columns, and to enter various selection criteria &amp; options.  Sophisticated visual formatting options are available. This application is not coupled to any particular Oracle database.  It will become a 'common component', to be used within the department with various projects and databases. The application was developed in Java/Jasper Reports, with an Oracle back-end database.</t>
  </si>
  <si>
    <t>IC-SAS</t>
  </si>
  <si>
    <t>Desktop-based statistical analysis software for analysing data.</t>
  </si>
  <si>
    <t>IC-SASABM</t>
  </si>
  <si>
    <t>SAS Activity Based Management (ABM)</t>
  </si>
  <si>
    <t>SASCPM</t>
  </si>
  <si>
    <t>SAS Cost and Profitability Management (CPM) is an analytic application that models business processes to determine cost and profitability, as well as what drives them. The solution provides answers to questions about precise process or activity costs, and the profitability of customers, products and distribution channels. It measures how well the components of your business – products, services, processes and customers – contribute value to the organization. Equipped with such quantitative insights, managers and executives can make informed decisions to manage resources, optimize processes and improve performance. The application is combining visual business modelling with advanced reporting/analysis and powerful data management. This combination allow</t>
  </si>
  <si>
    <t>Activity Based Management</t>
  </si>
  <si>
    <t>IC-SBSPP</t>
  </si>
  <si>
    <t>Financial Performance Data</t>
  </si>
  <si>
    <t>FPD</t>
  </si>
  <si>
    <t>The Tool offers industry-specific income statement and balance sheet data for small and medium and large sized businesses.FPD offers industry-specific income statement and balance sheet data for small and medium sized businesses. FPDl allows you to:  - Estimate the operating costs for your new business;  - View financial performance averages in your industry;  - Enter your own financial data to see how your business measures up to comparably sized firms.</t>
  </si>
  <si>
    <t>IC-SIRA</t>
  </si>
  <si>
    <t>SI Reference Application</t>
  </si>
  <si>
    <t>The SI Reference Application is a simple application used by the Software Integration team to demonstrate how to integrate the different reusable components, common services, and products used for the development of Java applications at BSD.</t>
  </si>
  <si>
    <t>IC-SITEDRMS</t>
  </si>
  <si>
    <t>Electronic Document and Records Management System (EDRMS) SITT</t>
  </si>
  <si>
    <t>EDRMS-SITT</t>
  </si>
  <si>
    <t>IC-SITMAPI</t>
  </si>
  <si>
    <t>Geographical Information System</t>
  </si>
  <si>
    <t>IC-SITSPCTR</t>
  </si>
  <si>
    <t>SPECTRA</t>
  </si>
  <si>
    <t>SAM-CSI</t>
  </si>
  <si>
    <t>Spectrum Management and Telecommunications</t>
  </si>
  <si>
    <t>The SPECTRA spectrum management system covers the end-to-end process of administrative and technical spectrum management for business processing, spectrum planning, technical frequency assignment, national and international coordination, monitoring and control, billing and financial management.</t>
  </si>
  <si>
    <t>Spectra Suite</t>
  </si>
  <si>
    <t>IC-SNDSTE</t>
  </si>
  <si>
    <t>Sendsuite</t>
  </si>
  <si>
    <t>Upgraded version (new application) of Arrival which tracks packages and mail requiring signatures coming in and out of the department.</t>
  </si>
  <si>
    <t>Pitney Bowes SendSuite Tracking</t>
  </si>
  <si>
    <t>IC-SONAR</t>
  </si>
  <si>
    <t>SonarQube</t>
  </si>
  <si>
    <t>SonarSource SonarQube</t>
  </si>
  <si>
    <t>IC-SRM</t>
  </si>
  <si>
    <t>Stakeholder Relationship Management</t>
  </si>
  <si>
    <t>Built on Dynamics</t>
  </si>
  <si>
    <t>IC-STASH</t>
  </si>
  <si>
    <t>Stash Git Repository Management</t>
  </si>
  <si>
    <t>bitbucket</t>
  </si>
  <si>
    <t>Atlassian Stash</t>
  </si>
  <si>
    <t>IC-TEAMMATEAEB</t>
  </si>
  <si>
    <t>TeamMate Audit Management System for AEB</t>
  </si>
  <si>
    <t>TEAMMATE-AUDIT-MGMT-SYS-AEB</t>
  </si>
  <si>
    <t>CCH TeamMate is an audit management system that has revolutionized the audit process.  It's used to increase the efficiency and productivity of the entire audit process, including: risk assessment, scheduling, planning, execution, review, report generation, trend analysis, committee reporting and storage.</t>
  </si>
  <si>
    <t>CCH Canadian Ltd/TeamMate</t>
  </si>
  <si>
    <t>IC-TEAMMATECORP</t>
  </si>
  <si>
    <t>TeamMate Audit Management System for Corporations</t>
  </si>
  <si>
    <t>TeamMate is an audit management system that has revolutionized the audit process.  It's used to increase the efficiency and productivity of the entire audit process, including: risk assessment, scheduling, planning, execution, review, report generation, trend analysis, committee reporting and storage.</t>
  </si>
  <si>
    <t>CCH Canadain Ltd/TeamMate</t>
  </si>
  <si>
    <t>IC-TEAMMATEITO</t>
  </si>
  <si>
    <t>TeamMate Audit Management System</t>
  </si>
  <si>
    <t>TEAMMATE-AUDIT-MGMT-SYS-SIS</t>
  </si>
  <si>
    <t>IC-TMAD</t>
  </si>
  <si>
    <t>Trademark Agent List Database Search</t>
  </si>
  <si>
    <t>Seach of Trademark agents</t>
  </si>
  <si>
    <t>IC-TMAWOS</t>
  </si>
  <si>
    <t>TMA Work Order System</t>
  </si>
  <si>
    <t>TMA WORK ORDER SYSTEM</t>
  </si>
  <si>
    <t>Work order system for to support property management activities.</t>
  </si>
  <si>
    <t>TMA Systems/TMA</t>
  </si>
  <si>
    <t>TMEIS</t>
  </si>
  <si>
    <t>IC-TMEIS</t>
  </si>
  <si>
    <t>Trademark Executive Information System</t>
  </si>
  <si>
    <t>IC-TMJRL</t>
  </si>
  <si>
    <t>CIPO Trade-mark Journal</t>
  </si>
  <si>
    <t>IC-TMRFSLS</t>
  </si>
  <si>
    <t>CIPO Trade-mark Refusals</t>
  </si>
  <si>
    <t>IC-TMRS </t>
  </si>
  <si>
    <t>Technical Measurement Reporting System</t>
  </si>
  <si>
    <t>TMRS</t>
  </si>
  <si>
    <t>The Technical Measurement Reporting System (TMRS) is the national system used by the Spectrum, Information Technologies and Telecommunications Sector (SITT) for the measurement and analysis of radio use throughout Canada and, in conjunction with the Automated Licensing System (ALS), for the assignment of radio frequencies. There are three main components to TMRS: the PREVIEW application, the main database and the online report system.</t>
  </si>
  <si>
    <t>IC-TRA </t>
  </si>
  <si>
    <t>Threat and Risk Assessments</t>
  </si>
  <si>
    <t>TRA</t>
  </si>
  <si>
    <t>This site is used by staff to submit SOSs and TRAs. This site is located on icwebsecure. This site is SSL enabled, encrypted and password protected.</t>
  </si>
  <si>
    <t>IC-TSGUI</t>
  </si>
  <si>
    <t>Patent LOB TechSource GUI</t>
  </si>
  <si>
    <t>TS_GUI</t>
  </si>
  <si>
    <t>An interface used to allow users access to several different systems, similar to a portal.</t>
  </si>
  <si>
    <t>UPERFORM</t>
  </si>
  <si>
    <t>IC-UPERFORM</t>
  </si>
  <si>
    <t>SAP Productivity Pack (Ancile UPerform)</t>
  </si>
  <si>
    <t>This application uses Ancile uPerform to delivers learning content to employees.</t>
  </si>
  <si>
    <t>Ancile/Uperform</t>
  </si>
  <si>
    <t>IC-UPK</t>
  </si>
  <si>
    <t>Oracle User Productivity Kit (UPK) provides a collaborative development environment to create system related assets - the'People to System' documentation. With the ability to produce multiple outputs through a single recording session, Oracle UPK reduces content development time and cost. You can rapidly produce interactive transaction simulations, classroom and web based training materials, and in-application performance support. With the creation of user test scripts, the system transactions can be defined and tested before go-live, providing the necessary materials to ensure user adoption. Oracle UPK is key to increasing productivity and reducing overall software implementation costs.</t>
  </si>
  <si>
    <t>APP-01954</t>
  </si>
  <si>
    <t>User Infor Tool</t>
  </si>
  <si>
    <t>APP-01964</t>
  </si>
  <si>
    <t>Webfocus</t>
  </si>
  <si>
    <t>IC-WEBTRNDS</t>
  </si>
  <si>
    <t>Web traffic analyser</t>
  </si>
  <si>
    <t>WebTrends is a leading provider of web analytics and consumer-centric marketing intelligence solutions.</t>
  </si>
  <si>
    <t>Webtrends Analytics9</t>
  </si>
  <si>
    <t>IC-WSCORR</t>
  </si>
  <si>
    <t>Patent Workstation - Custom Correspondence</t>
  </si>
  <si>
    <t>Custom Corr</t>
  </si>
  <si>
    <t>Used to extract data from TechSource so that Microsoft Word can use the information to create notices and requisitions.</t>
  </si>
  <si>
    <t>ZOE</t>
  </si>
  <si>
    <t>IC-ZOE</t>
  </si>
  <si>
    <t>Patent Zoned OCR and Edit (ZOE)</t>
  </si>
  <si>
    <t>OmniPage by Nuance</t>
  </si>
  <si>
    <t>Library and Archives Canada</t>
  </si>
  <si>
    <t>LAC-LACAPPS0001</t>
  </si>
  <si>
    <t>Amicus Web including OPAC</t>
  </si>
  <si>
    <t>AAWEB</t>
  </si>
  <si>
    <t>Access to documentary heritage</t>
  </si>
  <si>
    <t>AMICUS AWEB - Search LAC's online published holdings catalogue by title, author, subject, ISSN, ISBN, publisher, AMICUS number and much more. Public web access to the core AMICUS database, search, display, download, borrow, update locations and Interlibrary loan. Supports MARC21 copy-cataloguing for Libraries.</t>
  </si>
  <si>
    <t>LAC-LACAPPS0003</t>
  </si>
  <si>
    <t>Web-Trakker</t>
  </si>
  <si>
    <t>Stewardship of documentary heritage</t>
  </si>
  <si>
    <t>Old Material tracking system, tracks physical control of containers, locations, clients and archival materials.</t>
  </si>
  <si>
    <t>LAC-LACAPPS0004</t>
  </si>
  <si>
    <t>AMICUS Gui</t>
  </si>
  <si>
    <t>AMICUS GUI</t>
  </si>
  <si>
    <t>AMICUS is LAC's mission-critical core business library system that supports LAC business functions managing  Canadian published heritage throughout its lifecycle, pre-publication (CIP), acquisition of publications, serials control, legal deposit,  MARC21 descriptive cataloguing, collections management, resource discovery, circulations, authorities control and inter-library loan. Metadata and holdings management for the Canadian Union Catalogue. Manual input and batch data loading.</t>
  </si>
  <si>
    <t>LAC-LACAPPS0005</t>
  </si>
  <si>
    <t>AMICUS reports - Impromptu</t>
  </si>
  <si>
    <t>AMICUS products and reports. COTS impromptu reporting tool.</t>
  </si>
  <si>
    <t>IBM Cognos -Impromptu</t>
  </si>
  <si>
    <t>LAC-LACAPPS0006</t>
  </si>
  <si>
    <t>Access Pro-redaction and Case Management (Private network)</t>
  </si>
  <si>
    <t>PrivaSoft - ATIP</t>
  </si>
  <si>
    <t>LAC-LACAPPS0007</t>
  </si>
  <si>
    <t>Access Pro-redaction and Case Management (Protected B network)</t>
  </si>
  <si>
    <t>LAC-LACAPPS0008</t>
  </si>
  <si>
    <t>Client Information Management</t>
  </si>
  <si>
    <t>LAC-LACAPPS0009</t>
  </si>
  <si>
    <t>Collection Management System (Analog and high Density versions)</t>
  </si>
  <si>
    <t>CMS/CMS-HD</t>
  </si>
  <si>
    <t>An integrated information system for the physical management of LAC archival holdings, including functions for Circulation, Physical Management, and Client Services. The analog and high density versions used different method to store the physical objects.</t>
  </si>
  <si>
    <t>LAC-LACAPPS0011</t>
  </si>
  <si>
    <t>CONTROL-M (Batch job)</t>
  </si>
  <si>
    <t>CTRL-M</t>
  </si>
  <si>
    <t>Information technology Services</t>
  </si>
  <si>
    <t>COTS software from BMC for Automated job scheduling. Used to control scripts and batch job execution.</t>
  </si>
  <si>
    <t>BMC Software, Control M 7.0</t>
  </si>
  <si>
    <t>LAC-LACAPPS0012</t>
  </si>
  <si>
    <t>Amicus Directory--Canadian Library Gateway</t>
  </si>
  <si>
    <t>Amicus Directory</t>
  </si>
  <si>
    <t>The Canadian Library Gateway provides a centralized window to Canadian libraries of all types and sizes. Through this web site you can find information on and link to Canadian library catalogues and Websites;  directory of Canadian interlibrary loan. Data stored in AMICUS.</t>
  </si>
  <si>
    <t>LAC-LACAPPS0017</t>
  </si>
  <si>
    <t>Electronic Publication Pilot Project</t>
  </si>
  <si>
    <t>EPPP</t>
  </si>
  <si>
    <t>Electronic Publication Pilot Project- Legacy application used to store and make accessible electronic publications emailed to LAC, uploaed via webform or downloaded by staff. Should be replaced by TDR</t>
  </si>
  <si>
    <t>LAC-LACAPPS0019</t>
  </si>
  <si>
    <t>FedSearch</t>
  </si>
  <si>
    <t>LAC search function for findings items within its archival and library collection</t>
  </si>
  <si>
    <t>LAC-LACAPPS0020</t>
  </si>
  <si>
    <t>Freebalance - Freebalance</t>
  </si>
  <si>
    <t>LAC-LACAPPS0021</t>
  </si>
  <si>
    <t>GenAmicus (Amicus collections - 12 collections)</t>
  </si>
  <si>
    <t>GenAMICUS</t>
  </si>
  <si>
    <t>GenAMICUS - Reuseable Web Application  component designed to offer thematic views of AMICUS data. Search, Result Summary, Item Displays.  User area customizable. AMICUS database</t>
  </si>
  <si>
    <t>LAC-LACAPPS0022</t>
  </si>
  <si>
    <t>GenApp Application - Base Toolkit (108 different subsets of LAC holdings)</t>
  </si>
  <si>
    <t>GenApp</t>
  </si>
  <si>
    <t>It allows us to make DBs available on the Web which contains more details of the content and not available through other system</t>
  </si>
  <si>
    <t>LAC-LACAPPS0025</t>
  </si>
  <si>
    <t>Integrated Holdings Management System</t>
  </si>
  <si>
    <t>IHMS</t>
  </si>
  <si>
    <t>Collaboration in the management of government records</t>
  </si>
  <si>
    <t>Information Holding Management System for the Federal Record Centers in 8 regions but the new system was  only implemented in 3 regions which leaves the other regions with DOS/FoxPro legacy system.</t>
  </si>
  <si>
    <t>LAC-LACAPPS0029</t>
  </si>
  <si>
    <t>Canadian ISBN Service System (ISBN, ISSN, ISMN)</t>
  </si>
  <si>
    <t>CISS</t>
  </si>
  <si>
    <t>LAC-LACAPPS0030</t>
  </si>
  <si>
    <t>Microsoft System Center(SCCM, SCO, SCSM)</t>
  </si>
  <si>
    <t>MSCSM</t>
  </si>
  <si>
    <t>Microdoft COTS tool for license management and incident tracking system</t>
  </si>
  <si>
    <t>LAC-LACAPPS0031</t>
  </si>
  <si>
    <t>Mikan</t>
  </si>
  <si>
    <t>MIKAN</t>
  </si>
  <si>
    <t>LAC Mission Critical application for managing and describing the archival collection. Web based archival registration, accession, description application for all levels of Rules for Archival Description.</t>
  </si>
  <si>
    <t>LAC-LACAPPS0032</t>
  </si>
  <si>
    <t>MIKAN - Public Access Module</t>
  </si>
  <si>
    <t>PAM</t>
  </si>
  <si>
    <t>Web Based public access record viewer for Archival Descriptive and Accession records stored in MIKAN. Searching is done via public federated search.</t>
  </si>
  <si>
    <t>LAC-LACAPPS0033</t>
  </si>
  <si>
    <t>Mikan reports - Cognos</t>
  </si>
  <si>
    <t>COTS reporting Tool for the MIKAN database</t>
  </si>
  <si>
    <t>LAC-LACAPPS0034</t>
  </si>
  <si>
    <t>MINISIS9 - Base toolkit ( 11 different subset of LAC holdings)</t>
  </si>
  <si>
    <t>MINISIS</t>
  </si>
  <si>
    <t>COTS Legacy database tool, retire, no further development, Object-relational database management system</t>
  </si>
  <si>
    <t>Minisis Inc.</t>
  </si>
  <si>
    <t>LAC-LACAPPS0036</t>
  </si>
  <si>
    <t>LAC-LACAPPS0037</t>
  </si>
  <si>
    <t>Persfile - personal records (military and civilians).</t>
  </si>
  <si>
    <t>PERSFILE</t>
  </si>
  <si>
    <t>Query Management System</t>
  </si>
  <si>
    <t>Records Documents and Information Management System</t>
  </si>
  <si>
    <t>LAC-LACAPPS0040</t>
  </si>
  <si>
    <t>Records Disposition Authority Control System</t>
  </si>
  <si>
    <t>RDACS</t>
  </si>
  <si>
    <t>Records Disposition Authority Control System (RDACS) contains summary descriptions of Records Disposition Authorities granted by the Librarian and Archivist of Canada to federal government institutions, as well as on-line copies of relevant documentation associated with each RDA and the federal institution to which they are granted.</t>
  </si>
  <si>
    <t>LAC-LACAPPS0041</t>
  </si>
  <si>
    <t>StreetPerfect Address Accuracy software</t>
  </si>
  <si>
    <t>COTS Canada Post postal database and APIs for address lookup, correction, postal code lookups, address formatting. Called by AMICUS user supplier module and CIM module.</t>
  </si>
  <si>
    <t>Sun Media Corporation, Streetperfect</t>
  </si>
  <si>
    <t>LAC-LACAPPS0042</t>
  </si>
  <si>
    <t>Preservation Masters Database</t>
  </si>
  <si>
    <t>SmartDB</t>
  </si>
  <si>
    <t>LAC-LACAPPS0044</t>
  </si>
  <si>
    <t>Web Archiving - Heritrix/Azure</t>
  </si>
  <si>
    <t>Heritrix/Azure</t>
  </si>
  <si>
    <t>OpenSource from IIPC consortium - Heritrix is a web crawler designed for web archiving; produces .WARC files. Will become an ingest channel to the LAC TDR for preserving target websites and domain crawls. Java 5.0VM required</t>
  </si>
  <si>
    <t>http://crawler.archive.org/faq.html#heritrix</t>
  </si>
  <si>
    <t>LAC-LACAPPS0045</t>
  </si>
  <si>
    <t>Theses Canada OAI Portal</t>
  </si>
  <si>
    <t>E-Theses</t>
  </si>
  <si>
    <t>LAC-LACAPPS0047</t>
  </si>
  <si>
    <t>Webtrends web analytics</t>
  </si>
  <si>
    <t>COTS tool used to monitor website traffic analysis, statistics and reporting,</t>
  </si>
  <si>
    <t>Unilytics, Webtrends 9.2</t>
  </si>
  <si>
    <t>LAC-LACAPPS0048</t>
  </si>
  <si>
    <t>Genealogy (Gen Apps 62 &amp; Census 14 )</t>
  </si>
  <si>
    <t>Application allowing to manage and browse information related to Censuses</t>
  </si>
  <si>
    <t>MAF</t>
  </si>
  <si>
    <t>LAC-LACAPPS0057</t>
  </si>
  <si>
    <t>Reprography Management Application</t>
  </si>
  <si>
    <t>Reprography</t>
  </si>
  <si>
    <t>LAC-LACAPPS0066</t>
  </si>
  <si>
    <t>Internet (WCMS)</t>
  </si>
  <si>
    <t>LAC-LACAPPS0068</t>
  </si>
  <si>
    <t>LAC Direct</t>
  </si>
  <si>
    <t>LAC-LACAPPS0070</t>
  </si>
  <si>
    <t>Collaboration Portal</t>
  </si>
  <si>
    <t>LAC-LACAPPS0071</t>
  </si>
  <si>
    <t>Canadian Information Publication</t>
  </si>
  <si>
    <t>LAC-LACAPPS0073</t>
  </si>
  <si>
    <t>Phoenix (People Soft)</t>
  </si>
  <si>
    <t>Information Human Services</t>
  </si>
  <si>
    <t>MOU with Public Works Canda</t>
  </si>
  <si>
    <t>LAC-LACAPPS0074</t>
  </si>
  <si>
    <t>Performance Management Program System</t>
  </si>
  <si>
    <t>MOU with Tresuary Board</t>
  </si>
  <si>
    <t>LAC-LACAPPS0075</t>
  </si>
  <si>
    <t>My GC HR</t>
  </si>
  <si>
    <t>GC HR</t>
  </si>
  <si>
    <t>MOU with Public Works Canada</t>
  </si>
  <si>
    <t>LAC-LACAPPS0076</t>
  </si>
  <si>
    <t>Subversion Code Repository</t>
  </si>
  <si>
    <t>LAC-LACAPPS0077</t>
  </si>
  <si>
    <t>Lansweeper</t>
  </si>
  <si>
    <t>Track and audit all software installed across your network through flexible and easy-to-configure inventory reports using the automated software inventory</t>
  </si>
  <si>
    <t>LAC-LACAPPS0079</t>
  </si>
  <si>
    <t>Cireson Total Management Suite</t>
  </si>
  <si>
    <t>Cireson</t>
  </si>
  <si>
    <t>The Cireson Portal for analysts integrates seamlessly with Microsoft Service Manager to allow management of day-to-day activities on any browser, device, or OS.</t>
  </si>
  <si>
    <t>LAC-LACAPPS0080</t>
  </si>
  <si>
    <t>LAC-LACAPPS0082</t>
  </si>
  <si>
    <t>Team Foundation Server Code Repository</t>
  </si>
  <si>
    <t>What's Up Gold</t>
  </si>
  <si>
    <t>LAC-LACAPPS0085</t>
  </si>
  <si>
    <t>APP-02884</t>
  </si>
  <si>
    <t>Skype</t>
  </si>
  <si>
    <t>SKYPE</t>
  </si>
  <si>
    <t>Skype is an IP telephony service provider that offers free calling between subscribers and low-cost calling to people who don't use the service.</t>
  </si>
  <si>
    <t>APP-03202</t>
  </si>
  <si>
    <t>Comvault</t>
  </si>
  <si>
    <t>Commvault software assists organizations with data backup and recovery, cloud and infrastructure management, and retention and compliance.</t>
  </si>
  <si>
    <t>APP-03205</t>
  </si>
  <si>
    <t>CollectionsCanada.gc.ca</t>
  </si>
  <si>
    <t>Library and Archives Canada Web side</t>
  </si>
  <si>
    <t>APP-04004</t>
  </si>
  <si>
    <t>Goverland</t>
  </si>
  <si>
    <t>Goverlan allows IT support staff to globally and dynamically control, manage, and support physical and virtual desktop infrastructures in real-time with minimal user interruption.</t>
  </si>
  <si>
    <t>APP-04010</t>
  </si>
  <si>
    <t>Microsoft System Center (Squaredup)</t>
  </si>
  <si>
    <t>Squaredup</t>
  </si>
  <si>
    <t>Microsoft System Center Operations Manager   (Entreprise Application Monitoring)</t>
  </si>
  <si>
    <t>APP-04012</t>
  </si>
  <si>
    <t>Dspace ( Theses Harvesting)</t>
  </si>
  <si>
    <t>Dspace</t>
  </si>
  <si>
    <t>DSpace is an OpenSource repository software package is a web crawler designed for web archiving;  While DSpace shares some feature overlap with content management systems and document management systems</t>
  </si>
  <si>
    <t>http://</t>
  </si>
  <si>
    <t>APP-04014</t>
  </si>
  <si>
    <t>Donation</t>
  </si>
  <si>
    <t>Formulaire Web (Web part SP) permettant de recuillir des dons du public pour BAC.  Le processus est complété en redirigeant les donateurs vers la plateforme de paiement en ligne "Moneris".</t>
  </si>
  <si>
    <t>APP-04016</t>
  </si>
  <si>
    <t>ATIP Requests Form</t>
  </si>
  <si>
    <t>Application web (Web part SP) servant à recueillir les requête ATIP des clients.  Les requêtes ainsi recueillies sont envoyés par courriel à l'équipe d'ATIP qui les inscrit dans le système ATIP.</t>
  </si>
  <si>
    <t>APP-04018</t>
  </si>
  <si>
    <t>RGBB Moneris</t>
  </si>
  <si>
    <t>Application web permettant l'affichage des demandes de paiements des clients redirigeant ces derniers sur la plateforme de paiement en ligne "Moneris".</t>
  </si>
  <si>
    <t>APP-04020</t>
  </si>
  <si>
    <t>LAC Central</t>
  </si>
  <si>
    <t>Service d'URL permanent développé par BAC, ouvert à l'externe.  Permet également l'accès aux données de certaines bases de données de BAC.</t>
  </si>
  <si>
    <t>APP-04024</t>
  </si>
  <si>
    <t>LAC Mylac</t>
  </si>
  <si>
    <t>Service d'authentification développé par BAC.</t>
  </si>
  <si>
    <t>APP-04030</t>
  </si>
  <si>
    <t>Co-Lab websites</t>
  </si>
  <si>
    <t>This is on online platform to retrieve contributions from the public that improve the accessibility, discoverability and quality of content at Library and Archives Canada (LAC)</t>
  </si>
  <si>
    <t>APP-04036</t>
  </si>
  <si>
    <t>SPOnline - LAC Direct</t>
  </si>
  <si>
    <t>Microsoft SharePoint Online is a collection of cloud- and web-based technologies that makes it easy to store, share and manage digital information within an organization</t>
  </si>
  <si>
    <t>APP-04318</t>
  </si>
  <si>
    <t>Client Facing Collections Search</t>
  </si>
  <si>
    <t>CFCS</t>
  </si>
  <si>
    <t>LAC's current public search to provide a harmonized search experience for all collections including archival, library, public databases and website (non-corporate) content, including current publically available archival, library, database and website (non-corporate) search functionality.</t>
  </si>
  <si>
    <t>APP-04038</t>
  </si>
  <si>
    <t>Inform information professionals of GCDOCS the Government of Canada Electronic Document and Records Management System</t>
  </si>
  <si>
    <t>Military Police Complaints Commission of Canada</t>
  </si>
  <si>
    <t>APP-01881</t>
  </si>
  <si>
    <t>APP-01846</t>
  </si>
  <si>
    <t>National Defence</t>
  </si>
  <si>
    <t>DND-10041</t>
  </si>
  <si>
    <t>Language Training Integrated Information System</t>
  </si>
  <si>
    <t>LTIIS - SIIEL</t>
  </si>
  <si>
    <t>6.7 Information Technology</t>
  </si>
  <si>
    <t>Système Intégré d'Informations pour l'Enseignement des Langues.  Système utilisé pour soutenir les processus de gestion de la formation linguistique au sein des Forces canadiennes.  Le système est également intégré avec Alliés Web afin d'automatiser les processus de gestion des données reliés à la formation en ligne.</t>
  </si>
  <si>
    <t>DND-10071</t>
  </si>
  <si>
    <t>Système de gestion des congés et activités</t>
  </si>
  <si>
    <t>Activités</t>
  </si>
  <si>
    <t>DND-10073</t>
  </si>
  <si>
    <t>Bibliothèque Virtuelle</t>
  </si>
  <si>
    <t>BibliVir</t>
  </si>
  <si>
    <t>Système de gestion de la documentation.</t>
  </si>
  <si>
    <t>DND-10074</t>
  </si>
  <si>
    <t>Bistro</t>
  </si>
  <si>
    <t>Bistro est un système qui fonctionne avec des cartes magnétiques. Il enregistre la location des équipements disponibles au Bistro en prêt aux candidats.  Le système fonctionne en conjonction avec Pcadre et Entrée-Sortie pour déterminer si les candidats se</t>
  </si>
  <si>
    <t>DND-10079</t>
  </si>
  <si>
    <t>Critique de cours</t>
  </si>
  <si>
    <t>CritiC</t>
  </si>
  <si>
    <t>Système qui permet de consolider les critiques de cours et de fournir des rapports sur la formation et l'entrainement.  Le système  permet à l’ÉLRFC d’améliorer régulièrement le contenu des cours.</t>
  </si>
  <si>
    <t>DND-10084</t>
  </si>
  <si>
    <t>Examen Virtuel</t>
  </si>
  <si>
    <t>EV</t>
  </si>
  <si>
    <t>(E-Learning) Système qui permet le contrôle, la production et la gestion des examens virtuels mis au point à l'ÉLRFC.</t>
  </si>
  <si>
    <t>DND-10085</t>
  </si>
  <si>
    <t>Inventaire des Armes</t>
  </si>
  <si>
    <t>IDA</t>
  </si>
  <si>
    <t>Inventaire des Armes est système de gestion de la voûte et des armes. Ce système permet d'assigner chaque arme de la voûte à un candidat tout au long sa formation à l'ÉLRFC.  Ce système fonctionne avec les cartes magnétiques des candidats, il permet l’assignation/désassignation des armes aux recrues, élofs, instructeurs des armes et aux gardes drapeaux (ou Flag Party). Voici quelques fonctionnalitées: les informations sur l’arme, la localisation précise de l’arme, le statut de l’arme.</t>
  </si>
  <si>
    <t>DND-10086</t>
  </si>
  <si>
    <t>Inventaire Informatique</t>
  </si>
  <si>
    <t>ININ</t>
  </si>
  <si>
    <t>Inventaire informatique est un système qui permet la gestion du matériel informatique en collectant l'information sur le modèle, le type d'équipement, les garanties, les dates d'achat, l’âge, les numéros de série et l'endroit où se situe l'équipement.</t>
  </si>
  <si>
    <t>DND-10087</t>
  </si>
  <si>
    <t>Jade</t>
  </si>
  <si>
    <t>Gestion d'horaire</t>
  </si>
  <si>
    <t>DND-10099</t>
  </si>
  <si>
    <t>Reconcilliation budgétaire</t>
  </si>
  <si>
    <t>SR Budget</t>
  </si>
  <si>
    <t>Système de gestion des budgets et des dépenses. Le système permet de comptabiliser les dépenses dans les différents aspects de la Division de soutien.  Cela permet d'obtenir des rapports et de faire des mises à jour sur les budgets.</t>
  </si>
  <si>
    <t>DND-10150</t>
  </si>
  <si>
    <t>Naval Reserve Integrated Management System</t>
  </si>
  <si>
    <t>NRIMS</t>
  </si>
  <si>
    <t>6.4 Human Resources Management</t>
  </si>
  <si>
    <t>DND-10182</t>
  </si>
  <si>
    <t>Event Log</t>
  </si>
  <si>
    <t>Journal de bord qui permet faire des rapports à l’heure sur les évènements journaliers</t>
  </si>
  <si>
    <t>DND-10189</t>
  </si>
  <si>
    <t>Verint</t>
  </si>
  <si>
    <t>Le système VERINT est utilisé pour l’écoute électronique et l’enregistrement de tous les appels téléphoniques : autant pour la qualité du service que pour la sécurité</t>
  </si>
  <si>
    <t>DND-10349</t>
  </si>
  <si>
    <t>Omega PS Analyzer</t>
  </si>
  <si>
    <t>OMEGA PS</t>
  </si>
  <si>
    <t>4.2 Materiel Lifecycle</t>
  </si>
  <si>
    <t>OmegaPS Analyzer is a logistics analysis tool. It works in conjunction with OmegaPS enabling Level of Repair Analysis (LORA), Life Cycle Costing (LCC) and Sparing. Using this tool, Technical Authorities are able to: 1. Provide a baseline comparison model for proposed equipment purchases. 2. Provide a baseline for deploying spares to an echeloned logistics support organization. 3. Provide a tool to re-evaluate the logistics solution in conjunction with field information. Target users are DRMIS users. Non-DRMIS users include equipment lifecycle managers.</t>
  </si>
  <si>
    <t>OmegaPS Analyzer</t>
  </si>
  <si>
    <t>DND-10372</t>
  </si>
  <si>
    <t>Record and Document Information Management System</t>
  </si>
  <si>
    <t>6.6 Information Management</t>
  </si>
  <si>
    <t>RDIMS is a suite of software products, designed to provide Federal Government Departments with an economical document and records management system. RDIMS is the DND/CF Document and Records Management System enterprise solution.</t>
  </si>
  <si>
    <t>ATP</t>
  </si>
  <si>
    <t>DND-10466</t>
  </si>
  <si>
    <t>Biblionet</t>
  </si>
  <si>
    <t>Gestion de Biblioteque</t>
  </si>
  <si>
    <t>Concepts logiques 4DI inc., Biblionet</t>
  </si>
  <si>
    <t>DND-10578</t>
  </si>
  <si>
    <t>ID Works</t>
  </si>
  <si>
    <t>IDWorks</t>
  </si>
  <si>
    <t>Pour faire du graphisme sur des cartes Exacta</t>
  </si>
  <si>
    <t>Datacard Group, ID Works</t>
  </si>
  <si>
    <t>DND-10832</t>
  </si>
  <si>
    <t>CCM Author</t>
  </si>
  <si>
    <t>DND-10833</t>
  </si>
  <si>
    <t>CCM Editor</t>
  </si>
  <si>
    <t>DND-10834</t>
  </si>
  <si>
    <t>CCM Consumer</t>
  </si>
  <si>
    <t>DND-10978</t>
  </si>
  <si>
    <t>Rightfax Maint/Tech Sp</t>
  </si>
  <si>
    <t>DND-10979</t>
  </si>
  <si>
    <t>RoomMate</t>
  </si>
  <si>
    <t>6.1 Management &amp; Oversight</t>
  </si>
  <si>
    <t>DND-11132</t>
  </si>
  <si>
    <t>LOCI</t>
  </si>
  <si>
    <t>Lessons Learned Tool (LOCI) is used to capture and distribute lessons observed in the formation</t>
  </si>
  <si>
    <t>DND-11133</t>
  </si>
  <si>
    <t>Canadian Forces College Opportunities Database</t>
  </si>
  <si>
    <t>CFCODB</t>
  </si>
  <si>
    <t>CF Opportunities Database (CFCOD) is used to identify post-secondary training programmes and courses that satisfy CF training requirements.</t>
  </si>
  <si>
    <t>DND-11134</t>
  </si>
  <si>
    <t>Prior Learning Assessment Information Database</t>
  </si>
  <si>
    <t>PLAID</t>
  </si>
  <si>
    <t>Prior Learning Assessment Information Database (PLAID) provides/contains all military/civilian accreditations and equivalency</t>
  </si>
  <si>
    <t>DND-11135</t>
  </si>
  <si>
    <t>BTL Mngt System (Virtual File)</t>
  </si>
  <si>
    <t>In-house applications maintenance and improvment</t>
  </si>
  <si>
    <t>DND-11137</t>
  </si>
  <si>
    <t>Learning Support Portal</t>
  </si>
  <si>
    <t>SharePoint portal serving enterprise doucment sharing, links, foundation of CoP</t>
  </si>
  <si>
    <t>DND-11142</t>
  </si>
  <si>
    <t>WebExpres</t>
  </si>
  <si>
    <t>WebExpres application supporting CF Physical Fitness Testing</t>
  </si>
  <si>
    <t>DND-11143</t>
  </si>
  <si>
    <t>Career Manager Information System</t>
  </si>
  <si>
    <t>DND-11144</t>
  </si>
  <si>
    <t>Imposed Restriction</t>
  </si>
  <si>
    <t>IR STAT DB</t>
  </si>
  <si>
    <t>DB used to keep track of imposed restriction costs and reimburse to the units.    This application still in use by all the units across Canada to send financial data to DGMC/DMCSS for quarterly payment.</t>
  </si>
  <si>
    <t>DND-11145</t>
  </si>
  <si>
    <t>Releases Reserve Members</t>
  </si>
  <si>
    <t>Tracks information from members of the Reserve</t>
  </si>
  <si>
    <t>DND-11146</t>
  </si>
  <si>
    <t>Releases Regular Force</t>
  </si>
  <si>
    <t>dB tracks release related documents process within DMCA 4.  Project has been initiated to revised dB.</t>
  </si>
  <si>
    <t>DND-11148</t>
  </si>
  <si>
    <t>Manual Cost Moves database</t>
  </si>
  <si>
    <t>Keeps track of cost moves for each DMILC.  Also tracks cancellations of automatic move numbers.</t>
  </si>
  <si>
    <t>DND-11149</t>
  </si>
  <si>
    <t>Admin Review and Grievances</t>
  </si>
  <si>
    <t>DND-11150</t>
  </si>
  <si>
    <t>Drug Test Upload</t>
  </si>
  <si>
    <t>DND-11151</t>
  </si>
  <si>
    <t>DGMC Database</t>
  </si>
  <si>
    <t>4.1 Military Personnel &amp; Organization Lifecycle</t>
  </si>
  <si>
    <t>Chief Clerk dB - keeps track of all DGMC personnel and feeds website with links, occupation list and which CM manage occupation.</t>
  </si>
  <si>
    <t>DND-11153</t>
  </si>
  <si>
    <t>Terms of Service</t>
  </si>
  <si>
    <t>TOS database</t>
  </si>
  <si>
    <t>Forecast who is approaching the end of contract (IPS) or CRA.  Includes administration of extensions of Svc and IE plus IPS offers.</t>
  </si>
  <si>
    <t>DND-11154</t>
  </si>
  <si>
    <t>Education</t>
  </si>
  <si>
    <t>Track training - education, education program management, finance for education program</t>
  </si>
  <si>
    <t>DND-11156</t>
  </si>
  <si>
    <t>MailSort</t>
  </si>
  <si>
    <t>Mailsort V2</t>
  </si>
  <si>
    <t>Used by the mailroom at NDHQ to lookup address information for DND organizations and employees to assist with mail processing, sorting and delivery.</t>
  </si>
  <si>
    <t>DND-11158</t>
  </si>
  <si>
    <t>Fincode</t>
  </si>
  <si>
    <t>Control the R move number assigned for a release message and final cost move or move on release. ("R" stands for Release)</t>
  </si>
  <si>
    <t>DND-11159</t>
  </si>
  <si>
    <t>D Mil C 7-5 Component Transfer</t>
  </si>
  <si>
    <t>CT Database</t>
  </si>
  <si>
    <t>Component Transfer: track CT applications, import application from emailed web form, create msg from data, merge data with pdf, stats.</t>
  </si>
  <si>
    <t>DND-11201</t>
  </si>
  <si>
    <t>Automated Data for Aerospace Maintenance</t>
  </si>
  <si>
    <t>ADAM / SIMA</t>
  </si>
  <si>
    <t>ADAM is an Oracle-based tool for users of the Air Force community at all levels. ADAM automates the collection and retrieval of CAF aircraft maintenance data. ADAM is used to support the aircraft maintenance activities for 8 fleets comprising 388 individual aircraft and 36 flight simulators in use by the CAF. It supports aircraft maintenance activities at second-line and third-line facilities and all operational deployments. The application is used by headquarters and support personnel for Parts Life Management, Management of Modifications, Special Inspections and other E&amp;M support activities.</t>
  </si>
  <si>
    <t>DND-11273</t>
  </si>
  <si>
    <t>Distribution Resource Planning</t>
  </si>
  <si>
    <t>DRP</t>
  </si>
  <si>
    <t>Distribution Resource Planning (DRP) is a commercial-off-the-shelf (COTS) product called Service Parts Management Solution (PTC Parts) which provides a materiel forecasting capability to supply managers and lifecycle materiel managers (LCMMS). DRP is interfaced to the Defence Resource Management Information System (DRMIS) application. DRP is employed to manage most centrally managed items. Benefits of this tool include higher customer service levels, fewer stock outs, increased productivity, optimized inventory, reduced operating costs, and improved materiel support for operations. The Insight COTS product is used as a presentation layer, as most of the logic is implemented by a script (RIO) which extracts and formats the data.</t>
  </si>
  <si>
    <t>PTC Advance inventory Planning/Analysis</t>
  </si>
  <si>
    <t>DND-11288</t>
  </si>
  <si>
    <t>Monitor MASS</t>
  </si>
  <si>
    <t>Monitor MASS / NOMAD</t>
  </si>
  <si>
    <t>Monito Military Administration Support System (MASS) is an application that captures information related to unit readiness and operational capability in order to assist general staff for planning and tasking for special operations.  This information and processes are military specific and are not suported in the current verson of HRMS. CAF operational requirements are supported by this application.  Access to data is strictly controlled by User ID and password in addition to DWAN login. Chain of Command authorization is required.</t>
  </si>
  <si>
    <t>DND-11340</t>
  </si>
  <si>
    <t>Instant Persistent War Room</t>
  </si>
  <si>
    <t>IPWar</t>
  </si>
  <si>
    <t>3.4 Operational Readiness Production, Coordination &amp; Command &amp; Control</t>
  </si>
  <si>
    <t>Collaberation tool</t>
  </si>
  <si>
    <t>DND-11372</t>
  </si>
  <si>
    <t>SAP Business Explorer</t>
  </si>
  <si>
    <t>6.5 Financial Management</t>
  </si>
  <si>
    <t>DND-11386</t>
  </si>
  <si>
    <t>Team Sessions - Server</t>
  </si>
  <si>
    <t>DND-11413</t>
  </si>
  <si>
    <t>Combat Readiness - Ammunition Tracking</t>
  </si>
  <si>
    <t>CR - Ammo</t>
  </si>
  <si>
    <t>Ammunition Tracking is a web application which helps paint the readiness picture of operational units by keeping tabs on training ammunitions stores for MARPAC. The main goal of the system is to give units conducting training with ammunition a “green”, “y</t>
  </si>
  <si>
    <t>DND-11696</t>
  </si>
  <si>
    <t>NMS-Edit Professional</t>
  </si>
  <si>
    <t>NMS-Edit Pro</t>
  </si>
  <si>
    <t>6.8 Real Property</t>
  </si>
  <si>
    <t>National Master Specification  Note: ASU Wainwright</t>
  </si>
  <si>
    <t>DND-11717</t>
  </si>
  <si>
    <t>PrintKey</t>
  </si>
  <si>
    <t>Screen Capture  Note: ASU Wainwright</t>
  </si>
  <si>
    <t>DND-11718</t>
  </si>
  <si>
    <t>Typing Tutor</t>
  </si>
  <si>
    <t>Skills Development  Note: ASU Wainwright</t>
  </si>
  <si>
    <t>DND-11856</t>
  </si>
  <si>
    <t>Substance Abuse Subtle Screening Inventory</t>
  </si>
  <si>
    <t>SASSI</t>
  </si>
  <si>
    <t>The Substance Abuse Subtle Screening Inventory (SASSI) is a brief, easily administered psychological questionnaire. It is available in both adult and adolescent versions, as well as versions for diverse cultures, including those with disabilities &amp; voc rehab. participants.  The SASSI can identify people who may have a Substance Use Disorder with a high degree of accuracy – even when someone is reluctant to self-disclose.</t>
  </si>
  <si>
    <t>DND-11861</t>
  </si>
  <si>
    <t>WIAT-II Scoring Assistant</t>
  </si>
  <si>
    <t>Scoring Asst</t>
  </si>
  <si>
    <t>Scoring/interpretation program</t>
  </si>
  <si>
    <t>DND-11863</t>
  </si>
  <si>
    <t>WAIS-III--WMS-III--WIAT-II Scoring Assistant</t>
  </si>
  <si>
    <t>Cognitive Test Battery Score Program</t>
  </si>
  <si>
    <t>DND-11866</t>
  </si>
  <si>
    <t>Boss DSCo XXI Body Scanning System</t>
  </si>
  <si>
    <t>Boss</t>
  </si>
  <si>
    <t>Body Sizing System for the 21st Century is used to size members for initial kitting. It measures the human body and recommends correct garment and equipment sizes.</t>
  </si>
  <si>
    <t>DND-11874</t>
  </si>
  <si>
    <t>GeoMedia Professional</t>
  </si>
  <si>
    <t>GeoMedia Pro</t>
  </si>
  <si>
    <t>Intergraph Canada Limited, Geomedia Pro</t>
  </si>
  <si>
    <t>Internal Services 5.1</t>
  </si>
  <si>
    <t>DND-11937</t>
  </si>
  <si>
    <t>CCPS broadcasts</t>
  </si>
  <si>
    <t>DND-11949</t>
  </si>
  <si>
    <t>Production Calendar Updates</t>
  </si>
  <si>
    <t>DND-11958</t>
  </si>
  <si>
    <t>PD T&amp;H</t>
  </si>
  <si>
    <t>Application that allows a rep from each L1 to enter in data in regards to expenses incurred with trave; and hospitality</t>
  </si>
  <si>
    <t>DND-11959</t>
  </si>
  <si>
    <t>RPSR Broadcast Messages List</t>
  </si>
  <si>
    <t>DND-11963</t>
  </si>
  <si>
    <t>Canadian Forces Quarterly Write Off / Public Accounts Database</t>
  </si>
  <si>
    <t>Public Accounts</t>
  </si>
  <si>
    <t>A web-based tool used by Level 1 comptrollers across Canada to access a modified version of the CF152 form online, and generate annual Public Accounts reports Quarterly write-off reports. It also uses a MS Access Admin component to administer the data, cr A Microsoft Access database that is used to perform administrative functions on the Public Accounts web application</t>
  </si>
  <si>
    <t>DND-11988</t>
  </si>
  <si>
    <t>High-Risk Hazmat Products Search</t>
  </si>
  <si>
    <t>HRHPS</t>
  </si>
  <si>
    <t>Used for the DND/CF "high-risk HazMat project" (DND/CF FSDS target)</t>
  </si>
  <si>
    <t>DND-12047</t>
  </si>
  <si>
    <t>Contributors</t>
  </si>
  <si>
    <t>DND-12049</t>
  </si>
  <si>
    <t>Operations Database</t>
  </si>
  <si>
    <t>DND-12052</t>
  </si>
  <si>
    <t>CWO's/CPO's Appointments Address Book</t>
  </si>
  <si>
    <t>Biography application providing PR information about senior staff.</t>
  </si>
  <si>
    <t>DND-12053</t>
  </si>
  <si>
    <t>CWO's/CPO's Appointments Search</t>
  </si>
  <si>
    <t>DND-12060</t>
  </si>
  <si>
    <t>Citation</t>
  </si>
  <si>
    <t>DND-12063</t>
  </si>
  <si>
    <t>Canadian Army Overseas Honours &amp; Awards (1939 - 1945)</t>
  </si>
  <si>
    <t>Hon &amp; Awards</t>
  </si>
  <si>
    <t>DND-12075</t>
  </si>
  <si>
    <t>Surgeon General Health Research Program Proposal System (Intranet)</t>
  </si>
  <si>
    <t>DND-12078</t>
  </si>
  <si>
    <t>Prehospital Care Tracking Database</t>
  </si>
  <si>
    <t>DND-12080</t>
  </si>
  <si>
    <t>DHRRE Report</t>
  </si>
  <si>
    <t>DND-12081</t>
  </si>
  <si>
    <t>DMPORA Admin</t>
  </si>
  <si>
    <t>DND-12087</t>
  </si>
  <si>
    <t>Individual Training &amp; Education Costing Model Database</t>
  </si>
  <si>
    <t>DND-12090</t>
  </si>
  <si>
    <t>DOL Search</t>
  </si>
  <si>
    <t>Access Database entitled DOL PM2 employed by DOL to measure department official language performance by downloading and analysing HRMS mil and civ data on a month-to-month basis.</t>
  </si>
  <si>
    <t>DND-12093</t>
  </si>
  <si>
    <t>Dependent Education Management (DEM)</t>
  </si>
  <si>
    <t>DND-12098</t>
  </si>
  <si>
    <t>Aircraft Part Certificate</t>
  </si>
  <si>
    <t>APC</t>
  </si>
  <si>
    <t>Cette application permet aux mécaniciens d'avions des FAC de visualiser le certificat de vérification de pièces d'aéronefs lorsqu'ils commandent ces pièces. Les mécaniciens ont ainsi accès à une foule d'information sur les pièces d'avion (en visualisant ou téléchargent le certificat)</t>
  </si>
  <si>
    <t>Visual Studio 2015</t>
  </si>
  <si>
    <t>DND-1213</t>
  </si>
  <si>
    <t>Land Equipment Materiel Database</t>
  </si>
  <si>
    <t>LEM Database</t>
  </si>
  <si>
    <t>Contains information for equipment that may have hazardous and environmental concerns</t>
  </si>
  <si>
    <t>DND-12243</t>
  </si>
  <si>
    <t>CADWorx</t>
  </si>
  <si>
    <t>Intergraph_Canada_Limited</t>
  </si>
  <si>
    <t>4.3 Real Property Lifecycle</t>
  </si>
  <si>
    <t>Intergraph CADWorx is an integrated, complete AutoCAD®-based software series for plant design that provides intelligent drawing and database connectivity, advanced levels of automation, and easy-to-use drafting tools.</t>
  </si>
  <si>
    <t>InterGraph CADWorx</t>
  </si>
  <si>
    <t>DND-12314</t>
  </si>
  <si>
    <t>MOODLE Application</t>
  </si>
  <si>
    <t>3.2 Force Elements Integration Training</t>
  </si>
  <si>
    <t>Moodle is a Course Management System (CMS), also known as a Learning Management System (LMS) or a Virtual Learning Environment (VLE). It is a Free web application that educators can use to create effective online learning sites.  This software is used in</t>
  </si>
  <si>
    <t>DND-12385</t>
  </si>
  <si>
    <t>Auxiliary Vessel Information System</t>
  </si>
  <si>
    <t>Store/retrieve/summarize data for Auxiliary Vessels</t>
  </si>
  <si>
    <t>DND-12386</t>
  </si>
  <si>
    <t>Media Tracking Information System</t>
  </si>
  <si>
    <t>MedTrack</t>
  </si>
  <si>
    <t>6.9 Material</t>
  </si>
  <si>
    <t>Track holdings and loans of media for the FMFCS Technical Library</t>
  </si>
  <si>
    <t>DND-12389</t>
  </si>
  <si>
    <t>Perseus Survey Solutions</t>
  </si>
  <si>
    <t>Application that provides user with capability to create and host customized surveys.</t>
  </si>
  <si>
    <t>DND-12391</t>
  </si>
  <si>
    <t>MARLANT IM Requirements Application</t>
  </si>
  <si>
    <t>IMR DB</t>
  </si>
  <si>
    <t>This site provides a single point of entry for IM requirements, whether they are funded or not, large or small projects, equipment, software etc., and regardless of the funding method</t>
  </si>
  <si>
    <t>TeraScan</t>
  </si>
  <si>
    <t>DND-12431</t>
  </si>
  <si>
    <t>SeaSpace TeraScan Software (HRPT)</t>
  </si>
  <si>
    <t>5.2 Strategic Direction &amp; Planning Support</t>
  </si>
  <si>
    <t>Satellite Data Capture and processing with visualization</t>
  </si>
  <si>
    <t>DND-12461</t>
  </si>
  <si>
    <t>Spatial Analyst</t>
  </si>
  <si>
    <t>GIS product creation software</t>
  </si>
  <si>
    <t>DND-12476</t>
  </si>
  <si>
    <t>Trinity Personnel Tracker</t>
  </si>
  <si>
    <t>Allows the ships office to track its members including deployments, training, leave, tasking, NOK information, express test results.</t>
  </si>
  <si>
    <t>DND-12478</t>
  </si>
  <si>
    <t>QHM Berthing Database</t>
  </si>
  <si>
    <t>BERTHING</t>
  </si>
  <si>
    <t>4.4 Information Systems Lifecycle</t>
  </si>
  <si>
    <t>Allows a QHM or JTFA operator the ability to update the postion of a vessels berthing.</t>
  </si>
  <si>
    <t>DND-12483</t>
  </si>
  <si>
    <t>Trinity Conference Room Booking Application</t>
  </si>
  <si>
    <t>Allows members from Marlant to book the Main conference room located in S89</t>
  </si>
  <si>
    <t>DND-12495</t>
  </si>
  <si>
    <t>Dalcoast Ocean Model</t>
  </si>
  <si>
    <t>Dalcoast</t>
  </si>
  <si>
    <t>Ocean features and current modeling software</t>
  </si>
  <si>
    <t>DND-12523</t>
  </si>
  <si>
    <t>Image Analyst Professional</t>
  </si>
  <si>
    <t>IAPRO</t>
  </si>
  <si>
    <t>Satellite image analysis and viewing tool (SOIN Project)</t>
  </si>
  <si>
    <t>DND-12597</t>
  </si>
  <si>
    <t>GeoMedia</t>
  </si>
  <si>
    <t>Part of the GIS system</t>
  </si>
  <si>
    <t>DND-12611</t>
  </si>
  <si>
    <t>GeoMedia WebMap</t>
  </si>
  <si>
    <t>part of the GIS system</t>
  </si>
  <si>
    <t>DND-12628</t>
  </si>
  <si>
    <t>VFA</t>
  </si>
  <si>
    <t>Facilities Mgt - used to calculate bldg maint status and projected maint cost</t>
  </si>
  <si>
    <t>DND-12635</t>
  </si>
  <si>
    <t>RENIK</t>
  </si>
  <si>
    <t>Complete necessary forms to release military persons from service</t>
  </si>
  <si>
    <t>DND-12636</t>
  </si>
  <si>
    <t>Blue Card Database</t>
  </si>
  <si>
    <t>Blue Card DB</t>
  </si>
  <si>
    <t>Track and provide release statistics</t>
  </si>
  <si>
    <t>DND-12638</t>
  </si>
  <si>
    <t>Claims Registry DB</t>
  </si>
  <si>
    <t>Claims Registry</t>
  </si>
  <si>
    <t>To provide a registry of all claims for admin purposes</t>
  </si>
  <si>
    <t>DND-12643</t>
  </si>
  <si>
    <t>RoomMaster 2000</t>
  </si>
  <si>
    <t>RoomMaster</t>
  </si>
  <si>
    <t>Book and control rooms of accomodations</t>
  </si>
  <si>
    <t>DND-12648</t>
  </si>
  <si>
    <t>EventPro</t>
  </si>
  <si>
    <t>Enable accomodations to manage events in messes, and meeting rooms</t>
  </si>
  <si>
    <t>DND-12666</t>
  </si>
  <si>
    <t>Data Management Tool</t>
  </si>
  <si>
    <t>DMT</t>
  </si>
  <si>
    <t>Internet tool supplied by public works for FSE to use and map objects.  Utilized mostly for GIS.  We however do not maintain the actual program so some fields are blank and unknown.</t>
  </si>
  <si>
    <t>DND-12680</t>
  </si>
  <si>
    <t>The VTS Operator Workstation (VOC5060)</t>
  </si>
  <si>
    <t>The VTS Operator Workstation (VOC5060) application is the primary user interface in the Vessel Traffic Management &amp; Information System (VTMIS5060). The VOC5060 plays a crucial role in the VTMIS5060, giving the VTS operator access to all the information av</t>
  </si>
  <si>
    <t>DND-12681</t>
  </si>
  <si>
    <t>Warning &amp; Integration Server (WIS5060)</t>
  </si>
  <si>
    <t>The Warning and Integration Server (WIS5060) collects tracking information on targets and surveyed navigational aids (navaids) from all radars and transponders in the Vessel Traffic Management &amp; Information System (VTMIS5060), correlates the information f</t>
  </si>
  <si>
    <t>DND-12682</t>
  </si>
  <si>
    <t>VTS Logging &amp; Replay VLR5070</t>
  </si>
  <si>
    <t>VTS Logging &amp; Replay (VLR5070) is designed as a collection of general-purpose recording and replay software modules. Both the logging software and the replay server software operates indiscriminately on the different data types and protocols used. This me</t>
  </si>
  <si>
    <t>DND-12702</t>
  </si>
  <si>
    <t>Formation Phonebook - Halifax</t>
  </si>
  <si>
    <t>6.2 Communications</t>
  </si>
  <si>
    <t>Combination of oracle forms, pl/sql web pages  that allows authorized users to maintain, display, search Formation Halifax for phone information such as Organization phones, CSN numbers, base duty watch numbers, personnel phones, organization tel reps, et</t>
  </si>
  <si>
    <t>DND-12704</t>
  </si>
  <si>
    <t>Base Security Information System</t>
  </si>
  <si>
    <t>BSECIS</t>
  </si>
  <si>
    <t>Combination of an oracle form and visual basic applications that allow authorized users to maintain and search information required by the Car Pass office and Military police in order to keep track of vehicles authorized to park at the Dockyard and Stadac</t>
  </si>
  <si>
    <t>DND-12706</t>
  </si>
  <si>
    <t>MARLANT Community Bulletin Board</t>
  </si>
  <si>
    <t>MCBB</t>
  </si>
  <si>
    <t>Two part application to post Marlant Community type Notices to a website.  Community Bulletin Board helps reduce organization wide mass emails.</t>
  </si>
  <si>
    <t>DND-12707</t>
  </si>
  <si>
    <t>Community Bulletin Board - FMF Cape Scott</t>
  </si>
  <si>
    <t>Two part application to post Cape Scott Fleet Maintenance Facility Community type Notices to a website.  Community Bulletin Board helps reduce organization wide mass emails.</t>
  </si>
  <si>
    <t>DND-12709</t>
  </si>
  <si>
    <t>Network Operations On Call Website</t>
  </si>
  <si>
    <t>Application that provides a rapid access tool to Duty List Information for authorized personnel.  Each organization has a contact responsible for updating their web based on call information</t>
  </si>
  <si>
    <t>DND-12710</t>
  </si>
  <si>
    <t>Satellite Frequency Plan Database</t>
  </si>
  <si>
    <t>Stratos Toteboard</t>
  </si>
  <si>
    <t>Application queries a Microsoft Access database and displays Fleet Satellite Assignments on a webpage</t>
  </si>
  <si>
    <t>DND-12712</t>
  </si>
  <si>
    <t>PSP Locker Rental Application</t>
  </si>
  <si>
    <t>Application allows for management of lockers and their rental and assignment within the gym facilities in MARLANT.</t>
  </si>
  <si>
    <t>DND-12713</t>
  </si>
  <si>
    <t>JTFA Calendar Command Application</t>
  </si>
  <si>
    <t>Application to display JTFA Command Calendar</t>
  </si>
  <si>
    <t>DND-12715</t>
  </si>
  <si>
    <t>CFNES Activity Calendar Application</t>
  </si>
  <si>
    <t>Application to display CFNES organization Activity Calendar</t>
  </si>
  <si>
    <t>DND-12914</t>
  </si>
  <si>
    <t>Cashier for Windows</t>
  </si>
  <si>
    <t>BOR Cashier payment program</t>
  </si>
  <si>
    <t>DND-12939</t>
  </si>
  <si>
    <t>Interactive Electronic Technical Manual - CH146</t>
  </si>
  <si>
    <t>IETM - CH146</t>
  </si>
  <si>
    <t>The CH146 Interactive Electronic Technical Manual (IETM) are the collection of all technical publications for first line maintenance including modification information. They are used by the first line maintenance community on Canadian Air Force (CAF) operating bases, the maintenance community in NDHQ and the third line maintenance community at CAF contractor facilities. On Windows 7, this application can be found in the Internet Explorer Favorites under ~DND(En).</t>
  </si>
  <si>
    <t>DND-13083</t>
  </si>
  <si>
    <t>Cashier Sub</t>
  </si>
  <si>
    <t>DND-13102</t>
  </si>
  <si>
    <t>Cognos Windows Common Logon Server, PowerPlay</t>
  </si>
  <si>
    <t>DND-13161</t>
  </si>
  <si>
    <t>Global Interactive Information Management</t>
  </si>
  <si>
    <t>GiiM / UISP</t>
  </si>
  <si>
    <t>The role of the GiiM application is to provide support to administrative activities of the Soldier Support Centers (SSC) and IPSC CF. The main modules provided by GIIM are: Client File, Folder Service, Corporate Events and Management of Protected B docume</t>
  </si>
  <si>
    <t>DND-13258</t>
  </si>
  <si>
    <t>Federal Health Claims Processing System</t>
  </si>
  <si>
    <t>FHCPS</t>
  </si>
  <si>
    <t>Often referred to as the Blue Cross system.  Used for  processing ‘patient specific’ health claims from civilian providers and for guidance in   budget management.</t>
  </si>
  <si>
    <t>DND-134</t>
  </si>
  <si>
    <t>Canadian Forces Military Studies System</t>
  </si>
  <si>
    <t>CFMSS</t>
  </si>
  <si>
    <t>System to apply, register to courses provided by CDA.  Also allows users to view courses, qualifications, grades, track book and training material, etc. In order to better address the requirements for accessibility of the information by various managers a</t>
  </si>
  <si>
    <t>DND-135</t>
  </si>
  <si>
    <t>Enhanced Talent Bank</t>
  </si>
  <si>
    <t>ETB</t>
  </si>
  <si>
    <t>Matches civilian recruiters looking for specific skills sets and transitioning and retired CF members looking for civilian employment</t>
  </si>
  <si>
    <t>DND-1352</t>
  </si>
  <si>
    <t>Image Library Database</t>
  </si>
  <si>
    <t>Sage</t>
  </si>
  <si>
    <t>DND-136</t>
  </si>
  <si>
    <t>Canadian Forces Equivalencies Database</t>
  </si>
  <si>
    <t>CFEDB</t>
  </si>
  <si>
    <t>The CANADIAN FORCES EQUIVALENCIES DATABASE (CFED) Phase I will allow military members and the general public to determine whether professional training and education received from within the military is accredited by civilian institutions, and vice versa.</t>
  </si>
  <si>
    <t>DND-13848</t>
  </si>
  <si>
    <t>AIM / Directa</t>
  </si>
  <si>
    <t>AIM</t>
  </si>
  <si>
    <t>Used for management of naval Engineering documents and drawings.    System is comprised of the following components:     - AIM Directa 3.5 (Server software)     - AIM Directa Manager 3.5 (Client software)     - Directa Explorer 3.5 (Web Client - Java appl</t>
  </si>
  <si>
    <t>DND-13852</t>
  </si>
  <si>
    <t>Configuration Management Information System Configuration Repository</t>
  </si>
  <si>
    <t>Config-Rep</t>
  </si>
  <si>
    <t>Configuration Repository is an Intranet-based, bilingual application that allows you to access information related to fleet maintenance, such as ERN details and cross-reference, manufacturer data, configuration item-family tree relationships, publications and other documents.</t>
  </si>
  <si>
    <t>DND-1386</t>
  </si>
  <si>
    <t>Activity Tracking System - DSB</t>
  </si>
  <si>
    <t>The Activity Tracking System (ATS) is a personnel information and activity tracking system built for Airfield Engineering running in Access 2000.  For additional details please contact your administrator.</t>
  </si>
  <si>
    <t>DND-13903</t>
  </si>
  <si>
    <t>Enterprise Information Technology Service Management</t>
  </si>
  <si>
    <t>EITSM (Assyst)</t>
  </si>
  <si>
    <t>Assyst provides a consolidated approach to ITIL and IT Service Management as an ITIL based ITSM application</t>
  </si>
  <si>
    <t>Axios</t>
  </si>
  <si>
    <t>DND-13907</t>
  </si>
  <si>
    <t>Defence Resource Management Information System</t>
  </si>
  <si>
    <t>DRMIS</t>
  </si>
  <si>
    <t>Financial Management Services,Materiel Services,Real Property Services</t>
  </si>
  <si>
    <t>The Defence Resource Management Information System (DRMIS) serves as the Department of National Defence financial system of record, material acquisition and support system, workforce management system and weapons and vehicle life cycle management system. Includes:  Mobile, SAP GUI, ,,,,</t>
  </si>
  <si>
    <t>DND-13936</t>
  </si>
  <si>
    <t>Simplicity Plus</t>
  </si>
  <si>
    <t>DND-1397</t>
  </si>
  <si>
    <t>Military Establishment Designer</t>
  </si>
  <si>
    <t>Establishment (formerly AEMIS)</t>
  </si>
  <si>
    <t>Establishement is an Oracle application designed to plan and model present and future O&amp;E in different modes (peacetime, wartime, doctrinal and scenarios). It is used extensively by Force Generation applications assiciated with personnelle management.  The application provides a facility for CAF staff to model different changes in structure - this is a significant issue as the CAF restructures. MED models the distribution of major equipment to feed the Enterprise DRMIS application.</t>
  </si>
  <si>
    <t>DND-13992</t>
  </si>
  <si>
    <t>SmartTerm Essential</t>
  </si>
  <si>
    <t>Terminal Emulation Software</t>
  </si>
  <si>
    <t>DND-141</t>
  </si>
  <si>
    <t>Mission Support System</t>
  </si>
  <si>
    <t>MSS</t>
  </si>
  <si>
    <t>DND-14120</t>
  </si>
  <si>
    <t>Gestionnaire 2006</t>
  </si>
  <si>
    <t>Aide a la gestion en garderie</t>
  </si>
  <si>
    <t>Acceo Solutions</t>
  </si>
  <si>
    <t>DND-14132</t>
  </si>
  <si>
    <t>Publication and Library Management System CF188</t>
  </si>
  <si>
    <t>PALMS CF188</t>
  </si>
  <si>
    <t>The Publication &amp; Library Management Intranet website (http://wsm.montreal.mil.ca/palms/ ) allows the main technical librarians from NDHQ, Cold Lake, Bagotville and from any prime or sub-contractor to maintain an up-to-date catalogue of Publications for CF188</t>
  </si>
  <si>
    <t>DND-14133</t>
  </si>
  <si>
    <t>Gestion de Personnel</t>
  </si>
  <si>
    <t>Gestion de personnel</t>
  </si>
  <si>
    <t>DND-14134</t>
  </si>
  <si>
    <t>WayBill OCA</t>
  </si>
  <si>
    <t>WayBill_OCA</t>
  </si>
  <si>
    <t>DND-14135</t>
  </si>
  <si>
    <t>Relocatable Temporary Camps</t>
  </si>
  <si>
    <t>RTC</t>
  </si>
  <si>
    <t>Gestion de matériel de camp temporaire</t>
  </si>
  <si>
    <t>DND-14136</t>
  </si>
  <si>
    <t>Canadian Forces Leadership Institute</t>
  </si>
  <si>
    <t>Pour gérer les commandes et la distribution de commandes de livres entre Kingston et 25 DAFC</t>
  </si>
  <si>
    <t>DND-14137</t>
  </si>
  <si>
    <t>Surtemps</t>
  </si>
  <si>
    <t>Gestion du temps supplémentaire des employés civils.</t>
  </si>
  <si>
    <t>DND-14138</t>
  </si>
  <si>
    <t>Achat - Local Procurement</t>
  </si>
  <si>
    <t>Systeme de Suivi de Demandes / Request Tracking System</t>
  </si>
  <si>
    <t>Pour gérer et la coordination de projets.  Pour le suivi de toutes sortes de tâches (demandes de service installation et achat) y compris informatique. ***Nom changé d'Achat local, le 9 de janvier, 2015.   To manage and coordinate projects.  For tracking all kinds of tasks (installation and purchase service requests) including it. Changed local purchase name, January 9th, 2015</t>
  </si>
  <si>
    <t>DND-14142</t>
  </si>
  <si>
    <t>Team Integrated Architecture CC130</t>
  </si>
  <si>
    <t>TINA CC130</t>
  </si>
  <si>
    <t>Apache Subversion (SVN)</t>
  </si>
  <si>
    <t>DND-14145</t>
  </si>
  <si>
    <t>Aircraft Reports Management System / Logistics Management Planning Tool CF188</t>
  </si>
  <si>
    <t>ARMS - LMPT</t>
  </si>
  <si>
    <t>The ARMS / LMPT is used by the CF188 WSM. The tool is comprised of two modules. The Logistics Module is used by the LCMMs to combine information from DMS/MRS, CBMSS, CFSS and DRMIS to greatly reduce the amount of time that the managers would use to get this info. Used to be known as ARMS.</t>
  </si>
  <si>
    <t>DND-14152</t>
  </si>
  <si>
    <t>Annual Reference Level Update</t>
  </si>
  <si>
    <t>ARLU</t>
  </si>
  <si>
    <t>DND-14153</t>
  </si>
  <si>
    <t>AssystRX</t>
  </si>
  <si>
    <t>Applications that track all of CF drug prescriptions, allergies, drug interaction for the forces in garrison and deployments.  Information is manually transferred to CFHIS</t>
  </si>
  <si>
    <t>DND-1416</t>
  </si>
  <si>
    <t>Canadian Forces Health Information System</t>
  </si>
  <si>
    <t>CFHIS</t>
  </si>
  <si>
    <t>DND-14160</t>
  </si>
  <si>
    <t>CCH TeamMate Electronic Working Papers</t>
  </si>
  <si>
    <t>TM EWP</t>
  </si>
  <si>
    <t>Audit  Electronic Working Papers software  - presently using version 10.2.4</t>
  </si>
  <si>
    <t>Wolters Kluwer Financial Services</t>
  </si>
  <si>
    <t>DND-14164</t>
  </si>
  <si>
    <t>Housing Agency Management Information System Financials</t>
  </si>
  <si>
    <t>HAMIS F</t>
  </si>
  <si>
    <t>To manage the financial aspects of the organization. Used by CFHA</t>
  </si>
  <si>
    <t>DND-14168</t>
  </si>
  <si>
    <t>Fortress</t>
  </si>
  <si>
    <t>FORTRESS</t>
  </si>
  <si>
    <t>HR System for the Cadets</t>
  </si>
  <si>
    <t>DND-1417</t>
  </si>
  <si>
    <t>CF Lessons Learned Knowledge Management System - DSB</t>
  </si>
  <si>
    <t>LLKMS</t>
  </si>
  <si>
    <t>The KMS is a bilingual application allowing users to access knowledge from different Canadian Forces Organizations regarding Lessons Learned, Doctrine and Task Support.</t>
  </si>
  <si>
    <t>DND-14179</t>
  </si>
  <si>
    <t>Clinic Data Tool - Radiology</t>
  </si>
  <si>
    <t>System used for statistical purposes for info not in CFHIS.  Used in 16 CF Bases and in Afghanistan</t>
  </si>
  <si>
    <t>DND-14181</t>
  </si>
  <si>
    <t>Health Electronic Document Imaging Scanning Repository System</t>
  </si>
  <si>
    <t>DND-14182</t>
  </si>
  <si>
    <t>Disease Injury Surveillance System</t>
  </si>
  <si>
    <t>System to track visits to clinics in deployed ops, to identify trends in epidemiology.  Web application used by the epidemiologists which contains the Epi NATO, Medsitrep and other reports.</t>
  </si>
  <si>
    <t>DND-14183</t>
  </si>
  <si>
    <t>Emergency Medical Training</t>
  </si>
  <si>
    <t>System to track Red Cross and St-Johns Ambulance emergency medical training and instructor certification due dates - APRV and pre-deployment training.</t>
  </si>
  <si>
    <t>DND-14184</t>
  </si>
  <si>
    <t>Medical Employment Limitations</t>
  </si>
  <si>
    <t>DND-14187</t>
  </si>
  <si>
    <t>Posting Preference</t>
  </si>
  <si>
    <t>Posting preferences with reasons to request geographic stability are inserted by CF personnel through DGMC Intranet Web site via the EMAA application.</t>
  </si>
  <si>
    <t>DND-14188</t>
  </si>
  <si>
    <t>D-Fit</t>
  </si>
  <si>
    <t>DND-14189</t>
  </si>
  <si>
    <t>MFSP eBusiness Centre</t>
  </si>
  <si>
    <t>DND-1419</t>
  </si>
  <si>
    <t>Canadian Forces Range Information System</t>
  </si>
  <si>
    <t>CFRIS</t>
  </si>
  <si>
    <t>3.1 Force Elements Readiness Sustainment</t>
  </si>
  <si>
    <t>CFRIS is used to co-ordinate, monitor, and manage the use of DND ranges and training areas.  CFRIS controls licencing and use of all Ranges and Training Areas (RTA) across the CAF.  It is the system of record for range management, in accordance with Canadian Forces General Orders (CANFORGEN) CANFORGEN 104/11 (ADM MAT 001/11 131216Z JUN 11) and CANFORGEN 192/11 (ADM MAT 002/11 141451Z OCT 11).</t>
  </si>
  <si>
    <t>DND-14190</t>
  </si>
  <si>
    <t>Family Force</t>
  </si>
  <si>
    <t>DND-14191</t>
  </si>
  <si>
    <t>Family Information Line</t>
  </si>
  <si>
    <t>DND-14192</t>
  </si>
  <si>
    <t>CRS DataBase</t>
  </si>
  <si>
    <t>In-house access application used by general office</t>
  </si>
  <si>
    <t>DND-14196</t>
  </si>
  <si>
    <t>CCH TeamCentral</t>
  </si>
  <si>
    <t>Web based audit issues tracking database.</t>
  </si>
  <si>
    <t>DND-14201</t>
  </si>
  <si>
    <t>Canadian Forces Applicant Database</t>
  </si>
  <si>
    <t>CFADB</t>
  </si>
  <si>
    <t>Database that captures details on all CF applicants including selection test results and tombstone information</t>
  </si>
  <si>
    <t>DND-14202</t>
  </si>
  <si>
    <t>HR Research Data</t>
  </si>
  <si>
    <t>HRRD</t>
  </si>
  <si>
    <t>Historical repository of select HRMS fields to support research and analysis within DGMPRA</t>
  </si>
  <si>
    <t>DND-14206</t>
  </si>
  <si>
    <t>Personal Computer Comprehensive Occupational Data Analysis Programs</t>
  </si>
  <si>
    <t>PC CODAP</t>
  </si>
  <si>
    <t>PC CODAP is a tool used in Occupational Analysis.  It stores and processes Occupational survey data, presenting it in diagrammatic and tabular for for analysis.</t>
  </si>
  <si>
    <t>DND-14207</t>
  </si>
  <si>
    <t>Qualification Requirements System</t>
  </si>
  <si>
    <t>QRS</t>
  </si>
  <si>
    <t>QRS stores data relating to the CF occupational structure, the Qualification Levels (QL) , and Specialty Specifications (SS)</t>
  </si>
  <si>
    <t>DND-1421</t>
  </si>
  <si>
    <t>Canadian Forces Task Planning and Operation</t>
  </si>
  <si>
    <t>CFTPO</t>
  </si>
  <si>
    <t>CFTPO is an Oracle application, designed for task planning and operations for the Canadian Forces. CFTPO is used during Force Generation (FG) for operations and for management of all taskings within the CAF.  It has an archive of all taskings since 1990.  It includes all operational taskings, incremental taskings, ship sailings, school courses, exercises, and other miscellaneous activities, such as ceremonial or VIP duties, etc.</t>
  </si>
  <si>
    <t>DND-14339</t>
  </si>
  <si>
    <t>Corporate Management Information System</t>
  </si>
  <si>
    <t>The Corporate Management Information System (CMIS) was developed to be used as a tool by managers and users to assist in the daily requirement for data collection and reporting.  CMIS is the main source of information used in Business Planning, Course Man</t>
  </si>
  <si>
    <t>DND-14340</t>
  </si>
  <si>
    <t>Support Request Management Systems</t>
  </si>
  <si>
    <t>SRMS</t>
  </si>
  <si>
    <t>This application is used to request Base Borden Resources</t>
  </si>
  <si>
    <t>DND-14349</t>
  </si>
  <si>
    <t>AutoDesk BCE</t>
  </si>
  <si>
    <t>Auto CAD Drafting</t>
  </si>
  <si>
    <t>DND-1435</t>
  </si>
  <si>
    <t>Condition Based Maintenance Software System - CF188</t>
  </si>
  <si>
    <t>CBMSS - CF188</t>
  </si>
  <si>
    <t>Based on Mxi's Maintenix CBMSS is a maintenance information system for the CF18. CBMSS consists of two major software applications: Data Stripping and Tracker. Data Stripping is used to manage the Aircraft Data Files (ADFs) produced from CF18 Tape Transport Mechanism (TTM). Tracker is a distributed system that utilizes a modern Window explorer iconic interface to maintain equipment configuration, track usage Life Used Indices (LUIs) against components, and provide notification of upcoming work (tasks). It also allows `logbooks' to be electronically transferred and replicated without re-entry of data or associated verification work.</t>
  </si>
  <si>
    <t>DND-14353</t>
  </si>
  <si>
    <t>GIS Software</t>
  </si>
  <si>
    <t>DND-14355</t>
  </si>
  <si>
    <t>CostWorks</t>
  </si>
  <si>
    <t>Construction cost estimating</t>
  </si>
  <si>
    <t>DND-14358</t>
  </si>
  <si>
    <t>WiseTrack</t>
  </si>
  <si>
    <t>Asset management</t>
  </si>
  <si>
    <t>DND-14359</t>
  </si>
  <si>
    <t>GeoMedia NodeLock</t>
  </si>
  <si>
    <t>DND-14369</t>
  </si>
  <si>
    <t>Petrovend</t>
  </si>
  <si>
    <t>DND-144</t>
  </si>
  <si>
    <t>Operational Stress Injury Social Support</t>
  </si>
  <si>
    <t>OSISS</t>
  </si>
  <si>
    <t>DND-1440</t>
  </si>
  <si>
    <t>Data Management System / Maintenance Record Set - CF188</t>
  </si>
  <si>
    <t>DMS / MRS - CF188</t>
  </si>
  <si>
    <t>A/C Maintenance database serves as the primary Maintenance Records system and Integrated Logistic Support for the CF-188. DMS is a relational database designed to support the technical, administrative, and management data requirements of the CF-188 community. It is a distributed network of computers extending to all principal DND and contractor CF-188 sites.</t>
  </si>
  <si>
    <t>DND-1441</t>
  </si>
  <si>
    <t>Defence Forms Catalogue</t>
  </si>
  <si>
    <t>DFC</t>
  </si>
  <si>
    <t>This catalogue contains approved DND/CF forms in electronic format (with fill, print and save capability).</t>
  </si>
  <si>
    <t>DND-1443</t>
  </si>
  <si>
    <t>Description Plus</t>
  </si>
  <si>
    <t>Description Plus! is an application designed to create work descriptions in the Universal Classification Standard (UCS ) format.</t>
  </si>
  <si>
    <t>DND-14514</t>
  </si>
  <si>
    <t>Government OnLine Publishing System</t>
  </si>
  <si>
    <t>GPS</t>
  </si>
  <si>
    <t>DND-14515</t>
  </si>
  <si>
    <t>Collective Training and Exercise Schedule</t>
  </si>
  <si>
    <t>CTES</t>
  </si>
  <si>
    <t>Exercise Planing and Financial Management</t>
  </si>
  <si>
    <t>DND-14516</t>
  </si>
  <si>
    <t>Washington Personnel Application</t>
  </si>
  <si>
    <t>PersApps</t>
  </si>
  <si>
    <t>Personnel and Contact Management This application allows administrators to manage the pay and reimbursement of expenses (eg. living expenses) for CAF staff in Washington.  It’s a complete financial management system where you can add/edit/delete data and run reports.  The reports are submitted to banks for processing of financial data.</t>
  </si>
  <si>
    <t>DND-14522</t>
  </si>
  <si>
    <t>NATO STANAG Database</t>
  </si>
  <si>
    <t>j7stanags</t>
  </si>
  <si>
    <t>NATO STANAG Management</t>
  </si>
  <si>
    <t>DND-14525</t>
  </si>
  <si>
    <t>FreeFlow Software Suite</t>
  </si>
  <si>
    <t>FreeFlow TDMS</t>
  </si>
  <si>
    <t>Includes:  Process Manager  Output Manager  Print Manager.  The purpose of the FreeFlow Print Server software is to bridge the KONFIG application (POD system) to the production print devices. Process Manager receives multiple PDF files comprising of document component</t>
  </si>
  <si>
    <t>Xerox FreeFlow Software Suite</t>
  </si>
  <si>
    <t>DND-14561</t>
  </si>
  <si>
    <t>MLS6 - Mail List Database</t>
  </si>
  <si>
    <t>MLS6</t>
  </si>
  <si>
    <t>Mail Listing System 6, a database of Reserve Force unit mailing information used by MilPay Ops &amp; Pension Services for printing of labels for mailing, especially for returned T4 and R1 documents.</t>
  </si>
  <si>
    <t>DND-14562</t>
  </si>
  <si>
    <t>Reserve Force Gratuity Database</t>
  </si>
  <si>
    <t>RFGDB</t>
  </si>
  <si>
    <t>Used by MilPay Ops to track release payments not captured by RPSR. Tracks release gratuity and death gratuity payments for the Reserve Force members and produces T4A documents for members and tax remittance reports for Revenue Cda.</t>
  </si>
  <si>
    <t>DND-14563</t>
  </si>
  <si>
    <t>Problem Report Database</t>
  </si>
  <si>
    <t>PR Database</t>
  </si>
  <si>
    <t>"Technical issue tracking &amp; reporting DB for CCPS application used by MilPay Ops, client Business &amp; Functional Requirements, Pension Services, DHRIM 9.</t>
  </si>
  <si>
    <t>DND-14567</t>
  </si>
  <si>
    <t>Attractions</t>
  </si>
  <si>
    <t>Gestion des établissements scolaires, des contacts et des événements</t>
  </si>
  <si>
    <t>DND-14568</t>
  </si>
  <si>
    <t>Système de pré-approbation de déplacement pour Commandants d'unités</t>
  </si>
  <si>
    <t>SADC</t>
  </si>
  <si>
    <t>Système de pré-approbation de déplacement pour Commandants d'unités  Note: 34 CBG</t>
  </si>
  <si>
    <t>DND-1458</t>
  </si>
  <si>
    <t>Federal Logistics Information System</t>
  </si>
  <si>
    <t>FED LOG</t>
  </si>
  <si>
    <t>FEDLOG is published monthly on DVD by the DLA Logistics Information Services. FEDLOG can be installed and operated on Windows. It can be used to retrieve management, part/reference number, supplier, Commercial and Government Entity (CAGE), freight, Interc</t>
  </si>
  <si>
    <t>DND-14602</t>
  </si>
  <si>
    <t>PrimalScript</t>
  </si>
  <si>
    <t>Scripting tools for network administrators or developpers</t>
  </si>
  <si>
    <t>Sapien technologies</t>
  </si>
  <si>
    <t>DND-14617</t>
  </si>
  <si>
    <t>Requetes Resources Humaine - Human Resource Service Request Management System</t>
  </si>
  <si>
    <t>Req RH</t>
  </si>
  <si>
    <t>Human Resources Service Request Management System</t>
  </si>
  <si>
    <t>Système de gestion des requêtes de service  Service Request Management System</t>
  </si>
  <si>
    <t>DND-14619</t>
  </si>
  <si>
    <t>Requetes Electronique - Service Requests</t>
  </si>
  <si>
    <t>Req Elec TI</t>
  </si>
  <si>
    <t>DND-14620</t>
  </si>
  <si>
    <t>Requetes Manutention - Service Request Handling</t>
  </si>
  <si>
    <t>Req Man TI</t>
  </si>
  <si>
    <t>DND-14621</t>
  </si>
  <si>
    <t>Tableau Bord - Performance Indicators</t>
  </si>
  <si>
    <t>TabBord</t>
  </si>
  <si>
    <t>Système de generation des indicateurs de performance  System for Generating Performance Indicators</t>
  </si>
  <si>
    <t>DND-14623</t>
  </si>
  <si>
    <t>Liste de chargement (Student Loading List)</t>
  </si>
  <si>
    <t>DND-14631</t>
  </si>
  <si>
    <t>Système Intégré d'Information pour l'Enseignement des Langues.</t>
  </si>
  <si>
    <t>SIIEL</t>
  </si>
  <si>
    <t>Système d'information soutenant les opérations de formation linguistique dans les Forces canadiennes.</t>
  </si>
  <si>
    <t>DND-14645</t>
  </si>
  <si>
    <t>Hanse-Blampain 2008</t>
  </si>
  <si>
    <t>Dictionnaire</t>
  </si>
  <si>
    <t>DND-14648</t>
  </si>
  <si>
    <t>DND-14650</t>
  </si>
  <si>
    <t>L&amp;H TTS3000 Français</t>
  </si>
  <si>
    <t>DND-14655</t>
  </si>
  <si>
    <t>@promt Professional 8 EFFE</t>
  </si>
  <si>
    <t>Logiciel de traduction</t>
  </si>
  <si>
    <t>DND-14663</t>
  </si>
  <si>
    <t>Miktek</t>
  </si>
  <si>
    <t>Logiciel de mathématique</t>
  </si>
  <si>
    <t>DND-14672</t>
  </si>
  <si>
    <t>ACIS 3D Open Viewer</t>
  </si>
  <si>
    <t>Logiciel technique chimie</t>
  </si>
  <si>
    <t>DND-14675</t>
  </si>
  <si>
    <t>Geo Gebra</t>
  </si>
  <si>
    <t>Logiciel de math</t>
  </si>
  <si>
    <t>DND-14696</t>
  </si>
  <si>
    <t>Octopus</t>
  </si>
  <si>
    <t>Gestion des appels de service (requetes, demande de services, problemes, rfc,…)</t>
  </si>
  <si>
    <t>DND-14703</t>
  </si>
  <si>
    <t>e-Start</t>
  </si>
  <si>
    <t>Crestron Eletrocnics, Inc</t>
  </si>
  <si>
    <t>Gestion local de système crestron</t>
  </si>
  <si>
    <t>DND-14711</t>
  </si>
  <si>
    <t>PhotoScore Lite</t>
  </si>
  <si>
    <t>Neuratron Limited</t>
  </si>
  <si>
    <t>Logiciel pour scan et reconnaissance de partition de musique</t>
  </si>
  <si>
    <t>DND-14717</t>
  </si>
  <si>
    <t>Remove FleetZone</t>
  </si>
  <si>
    <t>DND-14720</t>
  </si>
  <si>
    <t>Sibelius Software, a Division of Avid Technology, Inc.</t>
  </si>
  <si>
    <t>Sibelius</t>
  </si>
  <si>
    <t>Logiciel de gestion de partition de musique</t>
  </si>
  <si>
    <t>DND-1475</t>
  </si>
  <si>
    <t>Interactive Electronic Technical Manual - CF188</t>
  </si>
  <si>
    <t>IETM - CF188</t>
  </si>
  <si>
    <t>The CF188 (CF-188) Interactive Electronic Technical Manuals (IETM) are the collection of all technical publications for first line maintenance including modification information. They are used by the first line maintenance community on Canadian Air Force (CAF) operating bases, the maintenance community in NDHQ and the third line maintenance community at CAF contractor facilities.On Windows 7, this application can be found in the Internet Explorer Favorites under ~DND(En).</t>
  </si>
  <si>
    <t>DND-14762</t>
  </si>
  <si>
    <t>Prowatch</t>
  </si>
  <si>
    <t>offers a complete security management solution including access control, alarm monitoring, video badging, and CCTV system interface.</t>
  </si>
  <si>
    <t>DND-14771</t>
  </si>
  <si>
    <t>Matrice Voile Suite OA - Module GTV 2005 Suite OA - Module GTV Suite OA - Module</t>
  </si>
  <si>
    <t>DND-14774</t>
  </si>
  <si>
    <t>Suite OA - Module GTV</t>
  </si>
  <si>
    <t>DND-14775</t>
  </si>
  <si>
    <t>Suite OA - Module BD Pilote</t>
  </si>
  <si>
    <t>DND-14776</t>
  </si>
  <si>
    <t>Suite OA - Module MAJ</t>
  </si>
  <si>
    <t>DND-14787</t>
  </si>
  <si>
    <t>SGAD</t>
  </si>
  <si>
    <t>DND-14793</t>
  </si>
  <si>
    <t>AMM</t>
  </si>
  <si>
    <t>Cannot process without info.  Returning to IMGp.</t>
  </si>
  <si>
    <t>DND-14794</t>
  </si>
  <si>
    <t>Alimentation</t>
  </si>
  <si>
    <t>Cadets application</t>
  </si>
  <si>
    <t>DND-14797</t>
  </si>
  <si>
    <t>Revue annuelle</t>
  </si>
  <si>
    <t>DND-148</t>
  </si>
  <si>
    <t>Canadian Military History Gateway</t>
  </si>
  <si>
    <t>CMHG</t>
  </si>
  <si>
    <t>2.3 Military Heritage &amp; Outreach</t>
  </si>
  <si>
    <t>Joint service that allows for interactive searching, reports on points of interest related to CF history.  Uses a highly customized configuration of Endecca as a web portal.</t>
  </si>
  <si>
    <t>DND-14811</t>
  </si>
  <si>
    <t>Banque des cadets</t>
  </si>
  <si>
    <t>BANQUE</t>
  </si>
  <si>
    <t>System to manage cadets savings during summer camps</t>
  </si>
  <si>
    <t>DND-14813</t>
  </si>
  <si>
    <t>WIM - Enterprise Web Content Management System</t>
  </si>
  <si>
    <t>WIM (enterprise web content management system) allows clients to develop and publish their own web content without the assistance of technical web publishing personnel.  The solution ensures that web content conforms to Treasury Board and Government of Canada web standards.</t>
  </si>
  <si>
    <t>HP Teamsite</t>
  </si>
  <si>
    <t>DND-151</t>
  </si>
  <si>
    <t>Employee Member Access Application</t>
  </si>
  <si>
    <t>EMAA</t>
  </si>
  <si>
    <t>EMAA provides CAF members with information from HRMS and CCPS such as (but not limited to) personal information, leave data, next of kin, pay stubs, T4/R1, MPRR and more.</t>
  </si>
  <si>
    <t>DND-1524</t>
  </si>
  <si>
    <t>National Defence Index of Documentation</t>
  </si>
  <si>
    <t>NDID</t>
  </si>
  <si>
    <t>CF publication number database. NDID is a 14-character coding standard that is used for the management and control of equipment-related publications, software programs and personnel support documentation. Part of CGCS</t>
  </si>
  <si>
    <t>DND-15304</t>
  </si>
  <si>
    <t>Datacard ID Works Standard Production</t>
  </si>
  <si>
    <t>Datacard</t>
  </si>
  <si>
    <t>DND-15321</t>
  </si>
  <si>
    <t>Forces</t>
  </si>
  <si>
    <t>Gestion des comptes de répartition (DA) à travers la région de Montréal. L'approvisionnement maintien les données, les comptoires de services consultent les données.</t>
  </si>
  <si>
    <t>DND-15325</t>
  </si>
  <si>
    <t>Gardes</t>
  </si>
  <si>
    <t>Programme entrée des comissionnaires dans les garnisons</t>
  </si>
  <si>
    <t>DND-15339</t>
  </si>
  <si>
    <t>IGOR</t>
  </si>
  <si>
    <t>Module de lancement des applications du CI 2 Div CA.</t>
  </si>
  <si>
    <t>DND-15374</t>
  </si>
  <si>
    <t>ORA Unite</t>
  </si>
  <si>
    <t>ORA</t>
  </si>
  <si>
    <t>Gestion financière</t>
  </si>
  <si>
    <t>DND-1538</t>
  </si>
  <si>
    <t>Parts and Assembly Guide - Vehicle</t>
  </si>
  <si>
    <t>MXCD</t>
  </si>
  <si>
    <t>MXCD is the electronic version of the Illustrated Repair Parts Manuals and Scales manual. This application is available in English and French.</t>
  </si>
  <si>
    <t>DND-15398</t>
  </si>
  <si>
    <t>RFS</t>
  </si>
  <si>
    <t>Gestion du surtemps effectué par le personnel civil.</t>
  </si>
  <si>
    <t>DND-15400</t>
  </si>
  <si>
    <t>SAB II</t>
  </si>
  <si>
    <t>GSD / DSG</t>
  </si>
  <si>
    <t>SAB- Groupe de Soutien au Déploiment</t>
  </si>
  <si>
    <t>DND-15401</t>
  </si>
  <si>
    <t>SAB II Gestion des accès</t>
  </si>
  <si>
    <t>SAB / BPR</t>
  </si>
  <si>
    <t>SAB - Gestion des accès</t>
  </si>
  <si>
    <t>DND-1542</t>
  </si>
  <si>
    <t>Human Resources Management System - Military</t>
  </si>
  <si>
    <t>HRMS - Mil</t>
  </si>
  <si>
    <t>ERP for HR Mgt of Military Personnel, highly customized version of Oracle PeopleSoft HCM 7.5</t>
  </si>
  <si>
    <t>DND-15452</t>
  </si>
  <si>
    <t>eDOCS DM</t>
  </si>
  <si>
    <t>Humming Bird</t>
  </si>
  <si>
    <t>DND-15454</t>
  </si>
  <si>
    <t>Rational Dynamic Object Oriented Requirements System</t>
  </si>
  <si>
    <t>DOORS-DWAN</t>
  </si>
  <si>
    <t>The Dynamic Object Oriented Requirements System (DOORS) Enterprise Requirements Suite is a package of requirements management tools designed to help enterprises manage requirements for a project or a series of sub-projects.</t>
  </si>
  <si>
    <t>DND-15456</t>
  </si>
  <si>
    <t>ADSTRA Capture Agent</t>
  </si>
  <si>
    <t>ADSTRA Imaging™ is a world class, comprehensive software designed to manage dental images provides easy image capture from intraoral cameras, video microscopes, scanners, and intraoral, panoramic and cephalometric digital x-ray devices.</t>
  </si>
  <si>
    <t>DND-1549</t>
  </si>
  <si>
    <t>Quality Assurance Information System</t>
  </si>
  <si>
    <t>QAIS</t>
  </si>
  <si>
    <t>Quality Assurance Information System is a client-server application (installs from Baseline) that is used for recording the various contracts, sub-contracts etc. for which DQA are involved with providing Government Quality Assurance.  QAIS version 4.1b was written in Borland Delphi ver 6.0 and is a client/server (smart client) Windows application which runs on client workstations using executables.</t>
  </si>
  <si>
    <t>DND-15510</t>
  </si>
  <si>
    <t>Integrated Enterprise Web Service System</t>
  </si>
  <si>
    <t>IEWSS</t>
  </si>
  <si>
    <t>IEWSS is a web service which can be consumed by other applications VIA A SSL to provide the capability within those applications to provide current Active Directory information such as user email, phone number, organization etc. This will eliminate the ne</t>
  </si>
  <si>
    <t>DND-15511</t>
  </si>
  <si>
    <t>CADDBM</t>
  </si>
  <si>
    <t>Outil d'administration I/CAD Intergraph</t>
  </si>
  <si>
    <t>Intergraph Canada Limited, I/CAD</t>
  </si>
  <si>
    <t>DND-15516</t>
  </si>
  <si>
    <t>IDISP</t>
  </si>
  <si>
    <t>Outil d'administration I/CAD Intergraph. Integrated Ship Design and Production (IDSP)</t>
  </si>
  <si>
    <t>DND-15518</t>
  </si>
  <si>
    <t>Intergraph I/INTERFACE Service Manager</t>
  </si>
  <si>
    <t>Outil d'Intergraph Public Safety 911</t>
  </si>
  <si>
    <t>DND-15527</t>
  </si>
  <si>
    <t>Propre</t>
  </si>
  <si>
    <t>Logiciel de gestion d'entretien ménager</t>
  </si>
  <si>
    <t>GES Technologies inc., Propre</t>
  </si>
  <si>
    <t>DND-1553</t>
  </si>
  <si>
    <t>Realty Asset Information System - RAIS / RAIS Lite</t>
  </si>
  <si>
    <t>RAIS Lite</t>
  </si>
  <si>
    <t>RAIS decommissioned during IEBM Phase 1 (2012). RAIS Lite to be decommissioned during IEBM Phase 2 (Fall 2015). RAIS Lite used to provide DRMIS and CFEMS with PRIN data. Not supported by DADS 4  Realty Asset Information System (RAIS) is a web based application, that stores and tracks property information, and also provides high end reporting capabilities that will serve as a management tool to the Bases, the Property Officers, and National Defenc</t>
  </si>
  <si>
    <t>DND-15549</t>
  </si>
  <si>
    <t>SGSR</t>
  </si>
  <si>
    <t>Système de gestion du personnel militaire réservise</t>
  </si>
  <si>
    <t>DND-15558</t>
  </si>
  <si>
    <t>Interactive Electronic Technical Manual - CH148</t>
  </si>
  <si>
    <t>IETM - CH148</t>
  </si>
  <si>
    <t>IETMs produce relevant procedural steps to a maintainer in a sequential one-step-at-a-time manner they greatly reduce the chance of a maintainer skipping required steps.  Interactive Electronic Technical Manual is used for CH148  Cyclone Tactical Helicopter. IETM is a Sikorsky supplied COTS applications required for the maintenance and support of the CH148 Maritime Helicopter.</t>
  </si>
  <si>
    <t>DND-15559</t>
  </si>
  <si>
    <t>Interactive Electronic Technical Manual - M777</t>
  </si>
  <si>
    <t>IETM - M777</t>
  </si>
  <si>
    <t>IETMs produce relevant procedural steps to a maintainer in a sequential one-step-at-a-time manner they greatly reduce the chance of a maintainer skipping required steps.  Interactive Electronic technical Manual is used for M777C1 Howitzer</t>
  </si>
  <si>
    <t>DND-1556</t>
  </si>
  <si>
    <t>Revised Pay System for the Reserves</t>
  </si>
  <si>
    <t>RPSR</t>
  </si>
  <si>
    <t>Pay systems for members of the CAF Reserve Force and staff cadets of the Canadian Cadet Movement. Pension calculation system for members of the CAF Res F. DND MISSION-CRITICAL SYSTEM.</t>
  </si>
  <si>
    <t>DND-15570</t>
  </si>
  <si>
    <t>Maintenance Data Acquisition and Diagnostic System - CF188</t>
  </si>
  <si>
    <t>MDADS - CF188</t>
  </si>
  <si>
    <t>MDADS (Maintenance Data Acquisition And Diagnostic System) is the official application used to retrieve and analyze data from the CF-188 maintenance card. This application is used every day by the fleet for data collection, analyses and system troubleshooting.</t>
  </si>
  <si>
    <t>DND-15572</t>
  </si>
  <si>
    <t>Winpriser</t>
  </si>
  <si>
    <t>Industry standard supplier price guide and estimating software</t>
  </si>
  <si>
    <t>DND-15587</t>
  </si>
  <si>
    <t>Identite</t>
  </si>
  <si>
    <t>IDENTITÉ est une application permettant de capturer les informations sur les recrues et le personnel civil (principalement pour les cartes temporaires).</t>
  </si>
  <si>
    <t>ITMS</t>
  </si>
  <si>
    <t>DND-15598</t>
  </si>
  <si>
    <t>Inspiration</t>
  </si>
  <si>
    <t>For visual mapping, outlining, writing and making presentations</t>
  </si>
  <si>
    <t>DND-15605</t>
  </si>
  <si>
    <t>SAB / CQÉ</t>
  </si>
  <si>
    <t>Carte de Quittance Électronique</t>
  </si>
  <si>
    <t>DND-15617</t>
  </si>
  <si>
    <t>AccessPro Case Management is a case tracking and reporting solution that automates many of the tasks associated with information (ATIP) disclosure processes.</t>
  </si>
  <si>
    <t>CSDC/Privasoft, AccessPro Suite</t>
  </si>
  <si>
    <t>DND-15641</t>
  </si>
  <si>
    <t>DND-15645</t>
  </si>
  <si>
    <t>Policy Tracker Database</t>
  </si>
  <si>
    <t>List the state of all Military Personnel policy</t>
  </si>
  <si>
    <t>DND-1565</t>
  </si>
  <si>
    <t>Security and Military Police Information System</t>
  </si>
  <si>
    <t>SAMPIS</t>
  </si>
  <si>
    <t>Versaterm Security and Military Police Information System</t>
  </si>
  <si>
    <t>DND-15650</t>
  </si>
  <si>
    <t>Canadian Forces Job Description Database</t>
  </si>
  <si>
    <t>JDDB</t>
  </si>
  <si>
    <t>JDDB will manage the data relating to the jobs performed by all members of the CF.  It will contain historical as well as current version of the descriptions, and it facilitates the re-use of statements to minimize translation costs.</t>
  </si>
  <si>
    <t>DND-15657</t>
  </si>
  <si>
    <t>Gateway Database</t>
  </si>
  <si>
    <t>Gateway</t>
  </si>
  <si>
    <t>CF Postal Services management database</t>
  </si>
  <si>
    <t>DND-15659</t>
  </si>
  <si>
    <t>CFEMS Web Work Request Tool</t>
  </si>
  <si>
    <t>Web based work order request tool that uses MS outlook (Comox &amp; Esquimalt Only)</t>
  </si>
  <si>
    <t>DND-15671</t>
  </si>
  <si>
    <t>Training Registration Application (Unclas Only)</t>
  </si>
  <si>
    <t>DND-15698</t>
  </si>
  <si>
    <t>Registre du COSAC</t>
  </si>
  <si>
    <t>RCOSAC</t>
  </si>
  <si>
    <t>DND-15699</t>
  </si>
  <si>
    <t>Configuration Management Database</t>
  </si>
  <si>
    <t>CMDB</t>
  </si>
  <si>
    <t>Configuration Management DataBase ( Équipements de communications, Licences, Applications, Radios, Serveurs,BPR/OPI.. .. Et liens entre les CI)</t>
  </si>
  <si>
    <t>DND-157</t>
  </si>
  <si>
    <t>Personnel Access Support System - Verification of Former Service</t>
  </si>
  <si>
    <t>PASS / VFS</t>
  </si>
  <si>
    <t>Supports Recruiting Centres in doing VFS.  Used by DHRIM ICC previously.</t>
  </si>
  <si>
    <t>DND-15707</t>
  </si>
  <si>
    <t>Reserve Employment Opportunities</t>
  </si>
  <si>
    <t>REO</t>
  </si>
  <si>
    <t>The application is used to create job opportunities onto the Internet for members of the Reserve to be aware and apply for them.  The Reserve Employment Opportunities (REO) module of Monitor/MASS is the central point for managing all Reserve employment opportunities. REO enables users to create employment opportunities for reservists, request publishing for the opportunity, and publish the opportunity to the Reserve Employment Opportunities website.  Subsequently, the units can use REO to view employment opportunities and add applicants for the opportunities. The unit that owns an opportunity can evaluate applicants and select an applicant. The opportunity can be accepted or rejected by the applicant’s unit from within REO.</t>
  </si>
  <si>
    <t>DND-15712</t>
  </si>
  <si>
    <t>Health Promotion Vegetable and Fruit Tracker</t>
  </si>
  <si>
    <t>DND-15713</t>
  </si>
  <si>
    <t>Health Services Financial Organizer Electronic</t>
  </si>
  <si>
    <t>FORGe</t>
  </si>
  <si>
    <t>DND-15714</t>
  </si>
  <si>
    <t>On-Line Confirmation Application</t>
  </si>
  <si>
    <t>DND-15715</t>
  </si>
  <si>
    <t>Injury Reduction Strategies</t>
  </si>
  <si>
    <t>DND-15716</t>
  </si>
  <si>
    <t>Military Compensation Service Request Database</t>
  </si>
  <si>
    <t>Svc Req DB</t>
  </si>
  <si>
    <t>Old CM database. Being decommissioned.</t>
  </si>
  <si>
    <t>DND-15717</t>
  </si>
  <si>
    <t>Streaming Video Mediasite</t>
  </si>
  <si>
    <t>Video Streaming and Recording software, used to record presentations and seminars.</t>
  </si>
  <si>
    <t>DND-15729</t>
  </si>
  <si>
    <t>Orenda CBMSS Reports</t>
  </si>
  <si>
    <t>Provides reporting for CBMSS (APM 1435)</t>
  </si>
  <si>
    <t>DND-15730</t>
  </si>
  <si>
    <t>Logistics Planning Model</t>
  </si>
  <si>
    <t>LPM</t>
  </si>
  <si>
    <t>Used to forecast scheduled (i.e. time expiry related) and unscheduled engine fallouts, module fallouts and engine component fallouts. Used to forecast Base and Depot workloads.</t>
  </si>
  <si>
    <t>DND-15731</t>
  </si>
  <si>
    <t>F404 Dashboard</t>
  </si>
  <si>
    <t>F404</t>
  </si>
  <si>
    <t>Provides a “dashboard” for viewing the flow of modules between the Depot and the Bases. Used to measure performance and cycle times for workflow.</t>
  </si>
  <si>
    <t>DND-15764</t>
  </si>
  <si>
    <t>Compressor</t>
  </si>
  <si>
    <t>Audio Compression Tool</t>
  </si>
  <si>
    <t>DND-15767</t>
  </si>
  <si>
    <t>Cutie Melody</t>
  </si>
  <si>
    <t>Tone generator</t>
  </si>
  <si>
    <t>DND-1577</t>
  </si>
  <si>
    <t>Tactical Asset Configuration Information System</t>
  </si>
  <si>
    <t>TACIS - SICET</t>
  </si>
  <si>
    <t>used by the Director Land Command Systems Program Management (DLCSPM) to track the configuration of maintenance-significant Land Command Support System (LCSS) part assets within platforms (e.g. vehicles) on which they may be installed.</t>
  </si>
  <si>
    <t>DND-15795</t>
  </si>
  <si>
    <t>Case Management System - Halifax</t>
  </si>
  <si>
    <t>Capture all DRC(A) statistics, i.e., courses, PD Briefings, PLQ, consultations, mediations, conflict coaching, etc.</t>
  </si>
  <si>
    <t>DND-158</t>
  </si>
  <si>
    <t>HRIC Fax FanOut &amp; FAQs Database</t>
  </si>
  <si>
    <t>HRIC FFO</t>
  </si>
  <si>
    <t>To provide information to HRMS users about new releases and FAQs</t>
  </si>
  <si>
    <t>DND-15814</t>
  </si>
  <si>
    <t>Logic Express</t>
  </si>
  <si>
    <t>Music recording software</t>
  </si>
  <si>
    <t>DND-15816</t>
  </si>
  <si>
    <t>Main Stage</t>
  </si>
  <si>
    <t>Music software</t>
  </si>
  <si>
    <t>DND-15827</t>
  </si>
  <si>
    <t>Mphase</t>
  </si>
  <si>
    <t>Mpulse</t>
  </si>
  <si>
    <t>Maintenance tracking program for DC Div</t>
  </si>
  <si>
    <t>DND-15842</t>
  </si>
  <si>
    <t>PinPoint Auditor</t>
  </si>
  <si>
    <t>Auditing suite for detecting inappropriate material</t>
  </si>
  <si>
    <t>DND-159</t>
  </si>
  <si>
    <t>Service Number Allocation Management System</t>
  </si>
  <si>
    <t>SNAMS</t>
  </si>
  <si>
    <t>web app to manage the Service Numbers of military members</t>
  </si>
  <si>
    <t>DND-1590</t>
  </si>
  <si>
    <t>Compensation Enquiry System</t>
  </si>
  <si>
    <t>The CES (formerly SDTS) is designed to track work requests from ADM (HR-Civ) service groups. Its primary purpose is to organize and track the flow of requests from inception, through the delivery process, to request completion.</t>
  </si>
  <si>
    <t>DND-15909</t>
  </si>
  <si>
    <t>Record of Airworthiness Risk Management Database</t>
  </si>
  <si>
    <t>AWRM db</t>
  </si>
  <si>
    <t>Multi-user MS Access database used to document, track and manage airworthiness risk management records. AF9000 process DG01.003 describes the Airworthiness Risk Management Process. Up to 200 risks are open at any given time.</t>
  </si>
  <si>
    <t>DND-15915</t>
  </si>
  <si>
    <t>Electronic Report System - CF188</t>
  </si>
  <si>
    <t>ERS - CF188</t>
  </si>
  <si>
    <t>This Web tool provides automated and customizable reports from the DMS application (APM 1440). One of the main features of the ERS application is to provide real-time information on operational data, which is crucial in the management of the CF-188 Aircra</t>
  </si>
  <si>
    <t>DND-15922</t>
  </si>
  <si>
    <t>Maintenix - CH148</t>
  </si>
  <si>
    <t>Mxi -  CH148</t>
  </si>
  <si>
    <t>Schedule and records aircraft maintenance actions and associated parts, tools and labour CH148 MHP</t>
  </si>
  <si>
    <t>Mxi Maintenix</t>
  </si>
  <si>
    <t>DND-15923</t>
  </si>
  <si>
    <t>Innovator - CH148</t>
  </si>
  <si>
    <t>Inno CH148</t>
  </si>
  <si>
    <t>Data, design configuration repository and change management - CH148 - Product Lifecycle Management (PLM)</t>
  </si>
  <si>
    <t>Aras Innovator</t>
  </si>
  <si>
    <t>DND-15925</t>
  </si>
  <si>
    <t>LearningLogics - CH148</t>
  </si>
  <si>
    <t>LCMS - CH148</t>
  </si>
  <si>
    <t>Manages courseware content and configuration  Atlantis Systems Corporation (ASC) has developed training courseware for Sikorsky that is managed on the MHP IIE through the Learninglogics LCMS. ASC is the vendor of the Learninglogics LCMS software, which is provided to CAE PS under license agreement.</t>
  </si>
  <si>
    <t>LearningLogics LCMS</t>
  </si>
  <si>
    <t>DND-15926</t>
  </si>
  <si>
    <t>Learning Management System (Saba) - CH148</t>
  </si>
  <si>
    <t>LMS (Saba) - CH148</t>
  </si>
  <si>
    <t>DND-15927</t>
  </si>
  <si>
    <t>Structural Repair Manual  (Fox) - CH148</t>
  </si>
  <si>
    <t>SRM - CH148</t>
  </si>
  <si>
    <t>Schedule and resource management of training resources CH148</t>
  </si>
  <si>
    <t>Fox, SRM</t>
  </si>
  <si>
    <t>DND-15928</t>
  </si>
  <si>
    <t>Weight and Balance - CH148</t>
  </si>
  <si>
    <t>W&amp;B - CH148</t>
  </si>
  <si>
    <t>manages weights and centre of gravity of Cyclone aircraft</t>
  </si>
  <si>
    <t>DND-1593</t>
  </si>
  <si>
    <t>The application facilitates and track the relationships between mentors and mentees</t>
  </si>
  <si>
    <t>DND-15930</t>
  </si>
  <si>
    <t>Interactive Documentation Library System - CH146</t>
  </si>
  <si>
    <t>IDLS - CH146</t>
  </si>
  <si>
    <t>Interactive Documentation Library System (IDLS) library functions supporting access to a variety of CH146 Griffon helicopter technical and operational documents. Implementation and maintenance of a comprehensive configuration management program. Support to the DND Weapon System Manager (WSM) with fleet maintenance and operational planning. Development, implementation and maintenance of complete life cycle management programs. Selection of an industry team to provide optimum support while maximizing Canadian content; Establishment and maintenance of a Logistics Support Analysis (LSA) data repository for the MHWS; Support of the development of maintenance instructions and technical data; Aircraft Structural Integrity Program</t>
  </si>
  <si>
    <t>DND-15953</t>
  </si>
  <si>
    <t>DND-15978</t>
  </si>
  <si>
    <t>ROUTINE PRACTICES: INFECTION PREVENTION AND CONTROL CORE COMPETENCIES</t>
  </si>
  <si>
    <t>DND-160</t>
  </si>
  <si>
    <t>Operational Performance Measurement System</t>
  </si>
  <si>
    <t>OPMS</t>
  </si>
  <si>
    <t>Module of the HRMS developed to manage the planning of operations, taskings and assignment process.  Not being used by taskers at this point.  They use CFTPO.</t>
  </si>
  <si>
    <t>DND-1600</t>
  </si>
  <si>
    <t>ClaimsX</t>
  </si>
  <si>
    <t>Rename to ClaimsX Assessment looking into PWGSC Tool System to allow user to make travel claims online. ***Name changed from Claims-X Web to ClaimsX on 17 Nov 2014 by CW Tessier on behalf of DADS.</t>
  </si>
  <si>
    <t>DND-1601</t>
  </si>
  <si>
    <t>Content Management Forms - DAPPP</t>
  </si>
  <si>
    <t>DAPPPContentManagement</t>
  </si>
  <si>
    <t>(not supported by DADS) Used by DAPPP to post news items and messages for CCPS and RPSR</t>
  </si>
  <si>
    <t>DND-16013</t>
  </si>
  <si>
    <t>Radio Propagation Simulation Tool - Mentum Planet</t>
  </si>
  <si>
    <t>RPST Mentum Planet</t>
  </si>
  <si>
    <t>Planet (formerly Mentum Planet) is a reliable, award-winning RF network planning and optimization software.  Radio Propagation Simulation Tool - is a reliable, award-winning RF network planning and optimization software used by the majority of mobile operators and equipment vendors for RF planning, radio network and mobile network optimization, and mobile network performance management. Supporting all major wireless access standards, Planet addresses every stage of the mobile network lifecycle, from strategic RF planning to mobile network design and management, to re-planning and multi-technology and multi-vendor mobile network optimization, including 3D network planning, small cells and heterogeneous networks (HetNets).</t>
  </si>
  <si>
    <t>Infovista</t>
  </si>
  <si>
    <t>DND-16036</t>
  </si>
  <si>
    <t>NVivo</t>
  </si>
  <si>
    <t>NVIVO</t>
  </si>
  <si>
    <t>DND-16055</t>
  </si>
  <si>
    <t>Power Director Premium</t>
  </si>
  <si>
    <t>POWER DIRECTOR</t>
  </si>
  <si>
    <t>DND-16083</t>
  </si>
  <si>
    <t>Automated Requirement Measurement Tool</t>
  </si>
  <si>
    <t>ARM TOOL</t>
  </si>
  <si>
    <t>Acquisition Services,Management and Oversight Services</t>
  </si>
  <si>
    <t>This application automatically searches and verifies that requirement documents use proper contractual language. The search algorithm is completely configurable by the user. It empowers an engineer to resolve some of the language use issues prior to a review meeting thus reducing the number issues discussed during reviews.</t>
  </si>
  <si>
    <t>DND-16105</t>
  </si>
  <si>
    <t>Chain of Transmission: Infection Prevention &amp; Control Core Competencies</t>
  </si>
  <si>
    <t>CHAIN OF TRANSMISSION: INFECTION PREVENTION AND CONTROL CORE COMPETENCIES</t>
  </si>
  <si>
    <t>DND-1611</t>
  </si>
  <si>
    <t>eXchange Rate Service</t>
  </si>
  <si>
    <t>XRS</t>
  </si>
  <si>
    <t>Application for displaying currency exchange rates</t>
  </si>
  <si>
    <t>DND-16139</t>
  </si>
  <si>
    <t>Easy Survey</t>
  </si>
  <si>
    <t>EASY SURVEY</t>
  </si>
  <si>
    <t>DND-16146</t>
  </si>
  <si>
    <t>EMAGINE</t>
  </si>
  <si>
    <t>DND-16151</t>
  </si>
  <si>
    <t>Epi Info</t>
  </si>
  <si>
    <t>EPI INFO</t>
  </si>
  <si>
    <t>Epi Info™, a suite of lightweight software tools, delivers core ad-hoc epidemiologic functionality</t>
  </si>
  <si>
    <t>DND-16152</t>
  </si>
  <si>
    <t>EQS 6.1</t>
  </si>
  <si>
    <t>FILEMAKER</t>
  </si>
  <si>
    <t>PAO</t>
  </si>
  <si>
    <t>DND-16181</t>
  </si>
  <si>
    <t>FORMDOCS OFFICE</t>
  </si>
  <si>
    <t>FORMDOCS</t>
  </si>
  <si>
    <t>DND-1619</t>
  </si>
  <si>
    <t>Proactive Disclosure of Grants and Contribution Awards Over $25,000</t>
  </si>
  <si>
    <t>PD G&amp;C</t>
  </si>
  <si>
    <t>6.3 Legal Services</t>
  </si>
  <si>
    <t>Application so any grants and contributions in excess of $25,000 can be disclosed to the public</t>
  </si>
  <si>
    <t>DND-16193</t>
  </si>
  <si>
    <t>STATA</t>
  </si>
  <si>
    <t>DND-16199</t>
  </si>
  <si>
    <t>Stuff-It Deluxe</t>
  </si>
  <si>
    <t>STUFF-IT</t>
  </si>
  <si>
    <t>DND-162</t>
  </si>
  <si>
    <t>Learner Surveys</t>
  </si>
  <si>
    <t>DND-1622</t>
  </si>
  <si>
    <t>CDAO Rations &amp; Quarters</t>
  </si>
  <si>
    <t>Rations&amp;Quarters</t>
  </si>
  <si>
    <t>This application enables rations and quarters revenue from the CCPS to be manipulated and redistributed by AP3 to local bases for respending.</t>
  </si>
  <si>
    <t>DND-1623</t>
  </si>
  <si>
    <t>Receiver General Deposit Facility Cashier Database</t>
  </si>
  <si>
    <t>RGDF</t>
  </si>
  <si>
    <t>A VB application to keep track of cheques received for the receiver general. The whole purpose is for the DMPAP to be able to search for a cheque and determine what processing has taken place.</t>
  </si>
  <si>
    <t>DND-16248</t>
  </si>
  <si>
    <t>Problem Report History Database</t>
  </si>
  <si>
    <t>PR History DB</t>
  </si>
  <si>
    <t>Archive for PR DB (ID 14563)</t>
  </si>
  <si>
    <t>DND-16249</t>
  </si>
  <si>
    <t>Script Request Database</t>
  </si>
  <si>
    <t>SRDB</t>
  </si>
  <si>
    <t>RPSR report repository.</t>
  </si>
  <si>
    <t>DND-16251</t>
  </si>
  <si>
    <t>Rational Change</t>
  </si>
  <si>
    <t>IBM Rational Change</t>
  </si>
  <si>
    <t>IBM® Rational® Change is a web-based change management solution that offers comprehensive change tracking and change control. Rational Change unifies software change management and configuration management repositories through a centralized change server.</t>
  </si>
  <si>
    <t>DND-16253</t>
  </si>
  <si>
    <t>SERV+ Viewer</t>
  </si>
  <si>
    <t>SERV+</t>
  </si>
  <si>
    <t>Submarine Document Management. Part of ERR</t>
  </si>
  <si>
    <t>DND-16256</t>
  </si>
  <si>
    <t>Canvas</t>
  </si>
  <si>
    <t>CV CAD</t>
  </si>
  <si>
    <t>Drawing Presentation CAD</t>
  </si>
  <si>
    <t>DND-16259</t>
  </si>
  <si>
    <t>RTEdge</t>
  </si>
  <si>
    <t>Real-Time, Model Driven Software for Safety-Critical Applications: Specification Capture, Design Modeling, Code Generation, Interactive Testing &amp; Static Analysis</t>
  </si>
  <si>
    <t>Edgewater software</t>
  </si>
  <si>
    <t>DND-1626</t>
  </si>
  <si>
    <t>Canadian Forces Organization Orders</t>
  </si>
  <si>
    <t>CFOOs</t>
  </si>
  <si>
    <t>Financial Management Services,Human Resources Management Services,Legal Services</t>
  </si>
  <si>
    <t>Manage the posting of CFOOs from the CDS. The CFOOs normally describe a unit or other element's role, command and control relationships, language designation, support services relationships, and channels of communication.</t>
  </si>
  <si>
    <t>DND-16260</t>
  </si>
  <si>
    <t>Interactive Electronic Technical Manual - CP140</t>
  </si>
  <si>
    <t>IETM - CP140</t>
  </si>
  <si>
    <t>The Lockheed CP-140 Aurora Interactive Electronic Technical Manual (IETM) is the electronic web reference of CP140 technical publications for use by the CP140 maintenance and engineering community.</t>
  </si>
  <si>
    <t>DND-16262</t>
  </si>
  <si>
    <t>LibView - CC130</t>
  </si>
  <si>
    <t>LibV - CC130</t>
  </si>
  <si>
    <t>LibView is used to support the CC130 legacy fleet; there are users in 455 De la Carriere, the Marshall Aerospace Canada Inc Ottawa Clarence Street office &amp; in Abbotsford, BC. Whilst not the primary (reference) source for drawings it is a secondary reference.</t>
  </si>
  <si>
    <t>Procured from USAF</t>
  </si>
  <si>
    <t>DND-1628</t>
  </si>
  <si>
    <t>Employer Information System</t>
  </si>
  <si>
    <t>This application is used by the (CFLC) Canadian Forces Liaison Council who's membership consists of DND employee's, Reservists and volunteers from private industry. This application allows for the solicitation and recording of Canadian Businesses who have been invited to a CFLC Execu-trek event for the purpose of signing a Statement of Support for Canadian Forces Reservists and or a Human Resources Plan dealing with Reserve Employees. The EIS application is a .Net 3.5 Internet application which is only accessible via https over the intranet. This application must be added to the trusted sites list to allow access to DND employee's. This application is a password protected closed site and is not open to the general public. It is only accessible to regis</t>
  </si>
  <si>
    <t>DND-16304</t>
  </si>
  <si>
    <t>Prosecution Tracking System</t>
  </si>
  <si>
    <t>Database of all court martials specific for the Prosecution section</t>
  </si>
  <si>
    <t>DND-16305</t>
  </si>
  <si>
    <t>Organization Chart</t>
  </si>
  <si>
    <t>OrgChart</t>
  </si>
  <si>
    <t>Creates OrgCharts of the Office of the JAG (positions and members). This is accessed through the OMS application.</t>
  </si>
  <si>
    <t>DND-16307</t>
  </si>
  <si>
    <t>Organization Management System Actual</t>
  </si>
  <si>
    <t>OMS Actual</t>
  </si>
  <si>
    <t>OMS is used to store position information that is used to create Org Charts and provide access to certain JAG applications.</t>
  </si>
  <si>
    <t>DND-16308</t>
  </si>
  <si>
    <t>Performance Measurement Decision Support System</t>
  </si>
  <si>
    <t>PMDSS</t>
  </si>
  <si>
    <t>PMDSS is used by all lawyers in JAG to input the number of request received and completed per month. It’s considered the health index keeper for the office of the JAG. Monthly reports are produced in the program</t>
  </si>
  <si>
    <t>DND-16309</t>
  </si>
  <si>
    <t>Estates and Elections</t>
  </si>
  <si>
    <t>E&amp;E maintains records on the Estates of deceased military personnel, and the distribution of those estates.  It is the only application that handles this info for DND, and is used to pay out the deceased members estate, to provide a report for PMDSS,</t>
  </si>
  <si>
    <t>DND-16310</t>
  </si>
  <si>
    <t>eJag</t>
  </si>
  <si>
    <t>eJAG</t>
  </si>
  <si>
    <t>Online auction used by the Office of the JAG for the NDWCC.</t>
  </si>
  <si>
    <t>Ascent</t>
  </si>
  <si>
    <t>DND-16320</t>
  </si>
  <si>
    <t>IDOL (Enterprise Search)</t>
  </si>
  <si>
    <t>Enterprise Search</t>
  </si>
  <si>
    <t>DND-16327</t>
  </si>
  <si>
    <t>Canadian Forces Mine Database</t>
  </si>
  <si>
    <t>CF Mine Database</t>
  </si>
  <si>
    <t>Mandated training to Fd Engr course Sect Comd course, as per QS</t>
  </si>
  <si>
    <t>DND-16418</t>
  </si>
  <si>
    <t>Domestic Operations / Force Protection (WebApp)</t>
  </si>
  <si>
    <t>1.1 Domestic &amp; Continental Defence Operations</t>
  </si>
  <si>
    <t>Allows DOM OPS to control not only the content of their site, but who can see what information.</t>
  </si>
  <si>
    <t>CCID</t>
  </si>
  <si>
    <t>DND-16433</t>
  </si>
  <si>
    <t>Ration Card Management System</t>
  </si>
  <si>
    <t>RCMS</t>
  </si>
  <si>
    <t>This is a system for keeping track of ration card swipes at the messes on base.</t>
  </si>
  <si>
    <t>DND-16454</t>
  </si>
  <si>
    <t>Frequency Fill Application</t>
  </si>
  <si>
    <t>FFS</t>
  </si>
  <si>
    <t>3.3 Force Elements Production</t>
  </si>
  <si>
    <t>for inputing frequency into radios</t>
  </si>
  <si>
    <t>DND-16498</t>
  </si>
  <si>
    <t>Defence Architecture Repostory and Registries</t>
  </si>
  <si>
    <t>DARRs</t>
  </si>
  <si>
    <t>The Qualiware tool suite will provide DND/CF architects with a standard tool set for enterprise architecture modeling, designing and planning.  The tool set will produce DNDAF compliant architecture descriptions, which can be easily integrated into the De</t>
  </si>
  <si>
    <t>DND-165</t>
  </si>
  <si>
    <t>Web Site Security Database</t>
  </si>
  <si>
    <t>WSSDB</t>
  </si>
  <si>
    <t>The DMHRR WSSDB provides secure access to information recruiters need for their job duties. DMHRR is responsible for providing up to date directives regarding selection criteria and training materials to B/WPSO or UPSO’s in support of Personnel Selection</t>
  </si>
  <si>
    <t>DND-16510</t>
  </si>
  <si>
    <t>Antidote réunit un correcteur, douze grands dictionnaires et onze guides linguistiques qui s'ajoutent directement aux logiciels de rédaction. Antidote combines a grammar corrector with rich dictionaries and language guides, all with direct integration into your writing software. Do you type in English or French? Then Antidote is for you! It works with Windows, Mac and Linux, while the dictionaries and guides are also available for iPhone and iPad</t>
  </si>
  <si>
    <t>DND-16517</t>
  </si>
  <si>
    <t>PMO Aurora and Maritime Training</t>
  </si>
  <si>
    <t>PRO Aurora train</t>
  </si>
  <si>
    <t>Register for all the Training courses that individuals have taken within Maritime section.</t>
  </si>
  <si>
    <t>DND-16542</t>
  </si>
  <si>
    <t>GIS software to create and maintain GIS databases.</t>
  </si>
  <si>
    <t>DND-16544</t>
  </si>
  <si>
    <t>LiBRARYSOFT</t>
  </si>
  <si>
    <t>Library Automation System</t>
  </si>
  <si>
    <t>DND-16548</t>
  </si>
  <si>
    <t>Air Combat Maneuvering Instrumentation System</t>
  </si>
  <si>
    <t>ACMI</t>
  </si>
  <si>
    <t>This program replaces an earlier toolset (TSPI, TSPI Checker, TxtToPC), KML) to automate the process, fix issues with latitude/longitude/altitude output in a PLER file, and simplify general operation associated with RCD files. - PLER is a text file with a head of:RT X Y Z Lat Lon Alt - PC0, PC1 files include date/time, (X, Y, Z), (lat, lon, alt), (VX, VY, VZ), roll, pitch heading - KML files can be exported based on a time or distance interval, and the user can specify some KML data attributes (name, When more than one data source in the RCD file exists, the program lets the user choose which one to use (and identifies the # of records per source, to make the decision easier). AETE</t>
  </si>
  <si>
    <t>DND-16554</t>
  </si>
  <si>
    <t>RNP -Equations</t>
  </si>
  <si>
    <t>RNP</t>
  </si>
  <si>
    <t>Performs equations on ACMI and EGI files, with specification for waypoint locations and info, and a supporting flight report file to measure and report on errors, statistics.</t>
  </si>
  <si>
    <t>DND-16558</t>
  </si>
  <si>
    <t>MergeMet</t>
  </si>
  <si>
    <t>Takes a MET file and adds weather columns to a PC0/PC1/CSV/TXT file, calculated based on elevation data found in the PC0/PC1/CSV/TXT file.</t>
  </si>
  <si>
    <t>DND-16568</t>
  </si>
  <si>
    <t>Radio Active Material Databases</t>
  </si>
  <si>
    <t>RAM</t>
  </si>
  <si>
    <t>DGAEPM Radio Active Material (RAM) Action Plan was initiated in August 1996. The RAM Databases comprises a suite of 19 MS Access applications that are used to track and manage the proper handling, maintenance, repair and disposal of RAM used in aircraft</t>
  </si>
  <si>
    <t>DND-16581</t>
  </si>
  <si>
    <t>Officier de service</t>
  </si>
  <si>
    <t>OSVC</t>
  </si>
  <si>
    <t>Permet d'avoir une vue des informations générales des individus du CI 2 Div CA pour le sous-officier en devoir le soir et la fin de semaine.</t>
  </si>
  <si>
    <t>DND-16582</t>
  </si>
  <si>
    <t>Entrust Authority Administration Services</t>
  </si>
  <si>
    <t>EAAS</t>
  </si>
  <si>
    <t>The DND Registration Management System has been developed to assist with the management of the DND's Public Key Infrastructure (PKI) System. In particular, it will assist with the management of the PKI Smartcard and the associated password. It will permit</t>
  </si>
  <si>
    <t>DND-16599</t>
  </si>
  <si>
    <t>Healthcare Eligibility Management Application (Regular Forces/Pensioners)</t>
  </si>
  <si>
    <t>HEMAREGPEN</t>
  </si>
  <si>
    <t>HEMAREGPEN will ensure that ReG Force/Pensioners are enrolled at the appropriate time and coverage level and that the resulting premium and tax remittances are accurate and complete.</t>
  </si>
  <si>
    <t>DND-16610</t>
  </si>
  <si>
    <t>BIRT Performance Scorecard</t>
  </si>
  <si>
    <t>BIRT</t>
  </si>
  <si>
    <t>Business Intelligence and Reporting Tool</t>
  </si>
  <si>
    <t>BIRT Designer</t>
  </si>
  <si>
    <t>DND-16612</t>
  </si>
  <si>
    <t>DND-16615</t>
  </si>
  <si>
    <t>Observer</t>
  </si>
  <si>
    <t>OBS</t>
  </si>
  <si>
    <t>Volicon Observer® suite of products is an award-winning, digital video logging and monitoring solution for off-air asset monitoring.</t>
  </si>
  <si>
    <t>Atlassian, JIRA</t>
  </si>
  <si>
    <t>DND-16625</t>
  </si>
  <si>
    <t>BKS Fox (DLN)</t>
  </si>
  <si>
    <t>BKS Fox</t>
  </si>
  <si>
    <t>Britannica Knowledge Systems (BKS) Fox provides the Resource Management and Scheduling (RMS) function for DLN.</t>
  </si>
  <si>
    <t>Bitannica Knowledge Systems, Fox</t>
  </si>
  <si>
    <t>DND-16626</t>
  </si>
  <si>
    <t>Kenexa OutStart - DLN</t>
  </si>
  <si>
    <t>KenexaOutStart</t>
  </si>
  <si>
    <t>Kenexa Evolution LCMS is the system responsible for the Learning Content Development (LCD) and the Training Documentation Management (TDM) function of DLN.</t>
  </si>
  <si>
    <t>Kenexa, Evolution</t>
  </si>
  <si>
    <t>Saba Publisher provides the courseware development component of DLN allowing courseware designers and developers to life-cycle manage and develop courseware.</t>
  </si>
  <si>
    <t>DND-16628</t>
  </si>
  <si>
    <t>Saba Publisher - DLN</t>
  </si>
  <si>
    <t>Saba Publisher</t>
  </si>
  <si>
    <t>Saba Software, Inc., Publisher</t>
  </si>
  <si>
    <t>DND-16629</t>
  </si>
  <si>
    <t>Saba Centra - DLN</t>
  </si>
  <si>
    <t>Saba Centra</t>
  </si>
  <si>
    <t>Saba Centra for eMeetings provides a virtual classroom cabaility for DLN and real-time collaboration services to support courseware development and maintenance activities.</t>
  </si>
  <si>
    <t>Saba Software, Inc., Centra</t>
  </si>
  <si>
    <t>DND-16630</t>
  </si>
  <si>
    <t>Saba LMS - DLN</t>
  </si>
  <si>
    <t>Saba LMS</t>
  </si>
  <si>
    <t>Saba Software, Inc., LMS</t>
  </si>
  <si>
    <t>DND-1664</t>
  </si>
  <si>
    <t>Distribution List Provisioning Systems</t>
  </si>
  <si>
    <t>DLPS</t>
  </si>
  <si>
    <t>The Directory List Provision System is a directory management tool used to populate the Exchange Global Address List (and the Active Directory at a later date) with ADDRIS addressing data.  These lists will be used by Defence Message Handling System (DMHS</t>
  </si>
  <si>
    <t>DND-1665</t>
  </si>
  <si>
    <t>Multitrans Suite</t>
  </si>
  <si>
    <t>This application allows DND employees to access the approved terminology to be used in all electronic and printed matter for accuracy and consistency.</t>
  </si>
  <si>
    <t>MultiTrans Expert</t>
  </si>
  <si>
    <t>MultiTrans PRISM</t>
  </si>
  <si>
    <t>DND-167</t>
  </si>
  <si>
    <t>Human Dimensions of Deployment Survey</t>
  </si>
  <si>
    <t>HDDS</t>
  </si>
  <si>
    <t>Web survey on-line for CF members and their families</t>
  </si>
  <si>
    <t>DND-16705</t>
  </si>
  <si>
    <t>CSTATS</t>
  </si>
  <si>
    <t>Human Resources Management Services,Travel and Other Administrative Services</t>
  </si>
  <si>
    <t>Access front end on an SQL database.  It used on the CCO Net through Microsoft Remote Desktop Service.  This application is to organize transport for cadets on CSTC.  It is to be replaced entirely by Fortress (Main Cadets Application) in 2015.  This is an interim solution.</t>
  </si>
  <si>
    <t>DND-1672</t>
  </si>
  <si>
    <t>National Centralized Attendant Service</t>
  </si>
  <si>
    <t>NCAS</t>
  </si>
  <si>
    <t>National Centralized Attendant Service: It is a national call centre application. Provides on-line telephone directory for all DND personnel, positions and roles. This application draws data from many sources to allow the call center to route phone calls</t>
  </si>
  <si>
    <t>DND-1699</t>
  </si>
  <si>
    <t>Automated Posting Message System</t>
  </si>
  <si>
    <t>APMS</t>
  </si>
  <si>
    <t>Provide Career Management staff with an automated system to draft, finalize and amend Posting and/or Position Change instructions.  (Tied in to HRMS 7.5)</t>
  </si>
  <si>
    <t>DND-1700</t>
  </si>
  <si>
    <t>Call Tracer</t>
  </si>
  <si>
    <t>****Decommissioning in Progress HRIC HelpDesk Call Tracking Tool</t>
  </si>
  <si>
    <t>DND-1701</t>
  </si>
  <si>
    <t>Individual Learning Plan - CDA</t>
  </si>
  <si>
    <t>ILP - CDA</t>
  </si>
  <si>
    <t>Provide the capability for CDA to administer electronically the ILP program to Canadian Forces Members.  Key data is as follows:  Course information, basic member information and tuition costs</t>
  </si>
  <si>
    <t>DND-17013</t>
  </si>
  <si>
    <t>AF9000 Suite</t>
  </si>
  <si>
    <t>The AF9000 suite consists of an Audit Application, Electronic Process Approval and Amendment Form, Feedback Application, Manual of Aerospace Procedures / Register /Tracking Application These apps were developed using MS Access.</t>
  </si>
  <si>
    <t>DND-17035</t>
  </si>
  <si>
    <t>Boeing Partner Network</t>
  </si>
  <si>
    <t>BPN</t>
  </si>
  <si>
    <t>Boeing Enterprise Systems are supported through the Boeing Partner Network (BPN) Portal. Boeing Portal sites were added to Trusted Sites (DWAN) and Internet Firewall.</t>
  </si>
  <si>
    <t>DND-1705</t>
  </si>
  <si>
    <t>CFED</t>
  </si>
  <si>
    <t>allow military members and the general public to determine whether professional training and education received from within the military is accredited by civilian institutions, and vice versa.</t>
  </si>
  <si>
    <t>DND-1706</t>
  </si>
  <si>
    <t>Canadian Forces Health Service Eligibility Utility</t>
  </si>
  <si>
    <t>Eligibility Utility</t>
  </si>
  <si>
    <t>a Microsoft Access 2000 database that is used to determine and track eligibility for medical and dental services.</t>
  </si>
  <si>
    <t>DND-17097</t>
  </si>
  <si>
    <t>National Defence Identification System</t>
  </si>
  <si>
    <t>NDIS</t>
  </si>
  <si>
    <t>DND-1710</t>
  </si>
  <si>
    <t>DND-1711</t>
  </si>
  <si>
    <t>Central Computational Pay System</t>
  </si>
  <si>
    <t>CCPS</t>
  </si>
  <si>
    <t>Pay system for CAF Reg Force and members of the Res F on full-time service in support of the Reg F in excess of 30 days and Pension system for all members of the CAF. DND MISSION-CRITICAL SYSTEM.</t>
  </si>
  <si>
    <t>DND-1712</t>
  </si>
  <si>
    <t>Canadian Forces Integrated Relocation Program</t>
  </si>
  <si>
    <t>CFIRP</t>
  </si>
  <si>
    <t>related to the administration of CF moves</t>
  </si>
  <si>
    <t>DND-17124</t>
  </si>
  <si>
    <t>DND Species at Risk Inventory &amp; Reporting</t>
  </si>
  <si>
    <t>To facilitate compliance with the Species at Risk Act and Species at Risk MOU. Tracks confirmed/potential presence of species at risk on defence establishments and associated properties. SAR Survey and Inventory data. Aids in consultation with competent departments. Creates SAR Work Plans, Annual Report and S.83 notifications</t>
  </si>
  <si>
    <t>DND-17126</t>
  </si>
  <si>
    <t>Environmental Assessment Tracking System</t>
  </si>
  <si>
    <t>Automated registry to meet reporting requirements of CEAA, 2012.  Interactive report forms, Develops Environmental Assessment reports and integrate Strategic Environmental Assessments within database.  Also SEA Preliminary Scan interactive forms</t>
  </si>
  <si>
    <t>DND-1717</t>
  </si>
  <si>
    <t>D Pers AR Historical Report Inventory</t>
  </si>
  <si>
    <t>DND-1718</t>
  </si>
  <si>
    <t>Dental Information System</t>
  </si>
  <si>
    <t>DentIS</t>
  </si>
  <si>
    <t>used by dental detachments to assist in the management of dental care delivery  App is not supported by DHRIM (though I'm not sure who it is supported by), - Angela Omand, DHRIM 5.</t>
  </si>
  <si>
    <t>DND-1719</t>
  </si>
  <si>
    <t>DGADR Online Data Collection</t>
  </si>
  <si>
    <t>DGADR Online data collection / Collecte de données DGMARC en ligne Collection of data from DND/CF Conflict Management Program</t>
  </si>
  <si>
    <t>DND-172</t>
  </si>
  <si>
    <t>Newsletter Survey</t>
  </si>
  <si>
    <t>Web page</t>
  </si>
  <si>
    <t>DND-17240</t>
  </si>
  <si>
    <t>The Museum System</t>
  </si>
  <si>
    <t>TMS 2012</t>
  </si>
  <si>
    <t>Management and Oversight Services,Materiel Services,Other</t>
  </si>
  <si>
    <t>External:The Museum System 2012 CMS is the cultural sector’s leading collection management software system. It allows users to capture, manage and access museum collection information and facilitates cataloguing, media tracking, and coordination of exhibitions.  Internal: Used to catalogue and manage the artefacts at each of the 70 CAF museums.</t>
  </si>
  <si>
    <t>Gallery Systems</t>
  </si>
  <si>
    <t>DND-1725</t>
  </si>
  <si>
    <t>DSA Senior Officer Biographies</t>
  </si>
  <si>
    <t>SABI</t>
  </si>
  <si>
    <t>DND-17253</t>
  </si>
  <si>
    <t>Quick Scene</t>
  </si>
  <si>
    <t>QS</t>
  </si>
  <si>
    <t>Quick Scene software is a COTS product used to automate the creation of professional-looking road collision diagrams that will assist the Chain of Command to better understand the circumstances which led to a road collision and more importantly, help with the mitigation of future collisions.</t>
  </si>
  <si>
    <t>Virtualization Security Software</t>
  </si>
  <si>
    <t>DND-17266</t>
  </si>
  <si>
    <t>Military Employment Management System</t>
  </si>
  <si>
    <t>MEMS</t>
  </si>
  <si>
    <t>MEMS is a client server application to support the CAF occupational authorities and training institutions. The application is used to create and manage job-based specifications and manage succession planning.  In an effort to increase the efficient coordination of various personnel management functions, a new software capability that dynamically links Personnel Generation Requirement activities, Individual Training &amp; Education support functions, Establishment Management functions and Personnel Management functions is required.   Once in operation, MEMS will provide the following services:  - Organization &amp; Establishment management. The main functions will be to link Section and Position related information to the Job Based Specifications (JBS) of</t>
  </si>
  <si>
    <t>DND-17272</t>
  </si>
  <si>
    <t>Rimage Software Suite</t>
  </si>
  <si>
    <t>Software is used with Rimage CD/DVD Replicator model 5410N Professional.</t>
  </si>
  <si>
    <t>Rimage</t>
  </si>
  <si>
    <t>DND-17282</t>
  </si>
  <si>
    <t>Assets Accounting Tool - Class</t>
  </si>
  <si>
    <t>ACT - Class</t>
  </si>
  <si>
    <t>The Classified Assets Accounting Tool (CAAT) is a secure web (https) based, DWAN application designed to track Classified Standard Documents (CSD) and Classified IT Storage Media (ITSM) from receipt to destruction.</t>
  </si>
  <si>
    <t>DND-17295</t>
  </si>
  <si>
    <t>Silverrun</t>
  </si>
  <si>
    <t>Data Modeling tool, used for Military Pay application CCPS</t>
  </si>
  <si>
    <t>DND-1734</t>
  </si>
  <si>
    <t>Performance Evaluation Report Monitoring</t>
  </si>
  <si>
    <t>PERMON</t>
  </si>
  <si>
    <t>DND-1737</t>
  </si>
  <si>
    <t>Quality of Life Human Dimensions Deployment Study</t>
  </si>
  <si>
    <t>QOL HDDS</t>
  </si>
  <si>
    <t>tool for developing surveys in a fraction of the normal time required.</t>
  </si>
  <si>
    <t>DND-1740</t>
  </si>
  <si>
    <t>Electronic Selection Board</t>
  </si>
  <si>
    <t>DND-1741</t>
  </si>
  <si>
    <t>Canadian Forces Employment Equity Database</t>
  </si>
  <si>
    <t>CFEED</t>
  </si>
  <si>
    <t>DND-1742</t>
  </si>
  <si>
    <t>eRecruiting - Online Employment Application</t>
  </si>
  <si>
    <t>eRecruit-OEA</t>
  </si>
  <si>
    <t>this is the internet (general public facing) component of the eRecruiting system.  It is the system that houses the initial data collection items from potential recruitment candidates.</t>
  </si>
  <si>
    <t>DND-1744</t>
  </si>
  <si>
    <t>DHRIM Security Database</t>
  </si>
  <si>
    <t>DSD</t>
  </si>
  <si>
    <t>HRMS accounts are managed in the DND HRMS Security Access Database (DSD), a small MS-Access database.</t>
  </si>
  <si>
    <t>DND-1745</t>
  </si>
  <si>
    <t>Human Resources Management System - Civilian</t>
  </si>
  <si>
    <t>HRMS - Civ</t>
  </si>
  <si>
    <t>DND-1747</t>
  </si>
  <si>
    <t>Canadian Government Cataloging System</t>
  </si>
  <si>
    <t>CGCS</t>
  </si>
  <si>
    <t>The Canadian Government Catalogue of Materiel (CGCM) is a DVD snapshot taken every two months of what is included in the Canadian Government Cataloguing System (CGCS). The CGCM is designed as an offline tool that can be utilised in times when the DWAN intranet site is unavailable or should not be used for what ever reason. The CGCM also has a more robust search engine. In order to ensure that users are looking at the most current information, the CGCS would be the preferred source of information.The CGCS is used by all DND users of the Canadian Government Cataloguing System, for example Record Control Officers(RCOs), Technical Authorities (TAs), Life Cycle Maintenance Managers (LCMM), all the supply personnel across the country and DRMIS.</t>
  </si>
  <si>
    <t>DND-1748</t>
  </si>
  <si>
    <t>Canadian Government Catalogue of Materiel on DVD Image</t>
  </si>
  <si>
    <t>CGCM</t>
  </si>
  <si>
    <t>Current codification data is available from the Canadian Government Cataloguing System (CGCS).  DND has a key role in the Canadian Government Catalogue of Material (CGCM) which is used in part by DND and other Government departments to identify and safeguard controlled goods and/or controlled technology in Canada.</t>
  </si>
  <si>
    <t>DND-1768</t>
  </si>
  <si>
    <t>Rational DOORS Web Access</t>
  </si>
  <si>
    <t>DWA</t>
  </si>
  <si>
    <t>Rational DOORS Web Access provides web-based access to create, review, edit, and discuss requirements held in an IBM Rational DOORS database. Rational DOORS Web Access helps you promote collaboration and requirements use in your development process. This web client provides access to central requirements repository and to informal requirements discussions.</t>
  </si>
  <si>
    <t>DND-1769</t>
  </si>
  <si>
    <t>Rational DOORS Tender Assessment</t>
  </si>
  <si>
    <t>DOORS TA</t>
  </si>
  <si>
    <t>DOORS Tender Management is an effective audit and compliance monitoring tool for contracting activities and highly demanding to evaluate the Requirement Specification (RS) of the DND major crown projects bid.   The TA tool provides easy-to-use support for the assessment process. Provided as an additional DOORS component, DOORS/TM enables all the information associated with the assessment to be integrated with other information already stored in DOORS. Thus, DOORS links can be used to determine the impact of a change to an Invitation to Tender (ITT)</t>
  </si>
  <si>
    <t>DND-1770</t>
  </si>
  <si>
    <t>Primavera</t>
  </si>
  <si>
    <t>High end Scheduling tool - The recognized standard for high-performance project management Primavera Management, handles large-scale, highly sophisticated and multifaceted projects scheduling</t>
  </si>
  <si>
    <t>DND-1772</t>
  </si>
  <si>
    <t>Account Management</t>
  </si>
  <si>
    <t>ACMAN</t>
  </si>
  <si>
    <t>Account Management program is a central account management application. It allows creation, update and deletion of users, creation and deletion of user accounts, as well as tracking other actions against the user.</t>
  </si>
  <si>
    <t>DND-1774</t>
  </si>
  <si>
    <t>Aircraft Maintenance Records Repository</t>
  </si>
  <si>
    <t>AMR</t>
  </si>
  <si>
    <t>Aircraft Maintenance Records Repository is an information system that serves as the primary storage collective/archive for specific data/records generated as a result of maintenance actions performed on DND-operated aircraft, aircraft systems and/or aircraft equipment; including aircraft simulators, trainers and Automated Test Equipment (ATE). The data is systematically collected via various mechanisms; the primary ones being ADAM databases (used for almost all aircraft fleets), DMS (used solely by the CF-188 fleet), and hard copy paper forms (generally used by contractors at repair facilities). This application and database support over 1000 Life Cycle Material managers (LCMM) and others. AMR interfaces with a number of AEPM applications including ADA</t>
  </si>
  <si>
    <t>DND-1775</t>
  </si>
  <si>
    <t>Ammunition Information &amp; Management System</t>
  </si>
  <si>
    <t>Ammunition Information &amp; Management System is a computer assisted ammunition inventory management system designed to support ammunition specialists with their daily operations by organizing and standardizing various procedures.  AIMS 3.1 is the tool currently used by the ammunition community to electronically store logistical data on various ammunition at various locations and provide storage details. It also serves as a means to make users aware of current and new restrictions on ammunition as they are promulgated. The tool also has the capability to track the movement of ammunition from depot to depot.  AIMS allows the clients to manage DND ammunition receipts, storage, and distribution to Canadian Forces personnel.</t>
  </si>
  <si>
    <t>DND-1777</t>
  </si>
  <si>
    <t>Army Scaling Tool</t>
  </si>
  <si>
    <t>AST</t>
  </si>
  <si>
    <t>Army Scaling Tool is a web-based application that generates scaling reports for the National Support Element Maintenance Platoon (using data from various systems). It can also be used by Unit personnel to derive Unit scales based on Unit parameters.</t>
  </si>
  <si>
    <t>DND-1779</t>
  </si>
  <si>
    <t>Associated Docs Viewer</t>
  </si>
  <si>
    <t>ADV</t>
  </si>
  <si>
    <t>Associated Docs Viewer program provides a Materiel-Acquisition and Support Information System (MASIS) user access to the master document repository for the Canadian Navy located in the Operational Data Store (ODS). There are two folder structures for docs</t>
  </si>
  <si>
    <t>DND-1787</t>
  </si>
  <si>
    <t>Contract Data Management System</t>
  </si>
  <si>
    <t>Contract Data Management System is a web-based application used to request or report the exercising of MDN's Contracting Authority and to report Call-ups and Contracts against Supply Arrangement of all values. Current version was developed in .asp.  It has been re-designed in .NET 2.0 and enhancements are being developed.</t>
  </si>
  <si>
    <t>DND-1789</t>
  </si>
  <si>
    <t>Dangerous Goods Certification Recertification</t>
  </si>
  <si>
    <t>DGCRA</t>
  </si>
  <si>
    <t>Dangerous Goods Certification Recertification (eCourse) previously known as Dangerous Goods Hazmat Recertification application allows civilian and military personnel across DND/CAF, who are certified, to transport dangerous goods or handle hazardous materiel as consignors on behalf of DND.</t>
  </si>
  <si>
    <t>DND-179</t>
  </si>
  <si>
    <t>Personnel Electronic Records Management Information System</t>
  </si>
  <si>
    <t>PERMIS/PAERS</t>
  </si>
  <si>
    <t>DND-1790</t>
  </si>
  <si>
    <t>Demilitarization Code Challenge</t>
  </si>
  <si>
    <t>DMCC</t>
  </si>
  <si>
    <t>Web Application to support the Demilitarization Code (DMC) challenge process. An automated tool to request the review and update of demilitarisation codes (DMC). Part of CGCS</t>
  </si>
  <si>
    <t>DND-1793</t>
  </si>
  <si>
    <t>Docking Work Period</t>
  </si>
  <si>
    <t>DWP</t>
  </si>
  <si>
    <t>Docking Work Period Cost Database application was developed to manage the paperwork related to a ship refit (docking work period).  When a refit is started, a DWP database is created and the ship is identified.  Particularized Maintenance Repair Specification</t>
  </si>
  <si>
    <t>DND-1807</t>
  </si>
  <si>
    <t>Hazardous Materials Reference Application</t>
  </si>
  <si>
    <t>HMRA</t>
  </si>
  <si>
    <t>Hazardous Materials Reference Application.  Maintains data on Products used by the CF, their ingredient composition, hazard ranking scores and physical storage on CF bases.  Hazardous Material Reference System is an application that acts as a library.</t>
  </si>
  <si>
    <t>DND-1810</t>
  </si>
  <si>
    <t>Information Handling Services</t>
  </si>
  <si>
    <t>IHS</t>
  </si>
  <si>
    <t>Web based Commercial Specification &amp; Standards available for search or purchase/download.  Current contract is with IHS Systems for Engineering specifications, standards, manuals and technical publications</t>
  </si>
  <si>
    <t>DND-1811</t>
  </si>
  <si>
    <t>ImagePrep Plus</t>
  </si>
  <si>
    <t>IPrep Plus</t>
  </si>
  <si>
    <t>ImagePrep's powerful image processing tools can process scanned images and meta data.ImagePrep delivers high quality, properly named images of documents in combination with virtually any file format structure that can be launched for use with other applications. If you create scanned images of documents or work with files of scanned documents, you will want to use ImagePrep to obtain high quality, fully indexed images that are ready for use in document management and distribution systems....</t>
  </si>
  <si>
    <t>DND-1812</t>
  </si>
  <si>
    <t>In-Service Trials Agenda</t>
  </si>
  <si>
    <t>ISTA</t>
  </si>
  <si>
    <t>In-Service Trials agenda is a combination of an Access database, file structure and viewer application known as split vision that provides a structured, searchable method of retrieving In-Service Trials Agendas. The application accessible via the DGEMPM I</t>
  </si>
  <si>
    <t>DND-1817</t>
  </si>
  <si>
    <t>Maritime Open Data Environment - Operational Data Store</t>
  </si>
  <si>
    <t>MODE - ODS</t>
  </si>
  <si>
    <t>The Operational Data Store (ODS) project is a system that helps the navy manage its materiel support information. It manages information assets that must responds to business requirements. ODS was developed within the Maritime Open Data Environment (MODE) to ensure that changes in technologies do not drive change. Maritime Open Data Environment provides an organizational, technological and managerial framework for storing the important information we use to manage ships throughout their life cycle. The Operational Data Store of materiel support information in accessible SQL/ODBC data bases and Standard Generalized Markup Language (SGML).</t>
  </si>
  <si>
    <t>DND-1822</t>
  </si>
  <si>
    <t>National Access Control Point of Sale System</t>
  </si>
  <si>
    <t>NACPOSS</t>
  </si>
  <si>
    <t>National Access Control Point of Sale System. NACPOSS is a national access control point of sale system in the dining areas of all Canadian Forces (CF) bases.</t>
  </si>
  <si>
    <t>DND-1825</t>
  </si>
  <si>
    <t>National Payload Coordination Centre application</t>
  </si>
  <si>
    <t>NPCC</t>
  </si>
  <si>
    <t>National Payload Coordination Centre application IS to assist in the co-ordination of the movement of vehicles, coordination of the movement of special freight; and the managing of National Freight Runs (NFRs).</t>
  </si>
  <si>
    <t>DND-1829</t>
  </si>
  <si>
    <t>AEPM Performa</t>
  </si>
  <si>
    <t>Performa</t>
  </si>
  <si>
    <t>AEPM PERFORMA, or simply PERFORMA, is an equipment monitoring, data analysis and decision support application that provides information on the performance of Air Force weapon systems. Using in-service data, equipment from the top system level to the component level can be monitored and investigated. AEPM PERFORMA has been developed specifically for Aerospace Equipment Managers and support staff to aid in overseeing equipment. The main source of data for Performa is provided by AMR (APM 1774). (DAEBM)</t>
  </si>
  <si>
    <t>DND-1834</t>
  </si>
  <si>
    <t>Postal Tracing System</t>
  </si>
  <si>
    <t>The Postal Tracking System application is designed to manage address information for all CF members regardless of where they are posted on duty. The system will provide a basic delivery address for each member based on the CF unit to which they have been assigned. Additional address information may  be provided in the case of members on temporary duty or for those members (typically on overseas postings) with dependants.</t>
  </si>
  <si>
    <t>DND-1835</t>
  </si>
  <si>
    <t>Print On Demand</t>
  </si>
  <si>
    <t>The system is used to manage and deliver electronic publications to DND and the CF. The DSCO PD currently houses 44,000+ electronic publications for electronic and paper distribution. Electronic copies of uncontrolled publications are made available via the DSCO e-Publications web site</t>
  </si>
  <si>
    <t>DND-1852</t>
  </si>
  <si>
    <t>Quartermasters Transfer Order</t>
  </si>
  <si>
    <t>QTO</t>
  </si>
  <si>
    <t>Quartermasters Transfer Order (QTO) recording process is an aircraft movement authorization process used within the air force for control of the transfer of major and associated air force equipment. The QTO serves as a national inventory record of all air</t>
  </si>
  <si>
    <t>DND-1858</t>
  </si>
  <si>
    <t>Materiel Group Technical Resource Centre (Library)</t>
  </si>
  <si>
    <t>TRC</t>
  </si>
  <si>
    <t>The Mat Group Technical Resource Centre was developed to manage; acquisition, storage, retrieval and loans of technical resource material to members of DND/CF located at LSTL.  Additionally provides a Web portal to various Technical Repositories in DND/CF</t>
  </si>
  <si>
    <t>DND-1860</t>
  </si>
  <si>
    <t>Unsatisfactory Condition Reporting</t>
  </si>
  <si>
    <t>UCRS</t>
  </si>
  <si>
    <t>Unsatisfactory Condition Reporting (UCRS) System is a development of ADMMAT DMPP. It functions as an electronic version of existing UCRs, TFRs, SA Awards and MARs, providing automated processing. It may be used by all members of all branches of the Canadian Armed Forces, from units in the field, to various headquarters.</t>
  </si>
  <si>
    <t>DND-1873</t>
  </si>
  <si>
    <t>Integrated Fire Services Management and Reporting System</t>
  </si>
  <si>
    <t>IFSMR</t>
  </si>
  <si>
    <t>Provides an integrated, web-based system supporting all fire hall management and reporting requirements and supports the production of the CF Fire Marshal's Annual Report.</t>
  </si>
  <si>
    <t>DND-188</t>
  </si>
  <si>
    <t>CFPSA Community Gateway</t>
  </si>
  <si>
    <t>(In Development)</t>
  </si>
  <si>
    <t>DND-1883</t>
  </si>
  <si>
    <t>Spatial Information Management System</t>
  </si>
  <si>
    <t>SIMS</t>
  </si>
  <si>
    <t>Spatial information system providing access to information residing in I&amp;E applications through the use of interactive maps. Serves as an integrator and intuitive means of accessing data from a variety of disparate databases</t>
  </si>
  <si>
    <t>DND-1887</t>
  </si>
  <si>
    <t>Incident Management System - Unclassified</t>
  </si>
  <si>
    <t>IMS - Unclas</t>
  </si>
  <si>
    <t>C2  Application - Incident Management System on GPNet</t>
  </si>
  <si>
    <t>DND-191</t>
  </si>
  <si>
    <t>Health Promotion Gateway</t>
  </si>
  <si>
    <t>DND-192</t>
  </si>
  <si>
    <t>HR Member Services Portal</t>
  </si>
  <si>
    <t>DND-194</t>
  </si>
  <si>
    <t>EXPRES Fit Test Application</t>
  </si>
  <si>
    <t>DND-198</t>
  </si>
  <si>
    <t>Met Manager</t>
  </si>
  <si>
    <t>1.3 Ongoing Centralized Operations &amp; Operational Enablement</t>
  </si>
  <si>
    <t>It is a technical application designed to manipulate and display meteorological data and information.</t>
  </si>
  <si>
    <t>DND-20030</t>
  </si>
  <si>
    <t>Project Portfolio Management</t>
  </si>
  <si>
    <t>Information Management Services,Information Technology Services,Materiel Services</t>
  </si>
  <si>
    <t>CA Clarity (old)</t>
  </si>
  <si>
    <t>DND-20071</t>
  </si>
  <si>
    <t>7-Zip</t>
  </si>
  <si>
    <t>7-ZIP is a free application file archiver which is uses high compression ratio in 7z format with LZMA and LZMA2 compression.  Supported formats:  - Packing / unpacking: 7z, XZ, BZIP2, GZIP, TAR, ZIP and WIM  - Unpacking only: ARJ, CAB, CHM, CPIO, CramFS, DEB, DMG, FAT, HFS, ISO, LZH, LZMA, MBR, MSI, NSIS, NTFS, RAR, RPM, SquashFS, UDF, VHD, WIM, XAR and Z.  - For ZIP and GZIP formats, 7-Zip provides a compression ratio that is 2-10 % better than the ratio provided by PKZip and WinZip  - Strong AES-256 encryption in 7z and ZIP formats  - Self-extracting capability for 7z format  - Integration with Windows Shell  - Powerful File Manager  - Powerful command line version  - Plugin for FAR Manager  Vendor link: http://www.7-zip.org/</t>
  </si>
  <si>
    <t>DND-20104</t>
  </si>
  <si>
    <t>Map 3D</t>
  </si>
  <si>
    <t>Mapping softwrae from Autodesk</t>
  </si>
  <si>
    <t>AutoCAD Map 3D requires a more powerful computer than is generally found for most DWAN users.</t>
  </si>
  <si>
    <t>DND-20105</t>
  </si>
  <si>
    <t>Raster Design</t>
  </si>
  <si>
    <t>Tool that extends core AutoCAD products to work with raster imagery.  Raster Design is distributed as part of AEC Collections. See that product APM entry for O&amp;M costs</t>
  </si>
  <si>
    <t>DND-20107</t>
  </si>
  <si>
    <t>PowerShell Studio</t>
  </si>
  <si>
    <t>Scripting and tool-making environment with auto-complete and form development capability. Many built-in functions for easier development and GUI forms dev provides a user-friendly interface for running automation scripts. Permits the packaging of the script into a tamper-resistant executable format.  https://www.sapien.com/software/powershell_studio</t>
  </si>
  <si>
    <t>DND-20203</t>
  </si>
  <si>
    <t>Purkinje Electronic Medical Record</t>
  </si>
  <si>
    <t>CFHIS-PK EMR</t>
  </si>
  <si>
    <t>COTS software that manages the Electronic Medical Record.  Primary piece of CFHIS</t>
  </si>
  <si>
    <t>DND-20204</t>
  </si>
  <si>
    <t>ADSTRA Dental XRay &amp; Imaging - CFHIS</t>
  </si>
  <si>
    <t>CFHIS-Adstra</t>
  </si>
  <si>
    <t>COTS software that manages Dental portion of CFHIS, includes capturing dental images / x-rays.</t>
  </si>
  <si>
    <t>DND-20206</t>
  </si>
  <si>
    <t>SCC SoftRad Radiology Information System - CFHIS</t>
  </si>
  <si>
    <t>CFHIS-SCC RIS</t>
  </si>
  <si>
    <t>COTS software that manages the Radiology equipment (X-Rays, etc.) and feeds reports to Purkinje via Health Share.  Images are managed by AGFA / PACS in separate PB enclave.</t>
  </si>
  <si>
    <t>DND-20209</t>
  </si>
  <si>
    <t>SCC SoftLab Laboratory Information System - CFHIS</t>
  </si>
  <si>
    <t>CFHIS-SCC LIS</t>
  </si>
  <si>
    <t>COTS software that manages the Laboratory equipment / tests (Blood Tests, etc.) and feeds lab results to Purkinje via Health Share.</t>
  </si>
  <si>
    <t>DND-20228</t>
  </si>
  <si>
    <t>GCDocs - DND hosted</t>
  </si>
  <si>
    <t>DND-20254</t>
  </si>
  <si>
    <t>Electronic Data Exchange</t>
  </si>
  <si>
    <t>EDE</t>
  </si>
  <si>
    <t>The Electronic Data Exchange (EDE) components on DWAN) provide the electronic message brokering functionality, which provides integration services between DND/Canada and Industry Partner systems  The Defence Resource Management Information System (DRMIS / SIGRD) serves as the Department of National Defence financial system of record, material acquisition and support system, workforce management system and weapons and vehicle life cycle management system.</t>
  </si>
  <si>
    <t>DND-20302</t>
  </si>
  <si>
    <t>LabelView</t>
  </si>
  <si>
    <t>LV</t>
  </si>
  <si>
    <t>Barcode label design application. Used for munitions stored at Depot.  The product will be installed on a standalone system, with no external connections. It is used to create weatherproof labels for ammunition. There are no data sensitivity issues. Implementation will require a one-time transfer of the existing library to the new Win7 standalone. We will accomplish this using an approved USB stick to copy the library from the existing system, a data transfer workstation (DTW) to scan for viruses then introduce it to the new system.  This product is used by ammunition workers in in order to perform their daily duties when shipping/packaging ammo.</t>
  </si>
  <si>
    <t>DND-20305</t>
  </si>
  <si>
    <t>Enterprise Data Collaborative System - CC130J</t>
  </si>
  <si>
    <t>EDCS - CC130J</t>
  </si>
  <si>
    <t>Enterprise Data Collaborative System is used to produce CC130J Materials and processes specifications for use by the CC130J maintenance and engineering community in Aerospace Equipment Program Management (Transport) (DAEPM(T)).</t>
  </si>
  <si>
    <t>DND-20307</t>
  </si>
  <si>
    <t>Information Management Services,Information Management Services</t>
  </si>
  <si>
    <t>DND-20308</t>
  </si>
  <si>
    <t>Learning and Development Plan</t>
  </si>
  <si>
    <t>eLDP</t>
  </si>
  <si>
    <t>Purpose: To provide a front-end user interface for created electronic LDP's  Function: Create LDP's Change existing LDP's View LDP status View LDP history</t>
  </si>
  <si>
    <t>DND-20309</t>
  </si>
  <si>
    <t>Critical Work Orders</t>
  </si>
  <si>
    <t>CWO</t>
  </si>
  <si>
    <t>6.2 Resources Management Services (Requires Update)</t>
  </si>
  <si>
    <t>Purpose Used by FMF CB Production Group to review, add supplemental data and flag Work Orders from DRMIS.  Function To radically improve visibility of DRIMIS work orders and to track extended data sets that DRMIS is not yet able to store.</t>
  </si>
  <si>
    <t>DND-20310</t>
  </si>
  <si>
    <t>Canadian Infrastructure Database - CJOC</t>
  </si>
  <si>
    <t>Provides Command HQ and the six Regional JTFs the geospatial and infrastructure information required for the planning and conduct of domestic operations. The CCID will facilitate a better understanding of the ground through terrain visualization tools that will facilitate pro-active planning and increased readiness to work with Other Government Departments for domestic contingencies. There is actually no such system providing this capability. The CCID/Portal will provide OGC-compliant  web-enabled GIS on the DWAN to complement the support to domestic Ops.  The portal, which is not browser dependant, will provide the capability of integrating various geospatial data and metadata, DND infrastructure and other operational data into a single viewer.</t>
  </si>
  <si>
    <t>DND-20312</t>
  </si>
  <si>
    <t>MATLAB</t>
  </si>
  <si>
    <t>MATLAB is a multi-paradigm numerical computing environment and fourth-generation programming language. A proprietary programming language developed by MathWorks, MATLAB allows matrix manipulations, plotting of functions and data, implementation of algorithms, creation of user interfaces, and interfacing with programs written in other languages, including C, C++, C#, Java, Fortran and Python.</t>
  </si>
  <si>
    <t>DND-20314</t>
  </si>
  <si>
    <t>Air Force Grow</t>
  </si>
  <si>
    <t>AFGROW</t>
  </si>
  <si>
    <t>AFGROW damage tolerance analysis software (US Air Force), a Fracture Mechanics and Fatigue Crack Growth Analysis software tool will be installed Q2 2016 stand alone on an NCR-Net computer by OWSM contractor for CC130. per Flight Sciences, DTAES 7-5</t>
  </si>
  <si>
    <t>DND-20316</t>
  </si>
  <si>
    <t>Integrate Program View</t>
  </si>
  <si>
    <t>IPV</t>
  </si>
  <si>
    <t>Created as part of the Maritime Equipment Program’s Strategic initiative, the Integrated Program View (IPV) provides a framework to manage the complex Maritime Equipment Program (MEP) in support of the current and future fleets. The IPV tool provides a dynamic or “live” visualization of the MEP based on milestones identified in the Equipment and Functional Group Program Plans, Class Program Plans, Functional Programs Plans and the MEP Plan. The new Access version of the IPV provides users the ability to track and status their milestones. The IPV provides visibility of the status of planned and arising MEPM work in a central location and is used for performance reporting.</t>
  </si>
  <si>
    <t>DND-20317</t>
  </si>
  <si>
    <t>Interactive Authoring and Display System - CH147F</t>
  </si>
  <si>
    <t>IADS - CH147F</t>
  </si>
  <si>
    <t>Interactive Authoring And Display System (IADS) CH147F is a government provided Interactive Electronic Technical Manual (IETM) solution developed by the US Army's Aviation &amp; Missile Life cycle management command. Any branch of the military or non military organization can use it effectively. It allows the CH147F Chinook helicopter technicians to gain experience addressing a number of scenarios. This application is required to view the US IETP (GFI information).</t>
  </si>
  <si>
    <t>DND-20318</t>
  </si>
  <si>
    <t>General Officer Flag Officer Succession Planner</t>
  </si>
  <si>
    <t>GOFO Succession Planner</t>
  </si>
  <si>
    <t>Communications Services,Human Resources Management Services,Human Resources Management Services</t>
  </si>
  <si>
    <t>DND-20319</t>
  </si>
  <si>
    <t>DND-20323</t>
  </si>
  <si>
    <t>Pointwise</t>
  </si>
  <si>
    <t>PW</t>
  </si>
  <si>
    <t>Pointwise, an engineering software for meshing computer models for post processing results related work -computational fluid dynamics (CFD). Pointwise will be installed Q2 2016 stand alone on an NCR-Net computer. No plan to install any of the software on the DWAN, so no RFC or Assyst ticket is required. per Laird McKinnon Flight Sciences, DTAES 7-5</t>
  </si>
  <si>
    <t>DND-20324</t>
  </si>
  <si>
    <t>MATLAB, an engineering software for post processing results related work, will be installed Q2 2016 stand alone on an NCR-Net computer. No plan to install any of the software on the DWAN, so no RFC or Assyst ticket is required. per Laird McKinnon Flight Sciences, DTAES 7-5</t>
  </si>
  <si>
    <t>DND-20325</t>
  </si>
  <si>
    <t>Solidworks Platinum</t>
  </si>
  <si>
    <t>Solid Platinum</t>
  </si>
  <si>
    <t>Solidworks Platinum, 3D CAD software combined with advanced simulation capabilities, is an engineering software for computer aided design for airframe structures related work will be installed Q2 2016 stand alone on an NCR-Net computer. No plan to install any of the software on the DWAN, so no RFC or Assyst ticket is required. per Laird McKinnon Flight Sciences, DTAES 7-5</t>
  </si>
  <si>
    <t>DND-20326</t>
  </si>
  <si>
    <t>Wolfram Research</t>
  </si>
  <si>
    <t>WolfRes</t>
  </si>
  <si>
    <t>Is computational technology knowledge software.</t>
  </si>
  <si>
    <t>DND-20327</t>
  </si>
  <si>
    <t>Interactive Electronic Technical Manual - CT114</t>
  </si>
  <si>
    <t>IETM - CT114</t>
  </si>
  <si>
    <t>The CT-114 Interactive Electronic Technical Manuals (IETM) are the collection of all technical publications for Canadair CT-114 Tutor first line maintenance including modification information. They are used by the first line maintenance community on Canadian Air Force (CAF) operating bases, the maintenance community in NDHQ and the third line maintenance community at CAF contractor facilities. On Windows 7, this application can be found in the Internet Explorer Favorites under ~DND(En).</t>
  </si>
  <si>
    <t>DND-20328</t>
  </si>
  <si>
    <t>Call Pilot</t>
  </si>
  <si>
    <t>This is an Oulook plug-in allowing a connection to a voice mail server for listening and managing (delete) of voice messages from Outlook.</t>
  </si>
  <si>
    <t>DND-20329</t>
  </si>
  <si>
    <t>ANCILE uPerform Client: "Provide context sensitive Help  from within the SAP application and simulation display (All DRMIS users) Provide abilities to record simulation for end users (200 users)"</t>
  </si>
  <si>
    <t>DND-20333</t>
  </si>
  <si>
    <t>Geomagic Capture</t>
  </si>
  <si>
    <t>Geo Cap</t>
  </si>
  <si>
    <t>Geomagic Capture is a powerful turnkey 3D scanner and is packaged with a number of design and inspection software products. It allows for quick scan based design workflows and also provides fast scan-to-CAD comparison and dimensioning so part quality can be verified and manufacturing errors can be reduced.</t>
  </si>
  <si>
    <t>DND-20334</t>
  </si>
  <si>
    <t>BarTender Professional</t>
  </si>
  <si>
    <t>BarTender Pro</t>
  </si>
  <si>
    <t>Software to create labels, barcodes, cards and RFID design capabilities, and access to external data and support for RFID tags and labels.</t>
  </si>
  <si>
    <t>DND-20335</t>
  </si>
  <si>
    <t>Canadian Forces Europe Database</t>
  </si>
  <si>
    <t>CFE DB</t>
  </si>
  <si>
    <t>DND-20338</t>
  </si>
  <si>
    <t>Power BI</t>
  </si>
  <si>
    <t>Power BI is a business analytics service provided by Microsoft. It provides interactive visualizations with self-service business intelligence capabilities, where end users can create reports and dashboards by themselves, without having to depend on information technology staff or database administrators</t>
  </si>
  <si>
    <t>DND-20339</t>
  </si>
  <si>
    <t>Naval Integrated Tactical Environmental System II ReDesign</t>
  </si>
  <si>
    <t>NITES 2R</t>
  </si>
  <si>
    <t>The Canadian Allied Environmental Support System (C-AESS) was an Acoustic Range Prediction (ARP) system in use on the RCN ships. The system became obsolete. An SOCD identifying the system's many shortfalls was raised in 2005. C-AESS has since been removed from service leaving the RCN without an Acoustic Range Prediction capability.</t>
  </si>
  <si>
    <t>DND-20340</t>
  </si>
  <si>
    <t>Aeroport - CC130J</t>
  </si>
  <si>
    <t>Aeroport is a Lockheed Martin owned and supported portal used to access CC130J Lockheed Martin documentation and fleet performance reports used by the CC130J maintenance and engineering community. The portal is accessible from the DWAN but users have encountered connectivity issues.</t>
  </si>
  <si>
    <t>DND-20341</t>
  </si>
  <si>
    <t>Interactive Electronic Technical Publication - CC130J</t>
  </si>
  <si>
    <t>IETP - CC130J</t>
  </si>
  <si>
    <t>CC130J IETP is the Interactive Electronic Technical Publication for aviation -specifically the C130J Hercules from Lockheed Martin. It is leading-edge and S1000D-compliant. It is hosted by IMP AEROSPACE which won the multiyear In Service Support Contract (ISSC) contract and supported by a L3 MAS contractor. This IETP business represents an integral project within the execution of the Air Capability Program.</t>
  </si>
  <si>
    <t>DND-20342</t>
  </si>
  <si>
    <t>Block 4 Configuration Management - CP140</t>
  </si>
  <si>
    <t>Block 4 CM - CP140</t>
  </si>
  <si>
    <t>Baseline and configuration item tracking for the Lockheed CP-140 Aurora Incremental Modernization Project Block 4. MS Access database</t>
  </si>
  <si>
    <t>DND-20357</t>
  </si>
  <si>
    <t>Professional Development Training Management System</t>
  </si>
  <si>
    <t>PDTMS</t>
  </si>
  <si>
    <t>As a complement to the national system of record, the in-house-developed PDTMS (Professional Development Training Management System) will enable operational management capabilities that are not available in the national software package, e.g. integrated capability to manage training facilities, training staff requirement, qualification management (relationships, definitions and properties), candidate selection and training conduct.</t>
  </si>
  <si>
    <t>DND-20358</t>
  </si>
  <si>
    <t>Digital Negative Converter</t>
  </si>
  <si>
    <t>DNG Converter</t>
  </si>
  <si>
    <t>Adobe DNG Converter is a free utility that converts files from more than 75 cameras to Digital Negative (DNG), enables you to easily convert camera-specific RAW files to a more universal DNG RAW file.</t>
  </si>
  <si>
    <t>DND-20359</t>
  </si>
  <si>
    <t>Solid Edge Viewer</t>
  </si>
  <si>
    <t>SEV</t>
  </si>
  <si>
    <t>Solid Edge Viewer allows you to interactively view Solid Edge 3D models and drawings. Rotate, pan, and zoom 3D CAD models, and save images and email them as needed. The Solid Edge Viewer will allow you to open and view Solid Edge assembly, part, sheet metal and draft files, as well as 2D files including DXF, CGM and AutoCAD DWG files and PCF files.</t>
  </si>
  <si>
    <t>DND-20360</t>
  </si>
  <si>
    <t>Installation Manager</t>
  </si>
  <si>
    <t>IBM Installation Manager 1.7 has been made generally available and contains fixes to version 1.6.3 including all predecessor fix packs. No Charge Item from IBM, required to install other IBM desktop products. AR00728, AR00729 including installs, patches and upgrades.</t>
  </si>
  <si>
    <t>Can be installed on various platforms. In this case baseline DWAM windows for the desktops is used.</t>
  </si>
  <si>
    <t>DND-20361</t>
  </si>
  <si>
    <t>Python</t>
  </si>
  <si>
    <t>"Python is a widely used high-level programming language for general-purpose programming, created by Guido van Rossum and first released in 1991. An interpreted language, Python has a design philosophy that emphasizes code readability (notably using whitespace indentation to delimit code blocks rather than curly brackets or keywords), and a syntax that allows programmers to express concepts in fewer lines of code than might be used in languages such as C++ or Java.[22][23] The language provides constructs intended to enable writing clear programs on both a small and large scale.[24]</t>
  </si>
  <si>
    <t>DND-20362</t>
  </si>
  <si>
    <t>Logitech Gaming Software</t>
  </si>
  <si>
    <t>Log Gaming</t>
  </si>
  <si>
    <t>Logitech Gaming Software lets you customize Logitech G gaming mice, keyboards, headsets and select wheels.</t>
  </si>
  <si>
    <t>DND-20371</t>
  </si>
  <si>
    <t>SecureFX</t>
  </si>
  <si>
    <t>secure file transfer client that enables file transfer operations and site synchronization. It provides authentication mechanism of Secure Shell protocol to data-in-transit. Integration with SecureCRT saves time with shared sessions and settings.</t>
  </si>
  <si>
    <t>DND-20388</t>
  </si>
  <si>
    <t>FlexLM - AutoDesk</t>
  </si>
  <si>
    <t>FlexLM</t>
  </si>
  <si>
    <t>FlexLM is a software license manager which implements license management and is intended to be used in corporate environments to provide floating licenses to multiple end users of computer software.   FlexLM software is important to keep engineering software running. This supports operations and maintenance activities.  Autodesk used FlexLM software to manage its suite of products. The FlexLM software is installed on a server and runs as a service. A license file controls how many license and what products are served. Licenses of Autodesk software are controlled by the Autodesk LCAM in ADM(IE).,</t>
  </si>
  <si>
    <t>DND-20397</t>
  </si>
  <si>
    <t>Architecture, Engineering &amp; Construction Collection</t>
  </si>
  <si>
    <t>AEC Collection</t>
  </si>
  <si>
    <t>Communications Services,Real Property Services</t>
  </si>
  <si>
    <t>AEC Collections is a grouping of software products from Autodesk which support Architectural, Engineering, and Construction activities. AEC Collections includes the following titles:   Revit, Civil 3D, InfraWorks, AutoCAD,  AutoCAD Map 3D, Raster Design, Navisworks Manage, 3ds Max   Autodesk is moving away from version numbers for its product range.</t>
  </si>
  <si>
    <t>AEC Collections components work with DWAN Win 7 / Win 10 OS. Users will require more performing workstations than standard business workstations. ADMIE is going to lifecycle workstations for users who require AEC Collections software to ensure they have hardware that can support the software. e.g. graphica cards, ram, upgrade, solid state drive/</t>
  </si>
  <si>
    <t>DND-2052</t>
  </si>
  <si>
    <t>Ammunition Material Management System Backup Viewer</t>
  </si>
  <si>
    <t>AMMS BV</t>
  </si>
  <si>
    <t>DND-2060</t>
  </si>
  <si>
    <t>Health Usage and Monitoring System - CH146</t>
  </si>
  <si>
    <t>HUMS - CH146</t>
  </si>
  <si>
    <t>This record is for the HUMS network, APM 2793 is for Ground Based Station. Converted to a MS Windows OS. Tracks health and usage information used for analysis, trending and maintenance planning on the CH146 Griffon helicopter.</t>
  </si>
  <si>
    <t>DND-2130</t>
  </si>
  <si>
    <t>Audit and Evaluation Recommendation Management System</t>
  </si>
  <si>
    <t>AERMS</t>
  </si>
  <si>
    <t>DND-2147</t>
  </si>
  <si>
    <t>GLAS and WebOPAC Software</t>
  </si>
  <si>
    <t>GLAS / WebOPAC</t>
  </si>
  <si>
    <t>NDHQ Library Catalogue</t>
  </si>
  <si>
    <t>EOS International  GLAS</t>
  </si>
  <si>
    <t>DND-2181</t>
  </si>
  <si>
    <t>Autoload Control MFC Application</t>
  </si>
  <si>
    <t>Autoload</t>
  </si>
  <si>
    <t>DND-2182</t>
  </si>
  <si>
    <t>Military Compensation Systems Change Request Database</t>
  </si>
  <si>
    <t>CR DB</t>
  </si>
  <si>
    <t>Business CM tracking &amp; reporting DB for CCPS application used by MilPay Ops, client Business &amp; Functional Requirements, Pension Services, DHRIM 9.</t>
  </si>
  <si>
    <t>DND-2184</t>
  </si>
  <si>
    <t>Contingency Payments Database</t>
  </si>
  <si>
    <t>Contingency DB</t>
  </si>
  <si>
    <t>Database of payments outside of RPSR, primarily used by used by MilPay Ops to track and report on payments to Reserve Force members outside of RPSR (contingency payments).</t>
  </si>
  <si>
    <t>DND-2185</t>
  </si>
  <si>
    <t>DG FinOps Nominal Roll Database</t>
  </si>
  <si>
    <t>NRDB</t>
  </si>
  <si>
    <t>DND-2193</t>
  </si>
  <si>
    <t>Office of the Superintendant of Financial Institutions Arrears</t>
  </si>
  <si>
    <t>OSFI Calculator</t>
  </si>
  <si>
    <t>This program calculates the outstanding arrears of an election as of a particular date, and is also used to calculate the arrears owing for a Pre CIF election.</t>
  </si>
  <si>
    <t>DND-2194</t>
  </si>
  <si>
    <t>Optional Survivors Benefits</t>
  </si>
  <si>
    <t>OSB</t>
  </si>
  <si>
    <t>Program for pensioners who marry after the age 60 to provide a form of survivor benefit. The program calculates the reduction  to the monthly pension based on three different levels. The pensioner choses which level they want and the monthly pension is reduced accordingly.</t>
  </si>
  <si>
    <t>DND-2195</t>
  </si>
  <si>
    <t>Overpayment Recovery Calculator</t>
  </si>
  <si>
    <t>Calculates the monthly recovery rate to be used when recovering an overpayment from a pension (includes interest and mortality charge)</t>
  </si>
  <si>
    <t>DND-2196</t>
  </si>
  <si>
    <t>Past Service Pensionable Calculation System</t>
  </si>
  <si>
    <t>PSPCS</t>
  </si>
  <si>
    <t>Used to produce Statement of Service for pre CIF members and the CFSA 300 for all of other cases. Calculates buyback cost of Return of Contributions and PSSA/RCMPSA/Foreign Service Elections.</t>
  </si>
  <si>
    <t>DND-2197</t>
  </si>
  <si>
    <t>Pension Adjustment Reversal</t>
  </si>
  <si>
    <t>PAR</t>
  </si>
  <si>
    <t>DND-2198</t>
  </si>
  <si>
    <t>Pension Benefit Division Act</t>
  </si>
  <si>
    <t>PBDA</t>
  </si>
  <si>
    <t>used to calculate the PBDA value for a pension division</t>
  </si>
  <si>
    <t>DND-2203</t>
  </si>
  <si>
    <t>SIN to Service Number Converter</t>
  </si>
  <si>
    <t>SIN2SN</t>
  </si>
  <si>
    <t>Used to determine the SN or SIN when we are provided with only one.</t>
  </si>
  <si>
    <t>DND-2209</t>
  </si>
  <si>
    <t>Reserve Force T4 Database</t>
  </si>
  <si>
    <t>Res F T4 DB</t>
  </si>
  <si>
    <t>RPSR T4 data by member for various years. Used by MilPay Ops to action corrections to tax documents (amendments, cancellations), reprint tax documents (duplicate documents, with no corrections), and produce reports used in the creation of summaries for Revenue Cda and Revenue QC.</t>
  </si>
  <si>
    <t>DND-229</t>
  </si>
  <si>
    <t>Authoring, Publishing and Distribution System</t>
  </si>
  <si>
    <t>APDS</t>
  </si>
  <si>
    <t>Technical Data (SGML Publications) Repository (APDS). Library of Native File Format for Publications used for Authoring, Editing (Introduction Change &amp; Revision) &amp; Translation. This is a COTS application named Konfig CM.</t>
  </si>
  <si>
    <t>Konfig</t>
  </si>
  <si>
    <t>DND-2369</t>
  </si>
  <si>
    <t>Automated Fuel Data System</t>
  </si>
  <si>
    <t>AFDS</t>
  </si>
  <si>
    <t>Automated Fuel Distribution System is a pilot project aimed at capturing and automating CF fuel transactions inbound &amp; outbound. Installed on 10 locations, it consists of a local database that records fuel transactions, grade, types, amounts, volumes, vehicle information UIC/mileage, and driver information at the pump level.</t>
  </si>
  <si>
    <t>DND-2423</t>
  </si>
  <si>
    <t>Batch Upload System</t>
  </si>
  <si>
    <t>BUS</t>
  </si>
  <si>
    <t>The BUS is a suite of data collection tools for supply technicians (Mounting, Closure, RSAT, TAT)</t>
  </si>
  <si>
    <t>DND-2463</t>
  </si>
  <si>
    <t>Interactive Electronic Technical Manual - CC130 E/H</t>
  </si>
  <si>
    <t>IETM - CC130 E/H</t>
  </si>
  <si>
    <t>The CC130 Interactive Electronic Technical Manual (IETM) is the electronic web reference of CC130 technical publications for use by the CC130 Hercules maintenance and engineering community.</t>
  </si>
  <si>
    <t>DND-249</t>
  </si>
  <si>
    <t>CAP Database (Capital funds)</t>
  </si>
  <si>
    <t>CAP DB</t>
  </si>
  <si>
    <t>This is an MS Access database application used within DGAEPM to compile financial data related to Capital funds. It is used by a single user in the Directorate of Aerospace Requirements (DAP).</t>
  </si>
  <si>
    <t>DND-2542</t>
  </si>
  <si>
    <t>Configuration Management Information System</t>
  </si>
  <si>
    <t>CMIS-IRIS</t>
  </si>
  <si>
    <t>Configuration Management Information System (CMIS) is a client-server application that contains all the configuration management (CM) information related to the Land Command Support System (LCSS). The application is a client-server powerbuilder application.</t>
  </si>
  <si>
    <t>Canadian Civil Aircraft Register Computer System Evolution</t>
  </si>
  <si>
    <t>DND-2768</t>
  </si>
  <si>
    <t>CF vehicle fleet database  Fleet Management System has been used by the Transport organization to manage DND's fleet of vehicles since October 2005."Comment" Yves Riel: The information in this column is wrong, the current WEB Version of FMS has been in use since 2005, however this application dates back to 1997, and has continued to be developped and changed to meet the demands ever since.</t>
  </si>
  <si>
    <t>DND-2844</t>
  </si>
  <si>
    <t>OpenText Desktop Viewer</t>
  </si>
  <si>
    <t>OpenText Desktop Viewer is a powerful tool for document viewing, accessing, sharing, and distributing your company's information Viewer/ Bulk converter of various file formats</t>
  </si>
  <si>
    <t>DND-2866</t>
  </si>
  <si>
    <t>Intergraph SmartPlant Markup Plus Graphics Viewer</t>
  </si>
  <si>
    <t>ISPMGV</t>
  </si>
  <si>
    <t>Image Viewer - to be used  for Directa images. SmartPlant® Markup Plus provides precision view, print, and markup capabilities to the CAD and raster formats commonly used in process engineering applications.</t>
  </si>
  <si>
    <t>DND-291</t>
  </si>
  <si>
    <t>Defence Customs Brokerage System (Visual Importer)</t>
  </si>
  <si>
    <t>DCBS</t>
  </si>
  <si>
    <t>The Defence Customs Brokerage System (DCBS) is a COTS package called “Visual Importer” that has been modified for DND. DCBS is used to report all inbound importations by DND to effect the customs clearance and to process the accounting for the duties and taxes for DND.  Currently, all of the incoming information is in hard copy format. DCBS is a client/server application.</t>
  </si>
  <si>
    <t>viWFM</t>
  </si>
  <si>
    <t>DND-2913</t>
  </si>
  <si>
    <t>Laboratory Virtual Instrument Engineering Workbench</t>
  </si>
  <si>
    <t>LabView</t>
  </si>
  <si>
    <t>LabVIEW is system design software that provides engineers and scientists with the tools needed to create and deploy measurement and control systems.</t>
  </si>
  <si>
    <t>National Instruments: LabView</t>
  </si>
  <si>
    <t>DND-31</t>
  </si>
  <si>
    <t>Automated Cashier System</t>
  </si>
  <si>
    <t>The ACS is a Visual FoxPro (VFP) Fileserver application. The application provides DND Cashiers with a full range of automated functions including: 1. Issuing Cash, Cheque and DFT payments; 2. Selling and purchasing of financial instruments i.e. advances;</t>
  </si>
  <si>
    <t>DND-3243</t>
  </si>
  <si>
    <t>PitStop Professional</t>
  </si>
  <si>
    <t>Pitstop Pro</t>
  </si>
  <si>
    <t>Add-on software for Acrobat Professional - Production of print copies</t>
  </si>
  <si>
    <t>DND-3250</t>
  </si>
  <si>
    <t>PMO - Configuration Management - Aurora CP140</t>
  </si>
  <si>
    <t>PMO - CM AIMP</t>
  </si>
  <si>
    <t>The PMO - CM Database was created using MS Access to record, keep track and facilitate the reviews of all the deliverables received under the Aurora Incremental Modernization Program (AIMP) Project, collect the comments for each of them and finally to facil</t>
  </si>
  <si>
    <t>DND-3295</t>
  </si>
  <si>
    <t>PVCS Tracker</t>
  </si>
  <si>
    <t>DND-3296</t>
  </si>
  <si>
    <t>PVCS Version Manager</t>
  </si>
  <si>
    <t>DND-330</t>
  </si>
  <si>
    <t>Furniture and Effects Automated Management System</t>
  </si>
  <si>
    <t>FEAMS</t>
  </si>
  <si>
    <t>Furniture and Effects Automated Management System. Electronically manages the movement and storage of Furniture and Effects belonging to Canadian military personnel, including a track and trace capability. Approximately 160 users at various bases and units located in Canada and the USA use the application to administer Furniture and Effect movement. FEAMS also uses a B2B (Business to Business) process to communicate FEAMS information to the van lines, thereby automating the process by which DND awards contracts and communicates with the van lines.</t>
  </si>
  <si>
    <t>DND-3345</t>
  </si>
  <si>
    <t>Range Safety Templating Software NATO Armaments Ballistic Kernel</t>
  </si>
  <si>
    <t>RSTT NABK</t>
  </si>
  <si>
    <t>NATO Armaments Ballistic Kernel (NABK) is part of NATO’s sharable software suite. When Ammunition is fired there is an area of effect. The Danger Area Template (DAT) is affiliated with both ammunition and weapons. Ammunition Explosive Ammunition. Excel Spreadsheet with Ballistic Coefficients. It creates a .Drawing Xchange Format file for Autocad, which is used to design the outline for the DAT. In Autocad, the measurements are made. The data then goes into the Canadian Forces Range Information System (CFRIS).</t>
  </si>
  <si>
    <t>DND-3387</t>
  </si>
  <si>
    <t>File Transfer Protocol SERVER-U</t>
  </si>
  <si>
    <t>FTP SERV-U</t>
  </si>
  <si>
    <t>FTP Server software (FTP, FTPS, SFTP, Web &amp; mobile) for secure file transfer and file sharing on Windows &amp; Linux.</t>
  </si>
  <si>
    <t>SERV-U</t>
  </si>
  <si>
    <t>DND-3471</t>
  </si>
  <si>
    <t>Engine Parts Life Tracking - T56</t>
  </si>
  <si>
    <t>PLTS</t>
  </si>
  <si>
    <t>PLTS is a proprietary software purchased by StandardAero from GasTOPS Ltd to support the T56 Engine &amp; 54H60 Propeller Configuration and Critical Lifed Item Management under the R&amp;O contract (W8485-01-QL01-001).</t>
  </si>
  <si>
    <t>DND-3524</t>
  </si>
  <si>
    <t>Unitrak</t>
  </si>
  <si>
    <t>Permits standardized accounting and performance measurement for all CF Food Services Operations.</t>
  </si>
  <si>
    <t>DND-3653</t>
  </si>
  <si>
    <t>Housing Agency Management Information System</t>
  </si>
  <si>
    <t>HAMIS</t>
  </si>
  <si>
    <t>Management of inventory and financials for CFHA</t>
  </si>
  <si>
    <t>DND-39</t>
  </si>
  <si>
    <t>DB Notional Database</t>
  </si>
  <si>
    <t>Notionals</t>
  </si>
  <si>
    <t>The Notionals are used to track future year approves DSP by leval One. The "Original Budget" input into FMAS by DB at the start of each fiscal year, by Level One and Fund, is derived from the Nationals.  Director Budget uses the Notionals to track future.</t>
  </si>
  <si>
    <t>DND-409</t>
  </si>
  <si>
    <t>Publication Depot Information System</t>
  </si>
  <si>
    <t>PDIS</t>
  </si>
  <si>
    <t>Maintains data about Publications used by the DND/CF, inventory at the Depot, distribution lists, Receipts and Demands of Pubs, including Classified Publication storage and shipping. Additional use is the Technical Data Package distribution database.</t>
  </si>
  <si>
    <t>DND-47</t>
  </si>
  <si>
    <t>Court Martial Reporting System</t>
  </si>
  <si>
    <t>CMRS</t>
  </si>
  <si>
    <t>Information concerning all Court martial  cases</t>
  </si>
  <si>
    <t>DND-49</t>
  </si>
  <si>
    <t>Training</t>
  </si>
  <si>
    <t>A Database that tracks all of the military  training/certification of JAG individuals</t>
  </si>
  <si>
    <t>DND-50</t>
  </si>
  <si>
    <t>Summary Trials</t>
  </si>
  <si>
    <t>ST</t>
  </si>
  <si>
    <t>DLaw Military Justice Summary Trials  database</t>
  </si>
  <si>
    <t>DND-52</t>
  </si>
  <si>
    <t>Memoranda of Understanding</t>
  </si>
  <si>
    <t>MOUs are non-legally binding documents that DND enters into with OGDs, crown corps or agencies, industries, foreign armed forces, departments or ministries of foreign governments and NATO agencies for the purposes of cooperating in a project, program or similar undertaking.</t>
  </si>
  <si>
    <t>DND-540</t>
  </si>
  <si>
    <t>Procurement Register</t>
  </si>
  <si>
    <t>Proc Reg</t>
  </si>
  <si>
    <t>6.10 Acquisition</t>
  </si>
  <si>
    <t>Tracks purchases, amendments, invoices, suppliers, customers, etc for statistical purposes – information not easily retrieved from CFSS</t>
  </si>
  <si>
    <t>DND-609</t>
  </si>
  <si>
    <t>Army On Line</t>
  </si>
  <si>
    <t>AOL</t>
  </si>
  <si>
    <t>This system is to manage documents for the whole Army In Garrison for Designated Domain.  The production Environment is managed in  Kingston and the AOL training and support is provided by CADTC.</t>
  </si>
  <si>
    <t>DND-625</t>
  </si>
  <si>
    <t>ARI</t>
  </si>
  <si>
    <t>Gestion des dépenses des cartes de crédits ARI (Produit pétroliers)</t>
  </si>
  <si>
    <t>DND-629</t>
  </si>
  <si>
    <t>CCGR (RISQ)</t>
  </si>
  <si>
    <t>Cadre de Contrôle et de Gestion des Risques</t>
  </si>
  <si>
    <t>DND-638</t>
  </si>
  <si>
    <t>CONDOC</t>
  </si>
  <si>
    <t>Système d'archivage de documents</t>
  </si>
  <si>
    <t>DND-647</t>
  </si>
  <si>
    <t>Destruction des Dossiers</t>
  </si>
  <si>
    <t>DestDoc</t>
  </si>
  <si>
    <t>Sert à détruire des archives dans le système Condoc</t>
  </si>
  <si>
    <t>DND-65</t>
  </si>
  <si>
    <t>Address and Routing Indicator System</t>
  </si>
  <si>
    <t>ADDRIS</t>
  </si>
  <si>
    <t>The ADDRIS application has 5 purposes: It is the application used for Military Messaging.  The key component for the application is a message address for every unit in DND for messaging capability. It manages all AIGs/GMTs (these are similar to mail lists but are based on subject matter for messaging ie CANFORGEN). It is the application where the entries for the DLPS application are created and then once an owner and member have been associated to the entry, it is pushed to AD (Active Directory) for Organizational message addressing in Outlook (underscore accts). It generates the files needed for the CF Address Book website available to all DND</t>
  </si>
  <si>
    <t>DND-650</t>
  </si>
  <si>
    <t>DND 506</t>
  </si>
  <si>
    <t>DND506</t>
  </si>
  <si>
    <t>Gestion des factures de lignes téléphoniques pour les unités hébergés  (comme le CANEX)</t>
  </si>
  <si>
    <t>DND-679</t>
  </si>
  <si>
    <t>Matrice de Formation</t>
  </si>
  <si>
    <t>MAT</t>
  </si>
  <si>
    <t>Système de gestion de formation permettant de fournir le niveau de  qualification du personnel au sein de l'organisation, le suivi des activités  de formation et l'état du budget alloué à la formation furnissant le détail  du coût de l'activité de formati</t>
  </si>
  <si>
    <t>Loan</t>
  </si>
  <si>
    <t>DND-684</t>
  </si>
  <si>
    <t>Gestion des budgets des gestionnaires locaux</t>
  </si>
  <si>
    <t>DND-693</t>
  </si>
  <si>
    <t>Prestation de Service</t>
  </si>
  <si>
    <t>PRESTSVC</t>
  </si>
  <si>
    <t>Système de gestion du suivis et de la facturation des prestations de  service du SQFT aux organisations civiles</t>
  </si>
  <si>
    <t>DND-707</t>
  </si>
  <si>
    <t>Système de Gestion des rapports de radiation</t>
  </si>
  <si>
    <t>SGRR</t>
  </si>
  <si>
    <t>Gestion des rapports de radiation</t>
  </si>
  <si>
    <t>DND-710</t>
  </si>
  <si>
    <t>SPÉCIMEN DE SIGNATURE (spec)</t>
  </si>
  <si>
    <t>SPEC</t>
  </si>
  <si>
    <t>Gestion des signatures du personnel autorisés.</t>
  </si>
  <si>
    <t>DND-711</t>
  </si>
  <si>
    <t>Système de révision des salaires</t>
  </si>
  <si>
    <t>Gestion des révision des salaires des employés civil (GPI/BD O)</t>
  </si>
  <si>
    <t>DND-724</t>
  </si>
  <si>
    <t>CTCM (SÉLECTION DU PERSONNEL)</t>
  </si>
  <si>
    <t>GiiM / PRT</t>
  </si>
  <si>
    <t>Banque de donnée de tous les candidats du bureau de sélection du  personnel du 5e GSS Fonctionne avec SAB de Valcartier.</t>
  </si>
  <si>
    <t>DND-729</t>
  </si>
  <si>
    <t>Gestion des Comptes</t>
  </si>
  <si>
    <t>OSSI</t>
  </si>
  <si>
    <t>Gestion des Comptes - CA OSSI</t>
  </si>
  <si>
    <t>DND-732</t>
  </si>
  <si>
    <t>Logements Célibataires</t>
  </si>
  <si>
    <t>LC</t>
  </si>
  <si>
    <t>système pour la gestion et la reservation des Logements Célibataires</t>
  </si>
  <si>
    <t>DND-736</t>
  </si>
  <si>
    <t>Matrice WEB (formation sur le Web)</t>
  </si>
  <si>
    <t>Matrice de formation sur le WEB</t>
  </si>
  <si>
    <t>DND-737</t>
  </si>
  <si>
    <t>Mouvement des Données du Personnel à l'Unité</t>
  </si>
  <si>
    <t>MDPU</t>
  </si>
  <si>
    <t>DND-741</t>
  </si>
  <si>
    <t>Plan Sports Loisirs</t>
  </si>
  <si>
    <t>PSL / SAB</t>
  </si>
  <si>
    <t>gestion des cotisation aux activité sports &amp; loisir (PSP)</t>
  </si>
  <si>
    <t>DND-742</t>
  </si>
  <si>
    <t>Points de Vente</t>
  </si>
  <si>
    <t>Point de Vente ( Caisse enregistreuse )  NB. Peut être utilisé partout EX:  Cuisine, Gymnase, Mess, Centre Exacta …</t>
  </si>
  <si>
    <t>DND-744</t>
  </si>
  <si>
    <t>Rendez Vous</t>
  </si>
  <si>
    <t>RDV</t>
  </si>
  <si>
    <t>système de gestion des Rendez_Vous</t>
  </si>
  <si>
    <t>DND-745</t>
  </si>
  <si>
    <t>Système Admin Médical</t>
  </si>
  <si>
    <t>Système Adminstratif Médical</t>
  </si>
  <si>
    <t>DND-750</t>
  </si>
  <si>
    <t>Salles de rapport</t>
  </si>
  <si>
    <t>SR</t>
  </si>
  <si>
    <t>système pour l'administration générale</t>
  </si>
  <si>
    <t>DND-758</t>
  </si>
  <si>
    <t>Fort Frontenac Library (Horizon Information Portal - HIP - and Horizon Server an</t>
  </si>
  <si>
    <t>HIP</t>
  </si>
  <si>
    <t>HIP provides structured access to information contents in the library.  The  Horizon server and database is a complete library management program  for acquisition, cataloguing, circulation, serials and administration.</t>
  </si>
  <si>
    <t>DND-760</t>
  </si>
  <si>
    <t>DOCUMENTUM AITIS</t>
  </si>
  <si>
    <t>AITIS</t>
  </si>
  <si>
    <t>Documentum is the Army's Courseware Content Management System  (CMS), which has been in place since 1995 and provides access to  authorized courseware on-demand across the Army.  It is recognized as a  system of signifance by the Army.  This CMS requires</t>
  </si>
  <si>
    <t>DND-767</t>
  </si>
  <si>
    <t>Training Log - CFSU(O)</t>
  </si>
  <si>
    <t>Trng Log - CFSU(O)</t>
  </si>
  <si>
    <t>Tracks CF training</t>
  </si>
  <si>
    <t>DND-773</t>
  </si>
  <si>
    <t>Training Cell Registration - CFSU(O)</t>
  </si>
  <si>
    <t>Used for gathering registrations for courses offered by the CFSU(O) Ops Training Cell</t>
  </si>
  <si>
    <t>DND-775</t>
  </si>
  <si>
    <t>Connaught Ranges Booking Viewer: DIN Version</t>
  </si>
  <si>
    <t>Allows all personnel in DND to view what facilities at the Connaught Ranges are currently booked.</t>
  </si>
  <si>
    <t>DND-800</t>
  </si>
  <si>
    <t>Capability Investment Database</t>
  </si>
  <si>
    <t>Track documentation on Projects and Initiatives</t>
  </si>
  <si>
    <t>DND-805</t>
  </si>
  <si>
    <t>Harassment Complaint Tracking System</t>
  </si>
  <si>
    <t>HCTS</t>
  </si>
  <si>
    <t>The Harassment Complaint Tracking System (HCTS) is designed to document and report harassment cases within the Department of National Defence (DND).  It a joint Mil-Civ project.</t>
  </si>
  <si>
    <t>DND-808</t>
  </si>
  <si>
    <t>Employee Assistance Program Statistical Reporting</t>
  </si>
  <si>
    <t>The application records visit information, tracks referral agent training and career for Employee Assistance Program</t>
  </si>
  <si>
    <t>DND-810</t>
  </si>
  <si>
    <t>eLearning courses:  Managing Civilian Human Resources, Labour Relations</t>
  </si>
  <si>
    <t>eCourses</t>
  </si>
  <si>
    <t>Owner: DGLPD--This is not the application it is the courses</t>
  </si>
  <si>
    <t>DND-814</t>
  </si>
  <si>
    <t>Learning and Career Center Course Calendar</t>
  </si>
  <si>
    <t>LCCCalendar</t>
  </si>
  <si>
    <t>The LCC Course Calendar application displays course calendar information. It also allows administrator to manage courses, lunch &amp; learn sessions and create reports.</t>
  </si>
  <si>
    <t>DND-815</t>
  </si>
  <si>
    <t>Employment Equity Representation Calculator</t>
  </si>
  <si>
    <t>EEGapCalculator</t>
  </si>
  <si>
    <t>The Employment Equity Program application provides the search tool for the employment equity gap by searching the group/level and metropolitan area to determine if the EE program may be used.</t>
  </si>
  <si>
    <t>DND-83</t>
  </si>
  <si>
    <t>Defence Subject Classification and Disposition System</t>
  </si>
  <si>
    <t>DSCDS</t>
  </si>
  <si>
    <t>The Defence Subject Classification and Disposition System (DSCDS) is an information classification structure that all DND/CF units must use to organize information holdings so that the holdings are stored, retrieved and managed in a systematic manner.</t>
  </si>
  <si>
    <t>DND-94</t>
  </si>
  <si>
    <t>Online Complaint Form</t>
  </si>
  <si>
    <t>OCF</t>
  </si>
  <si>
    <t>Apache Web Server</t>
  </si>
  <si>
    <t>DND-9418</t>
  </si>
  <si>
    <t>Post-it Notes</t>
  </si>
  <si>
    <t>E - Post It Notes - The app for notes on your desktop! It is easy to manage and customize. It also supports speech recognition</t>
  </si>
  <si>
    <t>3M</t>
  </si>
  <si>
    <t>DND-9450</t>
  </si>
  <si>
    <t>Legacy HR Applications (HR Oracle)</t>
  </si>
  <si>
    <t>HR Oracle</t>
  </si>
  <si>
    <t>DND-9454</t>
  </si>
  <si>
    <t>Application servant à l’enregistrement des transactions de BPC (PCB : PolyChloro-Biphényles)</t>
  </si>
  <si>
    <t>DND-9473</t>
  </si>
  <si>
    <t>Gestion des Appels</t>
  </si>
  <si>
    <t>Gestion des appels</t>
  </si>
  <si>
    <t>***Identified to be replaced with (EITSM) ASSYST. Application servant à gérer et comptabiliser les demandes de services TI des clients.</t>
  </si>
  <si>
    <t>DND-9488</t>
  </si>
  <si>
    <t>Registre d'étalonnage</t>
  </si>
  <si>
    <t>Registre d''étalonnage</t>
  </si>
  <si>
    <t>Registre pour 'calabration' appareil électronique</t>
  </si>
  <si>
    <t>DND-9491</t>
  </si>
  <si>
    <t>SINC 2004</t>
  </si>
  <si>
    <t>Système d ’Information des Non-Conformités relié a la Santé et sécurité et aux matériels.</t>
  </si>
  <si>
    <t>DND-9543</t>
  </si>
  <si>
    <t>Recrutement</t>
  </si>
  <si>
    <t>Gestion du personnel recrue et assignation d'une position 5000  Note: 34 CBG</t>
  </si>
  <si>
    <t>DND-9545</t>
  </si>
  <si>
    <t>Système d'approvisionnement et de prêts de matériel  Supply and equipment loans</t>
  </si>
  <si>
    <t>SAPM</t>
  </si>
  <si>
    <t>Gestion inventaire, numéros de séries, réservations d'items, alertes de vérification et de remises d'items en prêt, prêts individuels pour la 1ième ligne. The Supply and equipment loans application is a regional application used by 1st line supply tech to manage inventory, serial numbers, reservations of items, alerts of audit and discounts to items on loan, &amp; individual loans.  It records information which is not in DRMIS e.g. serial numbers of computers, screens, laptops and furniture. It is used by 200 users across Quebec including reservists who don’t have access to DRMIS.</t>
  </si>
  <si>
    <t>DND-9550</t>
  </si>
  <si>
    <t>Qualité de vie</t>
  </si>
  <si>
    <t>Gestion du personnel déployés sur des missions des Nations unis, suivi des rencontres post-déployments</t>
  </si>
  <si>
    <t>DND-9623</t>
  </si>
  <si>
    <t>Gestion Financière</t>
  </si>
  <si>
    <t>Système qui gère les demandes d'achats et le suivi des budgets qui sont alloués à l'interne. Ce système est utilisé par toutes les sections de l'unité</t>
  </si>
  <si>
    <t>DND-9639</t>
  </si>
  <si>
    <t>National Movement &amp; Distribution System</t>
  </si>
  <si>
    <t>NMDS</t>
  </si>
  <si>
    <t>Unique functionality: The NMDS automates the shipping, receiving and tracing of materiel.  A web-based application that provides its users with the capability of shipping, receiving and tracking freight, unaccompanied baggage (UAB), vehicles, sea containers, dangerous goods and personnel.  Rationalization Status: In progress Application Analysis Recommendations: Migrate to COTS e.g. DRMIS (Transport module)  External Interfaces In: DRMIS, PDIS, TIPS/SAVI (RFID) External Interfaces out: SCMS, PDIS, O&amp;PEN, TIPS/SAVI (RFID)  Additional Info: http://dsblcsf.ottawa-hull.mil.ca/apps/details.asp?app=NMDS</t>
  </si>
  <si>
    <t>DND-9682</t>
  </si>
  <si>
    <t>Digital Sentry</t>
  </si>
  <si>
    <t>Pour le visionnement des caméras aux guérites</t>
  </si>
  <si>
    <t>Pelco, Digital Sentry</t>
  </si>
  <si>
    <t>DND-9689</t>
  </si>
  <si>
    <t>ProWatch for WinNT</t>
  </si>
  <si>
    <t>ProWatch</t>
  </si>
  <si>
    <t>Contrôle d'accès. L’unité utilise la plateforme Prowatch pour effectuer le contrôle des accès et la surveillance des systèmes d’alarme. Le système est utilisé à la grandeur du secteur du Québec.</t>
  </si>
  <si>
    <t>Honeywell, Prowatch</t>
  </si>
  <si>
    <t>DND-9692</t>
  </si>
  <si>
    <t>Security Info System - Alarm Center</t>
  </si>
  <si>
    <t>SIS - Alarm Center</t>
  </si>
  <si>
    <t>Suite de logiciels conçue pour automatiser les opérations de surveillance. L’unité utilise ce système pour la surveillance des voutes d’armes.</t>
  </si>
  <si>
    <t>Security Information System, SIS</t>
  </si>
  <si>
    <t>DND-9815</t>
  </si>
  <si>
    <t>4D Admin07</t>
  </si>
  <si>
    <t>4D Admin</t>
  </si>
  <si>
    <t>BD administrative  4D Administrative</t>
  </si>
  <si>
    <t>DND-9816</t>
  </si>
  <si>
    <t>4D Armes &amp; Munitions (4D Weapons &amp; Ammunition)</t>
  </si>
  <si>
    <t>4D Weapons &amp; Ammunition</t>
  </si>
  <si>
    <t>BD de l'armement et munitions  BD of armaments and ammunition</t>
  </si>
  <si>
    <t>DND-9817</t>
  </si>
  <si>
    <t>4D Calibration</t>
  </si>
  <si>
    <t>4D calibration - 4D was used to design a full-featured interface, write powerful code, and integrate numerous technological standards to build a complete and functional tool calibration application</t>
  </si>
  <si>
    <t>DND-9819</t>
  </si>
  <si>
    <t>4D Inventaire (4D Inventory)</t>
  </si>
  <si>
    <t>4D Inventory</t>
  </si>
  <si>
    <t>BD des inventaires  BD of Inventory</t>
  </si>
  <si>
    <t>DND-9838</t>
  </si>
  <si>
    <t>InfoCible</t>
  </si>
  <si>
    <t>Information du ceem  Translation software (English-French) for CEEM</t>
  </si>
  <si>
    <t>DND-9867</t>
  </si>
  <si>
    <t>Automated Control of Electrical Systems</t>
  </si>
  <si>
    <t>ACES</t>
  </si>
  <si>
    <t>Automated Control of Electrical Systems. ACES is a System Engineering Support Contractor (SESC) managed software database. ACES is an engineering tool that documents and records electrical systems modifications/changes , provides a current masterfile of p</t>
  </si>
  <si>
    <t>DND-9941</t>
  </si>
  <si>
    <t>Système de Gestion du Personnel</t>
  </si>
  <si>
    <t>SGPERS</t>
  </si>
  <si>
    <t>Permet de gérer l'administration générale du personnel du CI 2 Div CA.</t>
  </si>
  <si>
    <t>DND-9942</t>
  </si>
  <si>
    <t>Système de Gestion des Opérations</t>
  </si>
  <si>
    <t>SGOPS</t>
  </si>
  <si>
    <t>Permet de gérer les opérations du CI 2 Div CA tel la gestion des demandes et ressources pour les cours/tâches</t>
  </si>
  <si>
    <t>DND-9943</t>
  </si>
  <si>
    <t>Ardoises</t>
  </si>
  <si>
    <t>ARDOISES</t>
  </si>
  <si>
    <t>Permet la gestion des nominations du personnel (cadre, instructeurs et  stagiaires) sur les cours et tâches du CI 2 Div CA.   Utilise les données de SGOPS</t>
  </si>
  <si>
    <t>DND-9948</t>
  </si>
  <si>
    <t>Gestion Arrivées &amp; Départs</t>
  </si>
  <si>
    <t>ARRDEP</t>
  </si>
  <si>
    <t>Permet de faire la gestion des arrivées et départs des individus sur les cours/tâches. Utilise les données de SGOPS et ARDOISES.</t>
  </si>
  <si>
    <t>DND-9965</t>
  </si>
  <si>
    <t>Estimation du Service Racheté Acquité</t>
  </si>
  <si>
    <t>E.S.R.A.  1.5b</t>
  </si>
  <si>
    <t>National Research Council Canada</t>
  </si>
  <si>
    <t>NRC-5084552</t>
  </si>
  <si>
    <t>SIGMA</t>
  </si>
  <si>
    <t>Financial Management Services,Human Resources Management Services,Information Management Services,Information Technology Services,Materiel Services</t>
  </si>
  <si>
    <t>NRC-5084702</t>
  </si>
  <si>
    <t>Sonar</t>
  </si>
  <si>
    <t>Industrial Research Assistance Program</t>
  </si>
  <si>
    <t>NRC-5084703</t>
  </si>
  <si>
    <t>nBoss</t>
  </si>
  <si>
    <t>BMS CRM</t>
  </si>
  <si>
    <t>Microsoft Dynamics 365</t>
  </si>
  <si>
    <t>NRC-5084704</t>
  </si>
  <si>
    <t>Axios assyst</t>
  </si>
  <si>
    <t>NRC-5084705</t>
  </si>
  <si>
    <t>SAP BW</t>
  </si>
  <si>
    <t>Financial Management Services,Human Resources Management Services,Materiel Services</t>
  </si>
  <si>
    <t>SAP BW / SAP Netweaver Portal</t>
  </si>
  <si>
    <t>NRC-5084708</t>
  </si>
  <si>
    <t>Technology Development and Advancement</t>
  </si>
  <si>
    <t>OpenText eDOCS (licenses thru PWGSC)</t>
  </si>
  <si>
    <t>NRC-5084710</t>
  </si>
  <si>
    <t>docZone</t>
  </si>
  <si>
    <t>Document Management</t>
  </si>
  <si>
    <t>NRC-5084711</t>
  </si>
  <si>
    <t>SharePoint Foundation</t>
  </si>
  <si>
    <t>NRC-5084712</t>
  </si>
  <si>
    <t>RICOH Laserfiche</t>
  </si>
  <si>
    <t>NRC-5084713</t>
  </si>
  <si>
    <t>Learnet</t>
  </si>
  <si>
    <t>NRC-5084714</t>
  </si>
  <si>
    <t>HR Espresso</t>
  </si>
  <si>
    <t>NRC-5084715</t>
  </si>
  <si>
    <t>myZone</t>
  </si>
  <si>
    <t>NRC Intranet Presence</t>
  </si>
  <si>
    <t>NRC-5084716</t>
  </si>
  <si>
    <t>Wolters Kluwer TeamMate</t>
  </si>
  <si>
    <t>NRC-5084717</t>
  </si>
  <si>
    <t>File Index System</t>
  </si>
  <si>
    <t>KM FIS</t>
  </si>
  <si>
    <t>NRC-5084718</t>
  </si>
  <si>
    <t>Staff Files</t>
  </si>
  <si>
    <t>NRC-5084719</t>
  </si>
  <si>
    <t>NRC-5084723</t>
  </si>
  <si>
    <t>Global Public Health Information Network</t>
  </si>
  <si>
    <t>GPHIN</t>
  </si>
  <si>
    <t>Application to collect health data from around the world for Health Canada &amp; WHO</t>
  </si>
  <si>
    <t>NRC-5084724</t>
  </si>
  <si>
    <t>Riskwatch</t>
  </si>
  <si>
    <t>Riskwatch 360</t>
  </si>
  <si>
    <t>NRC-5084725</t>
  </si>
  <si>
    <t>Concierge</t>
  </si>
  <si>
    <t>NRC-5084726</t>
  </si>
  <si>
    <t>Project Management tool</t>
  </si>
  <si>
    <t>NRC-5084727</t>
  </si>
  <si>
    <t>Linkurious</t>
  </si>
  <si>
    <t>NRC-5084728</t>
  </si>
  <si>
    <t>AMIei</t>
  </si>
  <si>
    <t>AMI Intelligence Software</t>
  </si>
  <si>
    <t>NRC-5084729</t>
  </si>
  <si>
    <t>Intellixir</t>
  </si>
  <si>
    <t>Analyzes bibliometric data collected for Intelligence analytics</t>
  </si>
  <si>
    <t>Questel Intellixir</t>
  </si>
  <si>
    <t>NRC-5084730</t>
  </si>
  <si>
    <t>FSL</t>
  </si>
  <si>
    <t>Multi S&amp;T department partnership to deliver single platform for discovery and access to library and information resources and services</t>
  </si>
  <si>
    <t>NRC-5084731</t>
  </si>
  <si>
    <t>NRC Digital Repository</t>
  </si>
  <si>
    <t>Searchable storage platform for publicly available digital collections.</t>
  </si>
  <si>
    <t>NRC-5084732</t>
  </si>
  <si>
    <t>Nparc</t>
  </si>
  <si>
    <t>Website which is a searchable online repository containing thousands of NRC-authored publications.</t>
  </si>
  <si>
    <t>NRC-5084733</t>
  </si>
  <si>
    <t>PUBMED</t>
  </si>
  <si>
    <t>PMCC</t>
  </si>
  <si>
    <t>A free on-line archive of published, peer-reviewed health and life sciences research that allows users to quickly and easily search and download the latest health research papers.</t>
  </si>
  <si>
    <t>NRC-5084734</t>
  </si>
  <si>
    <t>Building Management</t>
  </si>
  <si>
    <t>Archibus Web Central</t>
  </si>
  <si>
    <t>NRC-5084735</t>
  </si>
  <si>
    <t>SAP Success Factors</t>
  </si>
  <si>
    <t>Cloud-based system for talent management</t>
  </si>
  <si>
    <t>Natural Resources Canada</t>
  </si>
  <si>
    <t>FC</t>
  </si>
  <si>
    <t>NRCan-NRCan_0004</t>
  </si>
  <si>
    <t>Ontario Research Sites Database (ORS)</t>
  </si>
  <si>
    <t>Strengthening Forest Sector Competitiveness</t>
  </si>
  <si>
    <t>The Ontario Research Sites (ORS) database project has evolved as a joint solution to the need for an electronic method of documenting forestry related research, and for recording historical forest-based scientific research studies within the province of Ontario. The result is an online Internet database that allows a user to search, browse, map, and view details of each included study. By presenting this information on the Internet, at no cost to the end user, the Canadian Forest Service (CFS) i</t>
  </si>
  <si>
    <t>NRCan-NRCan_0005</t>
  </si>
  <si>
    <t>Insect Producer Database</t>
  </si>
  <si>
    <t>Enhancing Forest Pest Risk Management</t>
  </si>
  <si>
    <t>The Insect Production Services (IPS) team at the Great Lakes Forestry Centre produces laboratory-reared insects to facilitate research on forest insect outbreaks and on environmentally responsible protection tools.  IPS mission: Insect Production Services is a dedicated team supplying quality insects in support of forest insect research aimed at the sustainable management of our forests for the economic and social well being of Canadians. We aspire to become a world leader by using the highest</t>
  </si>
  <si>
    <t>NRCan-NRCan_0010</t>
  </si>
  <si>
    <t>CI</t>
  </si>
  <si>
    <t>Internal Servies</t>
  </si>
  <si>
    <t>NRCan-NRCan_0011</t>
  </si>
  <si>
    <t>CNVC (Canadian National Vegetation Classification)</t>
  </si>
  <si>
    <t>CNVC</t>
  </si>
  <si>
    <t>Addressing Cumulative Effects of Natural Resource Development in Canada's Forests</t>
  </si>
  <si>
    <t>To comprehensively classify and describe natural and semi-natural Canadian vegetation in an ecologically meaningful manner.  http://cnvc-cnvc.ca/</t>
  </si>
  <si>
    <t>NRCan-NRCan_0012</t>
  </si>
  <si>
    <t>Collaborative Web Space (Space sharing with external organizations)</t>
  </si>
  <si>
    <t>NRCan-NRCan_0020</t>
  </si>
  <si>
    <t>Resource Share (resource booking tool)</t>
  </si>
  <si>
    <t>ResS</t>
  </si>
  <si>
    <t>IC</t>
  </si>
  <si>
    <t>NRCan-NRCan_0023</t>
  </si>
  <si>
    <t>Publication Tracking System</t>
  </si>
  <si>
    <t>System to keep track of publications revising, editing and publishing progress (for internal purposes)
https://applications.cfl.cfs.nrcan.gc.ca/pubtracking/en</t>
  </si>
  <si>
    <t>NRCan-NRCan_0027</t>
  </si>
  <si>
    <t>Canadian Forest Genetic Resources Information System (CAFGRIS)</t>
  </si>
  <si>
    <t>CFGRIS</t>
  </si>
  <si>
    <t>The purpose of this system is to provide information necessary for assessing genetic conservation requirements of native tree species of Canada. It includes information concerning threats to genetic diversity (e.g., invasive alien species), species biology and ecology. With this knowledge, management strategies can be developed and objectives for conservation management of populations at risk can be determined, usually including ex situ (off-site, e.g. germplasm collections) and in situ (on-site</t>
  </si>
  <si>
    <t>NRCan-NRCan_0028</t>
  </si>
  <si>
    <t>Canadian Forest Invasive Alien Species Database and Document Library (CanFIAS)</t>
  </si>
  <si>
    <t>CFIASDDL</t>
  </si>
  <si>
    <t>Alien species (insects, micro-organisms and plants) are species found outside of their natural range. They can be pests, diseases, insects or weeds. Other alien species are competitors of indigenous species rather than pests. They do not cause damage to trees and plants, but they do change the natural biological diversity of local ecosystems by crowding out indigenous species. These species are termed invasive if they are able to modify indigenous ecosystems either as pests or competitors. The introduction of alien pests into a new environment, sometimes far away from their original environment, is most often accidental. Some plants introduced for horticultural or ornamental reasons become invasive weeds that invade and threaten natural ecosystems if a</t>
  </si>
  <si>
    <t>NRCan-NRCan_0029</t>
  </si>
  <si>
    <t>National Tree Seed Centre Database</t>
  </si>
  <si>
    <t>NTSCD</t>
  </si>
  <si>
    <t>The PostgreSQL database for the NTSC.  We preserve the genetic diversity of Canadian tree and shrub species and provide seed for scientific research.  The National Tree Seed Centre, established in 1967, is located in Fredericton, New Brunswick, at the Canadian Forest Serviceâ€“Atlantic Forestry Centre (CFSâ€“AFC).  At this facility, we collect, process, test and store the seeds of Canadian tree and shrub species for conservation and research purposes.  Currently, the Seed Centre has more than 13,000 seedlots. These contain seed fro</t>
  </si>
  <si>
    <t>NRCan-NRCan_0030</t>
  </si>
  <si>
    <t>TreeSource</t>
  </si>
  <si>
    <t>PT</t>
  </si>
  <si>
    <t>TreeSource is the National database on wood and trees quality in Canada. Developed by the Canadian Wood Fibre Centre, it aims to gather the largest possible amount of information on trees quality (dendrometry, physico-mechanical and chemical properties) for economically important species across Canada, for research purposes.  Created by the Canadian Wood Fibre Centre (CWFC) of the Canadian Forest Service (CFS).</t>
  </si>
  <si>
    <t>NRCan-NRCan_0032</t>
  </si>
  <si>
    <t>Plant Hardiness Database</t>
  </si>
  <si>
    <t>PHD</t>
  </si>
  <si>
    <t>Enhancing Forest Climate Change Adaptation &amp; Mitigation Strategies</t>
  </si>
  <si>
    <t>This site explores the relationship between plants and climate across Canada. One portion of the site is dedicated to plant hardiness zone maps, which have traditionally been used by gardeners to help select which plant species to grow in their area. Another part of the site presents maps and models that summarize the climatic requirements of thousands of plants from across North America. A final aspect of the site gathers data and provides summaries about plants that occur in your area.</t>
  </si>
  <si>
    <t>NRCan-NRCan_0033</t>
  </si>
  <si>
    <t>Plant Taxonomy Database</t>
  </si>
  <si>
    <t>PTD</t>
  </si>
  <si>
    <t>Plant taxonomy database for species used by Plant Hardiness Database and other applications</t>
  </si>
  <si>
    <t>NRCan-NRCan_0034</t>
  </si>
  <si>
    <t>VUnits_VPro</t>
  </si>
  <si>
    <t>VUV</t>
  </si>
  <si>
    <t>Responsible Natural Resource</t>
  </si>
  <si>
    <t>database development software for CNVC  VUnits manages ecological classification summary data. It also exports reports in a fixed format. VPro manages ecological classification plot data.</t>
  </si>
  <si>
    <t>NRCan-NRCan_0035</t>
  </si>
  <si>
    <t>GLFC Insect Production Storefront</t>
  </si>
  <si>
    <t>GLFCIPS</t>
  </si>
  <si>
    <t>storefront and producer database.  http://insect.glfc.cfs.nrcan.gc.ca/cart-panier/index.cfm</t>
  </si>
  <si>
    <t>NRCan-NRCan_0036</t>
  </si>
  <si>
    <t>RESumé - CFS Researchers CV database</t>
  </si>
  <si>
    <t>BDCVSCF</t>
  </si>
  <si>
    <t>RESumé is a scientific curriculum vitae management system that was created to reduce the administrative burden placed upon researchers and research directors. In addition to providing CVs that can be exported into multiple formats, RESumé makes it easy for researchers to generate a promotion file or a summary for their performance appraisal. This tool also makes it possible to paint a realistic picture of the CFS' science and offers numerous benefits to researchers, research directors and all CFS employees.</t>
  </si>
  <si>
    <t>NRCan-NRCan_0037</t>
  </si>
  <si>
    <t>LFC Employees database</t>
  </si>
  <si>
    <t>BDDECFL</t>
  </si>
  <si>
    <t>NRCan-NRCan_0038</t>
  </si>
  <si>
    <t>Online Calculators</t>
  </si>
  <si>
    <t>CBBC</t>
  </si>
  <si>
    <t>Enhancing Sustainable Forest Management Practices</t>
  </si>
  <si>
    <t>The Calculators site provides tools developed by Canadian Forest Service scientists during the course of their work to facilitate calculations and decision-making with regard to the various aspects of forestry. To enable you to make use of this expertise, these tools are available on this site.  Former name in English: Biomass Calculator Former name in French: Calculateur de biomasse</t>
  </si>
  <si>
    <t>Responsible resource management</t>
  </si>
  <si>
    <t>NRCan-NRCan_0040</t>
  </si>
  <si>
    <t>CFS Datasets &amp; Applications Inventory</t>
  </si>
  <si>
    <t>CFSDI</t>
  </si>
  <si>
    <t>Catalogue des ensembles de données et des applications du SCF.  Catalogue of CFS's datasets and applications.</t>
  </si>
  <si>
    <t>NRCan-NRCan_0041</t>
  </si>
  <si>
    <t>CFS Photo Library</t>
  </si>
  <si>
    <t>PSCF</t>
  </si>
  <si>
    <t>Outil permettant de gérer le patrimoine de photos numérique du SCF. C'est un logiciel open source (ResourceSpace.org) adapté à  nos besoins.  Tool to manage CFS's digital photo assets. It is based on an open source software (ResourceSpace.org) that was modified for our needs.</t>
  </si>
  <si>
    <t>NRCan-NRCan_0043</t>
  </si>
  <si>
    <t>Delta System</t>
  </si>
  <si>
    <t>BAS</t>
  </si>
  <si>
    <t>Building Automation System</t>
  </si>
  <si>
    <t>Delta Controls/ OrcaView</t>
  </si>
  <si>
    <t>NRCan-NRCan_0048</t>
  </si>
  <si>
    <t>ProMIS</t>
  </si>
  <si>
    <t>Information for Decision Making on CFS' Portfolio Information pour la prise de décision concernant le portefeuille du SCF  ProMIS is an integrated business planning tool that supports CFS' planning and reporting efforts, including annual budgeting, business planning, human resources management, operational planning (Equipment, IM/IT) and portfolio management.  With a strong search function, it also supports queries related to these areas and generates a series of standard customized reports.</t>
  </si>
  <si>
    <t>NRCan-NRCan_0049</t>
  </si>
  <si>
    <t>CFS Publications</t>
  </si>
  <si>
    <t>CFSP</t>
  </si>
  <si>
    <t>This site offers a publicly accessible database that allows users to search, download, and order Canadian Forest Service publications on the Internet.   This site is a digital repository/archive of Canadian Forest Service publications. Users can search, download, and order publications through this online resource.   This site includes material such as journal articles, books, reports, series and leaflets prepared by CFS scientists and professionals.   Most of the Canadian Forest Service p</t>
  </si>
  <si>
    <t>NRCan-NRCan_0051</t>
  </si>
  <si>
    <t>CFS CMS</t>
  </si>
  <si>
    <t>CFSCMS</t>
  </si>
  <si>
    <t>Statistical profiles:  http://cfs.nrcan.gc.ca/statsprofile  CFS employee profiles:  http://cfs.nrcan.gc.ca/employees CFS projects:  http://cfs.nrcan.gc.ca/projects CFS Glossary:  http://cfs.nrcan.gc.ca/terms Selective cuttings:   http://cfs.nrcan.gc.ca/selective-cuttings</t>
  </si>
  <si>
    <t>NRCan-NRCan_0053</t>
  </si>
  <si>
    <t>National Forestry Database website</t>
  </si>
  <si>
    <t>CFSNFD</t>
  </si>
  <si>
    <t>NRCan-NRCan_0055</t>
  </si>
  <si>
    <t>ATLAS des dispositifs expérimentaux du CFL</t>
  </si>
  <si>
    <t>Experimental sites data from the database can also be seen at http://www.cerfo.qc.ca/atlas.  Description de la base de données: Localisation de 765 sites expérimentaux sur le terrain et description des 145 projets auxquels appartiennent ces sites. Ces sites ont été établis par des chercheurs du CFL, de l'Université Laval - FFG, du CERFO, de l'UQAM, de l'IQAFF, du MRNF-DRF et du Centre d'étude de la forêt.</t>
  </si>
  <si>
    <t>NRCan-NRCan_0057</t>
  </si>
  <si>
    <t>BioSIM</t>
  </si>
  <si>
    <t>BioSIM est un outil logiciel conçu pour faciliter l'application de modèles de simulation régis par la température.  Description du registre de RNCan: Projection de l'impact du climat sur le developpement et la dynamique des populations des ravageurs forestiers. Climat des feux de forêts. Climatologie forestiere (de quotidienne a moyenne normale).</t>
  </si>
  <si>
    <t>NRCan-NRCan_0058</t>
  </si>
  <si>
    <t>MicroSigeb</t>
  </si>
  <si>
    <t>Interface to import and browse the MicroSigeb database which contains data associated with projects insect biodiversity of our research program.</t>
  </si>
  <si>
    <t>NRCan-NRCan_0059</t>
  </si>
  <si>
    <t>Trees, insects and diseases of Canada's forests</t>
  </si>
  <si>
    <t>TIDCFD</t>
  </si>
  <si>
    <t>Trees, insects and diseases of Canada's forests (TIDCF) is a database that provides information on more than 200 native tree and shrub species, and on almost 300 insects and 200 diseases found in Canada's forests.   In the database you will find images, information and descriptions provided by the Canadian Forest Service specialists and research scientists. In addition to the search tool, a variety of identification tools are available to help you find a specific insect, disease, tree or shrub.</t>
  </si>
  <si>
    <t>NRCan-NRCan_0060</t>
  </si>
  <si>
    <t>NoFC Health and Safety Training Database</t>
  </si>
  <si>
    <t>HSTD</t>
  </si>
  <si>
    <t>Keeps track of health and safety certificates and training</t>
  </si>
  <si>
    <t>NRCan-NRCan_0061</t>
  </si>
  <si>
    <t>Ecosystem Management Emulating Natural Disturbance (EMEND) Database</t>
  </si>
  <si>
    <t>EMEND</t>
  </si>
  <si>
    <t>The Ecosystem Management Emulating Natural Disturbance (EMEND) Project is a large-scale variable retention harvest experiment designed to test effects of residual forest structure on ecosystem integrity and forest regeneration at the forest stand-level.    http://www.emendproject.org/contact  https://cfs.nrcan.gc.ca/emend/dev/</t>
  </si>
  <si>
    <t>NRCan-NRCan_0062</t>
  </si>
  <si>
    <t>Canadian Wildland Fire Information System</t>
  </si>
  <si>
    <t>CWFIS</t>
  </si>
  <si>
    <t>Minimizing Risks &amp; Impacts of Wildfire</t>
  </si>
  <si>
    <t>The Canadian Wildland Fire Information System (CWFIS) creates daily fire weather and fire behavior maps year-round and hot spot maps throughout the forest fire season, generally between May and September. The Canadian Wildland Fire Information System is a computer-based fire management information system that monitors fire danger conditions across Canada. Daily weather conditions are collected from across Canada and used to produce fire weather and fire behavior maps. In addition, satellites ar...  Note, the CWFIS is a collection of processes and systems with a web front end.</t>
  </si>
  <si>
    <t>NRCan-NRCan_0063</t>
  </si>
  <si>
    <t>National Forest Information System</t>
  </si>
  <si>
    <t>Canada's National Forest Information System (NFIS) provides Web tools, ranging from simple portrayal to sophisticated analyses, to users from anywhere in the world. Users can discover, integrate, and display this current, authoritative and accurate information on Canada's forests and on sustainable forest management.</t>
  </si>
  <si>
    <t>NRCan-NRCan_0064</t>
  </si>
  <si>
    <t>National Forest Information System sub-application: NFIS.App.NFI - National Fore</t>
  </si>
  <si>
    <t>As a major forest nation, Canada must have reliable, current and consistent information on the extent and nature of its forests to enable the sustainable management of these resources. Authoritative information on forest change is also required to support the development of policy to address immediate needs as well as new and emerging issues, such as climate change impacts and possible adaptive strategies.   Canada's National Forest Inventory (NFI) monitors a network of sampling points coverin</t>
  </si>
  <si>
    <t>NRCan-NRCan_0065</t>
  </si>
  <si>
    <t>The System of Agents for Forest Observation Research and Advanced Hierarchies</t>
  </si>
  <si>
    <t>SAFOR</t>
  </si>
  <si>
    <t>http://www.saforah.org/  Research based remote sensing image archive and product distribution system    Partnership research with Natural Resources Canada, Canadian Space Agency, GeoConnections Canada,  University of Victoria, George Mason University, MacDonald, Dettwiler and Associates Ltd., Environment Canada,  Agriculture and Agri-Foods Canada,  BC Common Information Technology Services, Canada Foundation for Innovation</t>
  </si>
  <si>
    <t>CUDOS</t>
  </si>
  <si>
    <t>NRCan-NRCan_0066</t>
  </si>
  <si>
    <t>Arthropods Collections Holdings Database</t>
  </si>
  <si>
    <t>ACHD</t>
  </si>
  <si>
    <t>NRCan-NRCan_0067</t>
  </si>
  <si>
    <t>British Columbia Ectomycorrhizal Research Network</t>
  </si>
  <si>
    <t>BCERN</t>
  </si>
  <si>
    <t>This British Columbia Ectomycorrhizal Research Network web site brings together the on-line version of a Manual of Concise Descriptions of North American Ectomycorrhizae; the Ectomycorrhizae Descriptions Database; Photoprofiles of Ecotomycorrhizae, and Matchmaker for Mushrooms of the Pacific Northwest, along with links to other sites:</t>
  </si>
  <si>
    <t>NRCan-NRCan_0070</t>
  </si>
  <si>
    <t>Operational Scale CBM CFS3</t>
  </si>
  <si>
    <t>OSCBM</t>
  </si>
  <si>
    <t>The operational-scale Carbon Budget Model of the Canadian Forest Sector (CBM-CFS3) is an aspatial, stand- and landscape-level modeling framework that simulates the dynamics of all forest carbon stocks required under the Kyoto Protocol (aboveground biomass, belowground biomass, litter, dead wood and soil organic carbon). It complies with the carbon estimation methods outlined in the Intergovernmental Panel on Climate Change (IPCC) Good Practice Guidance For Land Use, Land-Use Change and Forestry</t>
  </si>
  <si>
    <t>NRCan-NRCan_0072</t>
  </si>
  <si>
    <t>Awards and Recognition</t>
  </si>
  <si>
    <t>AR</t>
  </si>
  <si>
    <t>CMSS</t>
  </si>
  <si>
    <t>http://recognition.nrcan.gc.ca/</t>
  </si>
  <si>
    <t>NRCan-NRCan_0073</t>
  </si>
  <si>
    <t>Connexus</t>
  </si>
  <si>
    <t>ConneXus</t>
  </si>
  <si>
    <t>https://connexus.nrcan-rncan.gc.ca/</t>
  </si>
  <si>
    <t>NRCan-NRCan_0074</t>
  </si>
  <si>
    <t>Career Progression Support System</t>
  </si>
  <si>
    <t>CPSS</t>
  </si>
  <si>
    <t>The Career Progression Support System (CPSS) is a web based system providing scientific researchers and Management with a user interface to track career progression (from levels 1 to 5).  https://cpss-saap.nrcan-rncan.gc.ca/</t>
  </si>
  <si>
    <t>NRCan-NRCan_0075</t>
  </si>
  <si>
    <t>Directory of People &amp; Services</t>
  </si>
  <si>
    <t>DPS</t>
  </si>
  <si>
    <t>The NRCan Directory of People and Services is maintained by individuals across the department.  http://www2.nrcan.gc.ca/dpspub/index.cfm?fuseaction=home.welcome&amp;userLang=E</t>
  </si>
  <si>
    <t>NRCan-NRCan_0076</t>
  </si>
  <si>
    <t>Electronic Personnel Action Request</t>
  </si>
  <si>
    <t>ePar</t>
  </si>
  <si>
    <t>ePAR is an online tool to submit, approve, manage and keep track of staffing and classification actions  https://epar-dimp.nrcan-rncan.gc.ca/index.cfm/request/introduction</t>
  </si>
  <si>
    <t>NRCan-NRCan_0077</t>
  </si>
  <si>
    <t>ePayment</t>
  </si>
  <si>
    <t>ePay</t>
  </si>
  <si>
    <t>ePayment is one of many business solutions put into place by the Shared Services Office (SSO) that improve administrative processes such as the payment of invoices  https://connexus.nrcan-rncan.gc.ca/index.cfm?action=bia-aib.epayment-paiementenligne</t>
  </si>
  <si>
    <t>NRCan-NRCan_0078</t>
  </si>
  <si>
    <t>eProcurement</t>
  </si>
  <si>
    <t>eProc</t>
  </si>
  <si>
    <t>SSO Finance</t>
  </si>
  <si>
    <t>A web-based form for clients to submit and approve requisitions online  https://procurement-approvisionnement.nrcan-rncan.gc.ca/index.cfm?fuseaction=c_proc.introduction&amp;lang=eng</t>
  </si>
  <si>
    <t>NRCan-NRCan_0079</t>
  </si>
  <si>
    <t>File Exchange</t>
  </si>
  <si>
    <t>File sharing application with login  https://fileexchange.nrcan.gc.ca/</t>
  </si>
  <si>
    <t>NRCan-NRCan_0080</t>
  </si>
  <si>
    <t>Health and Safety Program Application</t>
  </si>
  <si>
    <t>HASPA</t>
  </si>
  <si>
    <t>Departmental Occupational Health and Safety</t>
  </si>
  <si>
    <t>HASPA is a web-based departmental health and safety database which is used for reporting and recording hazardous occurrence investigation reports at NRCan.  http://wwwint2.nrcan.gc.ca/CSS/RPESB/haspa_ssl/</t>
  </si>
  <si>
    <t>NRCan-NRCan_0082</t>
  </si>
  <si>
    <t>InfoFORM</t>
  </si>
  <si>
    <t>http://infoform.nrcan.gc.ca/</t>
  </si>
  <si>
    <t>NRCan-NRCan_0083</t>
  </si>
  <si>
    <t>JetForm</t>
  </si>
  <si>
    <t>JetForm / Accelio</t>
  </si>
  <si>
    <t>To retire</t>
  </si>
  <si>
    <t>JetForm Filler</t>
  </si>
  <si>
    <t>NRCan-NRCan_0086</t>
  </si>
  <si>
    <t>NRTube (Clipshare)</t>
  </si>
  <si>
    <t>NRTube</t>
  </si>
  <si>
    <t>Web software allowing for video collaboration by a community of users</t>
  </si>
  <si>
    <t>NRCan-NRCan_0089</t>
  </si>
  <si>
    <t>Proactive Disclosure - Grant &amp; Contribution Awards</t>
  </si>
  <si>
    <t>PD-GCA</t>
  </si>
  <si>
    <t>PD - Grant and Contribution Awards provides information on grants and contributions awarded by NRCan  http://www2.nrcan-rncan.gc.ca/dgc-dposc/</t>
  </si>
  <si>
    <t>NRCan-NRCan_0090</t>
  </si>
  <si>
    <t>Proactive Disclosure - Position Reclassification</t>
  </si>
  <si>
    <t>PD-PR</t>
  </si>
  <si>
    <t>PD - Position and Reclassification provides information on the reclassification of occupied positions by department and agencies on a quarterly basis  http://www2.nrcan-rncan.gc.ca/css/hr/dpr-drp/index.cfm?lang=eng</t>
  </si>
  <si>
    <t>NRCan-NRCan_0091</t>
  </si>
  <si>
    <t>Proactive Disclosure - Travel &amp; Hospitality Expenses</t>
  </si>
  <si>
    <t>PD-THE</t>
  </si>
  <si>
    <t>PD- Travel and Hospitality Expenses provides information on the travel and hospitality expenses incurred within NRCan by the Minister, Parliamentary Secretary, and their exempt staff, and by senior level employees at the Deputy Minister, Associate Deputy  http://www2.nrcan-rncan.gc.ca/dthe-cfva/index-eng.cfm</t>
  </si>
  <si>
    <t>NRCan-NRCan_0095</t>
  </si>
  <si>
    <t>Regulated Products System Admin</t>
  </si>
  <si>
    <t>RPSA</t>
  </si>
  <si>
    <t>OEE</t>
  </si>
  <si>
    <t>Energy Star</t>
  </si>
  <si>
    <t>Admin module for Regulated Products System</t>
  </si>
  <si>
    <t>NRCan-NRCan_0096</t>
  </si>
  <si>
    <t>Regulated Products System</t>
  </si>
  <si>
    <t>Admin Intranet side and Public Web site application for the Equipment Division of OEE to update as needed the public Equipment Guide to Products and Regulations on the NRCan web site with updated one stop product requirements of the Energy Efficiency Act and Regulations and basic links to ENERGY STAR and other premium performance information for Canada. The system will permit historical version of requirements, creation of draft web pages as well as the storage and retrieval of historical requirements. Includes a bulletins, HS code and regulatory notice management section.</t>
  </si>
  <si>
    <t>NRCan-NRCan_0098</t>
  </si>
  <si>
    <t>Travel and Conference Plan</t>
  </si>
  <si>
    <t>TCP</t>
  </si>
  <si>
    <t>TCP is an online tool for creating travel and conference plans  https://connexus.nrcan-rncan.gc.ca/index.cfm?action=bia-aib.tcp-pvc-sap</t>
  </si>
  <si>
    <t>NRCan-NRCan_0099</t>
  </si>
  <si>
    <t>Values &amp; Ethics Code Acceptance</t>
  </si>
  <si>
    <t>VECA</t>
  </si>
  <si>
    <t>http://wwwint.nrcan.gc.ca/ci/sa/i-epols-b.htm</t>
  </si>
  <si>
    <t>NRCan-NRCan_0100</t>
  </si>
  <si>
    <t>Vehicle Fleet Management System</t>
  </si>
  <si>
    <t>VFMS</t>
  </si>
  <si>
    <t>https://vfms-sgpa.nrcan-rncan.gc.ca/</t>
  </si>
  <si>
    <t>NRCan-NRCan_0102</t>
  </si>
  <si>
    <t>Wireless Products and Services</t>
  </si>
  <si>
    <t>eWireless</t>
  </si>
  <si>
    <t>eWireless is an online tool providing an internal inventory of all wireless devices  https://connexus.nrcan-rncan.gc.ca/index.cfm?action=bia-aib.wireless-sansfile</t>
  </si>
  <si>
    <t>NRCan-NRCan_0103</t>
  </si>
  <si>
    <t>Young Professionals Network</t>
  </si>
  <si>
    <t>YPN</t>
  </si>
  <si>
    <t>Mediawiki</t>
  </si>
  <si>
    <t>http://wiki.nrcan.gc.ca/index.php/Young_Professionals_Network_(YPN)  Just a wiki now.  The YPN is a collaborative learning tool, that allows young professionals to work together to add valuable experiences and initiatives to their resume.</t>
  </si>
  <si>
    <t>NRCan Wiki</t>
  </si>
  <si>
    <t>NRCan-NRCan_0104</t>
  </si>
  <si>
    <t>NRCan Library - Evergreen ILS</t>
  </si>
  <si>
    <t>EverGreen</t>
  </si>
  <si>
    <t>Evergreen</t>
  </si>
  <si>
    <t>Evergreen is an open source library software, focusing on the Integrated Library Systems (ILS)  Bibliographic database lists holdings of all NRCan libraries from across Canada.  Library system include  - acquisitions (ordering, receiving, and invoicing materials) - cataloging (classifying and indexing materials) - circulation (lending materials to patrons and receiving them back) - serials (tracking magazine and newspaper holdings) - the OPAC (public interface for users) and more...  http://catalogue.nrcan.gc.ca/eg/opac/home</t>
  </si>
  <si>
    <t>Evergreen ILS</t>
  </si>
  <si>
    <t>NRCan-NRCan_0105</t>
  </si>
  <si>
    <t>Enterprise Mobile Management for iPad</t>
  </si>
  <si>
    <t>EMMi</t>
  </si>
  <si>
    <t>Management console for the deployment and maintenance of the mobile devices fleet (iPads)</t>
  </si>
  <si>
    <t>Enterprise Mobility Management</t>
  </si>
  <si>
    <t>Mobility Security Software</t>
  </si>
  <si>
    <t>NRCan-NRCan_0110</t>
  </si>
  <si>
    <t>NRCan Resource Wiki</t>
  </si>
  <si>
    <t>NRCan Resource Wiki is a web software allowing for collaborative content by a community of users, allowing any user to add and edit content.  http://wiki.nrcan.gc.ca/index.php?home=en</t>
  </si>
  <si>
    <t>e-Learning</t>
  </si>
  <si>
    <t>NRCan-NRCan_0112</t>
  </si>
  <si>
    <t>Mailbox Application</t>
  </si>
  <si>
    <t>MA</t>
  </si>
  <si>
    <t>Communications Services,Human Resources Management Services</t>
  </si>
  <si>
    <t>This application generates NRCan Mailing Lists for 580, 588, 601 and 615 Street</t>
  </si>
  <si>
    <t>NRCan-NRCan_0113</t>
  </si>
  <si>
    <t>Secure module of PeopleSoft</t>
  </si>
  <si>
    <t>People Soft</t>
  </si>
  <si>
    <t>NRCan-NRCan_0114</t>
  </si>
  <si>
    <t>Statement of Qualifications</t>
  </si>
  <si>
    <t>SoMC</t>
  </si>
  <si>
    <t>http://wwwint2.nrcan.gc.ca/css/hr/soq/</t>
  </si>
  <si>
    <t>NRCan-NRCan_0115</t>
  </si>
  <si>
    <t>AFM</t>
  </si>
  <si>
    <t>Facilities and infrastructure management - real property management tool</t>
  </si>
  <si>
    <t>Web Central Portfolio Manageme</t>
  </si>
  <si>
    <t>NRCan-NRCan_0116</t>
  </si>
  <si>
    <t>Provides access to information pertaining to real property holdings of NRCan.  http://wwwint2.nrcan.gc.ca/css/rpesb/rpims/index.cfm</t>
  </si>
  <si>
    <t>NRCan-NRCan_0117</t>
  </si>
  <si>
    <t>NRCan SharePoint (Windows SharePoint Services 3.0)</t>
  </si>
  <si>
    <t>Microsoft SharePoint is a web application platform</t>
  </si>
  <si>
    <t>NRCan-NRCan_0118</t>
  </si>
  <si>
    <t>Language Evaluation and Training Plan (Official Languages)</t>
  </si>
  <si>
    <t>LETP</t>
  </si>
  <si>
    <t>Database that maintains records of students in language training at NRCan. Training provides employees the opportunity to improve their skills in their second official language with the goal of reaching language levels B and C  Request for Language Evaluation and Training Plan  http://wwwint2.nrcan.gc.ca/sso/lt-fl/index.cfm?action=uid&amp;language=e</t>
  </si>
  <si>
    <t>NRCan-NRCan_0120</t>
  </si>
  <si>
    <t>Electronic Projects Intake Tool - Outil électronique de la prise en charge des p</t>
  </si>
  <si>
    <t>ePIT</t>
  </si>
  <si>
    <t>Communications Services,Human Resources Management Services,Information Management Services</t>
  </si>
  <si>
    <t>NRCan-NRCan_0125</t>
  </si>
  <si>
    <t>Livelink Records Server</t>
  </si>
  <si>
    <t>To keep a record of departmental files.</t>
  </si>
  <si>
    <t>DOCS Imaging</t>
  </si>
  <si>
    <t>NRCan-NRCan_0129</t>
  </si>
  <si>
    <t>Software Licences (sso_soft_licenses(ADS/BR-WS) )</t>
  </si>
  <si>
    <t>Application developed to maintain the iventory licenses and who has it installed for the group of ADS and BR-WS (CMS/SSO/ITS/ITSUP).</t>
  </si>
  <si>
    <t>NRCan-NRCan_0130</t>
  </si>
  <si>
    <t>Specimen Signature Record / Fiche de spécimen de signature</t>
  </si>
  <si>
    <t>SSR allows for all applications to verify signing authority prior to processing a transaction</t>
  </si>
  <si>
    <t>NRCan-NRCan_0131</t>
  </si>
  <si>
    <t>Subscription - Abonnement</t>
  </si>
  <si>
    <t>http://www2.nrcan.gc.ca/mms/subscription/log-log.cfm?lang=eng</t>
  </si>
  <si>
    <t>GFSARCH</t>
  </si>
  <si>
    <t>NRCan-NRCan_0136</t>
  </si>
  <si>
    <t>eTaxi</t>
  </si>
  <si>
    <t>eTaxi allows for National Capital Region managers with delegated signing authority to review and acknowledge electronically all of the taxi chit charges pertaining to their funds center, and even view images of individual chits  https://connexus.nrcan-rncan.gc.ca/index.cfm?action=bia-aib.etaxi-taxi</t>
  </si>
  <si>
    <t>NRCan-NRCan_0137</t>
  </si>
  <si>
    <t>Application Modules and Interface AMI/GUFI)</t>
  </si>
  <si>
    <t>AMI</t>
  </si>
  <si>
    <t>To enable two-way electronic submission of procurement requests, travel commitment requests, Grant and Contribution requests, and acquisition card document requests to/from SAP. In addition, AMI provides historical financial information. AMI compiles of list of procurement tickets. It is mandatory that all grants and contributions be entered in AMI. The background engine performs many jobs throughout the day allowing NRCan to  use technology in performing day-to-day operational processes.</t>
  </si>
  <si>
    <t>NRCan-NRCan_0138</t>
  </si>
  <si>
    <t>The Assyst enterprise application suite supports IT Infrastructure Library (ITIL) best practices. It is an ITSM suite software</t>
  </si>
  <si>
    <t>NRCan-NRCan_0141</t>
  </si>
  <si>
    <t>Payment After Year End</t>
  </si>
  <si>
    <t>PAYE</t>
  </si>
  <si>
    <t>https://paye-cafe.nrcan-rncan.gc.ca/index.cfm?lang=en</t>
  </si>
  <si>
    <t>NRCan-NRCan_0142</t>
  </si>
  <si>
    <t>Receiver General Buy Button</t>
  </si>
  <si>
    <t>Receiver General Buy Button is a secure way to accept payment by way of credit card</t>
  </si>
  <si>
    <t>NRCan-NRCan_0143</t>
  </si>
  <si>
    <t>AccessLvL</t>
  </si>
  <si>
    <t>ALVL</t>
  </si>
  <si>
    <t>ecoENERGY for Personal Vehicles</t>
  </si>
  <si>
    <t>NRCan-NRCan_0148</t>
  </si>
  <si>
    <t>CFS NCR Arrivals and Departures Database</t>
  </si>
  <si>
    <t>ArrDep</t>
  </si>
  <si>
    <t>This database was used by all NCR branches to manage business information for when new employees arrived or departed in the NCR (identifying IT requirements, user accounts, shared drives, office space, telephone, transfer of .pst files).  It was developed by the former CFS Management Services Directorate (most functions were eventually transferred to SSO).</t>
  </si>
  <si>
    <t>NRCan-NRCan_0149</t>
  </si>
  <si>
    <t>AtsHard</t>
  </si>
  <si>
    <t>NRCan-NRCan_0156</t>
  </si>
  <si>
    <t>databases</t>
  </si>
  <si>
    <t>DBS</t>
  </si>
  <si>
    <t>NRCan-NRCan_0166</t>
  </si>
  <si>
    <t>ecoERP</t>
  </si>
  <si>
    <t>ecoRP_FM</t>
  </si>
  <si>
    <t>2.1.3 Renewable Energy Programs</t>
  </si>
  <si>
    <t>Data base of applicants to the program. Applicants tend to be business, utilities and cooperatives.</t>
  </si>
  <si>
    <t>NRCan-NRCan_0172</t>
  </si>
  <si>
    <t>Exhibits</t>
  </si>
  <si>
    <t>EX</t>
  </si>
  <si>
    <t>NRCan-NRCan_0173</t>
  </si>
  <si>
    <t>First Nation Client Database</t>
  </si>
  <si>
    <t>FN</t>
  </si>
  <si>
    <t>NRCan-NRCan_0174</t>
  </si>
  <si>
    <t>FNFP (National Database)</t>
  </si>
  <si>
    <t>FNFP</t>
  </si>
  <si>
    <t>Filemaker Pro - National First Nation Forestry Program Database "Part of NRCan_0173 (FN) Also includes the following FMP apps; FNlist FNFP_Partners FNFP_Object FNFP_ElectoralDist FNFP_CAsched FNFP_Budgets FNFP_Monitor FNFP_Projects FNFP_Silviculture FNFP_ProjPart FNFP_Centres FNFP_Claims FNFP_ProjCon FNFP_Amendments FNFP_Contact FNFP_Nation FNFP_Partner FNmain FNcontact"</t>
  </si>
  <si>
    <t>NRCan-NRCan_0180</t>
  </si>
  <si>
    <t>LIN_DESS</t>
  </si>
  <si>
    <t>LIN_DESS_FM</t>
  </si>
  <si>
    <t>NRCan-NRCan_0184</t>
  </si>
  <si>
    <t>CERL Database</t>
  </si>
  <si>
    <t>CERL</t>
  </si>
  <si>
    <t>Explosives Safety and Security</t>
  </si>
  <si>
    <t>In-house application built using MS Access. Used principally to manage the workflow around explosives testing for authorization purposes.</t>
  </si>
  <si>
    <t>NRCan-NRCan_0188</t>
  </si>
  <si>
    <t>Content Server (GCDOCS server)</t>
  </si>
  <si>
    <t>Gcdocs</t>
  </si>
  <si>
    <t>NRCan-NRCan_0189</t>
  </si>
  <si>
    <t>ccmMercury / ccmMercury Enterprise (client &amp; server)</t>
  </si>
  <si>
    <t>Communications Services,Materiel Services</t>
  </si>
  <si>
    <t>WorkDynamics</t>
  </si>
  <si>
    <t>ccmMercury Correspondence Management –  High Performance Data Entry. ccmMercury is a workflow tracking application</t>
  </si>
  <si>
    <t>NRCan-NRCan_0191</t>
  </si>
  <si>
    <t>docAlpha (client &amp; server)</t>
  </si>
  <si>
    <t>DocAlpha</t>
  </si>
  <si>
    <t>Artsyl Technologies</t>
  </si>
  <si>
    <t>The docAlpha production environment stations include Auto-Registration, Scanning, Recognition, Universal Concurrent Station (SimpleCapture Verification Station), and Export Station. The software allows to scan and process documents</t>
  </si>
  <si>
    <t>docAlpha</t>
  </si>
  <si>
    <t>NRCan-NRCan_0192</t>
  </si>
  <si>
    <t>eDocs DM (client &amp; server)</t>
  </si>
  <si>
    <t>Document management system. eDOCs is a legacy system from OpenText (same vendor as GCdocs). It is mainly used by legal services and some CMSS users with authorized licences. The dept was provided with 500 licenses by the vendor. System usage has declined over time since GCdocs was officially adopted. Legal services prefers to use eDocs to meet their documents management requirements to GCdocs. There is no project to migrate CMSS users to GCdocs. There are two databases (legal and CMSS) which holds all documents metadata and points to documents on the file server (which is on the same server).</t>
  </si>
  <si>
    <t>NRCan-NRCan_0193</t>
  </si>
  <si>
    <t>Livecycle (client &amp; server)</t>
  </si>
  <si>
    <t>Lifecycle</t>
  </si>
  <si>
    <t>LiveCycle is an enterprise document and form platform that helps capture and process information, deliver personalized communications, and protect and track sensitive information.</t>
  </si>
  <si>
    <t>NRCan-NRCan_0194</t>
  </si>
  <si>
    <t>MS Dynamics (CRM)</t>
  </si>
  <si>
    <t>Dynamics</t>
  </si>
  <si>
    <t>Microsoft Dynamics is a line of enterprise resource planning (ERP) and customer relationship management (CRM) software applications.</t>
  </si>
  <si>
    <t>Dynamics CRM Online for SA</t>
  </si>
  <si>
    <t>NRCan-NRCan_0195</t>
  </si>
  <si>
    <t>MS Project (server)</t>
  </si>
  <si>
    <t>MS Project server is a Project Portfolio Management (PPM) tool</t>
  </si>
  <si>
    <t>NRCan-NRCan_0196</t>
  </si>
  <si>
    <t>TeamMate (server)</t>
  </si>
  <si>
    <t>Audit</t>
  </si>
  <si>
    <t>NRCan-NRCan_0198</t>
  </si>
  <si>
    <t>FleetSmart SmartDriver E-Learning System</t>
  </si>
  <si>
    <t>SABA</t>
  </si>
  <si>
    <t>Saba is a public software company that provides e-Learning and human resource management software  http://fleetsmartlearning.nrcan.gc.ca/Saba/Web/Main</t>
  </si>
  <si>
    <t>NRCan-NRCan_0200</t>
  </si>
  <si>
    <t>Autonomy Knowledge Search</t>
  </si>
  <si>
    <t>Autonomy</t>
  </si>
  <si>
    <t>Search engine software
http://search.intranet.nrcan.gc.ca:8080/index.jsp?k=en</t>
  </si>
  <si>
    <t>NRCan-NRCan_0201</t>
  </si>
  <si>
    <t>NRCan-NRCan_0202</t>
  </si>
  <si>
    <t>ChangeGear</t>
  </si>
  <si>
    <t>ChangeGear is an ITIL Changement management software</t>
  </si>
  <si>
    <t>NRCan-NRCan_0203</t>
  </si>
  <si>
    <t>Quick Test Professional</t>
  </si>
  <si>
    <t>QTP</t>
  </si>
  <si>
    <t>This software is an automated softwar testing tool that helps test custom built applications for NRCan</t>
  </si>
  <si>
    <t>NRCan-NRCan_0205</t>
  </si>
  <si>
    <t>Drupal Content Management System</t>
  </si>
  <si>
    <t>An open source content management platform used to manage NRCan's static web assets</t>
  </si>
  <si>
    <t>Drupal 7</t>
  </si>
  <si>
    <t>NRCan-NRCan_0206</t>
  </si>
  <si>
    <t>Biofuels Management System</t>
  </si>
  <si>
    <t>BMS</t>
  </si>
  <si>
    <t>ecoENERGY for Biofuels</t>
  </si>
  <si>
    <t>NRCan-NRCan_0208</t>
  </si>
  <si>
    <t>Transportation Fuel Prices</t>
  </si>
  <si>
    <t>TFP</t>
  </si>
  <si>
    <t>Oil and Gas Policy and Regulatory Affairs Division</t>
  </si>
  <si>
    <t>http://www2.nrcan.gc.ca/eneene/sources/pripri/prices_byfuel_e.cfm</t>
  </si>
  <si>
    <t>NRCan-NRCan_0210</t>
  </si>
  <si>
    <t>OERD Extranet</t>
  </si>
  <si>
    <t>OERDE</t>
  </si>
  <si>
    <t>PAA 2.2.3 Clean Energy Science and Technology</t>
  </si>
  <si>
    <t>OLD link:
https://www.oerd-extranet.ca/index-eng.cfm?011</t>
  </si>
  <si>
    <t>NRCan-NRCan_0212</t>
  </si>
  <si>
    <t>Ministerial Correspondence</t>
  </si>
  <si>
    <t>MC</t>
  </si>
  <si>
    <t>Ministerial Correspondence Unit</t>
  </si>
  <si>
    <t>The Ministerial Correspondence Unit (MCU) is the liaison between the Energy Sector and the Energy Technology and Programs Sector, and the offices of the Assistant Deputy Ministers, Deputy Minister and Minister. The MCU provides advice, training, support, coordination and tracking with respect to executive correspondence.
http://wwwint2.nrcan.gc.ca/mcu-ucm/index.cfm?fuseaction=app.p1&amp;lang=eng</t>
  </si>
  <si>
    <t>NRCan-NRCan_0217</t>
  </si>
  <si>
    <t>Wind Power Production Incentive Tracking &amp; Administration</t>
  </si>
  <si>
    <t>WiPPIT</t>
  </si>
  <si>
    <t>Wind Power Production Incentive tracking and administration system.</t>
  </si>
  <si>
    <t>NRCan-NRCan_0219</t>
  </si>
  <si>
    <t>CCM DOCKETS DATABASE</t>
  </si>
  <si>
    <t>WorkDynamics Technologies</t>
  </si>
  <si>
    <t>Energy Sector Dockets tracking system (Domas)</t>
  </si>
  <si>
    <t>NRCan-NRCan_0221</t>
  </si>
  <si>
    <t>National Energy Use Database</t>
  </si>
  <si>
    <t>NEUD</t>
  </si>
  <si>
    <t>Demand Policy and Analysis</t>
  </si>
  <si>
    <t>A reliable Canada-wide information base on energy consumption for all energy consuming sectors  http://oee.nrcan.gc.ca/corporate/statistics/neud/dpa/data_e/publications.cfm?attr=0</t>
  </si>
  <si>
    <t>NRCan-NRCan_0223</t>
  </si>
  <si>
    <t>Form 11</t>
  </si>
  <si>
    <t>Polar Continental Shelf Logistics Support</t>
  </si>
  <si>
    <t>Used to submit requests for Arctic logistics.  http://s5-shf-presto/pcsp/(S(mziwpjvwzv4ve12nnmkpdrf3))/Login.aspx</t>
  </si>
  <si>
    <t>NRCan-NRCan_0226</t>
  </si>
  <si>
    <t>Canadian Active Control System</t>
  </si>
  <si>
    <t>CACS</t>
  </si>
  <si>
    <t>Geodetic Reference Systems</t>
  </si>
  <si>
    <t>Maintenance and operation of a network of continuous GPS tracking stations and systems providing  real-time and near real-time infrastructure and GPS data products for precise positioning.  http://webapp.geod.nrcan.gc.ca/geod/data-donnees/cacs-scca.php</t>
  </si>
  <si>
    <t>NRCan-NRCan_0227</t>
  </si>
  <si>
    <t>Canadian Geodetic Information System</t>
  </si>
  <si>
    <t>CGIS</t>
  </si>
  <si>
    <t>This system generates and maintains the information relating to the development, management and distribution of the Canadian Spatial Reference System and its products.  http://webapp.geod.nrcan.gc.ca/geod/index.php?userlang=en</t>
  </si>
  <si>
    <t>NRCan-NRCan_0228</t>
  </si>
  <si>
    <t>CACS - HPGNSS-C corrections service</t>
  </si>
  <si>
    <t>GPSCS</t>
  </si>
  <si>
    <t>Real time suite of applications for acquisition and processing of GNSS data (Part of CACS NRCan_0226)</t>
  </si>
  <si>
    <t>NRCan-NRCan_0229</t>
  </si>
  <si>
    <t>National Earth Observation Data Framework</t>
  </si>
  <si>
    <t>NEODF</t>
  </si>
  <si>
    <t>Essential Geographic Information</t>
  </si>
  <si>
    <t>The NEODF-Cat enables public and government users to intelligently search and easily access the GoC EO raw and product archives managed by NRCan. The search capability features advanced geospatial "Region of interest" (ROI) operators, high-quality Quicklo  https://neodf.nrcan.gc.ca/neodf_cat3/  https://neodf.nrcan.gc.ca/neodf_cat3/neodfcat/php/login.php</t>
  </si>
  <si>
    <t>NRCan-NRCan_0233</t>
  </si>
  <si>
    <t>CasaXPS</t>
  </si>
  <si>
    <t>Casa</t>
  </si>
  <si>
    <t>The Program is used to interpret surface chemistry spectra and the information is used in ongoing core and cost recovery projects at CANMET-MMSL  XPS peak fitting program. Site license for all of NRCan</t>
  </si>
  <si>
    <t>Casa Software Ltd</t>
  </si>
  <si>
    <t>NRCan-NRCan_0234</t>
  </si>
  <si>
    <t>CrystalMaker</t>
  </si>
  <si>
    <t>1.1.1 Minerals and Metals Markets, Investment, Innovation and Productivity</t>
  </si>
  <si>
    <t>A program for building, displaying, manipulating and animating all kinds of crystal &amp; molecular structures  Data Analysis</t>
  </si>
  <si>
    <t>CrystalMaker Software</t>
  </si>
  <si>
    <t>NRCan-NRCan_0235</t>
  </si>
  <si>
    <t>Design Expert Version 8</t>
  </si>
  <si>
    <t>DEV</t>
  </si>
  <si>
    <t>Design and Analysis of Experiments</t>
  </si>
  <si>
    <t>Stat-Ease Inc.</t>
  </si>
  <si>
    <t>NRCan-NRCan_0236</t>
  </si>
  <si>
    <t>GanFeld Data Management Tools -  (Tools4GanFeld)</t>
  </si>
  <si>
    <t>T4G</t>
  </si>
  <si>
    <t>GEM-2</t>
  </si>
  <si>
    <t>Map based field data capture system for geologists on desktop PC.</t>
  </si>
  <si>
    <t>NRCan-NRCan_0238</t>
  </si>
  <si>
    <t>IGOR PRO</t>
  </si>
  <si>
    <t>Graphing Program</t>
  </si>
  <si>
    <t>WaveMetrics, Inc.</t>
  </si>
  <si>
    <t>NRCan-NRCan_0240</t>
  </si>
  <si>
    <t>Orgin Pro 7.5</t>
  </si>
  <si>
    <t>OriginLab Corporation</t>
  </si>
  <si>
    <t>NRCan-NRCan_0242</t>
  </si>
  <si>
    <t>CEPS Canadian Earthquake Processing System</t>
  </si>
  <si>
    <t>CEPS</t>
  </si>
  <si>
    <t>NRCan Canadian Hazards Information Service</t>
  </si>
  <si>
    <t>Umbrella entry for mission critical EQCan systems that acquire, process, archive and disseminate seismic data; and produce, alert on and disseminate reports about earthquake activity.  This entry covers anything that is not specifically covered in the other CEPS children sub-entries.  Referred to as " National Seismic Network Infrastructure (NSNI) / (EMPs - Geological Hazards &amp; Nuclear Explosions Monitoring)" in the BIA.</t>
  </si>
  <si>
    <t>NRCan-NRCan_0243</t>
  </si>
  <si>
    <t>GSC BASIN Web Access Application</t>
  </si>
  <si>
    <t>BASIN</t>
  </si>
  <si>
    <t>GNES (Geoscience for New Energy Supply), GEM, PSG, corporate</t>
  </si>
  <si>
    <t>This application disseminates geological, geophysical and engineering information related to  petroleum exploration.  198.103.48.74  http://basin.gdr.nrcan.gc.ca/index_e.php</t>
  </si>
  <si>
    <t>NRCan-NRCan_0245</t>
  </si>
  <si>
    <t>Geomagnetic Monitoring System</t>
  </si>
  <si>
    <t>GMS</t>
  </si>
  <si>
    <t>Umbrella entry for mission critical Geomagnetic systems in Ottawa that  acquire, process and archive geomagnetic data from remote stations and are used for geomagnetic products and space weather forecasting.  Referred to as " Geomagnetic Monitoring and Forecasting / (EMP - Space Weather)" in the BIA.</t>
  </si>
  <si>
    <t>CentOS and Solaris are enterprise standards</t>
  </si>
  <si>
    <t>NRCan-NRCan_0250</t>
  </si>
  <si>
    <t>GDR Metadata Editor</t>
  </si>
  <si>
    <t>GDRME</t>
  </si>
  <si>
    <t>Web-based metadata loader and editor for the aeromagnetic and radiometric metadata found in the geoscience data repository (GDR).</t>
  </si>
  <si>
    <t>NRCan-NRCan_0252</t>
  </si>
  <si>
    <t>GSC Personnel Database &amp; Tools</t>
  </si>
  <si>
    <t>GSCNCPD</t>
  </si>
  <si>
    <t>Required to support all programs related to GSC</t>
  </si>
  <si>
    <t>To provide for the Division, a common and standard tool to capture and record personnel information, such as health and safety training, medicals, area of expertise, employee files, work objectives, appraisal information, etc.</t>
  </si>
  <si>
    <t>GEM</t>
  </si>
  <si>
    <t>APP-04346</t>
  </si>
  <si>
    <t>Laboratory Information Management System (LIMS)</t>
  </si>
  <si>
    <t>Lab information management system for tracking sample processing</t>
  </si>
  <si>
    <t>NRCan-NRCan_0260</t>
  </si>
  <si>
    <t>Sample Management System</t>
  </si>
  <si>
    <t>SMS</t>
  </si>
  <si>
    <t>The Sample Management System (SMS) is an internal ESS wide computer intranet system designed to track the progress of on shore samples collected in the field, processed by the laboratories (internal or external) and stored in the ESS archives/collections.</t>
  </si>
  <si>
    <t>NRCan-NRCan_0261</t>
  </si>
  <si>
    <t>Geoscience data repository for geophysics and geochemistry</t>
  </si>
  <si>
    <t>GDRGG</t>
  </si>
  <si>
    <t>Airborne magnetic, radiometric, EM, gravity, and gravity gradiometry data. Also holds borehole geophysical data and links to seismic and magnetotelluric data.  http://gdr.agg.nrcan.gc.ca/gdrdap/dap/search-eng.php</t>
  </si>
  <si>
    <t>Geosoft DAP Server</t>
  </si>
  <si>
    <t>GSC Calgary</t>
  </si>
  <si>
    <t>NRCan-NRCan_0265</t>
  </si>
  <si>
    <t>Système de Gestion des Bases de Données à Références Spatiales (anciennement Bas</t>
  </si>
  <si>
    <t>SGBDRS (ancien BDG)</t>
  </si>
  <si>
    <t>Système permettant la gestion et la distribution de données géospatiales via des bases de données et des couches de services.</t>
  </si>
  <si>
    <t>Science Lab Network</t>
  </si>
  <si>
    <t>NRCan-NRCan_0273</t>
  </si>
  <si>
    <t>ESS Publication Process Integration (PPI)</t>
  </si>
  <si>
    <t>PPI</t>
  </si>
  <si>
    <t>Open Geoscience</t>
  </si>
  <si>
    <t>The Publishing Process Integration (PPI) is an electronic system that ESS is using to guide its scientific publishing process from initiating a permission-to-publish form to the release of a publication.  PPI is an email-enabled workflow application that facilitates obtaining various levels of approval required to release a scientific or a technical publication. It also captures key metadata for each publication and transmits the information to related corporate systems. PPI integrates all steps of the publishing process, from the creation of a manuscript in a Division/Program to the release of a final product.  http://ppi-ipp.ess-sst.nrcan-rncan.gc.ca/</t>
  </si>
  <si>
    <t>NRCan-NRCan_0275</t>
  </si>
  <si>
    <t>GSC Expedition Database Web Access Application</t>
  </si>
  <si>
    <t>GEM, GNES, PSG, CCGP, corporate</t>
  </si>
  <si>
    <t>This application disseminates  information (metadata) and data related to the scientific cruises conducted by or on behalf of GSC Atlantic and Pacific  http://ed.gdr.nrcan.gc.ca/index_e.php  http://ed.gdr.nrcan.gc.ca/cruises_e.php  http://ed.gdr.nrcan.gc.ca/area_e.php  http://ed.gdr.nrcan.gc.ca/area_station_type_e.php</t>
  </si>
  <si>
    <t>NRCan-NRCan_0276</t>
  </si>
  <si>
    <t>GEOSCAN</t>
  </si>
  <si>
    <t>GEOSCAN is a bibliographic database containing more than 70 000 records covering all the publications of the Earth Sciences Sector.  http://geoscan.ess.nrcan.gc.ca/starweb/geoscan/servlet.starweb?path=geoscan/geoscan_e.web</t>
  </si>
  <si>
    <t>PAA 3.2.1 Essential Geographic Information</t>
  </si>
  <si>
    <t>NRCan-NRCan_0286</t>
  </si>
  <si>
    <t>Atlas of Canada</t>
  </si>
  <si>
    <t>ATLASC</t>
  </si>
  <si>
    <t>Since 1906, the Atlas of Canada has offered a rich treasury of geographic information for all Canadians. You'll find hundreds of online maps about Canada's environment, society, economy and history.  http://atlas.nrcan.gc.ca/site/english/index.html</t>
  </si>
  <si>
    <t>NRCan-NRCan_0288</t>
  </si>
  <si>
    <t>Canadian Geographical Names Database Web Data Entry</t>
  </si>
  <si>
    <t>GNAP</t>
  </si>
  <si>
    <t>A Web application which allows a private and restricted access to the Canadian Geographical Names Database (CGNDB), for the purpose to insert and update records, and view historical and archived information.   https://www.geogratis.gc.ca/geonames-app-toponymie/en/login</t>
  </si>
  <si>
    <t>NRCan-NRCan_0289</t>
  </si>
  <si>
    <t>GeoName Discovery</t>
  </si>
  <si>
    <t>GeoNames_CGNDB-WebQuery</t>
  </si>
  <si>
    <t>A Web application which allows to find the official name of places and geographical features in Canada with their mapping and geolocation information. It allows searching by name, coordinate, rectangular area, map, unique identifier, etc., the public information contained in the CGNDB. These are the geographical names (geonames) and information approved by the Geographical Names Board of Canada.   http://www.nrcan.gc.ca/earth-sciences/geography/place-names/search/9170</t>
  </si>
  <si>
    <t>NRCan-NRCan_0292</t>
  </si>
  <si>
    <t>Système Générique de Production de données géospatiales</t>
  </si>
  <si>
    <t>SGProd</t>
  </si>
  <si>
    <t>Système qui supporte l'ensemble des processus de productions et de validation de données géospatiales.</t>
  </si>
  <si>
    <t>NRCan-NRCan_0293</t>
  </si>
  <si>
    <t>Système d'information de la BNDT</t>
  </si>
  <si>
    <t>Système de gestion de la production de données/métadonnées géospatiales, ainsi que des non-conformité au niveau des données. Ce système est sur des BD est sur Oracle (infrastructure RAC de 10 serveurs Linux) et possède plusieurs services PL-SQL avec des d</t>
  </si>
  <si>
    <t>NRCan-NRCan_0297</t>
  </si>
  <si>
    <t>CLSS Web Map Browser</t>
  </si>
  <si>
    <t>CLSS-WMB</t>
  </si>
  <si>
    <t>Canada Lands Survey Program</t>
  </si>
  <si>
    <t>Web map application to search and visualize  Canada Lands cadastral data including parcels, plans and projects.  http://clss.nrcan.gc.ca/map-carte-eng.php</t>
  </si>
  <si>
    <t>NRCan-NRCan_0298</t>
  </si>
  <si>
    <t>CLSS Integrated Cadastral Management - Internal Management</t>
  </si>
  <si>
    <t>ICM-I</t>
  </si>
  <si>
    <t>GIS based Survey Pacel dataset management including quality control</t>
  </si>
  <si>
    <t>NRCan-NRCan_0299</t>
  </si>
  <si>
    <t>CLSS Survey Records Information Systems</t>
  </si>
  <si>
    <t>SRIS-I</t>
  </si>
  <si>
    <t>Web application for managing attribute informaton for Canada Lands survey records; includes access to over 140,000 survey plans and related documents; metadata and images.</t>
  </si>
  <si>
    <t>Bing Maps Known 5K User Bundle</t>
  </si>
  <si>
    <t>NRCan-NRCan_0306</t>
  </si>
  <si>
    <t>Ansys CFX</t>
  </si>
  <si>
    <t>ACFX</t>
  </si>
  <si>
    <t>PAA 2.2.3.1.1 Fossil Fuels</t>
  </si>
  <si>
    <t>ANSYS CFX software is a high-performance, general purpose fluid dynamics program that has been applied to solve wide-ranging fluid flow problems for over 20 years. At the heart of ANSYS CFX is its advanced solver technology, the key to achieving reliable and accurate solutions quickly and robustly.</t>
  </si>
  <si>
    <t>Ansys</t>
  </si>
  <si>
    <t>NRCan-NRCan_0307</t>
  </si>
  <si>
    <t>AutoCad LT</t>
  </si>
  <si>
    <t>ALT</t>
  </si>
  <si>
    <t>Class 43.1/43.2 Secretariat</t>
  </si>
  <si>
    <t>Drafting software.</t>
  </si>
  <si>
    <t>Autodesk Inc. / AutoCAD LT 2014</t>
  </si>
  <si>
    <t>Building</t>
  </si>
  <si>
    <t>NRCan-NRCan_0309</t>
  </si>
  <si>
    <t>Dabo Data Acquisition</t>
  </si>
  <si>
    <t>Data acquisition that reads data from Building Energy Management System that is stored in a SQL database</t>
  </si>
  <si>
    <t>NRCan-NRCan_0311</t>
  </si>
  <si>
    <t>Enerpool</t>
  </si>
  <si>
    <t>EnerP</t>
  </si>
  <si>
    <t>Enerpool uses an hour-by-hour energy balance to predict swimming pool temperature and heating energy requirements for pools using solar or conventional heating systems.</t>
  </si>
  <si>
    <t>NRCan-NRCan_0313</t>
  </si>
  <si>
    <t>Orcaview</t>
  </si>
  <si>
    <t>Orca</t>
  </si>
  <si>
    <t>Software to operate the building systems.  OrcaWeb and EnteliWeb are the web based versions of this software.</t>
  </si>
  <si>
    <t>Delta Controls/ Orcaview</t>
  </si>
  <si>
    <t>NRCan-NRCan_0314</t>
  </si>
  <si>
    <t>Phoenics (Outil de calcul PHOENICS)</t>
  </si>
  <si>
    <t>Phoenics</t>
  </si>
  <si>
    <t>The software is currently used for calculating fluid dynamics</t>
  </si>
  <si>
    <t>Portland Group - PGI Visual Fortran</t>
  </si>
  <si>
    <t>NRCan-NRCan_0315</t>
  </si>
  <si>
    <t>Sample Master v.9</t>
  </si>
  <si>
    <t>SMv9</t>
  </si>
  <si>
    <t>Laboratory management system to control sample activity in the laboratory and to report analytical results.</t>
  </si>
  <si>
    <t>Accelerated Technology Laboratories, Inc. / Sample Master Pro</t>
  </si>
  <si>
    <t>NRCan-NRCan_0316</t>
  </si>
  <si>
    <t>Swift</t>
  </si>
  <si>
    <t>SWIFT is a program that models the behaviour of a SolarWall®, which uses solar energy to heat buildings. Using weather data inputted from a specified file, or using built in files containing average weather data, SWIFT predicts the amount of heat gathered from solar energy, the resulting air temperature inside the building, the amount of energy used by conventional heating systems that has been avoided as a result of using SolarWall, and more.</t>
  </si>
  <si>
    <t>NRCan-NRCan_0323</t>
  </si>
  <si>
    <t>HOT2000</t>
  </si>
  <si>
    <t>HOT2K</t>
  </si>
  <si>
    <t>2.1.2 Domestic and International Clean Energy Policy</t>
  </si>
  <si>
    <t>The HOT2000(TM) housing simulation tool is the reference calculation program for the ecoENERGY Retrofit program, the R-2000 program and the basis for the HOT2XP software (used in the original EnerGuide for Houses program). The original Microsoft Windows version (v8.0) of the program was released in November 1998. The software is used by housing industry energy evaluators to model the energy performance of new and existing homes and is the basis for many reserach projects on new housing technologies.</t>
  </si>
  <si>
    <t>Energy-efficient Practices Lower-carbon Energy Sources</t>
  </si>
  <si>
    <t>NRCan-NRCan_0329</t>
  </si>
  <si>
    <t>RETScreen Clean Energy Project Analysis Software</t>
  </si>
  <si>
    <t>RETScreen</t>
  </si>
  <si>
    <t>RETScreen is a Clean Energy Management Software system for energy efficiency, renewable energy and cogeneration project feasibility analysis as well as ongoing energy performance analysis.  https://www.nrcan.gc.ca/energy/software-tools/7465 http://www.retscreen.net/ang/home.php</t>
  </si>
  <si>
    <t>NRCan-NRCan_0330</t>
  </si>
  <si>
    <t>Restricted Components</t>
  </si>
  <si>
    <t>Form22</t>
  </si>
  <si>
    <t>Application to List as a Seller of Restricted Components.  https://www2.nrcan-rncan.gc.ca/mms/rc-cr/index.cfm?fuseaction=OnlineApplication.DisplaySellerForm&amp;amp;lang=en</t>
  </si>
  <si>
    <t>NRCan-NRCan_0331</t>
  </si>
  <si>
    <t>Ammonium Nitrate Report</t>
  </si>
  <si>
    <t>Form23</t>
  </si>
  <si>
    <t>Annual Inventory Report for Ammonium Nitrate  https://www2.nrcan-rncan.gc.ca/mms/rc-cr/index.cfm?fuseaction=u.dlf</t>
  </si>
  <si>
    <t>NRCan-NRCan_0333</t>
  </si>
  <si>
    <t>Licence Management System for the Explosives Safety and Security Program
http://wwwint2.nrcan.gc.ca/sso/erd/erdweb/</t>
  </si>
  <si>
    <t>NRCan-NRCan_0334</t>
  </si>
  <si>
    <t>Pyro Database</t>
  </si>
  <si>
    <t>Pyro</t>
  </si>
  <si>
    <t>Database of individuals holding fireworks certificates in Canada</t>
  </si>
  <si>
    <t>NRCan-NRCan_0338</t>
  </si>
  <si>
    <t>Systematic Treatment of Pitting Sequence</t>
  </si>
  <si>
    <t>STPS</t>
  </si>
  <si>
    <t>The software is used to predict the occurrence of internal pitting corrosion of oil and gas pipelines.</t>
  </si>
  <si>
    <t>NRCan-NRCan_0339</t>
  </si>
  <si>
    <t>CanmetMINING JobBoss</t>
  </si>
  <si>
    <t>CMINJB</t>
  </si>
  <si>
    <t>Green Mining (MMS)</t>
  </si>
  <si>
    <t>Jobboss provides the technical services division of CanmetMINING the tools to track shop activities, inventory and client reporting.</t>
  </si>
  <si>
    <t>ExactAmerica</t>
  </si>
  <si>
    <t>NRCan-NRCan_0340</t>
  </si>
  <si>
    <t>CMIN</t>
  </si>
  <si>
    <t>Data Collection, Inventory  Chemical store Database, track chemicals and MSDS sheets</t>
  </si>
  <si>
    <t>SageData</t>
  </si>
  <si>
    <t>NRCan-NRCan_0341</t>
  </si>
  <si>
    <t>Meritus</t>
  </si>
  <si>
    <t>Meritus is a suite comprising previous separate applications Legamus and Business Contracts and Reporting.  This application provides integration of core MMS Branch data sets for executive summary reporting, auditing, business documentation processing, laboratory analysis and operational data input and reporting.</t>
  </si>
  <si>
    <t>NRCan-NRCan_0342</t>
  </si>
  <si>
    <t>3D-CANVENT</t>
  </si>
  <si>
    <t>3D Mine Ventilation Modelling software package</t>
  </si>
  <si>
    <t>NRCan-NRCan_0343</t>
  </si>
  <si>
    <t>DieselCom</t>
  </si>
  <si>
    <t>Diesel Engine analysis package.  Performing data acquisition on MMSL Bells Cormers dynamometer instrumentation</t>
  </si>
  <si>
    <t>NRCan-NRCan_0344</t>
  </si>
  <si>
    <t>CCRMP Database</t>
  </si>
  <si>
    <t>CCRMPD</t>
  </si>
  <si>
    <t>Management and Oversight Services,Materiel Services</t>
  </si>
  <si>
    <t>Inventory/Business support db</t>
  </si>
  <si>
    <t>NRCan-NRCan_0346</t>
  </si>
  <si>
    <t>SAS - Statistical Analysis System</t>
  </si>
  <si>
    <t>Data Analysis</t>
  </si>
  <si>
    <t>Visual Analytics</t>
  </si>
  <si>
    <t>NRCan-NRCan_0347</t>
  </si>
  <si>
    <t>Kimberley Process Remote Printing</t>
  </si>
  <si>
    <t>KPRP</t>
  </si>
  <si>
    <t>Kimberly process</t>
  </si>
  <si>
    <t>NRCan-NRCan_0348</t>
  </si>
  <si>
    <t>Canadian Metals Recycling Website (NRCan)</t>
  </si>
  <si>
    <t>CMRW</t>
  </si>
  <si>
    <t>providing information about metals recycling and recycling in general.</t>
  </si>
  <si>
    <t>NRCan-NRCan_0349</t>
  </si>
  <si>
    <t>Minerals and Metals Statistics Division On-line</t>
  </si>
  <si>
    <t>Mineral Mining Production, Exploration Use Surveys and Trade Statistics</t>
  </si>
  <si>
    <t>Citizen facing site to provide the electronic version of SEAD's publications.</t>
  </si>
  <si>
    <t>NRCan-NRCan_0350</t>
  </si>
  <si>
    <t>SoftAccess Canadian Minerals Yearbook</t>
  </si>
  <si>
    <t>SACMY</t>
  </si>
  <si>
    <t>Part of the ACM application.  Consolidates the yearly data from TRAGS, Production, Use and Exploration</t>
  </si>
  <si>
    <t>NRCan-NRCan_0351</t>
  </si>
  <si>
    <t>SoftAccess Exploration</t>
  </si>
  <si>
    <t>Mineral Mining Exploration Survey and Statistics</t>
  </si>
  <si>
    <t>NRCan-NRCan_0352</t>
  </si>
  <si>
    <t>SoftAccess Mineral Use</t>
  </si>
  <si>
    <t>SAMU</t>
  </si>
  <si>
    <t>Mineral Use Survey and Statistics</t>
  </si>
  <si>
    <t>NRCan-NRCan_0353</t>
  </si>
  <si>
    <t>SoftAccess Production</t>
  </si>
  <si>
    <t>SAPROD</t>
  </si>
  <si>
    <t>Mineral Mining Production Survey and Statistics</t>
  </si>
  <si>
    <t>NRCan-NRCan_0354</t>
  </si>
  <si>
    <t>SoftAccess Trade Retrieval and Aggregation System</t>
  </si>
  <si>
    <t>SATRAS</t>
  </si>
  <si>
    <t>Trade Statistics</t>
  </si>
  <si>
    <t>Enables users from all Sectors of NRCan to search for trade statistics related to the mining, forestry and energy industries</t>
  </si>
  <si>
    <t>NRCan-NRCan_0355</t>
  </si>
  <si>
    <t>MPMO Tracker</t>
  </si>
  <si>
    <t>MPMO</t>
  </si>
  <si>
    <t>Major Projects Management Office</t>
  </si>
  <si>
    <t>The MPMO provides overarching management and coordination of the federal regulatory system for major resource projects. It also provides support to the Major Projects Deputy Ministers' Committee, through the provision of strategic policy advice, analysis and other information.
http://www2.mpmo-bggp.gc.ca/MPTracker/search-chercher.aspx?lang=en</t>
  </si>
  <si>
    <t>NRCan-NRCan_0356</t>
  </si>
  <si>
    <t>NPMO - Northern Projects Management Office</t>
  </si>
  <si>
    <t>NPMO</t>
  </si>
  <si>
    <t>Northern Projects Management Office</t>
  </si>
  <si>
    <t>The NPMO Tracker is a web tool that monitors the progress of proposed major resource projects through the federal regulatory review system. The tool is an important element of the Northern Projects Management Office’s efforts to ensure that Canadians have access to accurate and timely information about major resource projects undergoing a federal regulatory review.
The Tracker records information about all NPMO projects at various stages in the review process, including those that are currently undergoing a regulatory review and those that have completed a review.
http://npmo-bgpn.cannor.gc.ca/NPTracker/</t>
  </si>
  <si>
    <t>NRCan-NRCan_0357</t>
  </si>
  <si>
    <t>2012 ENERGY STAR for New Homes online enrolment and compliance system</t>
  </si>
  <si>
    <t>ESNHECS</t>
  </si>
  <si>
    <t>The 2012 ENERGY STAR for New Homes online enrolment and compliance system (ESNHECS) is an online tool used by service organizations to enrol ENERGY STAR homes into NRCan's database and verify their compliance to the ENERGY STAR standard.  https://esnh.nrcan.gc.ca/en/energystar/sign_in</t>
  </si>
  <si>
    <t>NRCan-NRCan_0362</t>
  </si>
  <si>
    <t>CanMost Software Download</t>
  </si>
  <si>
    <t>CanMost</t>
  </si>
  <si>
    <t>Interactive tool to allow the user compare the efficiencies of electric motors  http://oee.nrcan.gc.ca/industrial/equipment/software/programfiles/login.cfm</t>
  </si>
  <si>
    <t>NRCan-NRCan_0363</t>
  </si>
  <si>
    <t>Climate Zones for ENERGY STAR</t>
  </si>
  <si>
    <t>CZ</t>
  </si>
  <si>
    <t>An interacive map of Canada showing the 3 the climate zones for which a window, door or skylight is ENERGY STAR qualified to help consumers choose the right product for the installation location.  http://oee.nrcan.gc.ca/energy-zones-climatiques/#postal_code</t>
  </si>
  <si>
    <t>NRCan-NRCan_0364</t>
  </si>
  <si>
    <t>Comprehensive Energy Use Database</t>
  </si>
  <si>
    <t>CEUD</t>
  </si>
  <si>
    <t>The Comprehensive Energy Use Database provides an overview of the sectoral end-use energy markets in Canada and in each region of the country.* These tables are intended to complement data published in the Energy Use Data Handbook.  http://oee.nrcan.gc.ca/corporate/statistics/neud/dpa/data_e/query_system/querysystem.cfm</t>
  </si>
  <si>
    <t>NRCan-NRCan_0366</t>
  </si>
  <si>
    <t>Directory of Energy Efficiency Programs for Industry</t>
  </si>
  <si>
    <t>PGDR</t>
  </si>
  <si>
    <t>Search repository of energy related programs  http://oee.nrcan.gc.ca/industrial/financial-assistance/programs.cfm</t>
  </si>
  <si>
    <t>Canadian Industry Program for Energy Conservation</t>
  </si>
  <si>
    <t>ASAC</t>
  </si>
  <si>
    <t>NRCan-NRCan_0369</t>
  </si>
  <si>
    <t>Existing Housing Problem Files</t>
  </si>
  <si>
    <t>EHPF</t>
  </si>
  <si>
    <t>ecoEnergy</t>
  </si>
  <si>
    <t>used by program officers to enter in the SO problem files and generate reports to send out on a bi-weekly basis. Connected to PV Upload for financial payments.  http://housingportal.nrcan.gc.ca/webportal/security/login</t>
  </si>
  <si>
    <t>Energy Efficiency</t>
  </si>
  <si>
    <t>NRCan-NRCan_0375</t>
  </si>
  <si>
    <t>Energy Advisor Workshop Exam</t>
  </si>
  <si>
    <t>EAE</t>
  </si>
  <si>
    <t>Online examination system for business partners to be tested as a step towards being qualified as an NRCan housing program delivery agent  http://oee.nrcan.gc.ca/residential/exam/admin/</t>
  </si>
  <si>
    <t>NRCan-NRCan_0376</t>
  </si>
  <si>
    <t>Energy Cost Calculator for New Appliances</t>
  </si>
  <si>
    <t>ECCNA</t>
  </si>
  <si>
    <t>A simple tool to indicated the energy consumption of major home appliances, to clearly indicate the cost to operate over the lifetime of the appliance.  http://oee.nrcan.gc.ca/residential/personal/appliances/energy-cost-calculator.cfm</t>
  </si>
  <si>
    <t>NRCan-NRCan_0379</t>
  </si>
  <si>
    <t>ENERGY STAR Participants Site / ENERGY STAR Login</t>
  </si>
  <si>
    <t>ESPART</t>
  </si>
  <si>
    <t>A password protected extranet site that is meant for companies and stakeholders that have joined and become ENERGY STAR Participants.  http://oee.nrcan.gc.ca/energystar/english/participants/extranet/login.cfm?GotoPage=%2Fenergystar%2Fenglish%2Fparticipants%2Fextranet%2Findex%2Ecfm</t>
  </si>
  <si>
    <t>NRCan-NRCan_0380</t>
  </si>
  <si>
    <t>ENERGY STAR Savings Calculator</t>
  </si>
  <si>
    <t>ESSCALC</t>
  </si>
  <si>
    <t>A interative tool that shows the cost benefits of buying ENERGY STAR qualfied products in bulk, aimed at procurement officers.  http://oee.nrcan.gc.ca/residential/business/energystar/procurement/registration.cfm?attr=12</t>
  </si>
  <si>
    <t>NRCan-NRCan_0384</t>
  </si>
  <si>
    <t>Equipment Contact Database (ECD)</t>
  </si>
  <si>
    <t>The filemaker pro database used by equipment division</t>
  </si>
  <si>
    <t>NRCan-NRCan_0385</t>
  </si>
  <si>
    <t>Equipment DB - Reports, Imports &amp; Compliance</t>
  </si>
  <si>
    <t>EDBRIP</t>
  </si>
  <si>
    <t>Energy-efficient Practices and Lower-carbon Energy Sources</t>
  </si>
  <si>
    <t>Database used by the Regulations and Compliance group within the Equipment division.  Repository for energy efficiency reports in support of the Energy Efficiency Act and Regulations and ENERGY STAR in Canada, including import and compliance data</t>
  </si>
  <si>
    <t>NRCan-NRCan_0388</t>
  </si>
  <si>
    <t>Find service organizations for existing homes</t>
  </si>
  <si>
    <t>FSOEA</t>
  </si>
  <si>
    <t>Web site where Canadians can look up service organizations based on postal code. You can hire these service organizations, and they will send an energy advisor to evaluate your home using the EnerGuide Rating Service so you can participate in programs  http://oee.nrcan.gc.ca/residential/personal/home-improvement/service/contact-advisors.cfm</t>
  </si>
  <si>
    <t>NRCan-NRCan_0389</t>
  </si>
  <si>
    <t>FleetSmart</t>
  </si>
  <si>
    <t>The application is a database containing contact information for approximately 8,000 transportation industry stakeholders.  http://www.fleetsmart.nrcan.gc.ca</t>
  </si>
  <si>
    <t>NRCan-NRCan_0395</t>
  </si>
  <si>
    <t>Fuel Consumption Ratings</t>
  </si>
  <si>
    <t>FCR</t>
  </si>
  <si>
    <t>Use this tool to help identify the most fuel-efficient vehicle that meets your everyday needs by comparing the fuel consumption information of different models.  http://oee.nrcan.gc.ca/fcr-rcf/public/index-e.cfm</t>
  </si>
  <si>
    <t>ICI</t>
  </si>
  <si>
    <t>NRCan-NRCan_0408</t>
  </si>
  <si>
    <t>Join ENERGY STAR as a Manufacturer</t>
  </si>
  <si>
    <t>JESM</t>
  </si>
  <si>
    <t>On-line registration process to apply to join ENERGY STAR Manufacturer  Email account: energystar@nrcan.gc.ca  http://oee.nrcan.gc.ca/residential/business/manufacturers/other-manufacturer-email.cfm</t>
  </si>
  <si>
    <t>NRCan-NRCan_0409</t>
  </si>
  <si>
    <t>Join ENERGY STAR as a Promoter</t>
  </si>
  <si>
    <t>JESP</t>
  </si>
  <si>
    <t>ENERGY STAR</t>
  </si>
  <si>
    <t>On-line registration process to apply to join ENERGY STAR Promoter  Email account: energystar@nrcan.gc.ca  http://oee.nrcan.gc.ca/residential/business/manufacturers/promoter-email.cfm</t>
  </si>
  <si>
    <t>NRCan-NRCan_0410</t>
  </si>
  <si>
    <t>Join ENERGY STAR as a Retailer or Distributor</t>
  </si>
  <si>
    <t>JESRD</t>
  </si>
  <si>
    <t>On-line registration process to apply to join ENERGY STAR Retailer and Distributor  Email account:  energystar@nrcan.gc.ca  http://oee.nrcan.gc.ca/residential/business/manufacturers/other-retailer-email.cfm</t>
  </si>
  <si>
    <t>NRCan-NRCan_0414</t>
  </si>
  <si>
    <t>LINGUISTIC APPLICATION</t>
  </si>
  <si>
    <t>LA</t>
  </si>
  <si>
    <t>Database to track linguistics requests and report on team activities</t>
  </si>
  <si>
    <t>NRCan-NRCan_0416</t>
  </si>
  <si>
    <t>New Housing Administration Centre</t>
  </si>
  <si>
    <t>NHAC</t>
  </si>
  <si>
    <t>For NRCan to manage service providers credentials, NRCan staff access privileges, upload Program documents (i.e., the mothership). Connected to Members Only site. =========================================== This site allows licenced R-2000, EnerGuide Rating System (ERS) and ENERGY STAR® for New Homes participants to download news items, marketing materials, administration resources and training documents relating to the new housing services.  Intranet: http://wwwint2.nrcan.gc.ca/OEE-nh-mn/index.cfm?fuseaction=s.slf&amp;language=eng  Public: http://www2.nrcan.gc.ca/oee/nh-mn/rc-cd/index.cfm?fuseaction=s.slf&amp;lang=eng  Generic logins:  h0000/welcome or g0000/welcome</t>
  </si>
  <si>
    <t>NRCan-NRCan_0418</t>
  </si>
  <si>
    <t>Products Search</t>
  </si>
  <si>
    <t>Dynamic list of models page to link to all the product search engines  http://oee.nrcan.gc.ca/pml-lmp/index.cfm?action=app.welcome-bienvenue</t>
  </si>
  <si>
    <t>NRCan-NRCan_0419</t>
  </si>
  <si>
    <t>NRCan's Portal to the Administration Centre</t>
  </si>
  <si>
    <t>NPAC</t>
  </si>
  <si>
    <t>The OEE Housing Program Extranet (HOPE) application will allow service organizations affiliated with energy efficient new housing initiatives to inform Natural Resources Canada (NRCan) about R-2000 house certifications, related training activities and the licensing statuses of service providers.  Public sign-in: https://www2.nrcan-rncan.gc.ca/oee/nh-mn/so-os/index.cfm?fuseaction=ss.index&amp;lang=eng  Admin: https://wwwint2.nrcan-rncan.gc.ca/OEE-ac-ca/index.cfm?fuseaction=ss.index&amp;lang=eng</t>
  </si>
  <si>
    <t>NRCan-NRCan_0425</t>
  </si>
  <si>
    <t>SmartWay Database</t>
  </si>
  <si>
    <t>SWD</t>
  </si>
  <si>
    <t>Web interface that lists SmartWay Partners via a dynamic iFrame table that is connected to a database shared with the US EPA.  http://oee.nrcan.gc.ca/smartway/index.cfm?pg=3</t>
  </si>
  <si>
    <t>NRCan-NRCan_0427</t>
  </si>
  <si>
    <t>Subscribe to Heads Up Newsletters</t>
  </si>
  <si>
    <t>SHUN</t>
  </si>
  <si>
    <t>Subscription form for Heads Up newsletters  https://oeeforms.nrcan.gc.ca/index-eng.cfm?event=heads-up-newsletter-subscription</t>
  </si>
  <si>
    <t>NRCan-NRCan_0432</t>
  </si>
  <si>
    <t>Upload advisor data</t>
  </si>
  <si>
    <t>UAD</t>
  </si>
  <si>
    <t>https://gcdocs.gc.ca/nrcan-rncan/llisapi.dll/properties/4609442 (Dir signed form to reinstate)  CF7  http://oee.nrcan.gc.ca/residential/personal/new-home-improvement/upload.cfm</t>
  </si>
  <si>
    <t>NRCan-NRCan_0435</t>
  </si>
  <si>
    <t>Contact Us / CFAQ </t>
  </si>
  <si>
    <t>CFAQ</t>
  </si>
  <si>
    <t>Corporate communications</t>
  </si>
  <si>
    <t>In order to better direct your question please narrow your search below. You will then be able to either contact us using an online form or look at our Frequently Asked Questions (FAQs), where some of your questions may already have been addressed.  http://contact-contactez.nrcan-rncan.gc.ca/index.cfm?lang=eng&amp;sid=7</t>
  </si>
  <si>
    <t>NRCan-NRCan_0436</t>
  </si>
  <si>
    <t>Communication PSP (CPSP  Planning)</t>
  </si>
  <si>
    <t>CPSP (Planning)</t>
  </si>
  <si>
    <t>Manages the planning of communications products  http://wwwint2.nrcan.gc.ca/papms-sgapp/plan/index.cfm</t>
  </si>
  <si>
    <t>NRCan-NRCan_0437</t>
  </si>
  <si>
    <t>Oidling</t>
  </si>
  <si>
    <t>OID</t>
  </si>
  <si>
    <t>NRCan-NRCan_0438</t>
  </si>
  <si>
    <t>MTP</t>
  </si>
  <si>
    <t>Manages the translation process and provides a translation environment.  MultiTrans Prism is an client-server software solution integrating workflow and business management, translation memory, and terminology management to enable multilingual communication and workflow automation from authoring to publication.</t>
  </si>
  <si>
    <t>MultiTrans Prism Flow</t>
  </si>
  <si>
    <t>NRCan-NRCan_0439</t>
  </si>
  <si>
    <t>Publishing_Database (CPSP Production)</t>
  </si>
  <si>
    <t>CPSP (Production)</t>
  </si>
  <si>
    <t>Corporate Communications</t>
  </si>
  <si>
    <t>Manages the production of publications  http://wwwint2.nrcan.gc.ca/papms-sgapp/prod/index.cfm?action=man.TLhome</t>
  </si>
  <si>
    <t>NRCan-NRCan_0440</t>
  </si>
  <si>
    <t>Database that manages information on media calls including questions, answers and coordinates of reporters as well as media lines and performance measurement.</t>
  </si>
  <si>
    <t>NRCan-NRCan_0441</t>
  </si>
  <si>
    <t>FMP Project Tracking Database</t>
  </si>
  <si>
    <t>FMPPTD</t>
  </si>
  <si>
    <t>NRCan-NRCan_0443</t>
  </si>
  <si>
    <t>OID LING (Web Team APPLICATION)</t>
  </si>
  <si>
    <t>Database to track OEE Web application Modification requests and report on team activities</t>
  </si>
  <si>
    <t>NRCan-NRCan_0444</t>
  </si>
  <si>
    <t>Better Energy Efficiency Reporting System</t>
  </si>
  <si>
    <t>BEERS</t>
  </si>
  <si>
    <t>Performance measurement tool that tracks OEE program results.  Desktop application</t>
  </si>
  <si>
    <t>NRCan-NRCan_0445</t>
  </si>
  <si>
    <t>QR Code Generator</t>
  </si>
  <si>
    <t>QR Generator</t>
  </si>
  <si>
    <t>Generates custom QR codes.
Desktop application.</t>
  </si>
  <si>
    <t>NRCan-NRCan_0446</t>
  </si>
  <si>
    <t>Business Energy Efficiency Client Relationship Management System</t>
  </si>
  <si>
    <t>BEECRMS</t>
  </si>
  <si>
    <t>MicroSoft</t>
  </si>
  <si>
    <t>Microsoft Dynamics CRM 2011 - client relationship management system for ITD and BD</t>
  </si>
  <si>
    <t>NRCan-NRCan_0452</t>
  </si>
  <si>
    <t>ecoENERGY Retrofit - Homes Resource Cente - File Exchange</t>
  </si>
  <si>
    <t>ERHRC</t>
  </si>
  <si>
    <t>This site is designed to help business partners keep up to date on the ecoENERGY Retrofit – Homes technical and administrative procedures.</t>
  </si>
  <si>
    <t>NRCan-NRCan_0453</t>
  </si>
  <si>
    <t>Find a Service Provider for New Homes</t>
  </si>
  <si>
    <t>FSPNH</t>
  </si>
  <si>
    <t>This site helps user find a Service Providers based on Service, Service Provider, and/or Regions.  http://www2.nrcan.gc.ca/oee/nh-mn/f-t/index.cfm?fuseaction=s.ssf&amp;language=eng</t>
  </si>
  <si>
    <t>NRCan-NRCan_0456</t>
  </si>
  <si>
    <t>NRCan Photo database</t>
  </si>
  <si>
    <t>NRCan Photo</t>
  </si>
  <si>
    <t>NRCan Photo is a bibliographic database containing 57 000 records of photographs, slides, negatives, etc. from the NRCan Photo collection.  http://geoscan.ess.nrcan.gc.ca/starweb/geoscan/servlet.starweb?path=nrcanphoto/nrcanphoto_e.web</t>
  </si>
  <si>
    <t>NRCan-NRCan_0457</t>
  </si>
  <si>
    <t>RESORS</t>
  </si>
  <si>
    <t>RESORS is a legacy bibliographic database containing more than 97 000 records covering publications of interest to the Remote Sensing community.  http://geoscan.ess.nrcan.gc.ca/starweb/resors/servlet.starweb?path=resors/resors_e.web</t>
  </si>
  <si>
    <t>AutoCad</t>
  </si>
  <si>
    <t>Search</t>
  </si>
  <si>
    <t>NRCan-NRCan_0466</t>
  </si>
  <si>
    <t>ESRI Web Services</t>
  </si>
  <si>
    <t>A series of ESRI Web services including Tiled Cache WMS for basemaps, (CBM-Transportaion and CBM-Elevation ),  flooded polygons (EGS), thematic mapping (GEM/GSC) and geonalytics are offered through ArcGIS Server technologies. The basemap services are offered as tiled cached and they required a large amount of storage.</t>
  </si>
  <si>
    <t>NRCan-NRCan_0467</t>
  </si>
  <si>
    <t>Alloy Navigator -  Service Management</t>
  </si>
  <si>
    <t>Alloy</t>
  </si>
  <si>
    <t>Application de type client/serveur utilisée pour la faire gestion des demandes de supports et de services (tickets).</t>
  </si>
  <si>
    <t>Allow Navigator</t>
  </si>
  <si>
    <t>NRCan-NRCan_0469</t>
  </si>
  <si>
    <t>Wiki - CITS</t>
  </si>
  <si>
    <t>Environnement wiki pour les usagers de la division CCCOT-DAGD.</t>
  </si>
  <si>
    <t>Wikimedia commans/ Wikimedia</t>
  </si>
  <si>
    <t>NRCan-NRCan_0471</t>
  </si>
  <si>
    <t>Geospatial LoB-License server</t>
  </si>
  <si>
    <t>GLoBLS</t>
  </si>
  <si>
    <t>This system is centralized servers for floating licenses for a variety of Geomatics Geomatica software such as PCI, Safe Software FME oXygenXML and Sparx Enterprise Architect System. These license servers are used by both servers processing geospatial data for workstations users.  Ce système est une centralisation des serveurs de licences flottantes pour une multitude de logiciels géomatiques tel que - Intergraph ERDAS StereoAnalyst for ArcGIS - Intergraph ERDAS LSP - Geomatica PCI - Safe Software FME - oXygenXML - Sparx System Enterprise Architect. Ces serveurs de licences sont utilisés autant par les serveurs de traitement de données géomatiques que pour les postes de travail des usagers du CCCOT.</t>
  </si>
  <si>
    <t>FlexNet Manager Platform</t>
  </si>
  <si>
    <t>NRCan-NRCan_0475</t>
  </si>
  <si>
    <t>Paleo Information Management System</t>
  </si>
  <si>
    <t>Paleo Report Access Database is software that provides customizable logic module to facilitate the management if the Geological Survey of Canada (GSC) Paleontology Reports. The information contained within the Paleo Report Access Database is chronological and fossil information of sedimentary rocks.</t>
  </si>
  <si>
    <t>NRCan-NRCan_0476</t>
  </si>
  <si>
    <t>ACCESS - Paleo Report Access Database/Core and Sample Point of Sale</t>
  </si>
  <si>
    <t>Paleo Report database</t>
  </si>
  <si>
    <t>MS Windows/MS Access database application for NRCan internal user to query the Paleo Reports</t>
  </si>
  <si>
    <t>NRCan-NRCan_0479</t>
  </si>
  <si>
    <t>DELPHI - Earth Material Manager/Extraction Lab Information Management System/GSC</t>
  </si>
  <si>
    <t>MapLith</t>
  </si>
  <si>
    <t>MS Windows/Oracle database application for GSC to manage the earth material names</t>
  </si>
  <si>
    <t>NRCan-NRCan_0481</t>
  </si>
  <si>
    <t>DotNET - GSC Calgary database application management system/Sample Loader/Weblex</t>
  </si>
  <si>
    <t>DBManager</t>
  </si>
  <si>
    <t>MS Windows/Oracle database application for data management personnel to manage user access to the GSC database applications</t>
  </si>
  <si>
    <t>NRCan-NRCan_0484</t>
  </si>
  <si>
    <t>Lab Study Agreement System</t>
  </si>
  <si>
    <t>LSAS</t>
  </si>
  <si>
    <t>A web application that manages Lab Study Agreements (LSA).  LSA’s include information about the analyses to be performed, who requested the work, who will do the work,  which Cost Centre will pay, who approved the LSA, etc. An Oracle database is used to store this information</t>
  </si>
  <si>
    <t>NRCan-NRCan_0485</t>
  </si>
  <si>
    <t>Program Tracking System</t>
  </si>
  <si>
    <t>GEM: Geo-Mapping for Energy and Minerals</t>
  </si>
  <si>
    <t>To provide a publications and projects tracking mechanism for the GEM Program</t>
  </si>
  <si>
    <t>NRCan-NRCan_0491</t>
  </si>
  <si>
    <t>EQCan Community Internet Intensity Maps</t>
  </si>
  <si>
    <t>EQCan-CIIM</t>
  </si>
  <si>
    <t>Earthquake Intensity Maps based on DYFI reports  http://www.earthquakescanada.nrcan.gc.ca/recent/2014/20141012.1009/dyfi-eng.php</t>
  </si>
  <si>
    <t>NRCan-NRCan_0492</t>
  </si>
  <si>
    <t>EQCan Did You Feel It - Earthquake questionnaire</t>
  </si>
  <si>
    <t>EQCan-DYFI</t>
  </si>
  <si>
    <t>Submit report on what a citizen felt during an earthquake  http://earthquakescanada.nrcan.gc.ca/dyfi-lavr/unknown-inconnu-eng.php</t>
  </si>
  <si>
    <t>NRCan-NRCan_0493</t>
  </si>
  <si>
    <t>EQCan National Building Code seismic hazard calculator (2005 building code)</t>
  </si>
  <si>
    <t>EQCan-HazCalc2005</t>
  </si>
  <si>
    <t>For given latitude and longitude location, calculate the seismic hazard values that can be used with the design requirements of the 2005 National Building Codes of Canada.  http://earthquakescanada.nrcan.gc.ca/hazard-alea/interpolat/index_2005-eng.php</t>
  </si>
  <si>
    <t>NRCan-NRCan_0494</t>
  </si>
  <si>
    <t>EQCan National Building Code seismic hazard calculator (2010 building code)</t>
  </si>
  <si>
    <t>EQCan-HazCalc2010</t>
  </si>
  <si>
    <t>For given latitude and longitude location, calculate the seismic hazard values that can be used with the design requirements of the 2010 National Building Codes of Canada.  http://earthquakescanada.nrcan.gc.ca/hazard-alea/interpolat/index_2010-eng.php</t>
  </si>
  <si>
    <t>NRCan-NRCan_0495</t>
  </si>
  <si>
    <t>EQCan Automatic Data Request Manager (AutoDRM)</t>
  </si>
  <si>
    <t>EQCan-ADRM</t>
  </si>
  <si>
    <t>Access to seismic waveform data from CNSN stations for any time period  http://www.earthquakescanada.nrcan.gc.ca/stndon/AutoDRM/autodrm_req-eng.php</t>
  </si>
  <si>
    <t>NRCan-NRCan_0496</t>
  </si>
  <si>
    <t>EQCan Canadian National Seismic Network (CNSN) Station Book</t>
  </si>
  <si>
    <t>EQCan-SB</t>
  </si>
  <si>
    <t>Canadian National Seismograph Network (CNSN) Station Book containing station information and metadata  http://www.earthquakescanada.nrcan.gc.ca/stndon/CNSN-RNSC/stnbook-cahierstn/index-eng.php</t>
  </si>
  <si>
    <t>NRCan-NRCan_0497</t>
  </si>
  <si>
    <t>EQCan Search the Earthquakes Database</t>
  </si>
  <si>
    <t>EQCan-EQDBS</t>
  </si>
  <si>
    <t>Search the National Earthquake DataBase (NEDB)  http://www.earthquakescanada.nrcan.gc.ca/stndon/NEDB-BNDS/bull-eng.php</t>
  </si>
  <si>
    <t>NRCan-NRCan_0498</t>
  </si>
  <si>
    <t>EQCan National Waveform Archive (NWFA)</t>
  </si>
  <si>
    <t>EQCan-NWFA</t>
  </si>
  <si>
    <t>Access to seismic waveform data from CNSN stations for recorded earthquakes  http://www.earthquakescanada.nrcan.gc.ca/stndon/NWFA-ANFO/eve/index-eng.php</t>
  </si>
  <si>
    <t>NRCan-NRCan_0499</t>
  </si>
  <si>
    <t>GMS Magnetic declination calculator</t>
  </si>
  <si>
    <t>GMS-MDC</t>
  </si>
  <si>
    <t>Interactive application for calculating magnetic declination  http://geomag.nrcan.gc.ca/calc/mdcal-eng.php</t>
  </si>
  <si>
    <t>NRCan-NRCan_0500</t>
  </si>
  <si>
    <t>GMS Magnetic field calculator</t>
  </si>
  <si>
    <t>GMS-MFC</t>
  </si>
  <si>
    <t>Interactive application that calculate magnetic field values at specific locations  http://geomag.nrcan.gc.ca/calc/mfcal-eng.php</t>
  </si>
  <si>
    <t>NRCan-NRCan_0502</t>
  </si>
  <si>
    <t>EQCan Live seismogram viewer</t>
  </si>
  <si>
    <t>EQCan-LSV</t>
  </si>
  <si>
    <t>Seismic waveform plots displayed in near real time  http://www.earthquakescanada.nrcan.gc.ca/stndon/wf-fo/index-eng.php</t>
  </si>
  <si>
    <t>NRCan-NRCan_0503</t>
  </si>
  <si>
    <t>GMS Forecast of Energetic Electron Fluence</t>
  </si>
  <si>
    <t>GMS-FF</t>
  </si>
  <si>
    <t>3-day forecast of energetic electron fluence  http://www.spaceweather.gc.ca/forecast-prevision/fluence/sffl-eng.php</t>
  </si>
  <si>
    <t>NRCan-NRCan_0504</t>
  </si>
  <si>
    <t>GMS 27 Day Magnetic Activity Forecast</t>
  </si>
  <si>
    <t>GMS-LTF</t>
  </si>
  <si>
    <t>Graphic and table showing 27 day magnetic activity forecast values.  http://www.spaceweather.gc.ca/forecast-prevision/long/sflt-1-eng.php</t>
  </si>
  <si>
    <t>NRCan-NRCan_0505</t>
  </si>
  <si>
    <t>GMS Long Term Review of Magnetic Activity</t>
  </si>
  <si>
    <t>GMS-LTFR</t>
  </si>
  <si>
    <t>Review of the magnetic activity over the last 30 days.  http://www.spaceweather.gc.ca/forecast-prevision/long/sflt-2-eng.php</t>
  </si>
  <si>
    <t>NRCan-NRCan_0506</t>
  </si>
  <si>
    <t>Current Regional Magnetic Conditions</t>
  </si>
  <si>
    <t>GMS-GRC</t>
  </si>
  <si>
    <t>Current geomagnetic regional conditions of various zones in Canada  http://www.spaceweather.gc.ca/forecast-prevision/regional/sr-1-eng.php?region=ott&amp;mapname=east_n_america</t>
  </si>
  <si>
    <t>NRCan-NRCan_0507</t>
  </si>
  <si>
    <t>GMS Geomagnetic Activity</t>
  </si>
  <si>
    <t>GMS-CGC</t>
  </si>
  <si>
    <t>Graphical display of current levels of geomagnetic activity in three regions in Canada  http://www.spaceweather.gc.ca/index-eng.php</t>
  </si>
  <si>
    <t>NRCan-NRCan_0508</t>
  </si>
  <si>
    <t>GMS Short Term Magnetic Forecasts (7 variations)</t>
  </si>
  <si>
    <t>GMS-STF</t>
  </si>
  <si>
    <t>Short Term Magnetic Forecasts for three regions of Canada  http://www.spaceweather.gc.ca/forecast-prevision/short-court/sfst-eng.php  http://www.spaceweather.ca/forecast-prevision/short-court/sfst-1-eng.php  http://www.spaceweather.ca/forecast-prevision/short-court/sfst-2-eng.php  http://www.spaceweather.ca/forecast-prevision/short-court/sfst-3-eng.php  http://www.spaceweather.ca/forecast-prevision/short-court/sfst-4-eng.php  http://www.spaceweather.ca/forecast-prevision/short-court/sfst-5-eng.php  http://www.spaceweather.ca/forecast-prevision/short-court/sfst-6-eng.php</t>
  </si>
  <si>
    <t>NRCan-NRCan_0509</t>
  </si>
  <si>
    <t>GMS Geomagnetic Data Download</t>
  </si>
  <si>
    <t>GMS-GDD</t>
  </si>
  <si>
    <t>Request and download digital geomagnetic data  from Canadian Magnetic observatories  http://www.spaceweather.gc.ca/data-donnee/dl/dl-eng.php  http://www.intermagnet.org/data-donnee/download-eng.php</t>
  </si>
  <si>
    <t>NRCan-NRCan_0510</t>
  </si>
  <si>
    <t>GMS Geomagnetic Indices (HTML variant)</t>
  </si>
  <si>
    <t>GMS-GI</t>
  </si>
  <si>
    <t>Geomagnetic indices computed from Canadian observatories  http://www.spaceweather.gc.ca/data-donnee/indices/si-eng.php</t>
  </si>
  <si>
    <t>NRCan-NRCan_0511</t>
  </si>
  <si>
    <t>GMS Plotting service - Geoelectric Field</t>
  </si>
  <si>
    <t>GMS-GFM</t>
  </si>
  <si>
    <t>Interactive plot generation of the geoelectric field estimated from the one minute variations of the geomagnetic field.  http://www.spaceweather.gc.ca/plot-tracee/geo-eng.php</t>
  </si>
  <si>
    <t>NRCan-NRCan_0512</t>
  </si>
  <si>
    <t>GMS Magnetic plots</t>
  </si>
  <si>
    <t>GMS-MP</t>
  </si>
  <si>
    <t>Interactive application to generate magnetic activity plots (magnetograms)  http://www.spaceweather.gc.ca/plot-tracee/ssp-2-eng.php  http://www.intermagnet.org/data-donnee/dataplot-eng.php  http://www.spaceweather.gc.ca/plot-tracee/mp-eng.php?plot_type=magnetic</t>
  </si>
  <si>
    <t>NRCan-NRCan_0513</t>
  </si>
  <si>
    <t>GMS Magnetic Summary plots - Archives</t>
  </si>
  <si>
    <t>GMS-SPRR</t>
  </si>
  <si>
    <t>Stackplot of past 24 hours of magnetic data collected at Canadian observatories, updated in near real time  http://www.spaceweather.gc.ca/plot-tracee/ssp-2-eng.php</t>
  </si>
  <si>
    <t>NRCan-NRCan_0514</t>
  </si>
  <si>
    <t>GMS Magnetic Summary plots - Last 24 hours</t>
  </si>
  <si>
    <t>GMS-SPA</t>
  </si>
  <si>
    <t>Stackplot of 24 hours of magnetic data collected at Canadian observatories, archive  http://www.spaceweather.gc.ca/plot-tracee/ssp-1-eng.php</t>
  </si>
  <si>
    <t>NRCan-NRCan_0515</t>
  </si>
  <si>
    <t>GMS Solar radio flux - Latest solar radio flux report</t>
  </si>
  <si>
    <t>GMS-SRFL</t>
  </si>
  <si>
    <t>Latest Solar Radio Flux Report from NRC's DRAO, Penticton distributed by NRCan Geomagnetic Laboratory  http://www.spaceweather.gc.ca/solarflux/sx-4-eng.php</t>
  </si>
  <si>
    <t>NRCan-NRCan_0516</t>
  </si>
  <si>
    <t>GMS Solar radio flux - Monthly and rotational averages</t>
  </si>
  <si>
    <t>GMS-SRFA</t>
  </si>
  <si>
    <t>Solar radio flux values averages from NRC's DRAO, Penticton distributed and analyzed by the Geomagnetic Laboratory  http://www.spaceweather.gc.ca/solarflux/sx-5-eng.php</t>
  </si>
  <si>
    <t>NRCan-NRCan_0517</t>
  </si>
  <si>
    <t>GMS Pipeline Service - PSP plot</t>
  </si>
  <si>
    <t>GMS-PS</t>
  </si>
  <si>
    <t>Interactive application for monitoring Pipe to soil potential on pipelines  http://www.spaceweather.gc.ca/service-pipeline/se-pip-o-eng.php  http://www.spaceweather.gc.ca/service-pipeline/se-pip-psp-eng.php</t>
  </si>
  <si>
    <t>NRCan-NRCan_0518</t>
  </si>
  <si>
    <t>Electron Flux plots for Satellite Service</t>
  </si>
  <si>
    <t>GMS-SSEF</t>
  </si>
  <si>
    <t>Interactive application for monitoring electron flux, used by satellite operators  http://www.spaceweather.gc.ca/service-satellite/mpf-eng.php?&amp;iaga_code=WHS</t>
  </si>
  <si>
    <t>NRCan-NRCan_0520</t>
  </si>
  <si>
    <t>EQCan National Building Code seismic hazard calculator (1985 building code)</t>
  </si>
  <si>
    <t>EQCan-HazCalc1985</t>
  </si>
  <si>
    <t>For given latitude and longitude location, calculate the seismic hazard values that can be used with the design requirements of the 1985 National Building Codes of Canada.  http://www.earthquakescanada.nrcan.gc.ca/hazard-alea/interpolat/index_1985-eng.php</t>
  </si>
  <si>
    <t>NRCan Public Safety Geoscience</t>
  </si>
  <si>
    <t>NRCan-NRCan_0522</t>
  </si>
  <si>
    <t>CCDS - Tsunami Warning</t>
  </si>
  <si>
    <t>CCDS-TW</t>
  </si>
  <si>
    <t>Geoscape portal Prototype interface for GPS/GNSS augmentation for tsunami warning; restricted access for tsunami warning centres, collaborators, etc.; - specific port and password protected  http://wcda.pgc.nrcan.gc.ca/wcda/tsunami-eng.php</t>
  </si>
  <si>
    <t>NRCan-NRCan_0524</t>
  </si>
  <si>
    <t>CCDS - Data Monitor</t>
  </si>
  <si>
    <t>CCDS-DM</t>
  </si>
  <si>
    <t>Prototype interface for GPS/GNSS augmentation for tsunami warning; restricted access for tsunami warning centres, collaborators, etc.; - specific port and password protected  Monitor GNSS data quality and promptness; restricted access for staff who work in the section only;  password protected  http://wcda.pgc.nrcan.gc.ca/datamon/</t>
  </si>
  <si>
    <t>NRCan-NRCan_0525</t>
  </si>
  <si>
    <t>CCDS - ETS (Slip) Monitor</t>
  </si>
  <si>
    <t>CCDS-ETS</t>
  </si>
  <si>
    <t>The application is used to display the time series of GPS position changes over time showing the trend and helping identify the occurrence of Episodic Tremor and Slip events in Cascadia Subduction Zone at SW BC.  http://www.earthquakescanada.nrcan.gc.ca/etools/etsmon-eng.php  http://www.seismescanada.rncan.gc.ca/etools/etsmap-eng.php</t>
  </si>
  <si>
    <t>NRCan-NRCan_0526</t>
  </si>
  <si>
    <t>Tremor Activity Monitoring System (TAMS)</t>
  </si>
  <si>
    <t>TAMS</t>
  </si>
  <si>
    <t>Reports of the Tremor Activity Monitoring System (TAMS) for Vancouver Island.  The web application is used to display the analysis results from the Tremor Activity Monitoring System (TAMS), which is designed to analyze seismic waveform for the tremor pattern recognition and quantitative evaluation of the activity level to recognize  the occurrence of Episodic and Tremor Slip (ETS) events at the early stage in Cascadia subduction zone at SW BC.     http://www.seismescanada.rncan.gc.ca/etools/tams-eng.php</t>
  </si>
  <si>
    <t>Groundwater</t>
  </si>
  <si>
    <t>NRCan-NRCan_0529</t>
  </si>
  <si>
    <t>Groundwater Information Network - ESS Groundwater Application</t>
  </si>
  <si>
    <t>NGWD</t>
  </si>
  <si>
    <t>NRCan/GoC ownership;  NRCan portal to NRCan groundwater information and some provincial info.  http://ngwd-bdnes.cits.nrcan.gc.ca</t>
  </si>
  <si>
    <t>Groundwater Geoscience</t>
  </si>
  <si>
    <t>NRCan-NRCan_0532</t>
  </si>
  <si>
    <t>Aquifer database management application</t>
  </si>
  <si>
    <t>Aquifer database</t>
  </si>
  <si>
    <t>Internal web application to manage aquifer datasets and vocabularies</t>
  </si>
  <si>
    <t>NRCan-NRCan_0535</t>
  </si>
  <si>
    <t>Canadian Spatial Reference System</t>
  </si>
  <si>
    <t>Umbrella for Web Tools and application to deliver CSRS Products and Data. These aplications are listed below</t>
  </si>
  <si>
    <t>NRCan-NRCan_0536</t>
  </si>
  <si>
    <t>CSRS - Login</t>
  </si>
  <si>
    <t>Login page for accessing CSRS Products and Data  http://webapp.geod.nrcan.gc.ca/geod/account-compte/login.php</t>
  </si>
  <si>
    <t>NRCan-NRCan_0537</t>
  </si>
  <si>
    <t>CSRS - Download geoid models</t>
  </si>
  <si>
    <t>Interface to download Geoid Models  http://webapp.geod.nrcan.gc.ca/geod/data-donnees/geoid.php?locale=en</t>
  </si>
  <si>
    <t>NRCan-NRCan_0538</t>
  </si>
  <si>
    <t>CSRS - Passive Control Network</t>
  </si>
  <si>
    <t>CBN</t>
  </si>
  <si>
    <t>Retrieve information on CBN and other passive networks  http://webapp.geod.nrcan.gc.ca/geod/data-donnees/passive-passif.php?network=CBN&amp;locale=en</t>
  </si>
  <si>
    <t>NRCan-NRCan_0539</t>
  </si>
  <si>
    <t>CSRS - Desktop applications</t>
  </si>
  <si>
    <t>Interface to download SGB/CGS Desktop applications  http://webapp.geod.nrcan.gc.ca/geod/tools-outils/applications.php  Login required to access applications.</t>
  </si>
  <si>
    <t>NRCan-NRCan_0540</t>
  </si>
  <si>
    <t>CGIS - GNSS calendar</t>
  </si>
  <si>
    <t>The GNSS calendar is an application allowing users to view on a gregorian calendar the Day of Year, the Modified Julian Day, the GNSS Week number and the GNSS days of the week.  http://webapp.geod.nrcan.gc.ca/geod/tools-outils/calendr.php</t>
  </si>
  <si>
    <t>NRCan-NRCan_0541</t>
  </si>
  <si>
    <t>CSRS - GPS-H tool</t>
  </si>
  <si>
    <t>GPS-H</t>
  </si>
  <si>
    <t>GPS·H allows the conversion of ellipsoidal heights h, that are either NAD83 (CSRS) or ITRF, to orthometric heights H (heights above mean sea level) by using a gravimetric or hybrid geoid model. CGG2013 and HTv2_0 convert to CGVD2013 and CGVD28, respectively. The other geoid models do not convert to either CGVD2013 or CGVD28, but to their own reference system.  http://webapp.geod.nrcan.gc.ca/geod/tools-outils/gpsh.php</t>
  </si>
  <si>
    <t>NRCan-NRCan_0542</t>
  </si>
  <si>
    <t>CSRS - INDIR tool</t>
  </si>
  <si>
    <t>INDIR</t>
  </si>
  <si>
    <t>The INDIR Inverse-Direct computation tool performs either a geodetic direct or inverse computation. Direct uses a starting point's geographic coordinates, an azimuth and a distance to compute the geographic coordinates of the end point. Inverse uses geogr  http://webapp.geod.nrcan.gc.ca/geod/tools-outils/indir.php</t>
  </si>
  <si>
    <t>NRCan-NRCan_0543</t>
  </si>
  <si>
    <t>CSRS - NTV2 tool</t>
  </si>
  <si>
    <t>NTV2</t>
  </si>
  <si>
    <t>The NTv2 National Transformation tool can transform coordinates (geographic, UTM/MTM/Stereo) between the NAD27 and NAD83 reference systems using a binary Grid Shift File (.GSB format). The transformation is 2D (horizontal) therefore heights are not required.  http://webapp.geod.nrcan.gc.ca/geod/tools-outils/ntv2.php</t>
  </si>
  <si>
    <t>NRCan-NRCan_0544</t>
  </si>
  <si>
    <t>CACS - Precise Point Positioning (CSRS-PPP)</t>
  </si>
  <si>
    <t>CSRS-PPP</t>
  </si>
  <si>
    <t>CSRS-PPP is an online application for GNSS data post-processing that allows users to submit observation data over the Internet and recover, using precise GNSS Orbit and Clock information, enhanced positioning precisions in the Canadian Spatial Reference S  http://webapp.geod.nrcan.gc.ca/geod/tools-outils/ppp.php?locale=en</t>
  </si>
  <si>
    <t>NRCan-NRCan_0545</t>
  </si>
  <si>
    <t>CSRS - TRX tool</t>
  </si>
  <si>
    <t>TRX</t>
  </si>
  <si>
    <t>TRX is a new coordinates transformation tool that combines and replaces GSRUG and TRNOBS. The tool allows for transformation between NAD83 (CSRS) and ITRF realizations as well as transformations between geographic, cartesian and local projections systems (UTM, MTM, custom projections and stereographic).  http://webapp.geod.nrcan.gc.ca/geod/tools-outils/trx.php?locale=en</t>
  </si>
  <si>
    <t>NRCan-NRCan_0547</t>
  </si>
  <si>
    <t>CLSS Survey Plan Search (SRIS external)</t>
  </si>
  <si>
    <t>SRIS-E</t>
  </si>
  <si>
    <t>Public web application to access SRIS attribute information and links to over 140,000 survey plans and related document images.  http://clss.nrcan.gc.ca/advancedprojectsearch-rechercheprojetavance-eng.php</t>
  </si>
  <si>
    <t>NRCan-NRCan_0548</t>
  </si>
  <si>
    <t>CLSS Survey Project Search (PMIS - external)</t>
  </si>
  <si>
    <t>PMIS-E</t>
  </si>
  <si>
    <t>Project Management Information System provides access to survey project information</t>
  </si>
  <si>
    <t>NRCan-NRCan_0549</t>
  </si>
  <si>
    <t>CLSS Oil and Gas Tools</t>
  </si>
  <si>
    <t>OGT</t>
  </si>
  <si>
    <t>Tools for providing well offset and grid coordinates for the Canada Oil and Gas Regulations.  Grid converter http://clss.nrcan.gc.ca/oggrid-grillehg-eng.php  Well Offset http://clss.nrcan.gc.ca/well-eng.php</t>
  </si>
  <si>
    <t>NRCan-NRCan_0551</t>
  </si>
  <si>
    <t>CLSS MyCLSS portal</t>
  </si>
  <si>
    <t>MyCLSS</t>
  </si>
  <si>
    <t>Collaborative portal to manage survey projects between SGB and Association of Canada Lands Surveyors.  http://www.myclss.ca/</t>
  </si>
  <si>
    <t>NRCan-NRCan_0552</t>
  </si>
  <si>
    <t>Traits of Plants in Canada (TOPIC)</t>
  </si>
  <si>
    <t>TOPIC</t>
  </si>
  <si>
    <t>Ecoinformatic platform that contains data of the functional traits of vascular flora of Canada.
http://topic.rncan.gc.ca/?lang=e
Static website</t>
  </si>
  <si>
    <t>NRCan-NRCan_0553</t>
  </si>
  <si>
    <t>Mineral and Operations Directory</t>
  </si>
  <si>
    <t>MOD</t>
  </si>
  <si>
    <t>Mineral Mining Production Survey</t>
  </si>
  <si>
    <t>NRCan-NRCan_0557</t>
  </si>
  <si>
    <t>ISQ Data Loader</t>
  </si>
  <si>
    <t>IDL</t>
  </si>
  <si>
    <t>Mineral and Mining Production Survey and Statistics</t>
  </si>
  <si>
    <t>NRCan-NRCan_0558</t>
  </si>
  <si>
    <t>TRAGS Data Loader</t>
  </si>
  <si>
    <t>TDL</t>
  </si>
  <si>
    <t>Natural Resources Trade Statistics</t>
  </si>
  <si>
    <t>Extracts data from ITD CD for insertion and update of the TRAGS database</t>
  </si>
  <si>
    <t>NRCan-NRCan_0559</t>
  </si>
  <si>
    <t>CanmetMINING Live Dashboard</t>
  </si>
  <si>
    <t>CMLD</t>
  </si>
  <si>
    <t>Intranet web reports portal</t>
  </si>
  <si>
    <t>NRCan-NRCan_0560</t>
  </si>
  <si>
    <t>Système de répartition des tâches</t>
  </si>
  <si>
    <t>LSF</t>
  </si>
  <si>
    <t>Système permettant de faire la répartition des tâches (job dispatcher) sur différents groupes de serveurs pour le traitement de données géospatials.  System to make the division of labor (job dispatcher) on different server groups for the treatment of Geospatial data. Each server group has a series of specialized geomatics software for data processing.  The company Platform Computing (creator of Platform LSF) was purchased by IBM. Since the product is called IBM Platform LSF. The software has either been transferred to Shared Service Canada, but that affect the configuration of servers and groups remained with the sector.</t>
  </si>
  <si>
    <t>IBM/ LSF</t>
  </si>
  <si>
    <t>NRCan-NRCan_0561</t>
  </si>
  <si>
    <t>CSRS - Combination and Analysis of Terrestrial Reference Frames</t>
  </si>
  <si>
    <t>CATREF</t>
  </si>
  <si>
    <t>Suite of programs to perform, manipulate and maintain 4D reference frame combinations in order to define coordinates and velocities that define the Canadian Spatial Reference System</t>
  </si>
  <si>
    <t>NRCan-NRCan_0563</t>
  </si>
  <si>
    <t>National Forest Pest Strategy Information System (PSIS)</t>
  </si>
  <si>
    <t>PSIS</t>
  </si>
  <si>
    <t>Provides access to historical pest survey data from across the country, including content from Federal and Provincial/Territorial pest management agencies.  Users can query the database and export or interactively map the results.  The portal also contains a wealth of forest pest related documentation, including survey methodologies, pest management guidebooks, diagnostic aids, and other reference material.</t>
  </si>
  <si>
    <t>NRCan-NRCan_0564</t>
  </si>
  <si>
    <t>Northern Forestry Centre Intranet</t>
  </si>
  <si>
    <t>NFCI</t>
  </si>
  <si>
    <t>The NoFC Intranet encompases the other apps that were on the original sheet. For example, NoFC Archives and publications Tracking are part of our Intranet and should be captured as one record.</t>
  </si>
  <si>
    <t>APP-00150</t>
  </si>
  <si>
    <t>FireWorks Fire safety system</t>
  </si>
  <si>
    <t>FWFSS</t>
  </si>
  <si>
    <t>Troy Fire and Life safety</t>
  </si>
  <si>
    <t>Fire alarm system</t>
  </si>
  <si>
    <t>Fireworks Fire System Module</t>
  </si>
  <si>
    <t>Innovation for New Products and Processes</t>
  </si>
  <si>
    <t>NRCan-NRCan_0576</t>
  </si>
  <si>
    <t>Tecplot</t>
  </si>
  <si>
    <t>Tecplot, Inc.</t>
  </si>
  <si>
    <t>NRCan-NRCan_0611</t>
  </si>
  <si>
    <t>CLSS Project Management Information System</t>
  </si>
  <si>
    <t>PMIS-I</t>
  </si>
  <si>
    <t>Web application to manage survey projects</t>
  </si>
  <si>
    <t>NRCan-NRCan_0613</t>
  </si>
  <si>
    <t>CSRS - GPS Toolkit</t>
  </si>
  <si>
    <t>GPSTk</t>
  </si>
  <si>
    <t>Open source library and suite of applications, utilities and software libraries for the analysis of GPS data</t>
  </si>
  <si>
    <t>U Texas / GPSTk</t>
  </si>
  <si>
    <t>NRCan-NRCan_0618</t>
  </si>
  <si>
    <t>CSRS - Iono Studies</t>
  </si>
  <si>
    <t>Suite of applications 24/7, near-real time processes to compute ionospheric data</t>
  </si>
  <si>
    <t>NRCan-NRCan_0622</t>
  </si>
  <si>
    <t>CSRS - Precise Orbit Determination</t>
  </si>
  <si>
    <t>Suite of applications for precise GNSS orbits &amp; clocks corrections</t>
  </si>
  <si>
    <t>NRCan-NRCan_0623</t>
  </si>
  <si>
    <t>CSRS - Geoid &amp; Gravity Processing System</t>
  </si>
  <si>
    <t>System of applications and scripts for the processing of gravity and geoid models (it includes applications for managing and organizing data and validating results)</t>
  </si>
  <si>
    <t>NRCan-NRCan_0624</t>
  </si>
  <si>
    <t>CSRS - GRACE processing System</t>
  </si>
  <si>
    <t>System of applications and scripts for the processing of GRACE monthly data for the monitoring of total water variation (surface and ground water)</t>
  </si>
  <si>
    <t>NRCan-NRCan_0629</t>
  </si>
  <si>
    <t>CACS - NTRIP</t>
  </si>
  <si>
    <t>NTRIP</t>
  </si>
  <si>
    <t>Server/caster/client modules (part of CACS - NRCan_0226)</t>
  </si>
  <si>
    <t>Ntrip Casters</t>
  </si>
  <si>
    <t>NRCan-NRCan_0630</t>
  </si>
  <si>
    <t>CACS - IPRelay</t>
  </si>
  <si>
    <t>IPRelay</t>
  </si>
  <si>
    <t>Manage bi-directional flow of real-time data and correction service products  (part of CACS - NRCan_0226)</t>
  </si>
  <si>
    <t>NRCan-NRCan_0631</t>
  </si>
  <si>
    <t>CSRS - Coordinates and Velocity</t>
  </si>
  <si>
    <t>NRCan-NRCan_0632</t>
  </si>
  <si>
    <t>CACS - Bernese GNSS Software</t>
  </si>
  <si>
    <t>Berneese/BSW</t>
  </si>
  <si>
    <t>Suite of programs for processing GNSS data in baseline mode and combining solutions to generate positions and velocities.  (Part of CACS NRCan_0226 and CSRS NRCan_0228)</t>
  </si>
  <si>
    <t>AIUB Bernese</t>
  </si>
  <si>
    <t>NRCan-NRCan_0633</t>
  </si>
  <si>
    <t>CACS - GIPSY-OASIS</t>
  </si>
  <si>
    <t>GIPSY</t>
  </si>
  <si>
    <t>GNSS processing software</t>
  </si>
  <si>
    <t>JPL Gipsy</t>
  </si>
  <si>
    <t>NRCan-NRCan_0635</t>
  </si>
  <si>
    <t>CSRS - Generic Mapping Tools</t>
  </si>
  <si>
    <t>GMT</t>
  </si>
  <si>
    <t>Suite of tools for manipulating position data  and generating publication-quality illustrations of geodetic and geophysical data.</t>
  </si>
  <si>
    <t>SOEST / GMT</t>
  </si>
  <si>
    <t>NRCan-NRCan_0636</t>
  </si>
  <si>
    <t>CSRS - MATLAB</t>
  </si>
  <si>
    <t>Hgh-level language and interactive environment for numerical computation, visualization, and programming.</t>
  </si>
  <si>
    <t>Mathworks</t>
  </si>
  <si>
    <t>NRCan-NRCan_0637</t>
  </si>
  <si>
    <t>CACS - TUTOS</t>
  </si>
  <si>
    <t>TUTOS</t>
  </si>
  <si>
    <t>Tool to manage the organizational needs of small groups, teams  (part of CACS - NRCan_0226)</t>
  </si>
  <si>
    <t>NRCan-NRCan_0638</t>
  </si>
  <si>
    <t>CSRS - Geodetic adjustment using Helmert blocking Of Space and Terrestrial data</t>
  </si>
  <si>
    <t>GHOST</t>
  </si>
  <si>
    <t>Suite of programs and utilities to perform, manipulate and maintain 3D geodetic network adjustments to determine coordinates that define the Canadian Spatial Reference System.</t>
  </si>
  <si>
    <t>WIKI</t>
  </si>
  <si>
    <t>NRCan-NRCan_0640</t>
  </si>
  <si>
    <t>CSRS - SINEX Software</t>
  </si>
  <si>
    <t>SINEX</t>
  </si>
  <si>
    <t>Suite of programs and utilities to perform, manipulate and maintain 4D reference frame combinations in order ro define coordinates and velocities that define the Canadian Spatial Reference System</t>
  </si>
  <si>
    <t>NRCan-NRCan_0646</t>
  </si>
  <si>
    <t>CACS - Regional GNSS Tracking System</t>
  </si>
  <si>
    <t>System of applications to acquire raw GPS data from remote sites, decode into RINEX format, archive on CGS servers, on password protected FTP server and submit to public archives.  Includes COTS utilities TEQC, sharc, convert, runpkr00, R-Utilities, lapdogs, and rnxcmp (part of CACS - NRCan_0226)</t>
  </si>
  <si>
    <t>NRCan-NRCan_0648</t>
  </si>
  <si>
    <t>Earth Materials Collection Database</t>
  </si>
  <si>
    <t>EMC-DB</t>
  </si>
  <si>
    <t>Landmass Information (3.2)</t>
  </si>
  <si>
    <t>Applications that together support management of Earth Materials Collection data holdings: Rock Sample Inventory, Paleo Type and Paleo Locality Databases, National Mineral Collection database, Historical Literature Search.  All use same infrastructure.</t>
  </si>
  <si>
    <t>NRCan-NRCan_0650</t>
  </si>
  <si>
    <t>Système pour la gestion du flux de données géospatiales</t>
  </si>
  <si>
    <t>Opalis</t>
  </si>
  <si>
    <t>Système permettant de la faire la gestion de flux de données (workflow manager) dans un contexte de données géospatiales. Ce système est utilisé pour faire la gestion et la validation des données géospatiales.</t>
  </si>
  <si>
    <t>System Center 2012 Datacenter Server Management License (2-processor)</t>
  </si>
  <si>
    <t>NRCan-NRCan_0651</t>
  </si>
  <si>
    <t>Système de bases de données Oracle</t>
  </si>
  <si>
    <t>3.2.1 Essential Geographic Information</t>
  </si>
  <si>
    <t>L'environnement des BDs Oracle non-spatiales ainsi que des BDs Oracle sur la cartouche spatiale SDE, le tout sur une infrastructure RAC ou standalone.</t>
  </si>
  <si>
    <t>Real Application Clusters, Ora</t>
  </si>
  <si>
    <t>NRCan-NRCan_0652</t>
  </si>
  <si>
    <t>Système de base de données PostgreSQL</t>
  </si>
  <si>
    <t>SBDPSQL</t>
  </si>
  <si>
    <t>Environnement des BDs postgreSQL non-spatiales, des BDs postgreSQL avec cartouche spatiale SDE et des BDs postgreSQL avec cartouche spatiale PostGIS, le tout sur une infrastructure redondante ou standalone.</t>
  </si>
  <si>
    <t>PostgreSQL community PostfreSQL DB</t>
  </si>
  <si>
    <t>NRCan-NRCan_0658</t>
  </si>
  <si>
    <t>GSC Physical Archive Database</t>
  </si>
  <si>
    <t>GEM, GNES, PSG, Environmental Geoscience, CCGP, corporate</t>
  </si>
  <si>
    <t>This application disseminates data and information about archived geoscience materials</t>
  </si>
  <si>
    <t>NRCan-NRCan_0665</t>
  </si>
  <si>
    <t>Earth Observation Data Management System</t>
  </si>
  <si>
    <t>EODMS</t>
  </si>
  <si>
    <t>The EODMS enables public and government users to intelligently search and easily access the GoC EO raw and product archives managed by NRCan. The search capability features advanced geospatial "Region of interest" (ROI) operators, high-quality Quicklook images, and tools to manage queries and archive access.  https://eodms-sgdot.nrcan-rncan.gc.ca/index_en.jsp</t>
  </si>
  <si>
    <t>Compusult WES Enterprise</t>
  </si>
  <si>
    <t>NRCan-NRCan_0669</t>
  </si>
  <si>
    <t>Archiving</t>
  </si>
  <si>
    <t>AMS</t>
  </si>
  <si>
    <t>Proprietary turnkey satellite data archiving and cataloguing management applications, in-house applications to search the archive database.</t>
  </si>
  <si>
    <t>MDA AMS</t>
  </si>
  <si>
    <t>NRCan-NRCan_0670</t>
  </si>
  <si>
    <t>CEOCat</t>
  </si>
  <si>
    <t>Enables the general public, Canadian Government at all levels, United States agencies(USGS,NOAA,NASA) targeted access to Radarsat-1 and Radarsat-2 raw scene metadata and browse) using OGC endorsed protocols.</t>
  </si>
  <si>
    <t>NRCan-NRCan_0671</t>
  </si>
  <si>
    <t>CLSS Integrated Cadastral Management - Processing</t>
  </si>
  <si>
    <t>ICM-Proc</t>
  </si>
  <si>
    <t>Processing of Canada Lands cadastral data for dissemination of geospatial dataistribution in KML, DWG and SHP; special and adhoc distribution to OGD, GEoBASE, GeoGradis.</t>
  </si>
  <si>
    <t>NRCan-NRCan_0672</t>
  </si>
  <si>
    <t>CLSS Integrated Cadastral Management - Web services</t>
  </si>
  <si>
    <t>CLSS-WS</t>
  </si>
  <si>
    <t>Web servcies for access to Canada Lands cadastral data.</t>
  </si>
  <si>
    <t>NRCan-NRCan_0673</t>
  </si>
  <si>
    <t>CLSS Integrated Cadastral Management - Editing</t>
  </si>
  <si>
    <t>CLSS-C</t>
  </si>
  <si>
    <t>Desktop ArcGIS custom tools for creation and editing of cadastral data for upload to Canada Lands Geodatabases</t>
  </si>
  <si>
    <t>NRCan-NRCan_0675</t>
  </si>
  <si>
    <t>CLSS Metadata Manager</t>
  </si>
  <si>
    <t>MM</t>
  </si>
  <si>
    <t>Web application to capture metadata</t>
  </si>
  <si>
    <t>NRCan-NRCan_0676</t>
  </si>
  <si>
    <t>CLSS AS-SM File System</t>
  </si>
  <si>
    <t>ASSM</t>
  </si>
  <si>
    <t>Web application to search AS and SM file numbers</t>
  </si>
  <si>
    <t>NRCan-NRCan_0677</t>
  </si>
  <si>
    <t>CLSS National Identifier</t>
  </si>
  <si>
    <t>NID</t>
  </si>
  <si>
    <t>Web application to assign unique identifiers for Canada Lands and all records in the Canada Lands Survey Records</t>
  </si>
  <si>
    <t>NRCan-NRCan_0678</t>
  </si>
  <si>
    <t>CLSS Resource Centre</t>
  </si>
  <si>
    <t>CLSS-RC</t>
  </si>
  <si>
    <t>Web application to search and mange resouce material to support regulation of Canada Lands Surveys.  http://clss.nrcan.gc.ca/data-donnees-eng.php</t>
  </si>
  <si>
    <t>NRCan-NRCan_0679</t>
  </si>
  <si>
    <t>Sparx Enterprise Architect - System documentation</t>
  </si>
  <si>
    <t>Software to manage system documentation</t>
  </si>
  <si>
    <t>Sparks Systems Enterprise Architect</t>
  </si>
  <si>
    <t>NRCan-NRCan_0680</t>
  </si>
  <si>
    <t>Plimus VisualSVN Server - application code repository</t>
  </si>
  <si>
    <t>Software versioning and revision control system</t>
  </si>
  <si>
    <t>VisualSVN, VisualSVN Server</t>
  </si>
  <si>
    <t>NRCan-NRCan_0681</t>
  </si>
  <si>
    <t>Emergency Geomatics Service</t>
  </si>
  <si>
    <t>EGS</t>
  </si>
  <si>
    <t>EGS is a toolset that allows: access to NRCan databases, create custom maps; plan, program and process satellite images, integrate information, create combined information products and then deliver these products to the clients (Government Operations Centre, Public Safety and Department of National Defence) through ftp and web services in a rapid manner (near-real time 2-4 hours delivery of Flood Polygons extracted from Radarsat-2).  Referred to as "Emergency Geomatics Services/(EMP - Geomatics Support)" in the BIA.</t>
  </si>
  <si>
    <t>NRCan-NRCan_0682</t>
  </si>
  <si>
    <t>CCDS Data Processing System</t>
  </si>
  <si>
    <t>C-DPS</t>
  </si>
  <si>
    <t>Umbrella entry for mission critical NRCan systems that process, archive and disseminate GPS/GNSS and other Geodynamic data;  This entry covers anything that is not specifically covered in other CCDS entries.</t>
  </si>
  <si>
    <t>NRCan-NRCan_0683</t>
  </si>
  <si>
    <t>CCDS Data Acquisition System</t>
  </si>
  <si>
    <t>C-DAS</t>
  </si>
  <si>
    <t>Umbrella entry for mission critical NRCan systems that acquire, processe, archive and disseminate GPS/GNSS and other Geodynamic data;   This entry covers anything that is not specifically covered in other CCDS entries.</t>
  </si>
  <si>
    <t>NRCan-NRCan_0684</t>
  </si>
  <si>
    <t>CCDS Real Time Data Acquisition / Processing System</t>
  </si>
  <si>
    <t>C-RTDAS</t>
  </si>
  <si>
    <t>Umbrella entry for mission critical NRCan systems that acquire, process, archive and disseminate GPS/GNSS and other Geodynamic data in REAL-TIME for tsunami warning;  This entry covers anything that is not specifically covered in other CCDS entries.</t>
  </si>
  <si>
    <t>NRCan-NRCan_0685</t>
  </si>
  <si>
    <t>GSC-PAC Marine Data Processing System</t>
  </si>
  <si>
    <t>GSC-P-MDPS</t>
  </si>
  <si>
    <t>Umbrella entry for NRCan systems that process, archive and disseminate Marine Seismic and related data;  This entry covers anything that is not specifically covered in other GSC-PAC entries.</t>
  </si>
  <si>
    <t>NRCan-NRCan_0686</t>
  </si>
  <si>
    <t>GSC-PAC Scientific Data Processing System</t>
  </si>
  <si>
    <t>GSC-P-SDPS</t>
  </si>
  <si>
    <t>Umbrella entry for GSC-PAC critical and research NRCan systems that process, archive and disseminate seismic, earthquake and other data sets;  This entry covers anything that is not specifically covered in other GSC-PAC entries.</t>
  </si>
  <si>
    <t>NGS</t>
  </si>
  <si>
    <t>NRCan-NRCan_0700</t>
  </si>
  <si>
    <t>CGIS - Canadian Gravity database Applications</t>
  </si>
  <si>
    <t>CGDB</t>
  </si>
  <si>
    <t>Applications to upload data to data base using 95 scripts (part of CGIS - NRCan_0227)</t>
  </si>
  <si>
    <t>NRCan-NRCan_0701</t>
  </si>
  <si>
    <t>CACS - RTAP</t>
  </si>
  <si>
    <t>RTAP</t>
  </si>
  <si>
    <t>Real Time Application Platform (part of CACS - NRCan_0226)</t>
  </si>
  <si>
    <t>Industrial Defender/ RTAP</t>
  </si>
  <si>
    <t>NRCan-NRCan_0703</t>
  </si>
  <si>
    <t>CACS - RRDtool</t>
  </si>
  <si>
    <t>RRDtool</t>
  </si>
  <si>
    <t>RRDtool is the OpenSource industry standard, high performance data logging and graphing system for time series data  (part of CACS - NRCan_0226).</t>
  </si>
  <si>
    <t>NRCan-NRCan_0704</t>
  </si>
  <si>
    <t>CSRS - Web Service</t>
  </si>
  <si>
    <t>Web Service supporting CSRS tools. All computations are done through this web service (part of CSRS - NRCan_0535)</t>
  </si>
  <si>
    <t>NRCan-NRCan_0705</t>
  </si>
  <si>
    <t>GeoGratis - Web Applications</t>
  </si>
  <si>
    <t>GeoGratis web applications used to discover and access data. It includes GeoGratis web client and Data extraction tool (part of GGP - NRCan_0278)</t>
  </si>
  <si>
    <t>NRCan-NRCan_0706</t>
  </si>
  <si>
    <t>GeoGratis - Web Services</t>
  </si>
  <si>
    <t>GG-API REST</t>
  </si>
  <si>
    <t>After further consultation, app has been put back to In Production 2015-09-14 ======================================== Linked with NRCan_0707 &amp; NRCan_0708  ========================================= GeoGratis web services used to discover, access and consume data. It includes GeoGratis API, GeoGratis Services (Geolocation, Elevation API and Delimitation) and WPS compatible services (part of GGP - NRCan_0278)  https://www.nrcan.gc.ca/earth-sciences/geography/topographic-information/free-data-geogratis/geogratis-web-services/17216</t>
  </si>
  <si>
    <t>NRCan-NRCan_0707</t>
  </si>
  <si>
    <t>GeoGratis - Download Services</t>
  </si>
  <si>
    <t>GG-FTP</t>
  </si>
  <si>
    <t>After further consultation, app has been put back to In Production 2015-09-14 =================================== Business owner wants this grouped with NRCan_0706 (GeoGratis - Web Services) - 2015-09-03  ======================================= Download service used to access data sets referenced from GeoGratis API, GeoBase website and Atlas of Canada website (part of GGP - NRCan_0278)</t>
  </si>
  <si>
    <t>vsFTP</t>
  </si>
  <si>
    <t>NRCan-NRCan_0708</t>
  </si>
  <si>
    <t>GeoGratis - WMS Services</t>
  </si>
  <si>
    <t>After further consultation, app has been put back to In Production 2015-09-14 ======================================= Business owner wants this grouped with NRCan_0706 (GeoGratis - Web Services) - 2015-09-03   ====================================== Maps services used to visualize reference layers or to produce reference maps. It includes GeoGratis WMS (Toporama WMS, CBM-T WMS), GeoBase WMS and Atlas of Canada WMS (part of GGP - NRCan_0278)</t>
  </si>
  <si>
    <t>University of Minessota MapServer</t>
  </si>
  <si>
    <t>NRCan-NRCan_0709</t>
  </si>
  <si>
    <t>GeoGratis - Metadata Processes</t>
  </si>
  <si>
    <t>A set of processes that create North American Profile (NAP) of ISO 19115 metadata records and deposit them into a Catalog Service for Web  (CSW). These metadata records are then consumed by other GeoGratis applications for discovery and download (part of GGP - NRCan_0278)</t>
  </si>
  <si>
    <t>NRCan-NRCan_0712</t>
  </si>
  <si>
    <t>GMS Acquisition GOES - Microcom</t>
  </si>
  <si>
    <t>GMS-goes-microcom</t>
  </si>
  <si>
    <t>Umbrella entry for mission critical geomagnetic systems that  acquire data on GOES-East satellite via Microcom systems  (part of GMS - NRCan_0245)</t>
  </si>
  <si>
    <t>Omnimetrix</t>
  </si>
  <si>
    <t>NRCan-NRCan_0713</t>
  </si>
  <si>
    <t>GMS Acquisition</t>
  </si>
  <si>
    <t>GMS-acq</t>
  </si>
  <si>
    <t>Umbrella entry for mission critical geomagnetic systems in Ottawa that  acquire data on internet in near real-time  (part of GMS - NRCan_0245)</t>
  </si>
  <si>
    <t>NRCan-NRCan_0714</t>
  </si>
  <si>
    <t>GMS Database PostgreSQL</t>
  </si>
  <si>
    <t>GMS-db-Postgres</t>
  </si>
  <si>
    <t>Umbrella entry for mission critical EQCan systems that support the geomag database with Postgres COTS software  (part of GMS - NRCan_0245)</t>
  </si>
  <si>
    <t>Postgres User Community</t>
  </si>
  <si>
    <t>NRCan-NRCan_0715</t>
  </si>
  <si>
    <t>GMS Product Dissemination</t>
  </si>
  <si>
    <t>GMS-prod</t>
  </si>
  <si>
    <t>Umbrella entry for mission critical geomag systems that disseminate geomag information via web, twitter, RSS, etc.  (part of GMS - NRCan_0245)</t>
  </si>
  <si>
    <t>NRCan-NRCan_0716</t>
  </si>
  <si>
    <t>GMS Forecast</t>
  </si>
  <si>
    <t>GMS-forecast</t>
  </si>
  <si>
    <t>Umbrella entry for mission critical geomagnetic forecast systems that process and archive space weather forecasting data  (part of GMS - NRCan_0245)</t>
  </si>
  <si>
    <t>NRCan-NRCan_0717</t>
  </si>
  <si>
    <t>GMS Post-processing</t>
  </si>
  <si>
    <t>GMS-post</t>
  </si>
  <si>
    <t>Umbrella entry for mission critical geomagnetic post-processing of products and data  (part of GMS - NRCan_0245)</t>
  </si>
  <si>
    <t>NRCan-NRCan_0718</t>
  </si>
  <si>
    <t>GMS Research</t>
  </si>
  <si>
    <t>GMS-research</t>
  </si>
  <si>
    <t>Umbrella entry for geomag systems that support earthquake research  (part of GMS - NRCan_0245)</t>
  </si>
  <si>
    <t>NRCan-NRCan_0719</t>
  </si>
  <si>
    <t>GMS Research - IDL</t>
  </si>
  <si>
    <t>GMS-research-idl</t>
  </si>
  <si>
    <t>Umbrella entry for geomag systems that support earthquake research using IDL COTS software    (part of GMS - NRCan_0245)</t>
  </si>
  <si>
    <t>Exelisvis</t>
  </si>
  <si>
    <t>NRCan-NRCan_0723</t>
  </si>
  <si>
    <t>CEPS Data Acquisition, Archive and Dissemination</t>
  </si>
  <si>
    <t>CEPS-acq</t>
  </si>
  <si>
    <t>Umbrella entry for mission critical EQCan systems that acquire, archive and disseminate raw seismic data from seismograph stations (part of CEPS - NRCan_0242)</t>
  </si>
  <si>
    <t>NRCan-NRCan_0724</t>
  </si>
  <si>
    <t>CEPS Data Acquisition, Archive and Dissemination - Apollo</t>
  </si>
  <si>
    <t>CEPS-acq-Apollo</t>
  </si>
  <si>
    <t>Umbrella entry for mission critical EQCan systems that acquire, archive and disseminate raw seismic data from seismograph stations using Apollo COTS software (part of CEPS -NRCan_0242)</t>
  </si>
  <si>
    <t>Nanometrics/ ApolloServer and ApolloProject</t>
  </si>
  <si>
    <t>NRCan-NRCan_0725</t>
  </si>
  <si>
    <t>CEPS Automatic Processing</t>
  </si>
  <si>
    <t>CEPS-autoproc</t>
  </si>
  <si>
    <t>Umbrella entry for mission critical EQCan systems that automatically process earthquake information (part of CEPS -NRCan_0242)</t>
  </si>
  <si>
    <t>NRCan-NRCan_0726</t>
  </si>
  <si>
    <t>CEPS Alerting</t>
  </si>
  <si>
    <t>CEPS-alerting</t>
  </si>
  <si>
    <t>Umbrella entry for mission critical EQCan systems that send alerts regarding earthquakes (part of CEPS -NRCan_0242)</t>
  </si>
  <si>
    <t>NRCan-NRCan_0728</t>
  </si>
  <si>
    <t>CEPS Alerting - SMS</t>
  </si>
  <si>
    <t>CEPS-alerting-SMS</t>
  </si>
  <si>
    <t>Umbrella entry for mission critical EQCan systems that send text alerts using an appliance (part of CEPS -NRCan_0242)</t>
  </si>
  <si>
    <t>NotePage Inc/ PageGate</t>
  </si>
  <si>
    <t>NRCan-NRCan_0729</t>
  </si>
  <si>
    <t>CEPS Alerting - Fax/Phone</t>
  </si>
  <si>
    <t>CEPS-alerting-Fax/Phone</t>
  </si>
  <si>
    <t>Umbrella entry for mission critical EQCan systems that send alerts regarding earthquakes using the Fax/Phone appliance (part of CEPS -NRCan_0242)</t>
  </si>
  <si>
    <t>Alt-N Technologies/ RelayFax</t>
  </si>
  <si>
    <t>NRCan-NRCan_0730</t>
  </si>
  <si>
    <t>CEPS Earthquake Review</t>
  </si>
  <si>
    <t>CEPS-EQ_review</t>
  </si>
  <si>
    <t>Umbrella entry for mission critical EQCan systems that are used for Earthquake Review (part of CEPS -NRCan_0242)</t>
  </si>
  <si>
    <t>NRCan-NRCan_0731</t>
  </si>
  <si>
    <t>CEPS Earthquake Review - Dan</t>
  </si>
  <si>
    <t>CEPS-EQ_review-Dan</t>
  </si>
  <si>
    <t>Umbrella entry for mission critical EQCan systems that are used for Earthquake Review using Dan COTS software (part of CEPS -NRCan_0242)</t>
  </si>
  <si>
    <t>Nanometrics Inc/ Dan</t>
  </si>
  <si>
    <t>NRCan-NRCan_0732</t>
  </si>
  <si>
    <t>CEPS Earthquake Review - Antelope</t>
  </si>
  <si>
    <t>CEPS-EQ_review-Antelope</t>
  </si>
  <si>
    <t>Umbrella entry for mission critical EQCan systems that are used for Earthquake Review using Antelope COTS software (part of CEPS -NRCan_0242)</t>
  </si>
  <si>
    <t>BRTT/ Antelope</t>
  </si>
  <si>
    <t>NRCan-NRCan_0733</t>
  </si>
  <si>
    <t>CEPS earthquake database</t>
  </si>
  <si>
    <t>CEPS-db</t>
  </si>
  <si>
    <t>Umbrella entry for mission critical EQCan systems that support the Earthquake database (part of CEPS -NRCan_0242)</t>
  </si>
  <si>
    <t>NRCan-NRCan_0734</t>
  </si>
  <si>
    <t>CEPS database - Ingres</t>
  </si>
  <si>
    <t>CEPS-db-Ingres</t>
  </si>
  <si>
    <t>Umbrella entry for mission critical EQCan systems that support the Earthquake database with Ingres RDBMS COTS software (part of CEPS -NRCan_0242)</t>
  </si>
  <si>
    <t>Ingres database</t>
  </si>
  <si>
    <t>NRCan-NRCan_0735</t>
  </si>
  <si>
    <t>CEPS database - Postgres</t>
  </si>
  <si>
    <t>CEPS-db-Postgres</t>
  </si>
  <si>
    <t>Umbrella entry for mission critical EQCan systems that support the Earthquake database with Postgres COTS software (part of CEPS -NRCan_0242)</t>
  </si>
  <si>
    <t>NRCan-NRCan_0736</t>
  </si>
  <si>
    <t>CEPS Research</t>
  </si>
  <si>
    <t>CEPS-EQ_research</t>
  </si>
  <si>
    <t>Umbrella entry for mission critical EQCan systems that support earthquake research (part of CEPS -NRCan_0242)</t>
  </si>
  <si>
    <t>NRCan-NRCan_0737</t>
  </si>
  <si>
    <t>CEPS Research - Matlab</t>
  </si>
  <si>
    <t>CEPS-research-Matlab</t>
  </si>
  <si>
    <t>Umbrella entry for EQCan systems that support earthquake research using MatLab COTS software (part of CEPS -NRCan_0242)</t>
  </si>
  <si>
    <t>NRCan-NRCan_0738</t>
  </si>
  <si>
    <t>EQCan Product Dissemination</t>
  </si>
  <si>
    <t>EQCan</t>
  </si>
  <si>
    <t>Umbrella entry for mission critical EQCan systems that disseminate earthquake information via web, twitter, RSS, etc. (part of CEPS -NRCan_0242)</t>
  </si>
  <si>
    <t>NRCan-NRCan_0741</t>
  </si>
  <si>
    <t>Media Call Report</t>
  </si>
  <si>
    <t>MCR</t>
  </si>
  <si>
    <t>Media relations</t>
  </si>
  <si>
    <t>Every occasion that you have contact with the media MUST be recorded on a media call report. This simple report can be completed and submitted on-line. http://wwwint2.nrcan.gc.ca/tools-outils/media/mcr-ram/index.cfm?fuseaction=callReport.showCallReportForm&amp;language=en</t>
  </si>
  <si>
    <t>APP-00843</t>
  </si>
  <si>
    <t>NRCat Request Form</t>
  </si>
  <si>
    <t>NRF</t>
  </si>
  <si>
    <t>Use this on-line form to borrow the NRCat costume.
http://wwwint2.nrcan.gc.ca/tools-outils/catcostume_e.asp
https://intranet.nrcan.gc.ca/services-policies/communications-tools/exhibits/nrcat</t>
  </si>
  <si>
    <t>NRCan-NRCan_0744</t>
  </si>
  <si>
    <t>Mapping Distribution and Invoicing System</t>
  </si>
  <si>
    <t>MDIS</t>
  </si>
  <si>
    <t>Public Works Canada/ GTIS</t>
  </si>
  <si>
    <t>APP-00869</t>
  </si>
  <si>
    <t>Current Unit Value Received (CUVR) Calculator</t>
  </si>
  <si>
    <t>CUVR</t>
  </si>
  <si>
    <t>ecoENERGY for Renewable Power</t>
  </si>
  <si>
    <t>Calculating the Current Unit Value Received (CUVR) under the ecoENERGY for Renewable Power (ecoENERGY RP) Program
Recipients of the ecoENERGY for Renewable Power program incentive are required to report the Current Unit Value Received (CUVR) following each anniversary of the commissioning date of the project. The CUVR calculation must be submitted to the program with the quarter payment following the anniversary of the date of commissioning for ten years.
http://www2.nrcan.gc.ca/ecoaction/renewable/calculator/cuvr-vuar/index.cfm?fuseaction=c.f&amp;lang=eng</t>
  </si>
  <si>
    <t>NRCan-NRCan_0747</t>
  </si>
  <si>
    <t>Directory of Energy Efficiency and Alternative Energy Programs in Canada</t>
  </si>
  <si>
    <t>DEEAEPC</t>
  </si>
  <si>
    <t>This Directory is an on-line inventory of programs to promote the efficient use or conservation of energy at the end-use level and/or the use of alternative energy in Canada.  http://oee.nrcan.gc.ca/corporate/statistics/neud/dpa/policy_e/programs.cfm?attr=24</t>
  </si>
  <si>
    <t>NRCan-NRCan_0748</t>
  </si>
  <si>
    <t>Service Organizations Administration Centre</t>
  </si>
  <si>
    <t>SOAC</t>
  </si>
  <si>
    <t>Subset of NRCan Portal to the Administration Centre (NPAC) - NRCan_0419  - public search feature and login for SO's  SO Login: https://www2.nrcan-rncan.gc.ca/oee/nh-mn/so-os/index.cfm?fuseaction=ss.index&amp;lang=eng  Search tool to find courses offered by service organizations.  http://www2.nrcan.gc.ca/oee/nh-mn/cc/</t>
  </si>
  <si>
    <t>NRCan-NRCan_0752</t>
  </si>
  <si>
    <t>Informal Conflict Tracker</t>
  </si>
  <si>
    <t>ICT</t>
  </si>
  <si>
    <t>From: Gervais, Claude (NRCan/RNCan)  Sent: October 19, 2015 12:17 To: CIOSB_ADS_Maintenance_And_Operations / DDPIS_SDA_Maintenance_And_Opérations (NRCan/RNCan) Subject: RE: #35293---FW: SQL Server upgrade Hi Chantal, The application is a desktop located in  \\s0-ott-nas2\Shared\ITS_AIMS\Informal Case Tracking Software See https://scm.nrcan.gc.ca/cp/projects/informalconflict/wiki/Technical_Details for more information Claude  ==================================== Hi everyone, This application was develop by stats can in .NET Redmine:https://scm.nrcan.gc.ca/cp/projects/informalconflict/wiki/Technical_Details Not sure if the application is still in use  To be confirm by Chantal Seguin You can change the contact for the database to CIOB main</t>
  </si>
  <si>
    <t>APP-00973</t>
  </si>
  <si>
    <t>Public Participation, Processes and Participants</t>
  </si>
  <si>
    <t>P4</t>
  </si>
  <si>
    <t>Welcome to the Public Participation Processes and Participants Information Management System, commonly referred to as the “P4 System”. The P4 System is a centralized repository for all departmental stakeholder information related to ministerial, deputy ministerial and, in the near future, sector-specific stakeholder/public participation activities.
https://p4.nrcan-rncan.gc.ca/index.cfm?content=home-accueil</t>
  </si>
  <si>
    <t>NRCan-NRCan_0755</t>
  </si>
  <si>
    <t>Extra Duty Pay Application Task</t>
  </si>
  <si>
    <t>EDPA</t>
  </si>
  <si>
    <t>Scheduled task that extracts pay/hr info and ports to PWGSC application.</t>
  </si>
  <si>
    <t>NRCan-NRCan_0756</t>
  </si>
  <si>
    <t>Engagement Activity Report</t>
  </si>
  <si>
    <t>EAR</t>
  </si>
  <si>
    <t>Today NRcan Renewal is focused on achieving three objectives: Reinforcing NRCan's vision and direction to broaden and deepen our common understanding; Renewing how we work; and Revitalizing the workplace. The information completed in this form will be used by the Renewal Task Team to report on the engagement around these three objectives, to identify the related successes and best practices in the department, the opportunities and areas for improvement, and the linkages being made both across the department and across the different regions.   https://ear-rae.nrcan.gc.ca/</t>
  </si>
  <si>
    <t>APP-01047</t>
  </si>
  <si>
    <t>NRCan Competencies Survey</t>
  </si>
  <si>
    <t>NCS</t>
  </si>
  <si>
    <t>Developed for NRCan employees, these tests aim at assessing behaviors linked to following key leadership competencies:
Values and ethics
Strategic thinking
Engagement
Management excellence
http://competencies-self-evaluation.nrcan.gc.ca</t>
  </si>
  <si>
    <t>NRCan-NRCan_0758</t>
  </si>
  <si>
    <t>NRCan e-Learning provides a series of web-based self-learning modules that are intended to help an employee play a key role in NRCan's strive for excellence as a continuous learning organization.  http://elearning.nrcan.gc.ca/Application/showModulePage.do?phase=check&amp;action=lang_e&amp;module=22&amp;page=1&amp;previousAction=3  http://elearning.nrcan.gc.ca/application/index.jsp</t>
  </si>
  <si>
    <t>APP-01051</t>
  </si>
  <si>
    <t>ChiliProject</t>
  </si>
  <si>
    <t>ChiliProject is a web based project management system. It supports your team throughout the complete project life cycle, from setting up and discussing a project plan, over tracking issues and reporting work progress to collaboratively sharing knowledge.
Open Source software</t>
  </si>
  <si>
    <t>NRCan-NRCan_0781</t>
  </si>
  <si>
    <t>Storage Tanks Database</t>
  </si>
  <si>
    <t>STD</t>
  </si>
  <si>
    <t>Workplace services</t>
  </si>
  <si>
    <t>Tracks and stores information on all NRCan storage tanks.</t>
  </si>
  <si>
    <t>NRCan-NRCan_0783</t>
  </si>
  <si>
    <t>CanmetMATERIALS Materials Property Database</t>
  </si>
  <si>
    <t>CanMET MPD</t>
  </si>
  <si>
    <t>PAA 2.2.3 Clean Energy Science and Technologyand certification for safety and security</t>
  </si>
  <si>
    <t>A web accessible application for contributing and accessing data on material properties of alloys.  The application contains tools to query and plot data to aid in material selection for applications with an initial focus on applications in super critical water conditions.  At present the data consists of corrosion, mechanical and creep property data of over 100 alloys.  The objective of the database development portion of this project is design a tool that allows the multiple partners within Canada; Canadian University researchers, NRCan researchers, and AECL researchers to access, store and use common tools on the collectively accumulated data.</t>
  </si>
  <si>
    <t>NRCan-NRCan_0784</t>
  </si>
  <si>
    <t>Field Equipment Inventory System</t>
  </si>
  <si>
    <t>FEIS</t>
  </si>
  <si>
    <t>NRCan-NRCan_0785</t>
  </si>
  <si>
    <t>Logistics Support Access Database</t>
  </si>
  <si>
    <t>LSAD</t>
  </si>
  <si>
    <t>Referred to as "Polar Continental Shelf Program - Resolute Bay Facility" in the BIA</t>
  </si>
  <si>
    <t>NRCan-NRCan_0790</t>
  </si>
  <si>
    <t>Ash Protection Model</t>
  </si>
  <si>
    <t>This site provides access to a model that was developed to assist users in deciding the fate of ash trees (Fraxinus spp.) threatened by the arrival of emerald ash borer (Agrilus planipennis Fairmaire) in North America.</t>
  </si>
  <si>
    <t>NRCan-NRCan_0791</t>
  </si>
  <si>
    <t>Cantreuil</t>
  </si>
  <si>
    <t>NRCan-NRCan_0792</t>
  </si>
  <si>
    <t>CFS Collections</t>
  </si>
  <si>
    <t>CFSC</t>
  </si>
  <si>
    <t>Site web, accessible à  l'externe, répertoriant les collections du SCF.  CFS Collections web site, externally accessible.</t>
  </si>
  <si>
    <t>NRCan-NRCan_0793</t>
  </si>
  <si>
    <t>Northern Ontario Plant Database</t>
  </si>
  <si>
    <t>The Northern Ontario Plant Database (NOPD) is a website that provides free public access to records of herbarium specimens housed in northern Ontario educational and government institutions. An herbarium (pl.: herbaria) is an archival collection of plants that have been pressed, dried, mounted, and labelled. Herbarium specimens serve as a reference to verify identification of plant species and are a permanent, historical record of where a particular plant has been found.</t>
  </si>
  <si>
    <t>APP-02407</t>
  </si>
  <si>
    <t>Search Courses - Service Organizations Admin Centre</t>
  </si>
  <si>
    <t>SC-SO</t>
  </si>
  <si>
    <t>Search courses offered by service organizations - linked with Service Organizations Admin Centre (NRCan_0748)
http://www2.nrcan.gc.ca/oee/nh-mn/cc/</t>
  </si>
  <si>
    <t>NRCan-NRCan_0795</t>
  </si>
  <si>
    <t>OEE Housing Members Only Resource Centre</t>
  </si>
  <si>
    <t>OHMORC</t>
  </si>
  <si>
    <t>This site allows licensed EnerGuide Rating System (ERS), R-2000 and ENERGY STAR® for New Homes participants to access marketing materials, administrative and training documents and program updates.  Linked with NRCan_0416 (New Housing Admin Centre)  https://www2.nrcan-rncan.gc.ca/oee/nh-mn/rc-cd/index.cfm?fuseaction=s.slf&amp;lang=eng</t>
  </si>
  <si>
    <t>NRCan-NRCan_0796</t>
  </si>
  <si>
    <t>ArcGIS Enterprise Server Standard</t>
  </si>
  <si>
    <t>ArcGIS-S</t>
  </si>
  <si>
    <t>Essential Geospatial</t>
  </si>
  <si>
    <t>GIS server software for hosting cadastral mapping services</t>
  </si>
  <si>
    <t>NRCan-NRCan_0797</t>
  </si>
  <si>
    <t>Metadata Editing Tool (Internal only)</t>
  </si>
  <si>
    <t>LCNP Metadata</t>
  </si>
  <si>
    <t>Grounwater Geoscience Program</t>
  </si>
  <si>
    <t>Application enabling the completion of ISO 19115 by multiple users. Enables export into XML and various systems.</t>
  </si>
  <si>
    <t>TRAC</t>
  </si>
  <si>
    <t>NRCan-NRCan_0804</t>
  </si>
  <si>
    <t>Plants of Canada Database</t>
  </si>
  <si>
    <t>PoCD</t>
  </si>
  <si>
    <t>The Plants of Canada Database is an up-to-date source of information about the vascular plants that grow naturally (i.e., outside of cultivation) in Canada. It provides quick and easy access to information about identity, distribution, conservation status, and pest legislation, for both native and introduced species in the Canadian flora.  The Plants of Canada Database was developed by the Canadian Food Inspection Agency (CFIA), in partnership with the Canadian Forest Service of Natural Resour</t>
  </si>
  <si>
    <t>NRCan-NRCan_0805</t>
  </si>
  <si>
    <t>Seedwhere</t>
  </si>
  <si>
    <t>Climwhere</t>
  </si>
  <si>
    <t>ClimWhere (formerly SeedWhere - "Where can I move Seed"? ) maps climate similarity across geographic regions. While the tool can be used to map similarity of climate for any purpose, it was originally intended to support decisions on seed movements to support sustainable forest management.  http://gmaps.nrcan.gc.ca/climwhere/</t>
  </si>
  <si>
    <t>NRCan-NRCan_0806</t>
  </si>
  <si>
    <t>FIAS Pathway explorer (CPATH)</t>
  </si>
  <si>
    <t>FIAS</t>
  </si>
  <si>
    <t>The Forest Invasive Alien Species (FIAS) Pathway Explorer is a web-based tool that maps probabilistic pathways along which invasive pests could be introduced by human activities such as international and domestic trade, transportation and recreation.   For example, a user could select "Toronto" and then view the likelihood of invasive species spreading from there to other locations by way of transport trucks carrying wood products.   The FIAS Pathway Explorer is built on data sets gathered f</t>
  </si>
  <si>
    <t>NRCan-NRCan_0807</t>
  </si>
  <si>
    <t>Climate modeling application set</t>
  </si>
  <si>
    <t>This application provides access to spatial climate models. These models cover a range of time steps including models of Canada's climate since 1866. The data are displayed and used on a searchable web page, enabling researchers, government agencies and the public to access model results.</t>
  </si>
  <si>
    <t>NRCan-NRCan_0810</t>
  </si>
  <si>
    <t>Oracle People Software Enterprise  https://selfservice-libreservice.nrcan-rncan.gc.ca/psp/ps89/GCHRMS/HRMS/?cmd=logout</t>
  </si>
  <si>
    <t>RFPIF</t>
  </si>
  <si>
    <t>NRCan-NRCan_0812</t>
  </si>
  <si>
    <t>Subversion</t>
  </si>
  <si>
    <t>Version control system for development, application source code and deployments/releases.</t>
  </si>
  <si>
    <t>NRCan-NRCan_0813</t>
  </si>
  <si>
    <t>Communications Tools</t>
  </si>
  <si>
    <t>CPS_CT</t>
  </si>
  <si>
    <t>Login   http://wwwint2.nrcan.gc.ca/tools-outils_old/signin_e.asp  http://wwwint2.nrcan.gc.ca/tools-outils/signin_e.asp  Site used to manage promotional items and event/exhibit displays.</t>
  </si>
  <si>
    <t>NRCan-NRCan_0814</t>
  </si>
  <si>
    <t>NRCan Data Hub</t>
  </si>
  <si>
    <t>NRCanDH</t>
  </si>
  <si>
    <t>Science Policy Evidence and Analysis</t>
  </si>
  <si>
    <t>This first-stop intranet site gives you access to a wide variety of quality socio-economic data and analytical documents, as well as information on socio-economic data management at NRCan. The primary focus is to support work on NRCan priorities.  https://datahub.nrcan.gc.ca/datahub/home</t>
  </si>
  <si>
    <t>NRCan-NRCan_0815</t>
  </si>
  <si>
    <t>Varnish</t>
  </si>
  <si>
    <t>Varnish is an HTTP accelerator designed for content-heavy dynamic web sites as well as heavily consumed APIs. Varnish stores data in virtual memory and leaves the task of deciding what is stored in memory and what gets paged out to disk to the operating system. This helps avoid the situation where the operating system starts caching data while it is moved to disk by the application.  Varnish is heavily threaded, with each client connection being handled by a separate worker thread. When the configured limit on the number of active worker threads is reached, incoming connections are placed in an overflow queue; when this queue reaches its configured limit incoming connections will be rejected.</t>
  </si>
  <si>
    <t>Paul-Henning Kamp/ Varnish</t>
  </si>
  <si>
    <t>NRCan-NRCan_0816</t>
  </si>
  <si>
    <t>New Relic</t>
  </si>
  <si>
    <t>NR</t>
  </si>
  <si>
    <t>Application performance monitoring - daemon based</t>
  </si>
  <si>
    <t>New Relic APM</t>
  </si>
  <si>
    <t>NRCan-NRCan_0817</t>
  </si>
  <si>
    <t>GitHub Private Repository</t>
  </si>
  <si>
    <t>GitHub PR</t>
  </si>
  <si>
    <t>Private repository for NRCan's Drupal modules and code base.</t>
  </si>
  <si>
    <t>NRCan-NRCan_0819</t>
  </si>
  <si>
    <t>CA Generator</t>
  </si>
  <si>
    <t>CAG</t>
  </si>
  <si>
    <t>Contribution agreement generator</t>
  </si>
  <si>
    <t>Excel 2013</t>
  </si>
  <si>
    <t>NRCan-NRCan_0820</t>
  </si>
  <si>
    <t>Budworm Tracker</t>
  </si>
  <si>
    <t>Application supports citizen science community in recording the number of moths they have collected in the pheromone traps we have sent them.  There is also an Android and IOS application for use on smart phones. http://budwormtracker.ca/#/signup</t>
  </si>
  <si>
    <t>NRCan-NRCan_0821</t>
  </si>
  <si>
    <t>Federal Geospatial Platform (EDC)</t>
  </si>
  <si>
    <t>FGP</t>
  </si>
  <si>
    <t>The Federal Geospatial Platform (FGP) is an initiative of the Federal Committee on Geomatics and Earth Observations (FCGEO), a committee of senior executives from 21 departments and agencies that are producers and/or consumers of geospatial data, or have an interest in activities, requirements and infrastructure related to geomatics. The FCGEO community recognized an opportunity for federal departments and agencies to manage geospatial information assets in a more efficient and coordinated way by using a common “platform” of technical infrastructure, policies, standards and governance.</t>
  </si>
  <si>
    <t>FME enterprise</t>
  </si>
  <si>
    <t>NRCan-NRCan_0823</t>
  </si>
  <si>
    <t>Contact Us - Commercial, institutional and federal buildings</t>
  </si>
  <si>
    <t>CU-CIFB</t>
  </si>
  <si>
    <t>Commercial Buildings</t>
  </si>
  <si>
    <t>Contact us form for Commercial, institutional and federal buildings (Buildings division of OEE)</t>
  </si>
  <si>
    <t>APP-03316</t>
  </si>
  <si>
    <t>ccmMercury for Cabinet Affairs</t>
  </si>
  <si>
    <t>ccmMercury_CA</t>
  </si>
  <si>
    <t>NRCan-NRCan_0825</t>
  </si>
  <si>
    <t>Analytical Lab Calculator</t>
  </si>
  <si>
    <t>ALC</t>
  </si>
  <si>
    <t>Used to calculate costs for sample processing</t>
  </si>
  <si>
    <t>NRCan-NRCan_0826</t>
  </si>
  <si>
    <t>Intranet de la Commission géologique du Canada - Québec</t>
  </si>
  <si>
    <t>Intranet de la Commission géologique du Canada - Québec. Hébergement et support technique pour leur intranet.</t>
  </si>
  <si>
    <t>NRCan-NRCan_0827</t>
  </si>
  <si>
    <t>ButternutConservation</t>
  </si>
  <si>
    <t>Desktop application to support data entry and analysis of butternut surveys.</t>
  </si>
  <si>
    <t>NRCan-NRCan_0829</t>
  </si>
  <si>
    <t>Canadian Fire Effects Model (Web)</t>
  </si>
  <si>
    <t>The Canadian Fire Effects Model (CanFIRE) is a compilation of Canadian fire behaviour models that are used to calculate first-order (immediate, physical) fire effects on stand characteristics, and to simulate the resulting second-order (later, ecological) fire effects on stand composition. CanFIRE originated as the Boreal Fire Effects (BORFIRE) research model to study the dynamics of changing fire regimes, forest carbon storage, emissions, and forest composition under climate change. This particular application is a web-based form, which feeds an underlying executable program that models the results to be returned to the user as text display in the browser.</t>
  </si>
  <si>
    <t>APP-03449</t>
  </si>
  <si>
    <t>CFS APIs (dev)</t>
  </si>
  <si>
    <t>A proposed application to document the various APIs in the CFS, such as the publications database</t>
  </si>
  <si>
    <t>NRCan-NRCan_0831</t>
  </si>
  <si>
    <t>CFS Collaborations Database</t>
  </si>
  <si>
    <t>NRCan-NRCan_0832</t>
  </si>
  <si>
    <t>CFS Earth Documentation Web Site</t>
  </si>
  <si>
    <t>A documentation site for the CFS Earth application. Describes how to install etc.</t>
  </si>
  <si>
    <t>NRCan-NRCan_0833</t>
  </si>
  <si>
    <t>CFS ESRI License Portal</t>
  </si>
  <si>
    <t>Standalone executable monitors ArcGIS concurrent license usage across the CFS and populates a database.  Web portal references the database to inform the CFS user community of current usage and availability.</t>
  </si>
  <si>
    <t>NRCan-NRCan_0835</t>
  </si>
  <si>
    <t>CFS Legacy Archive Inventory Databases</t>
  </si>
  <si>
    <t>The purpose of this tool is to ensure each CFS centres archive inventories are searchable and discoverable by all CFS employees to support decision making in the delivery of programs and services.  https://intranet.nofc.cfs.nrcan.gc.ca/glfc/archives https://intranet.nofc.cfs.nrcan.gc.ca/afc/archives</t>
  </si>
  <si>
    <t>NRCan-NRCan_0836</t>
  </si>
  <si>
    <t>CFS-Earth</t>
  </si>
  <si>
    <t>The CFS-Earth initiative improves data availability and accessibility within the CFS and the CWFC through the implementation of Google Earth Enterprise (GEE), an enterprise level geographic mashup platform that can synthesize terabytes of spatial imagery, terrain and vector data into easily viewable and searchable mapping applications.  Data is fused/synthesized and distributed via an earth server. Clients require Google Earth Enterprise Client desktop software to access the data. The client desktop software is distributed to authorized users via LANDesk.</t>
  </si>
  <si>
    <t>NRCan-NRCan_0838</t>
  </si>
  <si>
    <t>Common tree diseases of British Columbia</t>
  </si>
  <si>
    <t>BC Common Tree Disease</t>
  </si>
  <si>
    <t>This is the third version of a Canadian Forest Service tree disease identification guide for British Columbia. The first, Some common tree diseases of British Columbia, by J. E. Bier, was published in 1949. The next edition, Common tree diseases of British Columbia, by R. E. Foster and G. W. Wallis, was published in 1969 and reprinted in 1974. Since the second edition there have been many changes in the scientific names of the disease organisms and in the economic importance of hosts and diseases. This edition has been updated to provide new information, with more and better photographs, to aid in the identification of tree diseases common on the major commercial tree species in British Columbia. Although the book is primarily aimed at forestry profess</t>
  </si>
  <si>
    <t>NRCan-NRCan_0839</t>
  </si>
  <si>
    <t>CWFC Woody Biomass Inventory</t>
  </si>
  <si>
    <t>Internal inventory of opportunity and purpose-grown woody biomass volume and fibre quality information. The inventory represents an aggregation of woody biomass information used by the CWFC in support of supply chain modelling. The inventory also represents many of the valuable data sets contributing to the BIMAT (Biomass Inventory Mapping and Analysis Tool).</t>
  </si>
  <si>
    <t>NRCan-NRCan_0840</t>
  </si>
  <si>
    <t>CWFIS LayerBuilder</t>
  </si>
  <si>
    <t>A PHP script that interacts with the CWFIS Geoserver for generating GEOTIFF-based layers. Runs 2-3x per day. Part of the CWFIS</t>
  </si>
  <si>
    <t>Azure</t>
  </si>
  <si>
    <t>NRCan-NRCan_0841</t>
  </si>
  <si>
    <t>CWFIS Mapbuilder</t>
  </si>
  <si>
    <t>A part of the CWFIS process that creates static maps based on GeoTIFF layers in geoserver. The production version runs on MS azure servers, but a local version runs on NoFC servers. This is a PHP script that is run 2- 3 x per day.</t>
  </si>
  <si>
    <t>NRCan-NRCan_0842</t>
  </si>
  <si>
    <t>DG Blog</t>
  </si>
  <si>
    <t>Blog for the DG of NoFC Written in Phalcon for PHP with Mysql Backend</t>
  </si>
  <si>
    <t>NRCan-NRCan_0843</t>
  </si>
  <si>
    <t>Ellerslie SRWC Research Site Virtual Tour</t>
  </si>
  <si>
    <t>Developmental Virtual Tour of the Ellerslie Short Rotation Woody Crop Research Site. Development is occurring on a VM. During times when development is inactive, the VM is offline.</t>
  </si>
  <si>
    <t>NRCan-NRCan_0847</t>
  </si>
  <si>
    <t>Forestry Adaptation Working Group (FAWG)</t>
  </si>
  <si>
    <t>FAWG</t>
  </si>
  <si>
    <t>Extranet Used to capture adaptation activities and export to pdf or csv</t>
  </si>
  <si>
    <t>NRCan-NRCan_0848</t>
  </si>
  <si>
    <t>FormatCoreData</t>
  </si>
  <si>
    <t>Application that formats output from WinDendro and inserts records into a database for later analysis</t>
  </si>
  <si>
    <t>NRCan-NRCan_0850</t>
  </si>
  <si>
    <t>GeomaticTools</t>
  </si>
  <si>
    <t>Applications en géomatique. KNNMapping, DisturbanceAnalyser, SlowDisturbanceAnalyser, PointsExtractor, ImageCalculator, MergeImages, Landsat2RGB, CropNodata, DecisionTree, RegressionTree, SuperSieve, IndicesExtractor, CompareImages</t>
  </si>
  <si>
    <t>NRCan-NRCan_0859</t>
  </si>
  <si>
    <t>GLFC's Publication Database Search</t>
  </si>
  <si>
    <t>Search application for the Great Lakes Forestry Centre's publication database.</t>
  </si>
  <si>
    <t>NRCan-NRCan_0861</t>
  </si>
  <si>
    <t>Health and Safety Inspection System</t>
  </si>
  <si>
    <t>A stand-alone version of the NoFC health and safety inspection system</t>
  </si>
  <si>
    <t>NRCan-NRCan_0863</t>
  </si>
  <si>
    <t>Insect production Services (IPS) order form</t>
  </si>
  <si>
    <t>We use the most expedient method of delivery available unless requested otherwise by the customer. Due to varying shipping costs associated with location, order size and speed of delivery requested, our advertised prices do not include fees for courier services. Customers who do not have or provide us with an account number for the courier service that is used will have the applicable charges added to their order. You will be invoiced after shipping. Payment may be made by cheque (Canadian funds</t>
  </si>
  <si>
    <t>NRCan-NRCan_0865</t>
  </si>
  <si>
    <t>Intranet du Centre de foresterie des Laurentides</t>
  </si>
  <si>
    <t>NRCan-NRCan_0866</t>
  </si>
  <si>
    <t>Kodama</t>
  </si>
  <si>
    <t>Create 3D models of trees and forests, with the potential of using lidar data to drive the architectural modeling.</t>
  </si>
  <si>
    <t>NRCan-NRCan_0868</t>
  </si>
  <si>
    <t>LifeTableDataEntry</t>
  </si>
  <si>
    <t>A desktop application to support data entry from a Spruce Budworm L2 study.</t>
  </si>
  <si>
    <t>NRCan-NRCan_0869</t>
  </si>
  <si>
    <t>National Forest Informaiton System sub-application: NFIS.Service.ICA-AtoM</t>
  </si>
  <si>
    <t>PFC Archives</t>
  </si>
  <si>
    <t>ICA-AtoM is a web-based archival description software that is based on International Council on Archives ('ICA') standards. 'AtoM' is an acronymn for 'Access to Memory'. ICA-AtoM is multi-lingual and supports multi-repository collections.</t>
  </si>
  <si>
    <t>Archive Software</t>
  </si>
  <si>
    <t>NRCan-NRCan_0871</t>
  </si>
  <si>
    <t>National Forest Information System sub-application: NFIS.App.CBM/NFSC Carbon Bud</t>
  </si>
  <si>
    <t>Download sites for the Carbon Budget Model and National Forest Sinks Committee.</t>
  </si>
  <si>
    <t>NRCan-NRCan_0872</t>
  </si>
  <si>
    <t>National Forest Information System sub-application: NFIS.App.NFD.DCT</t>
  </si>
  <si>
    <t>NFD DCT</t>
  </si>
  <si>
    <t>The National Forestry Database (NFD) Data Capture Tool is the online app that allows jurisdictions to enter information/data into the NFD database.</t>
  </si>
  <si>
    <t>NRCan-NRCan_0873</t>
  </si>
  <si>
    <t>National Forest Information System sub-application: NFIS.App.NTSC - National Tre</t>
  </si>
  <si>
    <t>NTSC Web</t>
  </si>
  <si>
    <t>This application is the web interface for NTSC database.  The National Tree Seed Centre, established in 1967, is located in Fredericton, New Brunswick, at the Canadian Forest Serviceâ€“Atlantic Forestry Centre (CFSâ€“AFC).  At this facility, we collect, process, test and store the seeds of Canadian tree and shrub species for conservation and research purposes.  Currently, the Seed Centre has more than 13,000 seedlots. These contain seed fro</t>
  </si>
  <si>
    <t>NRCan-NRCan_0874</t>
  </si>
  <si>
    <t>National Forest Information System sub-application: NFIS.App.SAFORAH - The Syste</t>
  </si>
  <si>
    <t>SAFORAH</t>
  </si>
  <si>
    <t>renewal SOS submitted in 2016 June</t>
  </si>
  <si>
    <t>NRCan-NRCan_0875</t>
  </si>
  <si>
    <t>NFDP Application</t>
  </si>
  <si>
    <t>This application is to manipulate the National Forestry Database (NFD) data and produce the reports for the NFD website.</t>
  </si>
  <si>
    <t>NRCan-NRCan_0876</t>
  </si>
  <si>
    <t>NoFC Health and Safety Wiki</t>
  </si>
  <si>
    <t>Health and Safety Wiki</t>
  </si>
  <si>
    <t>NRCan-NRCan_0877</t>
  </si>
  <si>
    <t>NoFC Weather Alerts</t>
  </si>
  <si>
    <t>Provides quick email or SMS notifications for EC weather warnings to users who subscribe.</t>
  </si>
  <si>
    <t>NRCan-NRCan_0879</t>
  </si>
  <si>
    <t>Pacific Forestry Centre's Forest Pathology Herbarium</t>
  </si>
  <si>
    <t>PFC Herbarium DAVFP</t>
  </si>
  <si>
    <t>To maintain and update georeferenced specimen label data for the Pacific Forestry Centre's Forest Pathology Herbarium, a collection of more than 35,000 forest disease and fungus specimens. These data are publically available on a searchable web page, enabling researchers to access collection data and request specimen loans.  The url above is the home page of the site. The actual app's urls are:  http://cfs.nrcan.gc.ca/herbarium   http://scf.rncan.gc.ca/herbier?lang=fr_CA</t>
  </si>
  <si>
    <t>NRCan-NRCan_0880</t>
  </si>
  <si>
    <t>Product Options Model</t>
  </si>
  <si>
    <t>This program will assist your forest resource management decision-making through evaluation of product and value options from your forest inventory and fibre attributes data at the tree, stand, and landscape/regional levels.  Developed by Dr.Chao Li, Harinderjit Hans, and Sirak Ghebremusse.</t>
  </si>
  <si>
    <t>NRCan-NRCan_0881</t>
  </si>
  <si>
    <t>Redmine - A Project Management Tool For NoFC</t>
  </si>
  <si>
    <t>A project management tool for keeping track of different projects ( http://s-edm-redmine.nofc.cfs.nrcan.gc.ca/projects ) being worked on by NoFC employees. It is a tool primarily meant for managing software development projects but has also been adapted to managing other types of projects. Some of the projects being managed by this tool include:  - FireMARS: NBAC and MAFiMS: National fire mapping done at NoFC annually to support CFS Carbon Reporting out of PFC. Two systems for database and mapping.  - Publications Database: The main CFS Publications Database  - ProMIS: A tool for gathering Information for Decision Making on CFS' Portfolio</t>
  </si>
  <si>
    <t>Redmine</t>
  </si>
  <si>
    <t>NRCan-NRCan_0882</t>
  </si>
  <si>
    <t>Regional Forest Industies Computable General Equilibrium Model</t>
  </si>
  <si>
    <t>A computable general equilibrium model of the forest industries at a sub provincial level is being developed. It may become a model of SpaDES, also in this list of applications.</t>
  </si>
  <si>
    <t>NRCan-NRCan_0883</t>
  </si>
  <si>
    <t>Spatial Discrete Event Simulation (SpaDES)</t>
  </si>
  <si>
    <t>SPADES</t>
  </si>
  <si>
    <t>A platform that allows users to develop and run simulation models.  Users can create their own modules or use pre-existing modules.  Allows the integration of multiple modules across disciplines (e.g., plants, animals, insects, fires, ecophysiology, economics) to examine complex trade-offs and feedbacks across traditional management areas (e.g., pest management, fire management, economics, timber supply)</t>
  </si>
  <si>
    <t>NRCan-NRCan_0887</t>
  </si>
  <si>
    <t>Thesaurus</t>
  </si>
  <si>
    <t>A thesaurus application which will be based upon Tematres when that service is ready to be used.</t>
  </si>
  <si>
    <t>NRCan-NRCan_0888</t>
  </si>
  <si>
    <t>My Tree (Canadian Native Trees)</t>
  </si>
  <si>
    <t>3.2 Landmass Information</t>
  </si>
  <si>
    <t>Mobile application for Android and iOS (and eventually Blackberry in the future) that provides a list of Canadian native trees as well as hardiness zones to help find a tree that would be best-suited for growing in a given location (e.g. the user's location).</t>
  </si>
  <si>
    <t>NRCan-NRCan_0890</t>
  </si>
  <si>
    <t>Trees, insects and diseases of Canada's forests - Administration</t>
  </si>
  <si>
    <t>TIDCF -IMAFC</t>
  </si>
  <si>
    <t>Formulaires web pour la mise à  jour de la base de données des Arbres, insectes et maladies des forêts du Canada. Accessible seulement aux usagers ayant les droits d'accès.</t>
  </si>
  <si>
    <t>NRCan-NRCan_0892</t>
  </si>
  <si>
    <t>WeatherUpdater</t>
  </si>
  <si>
    <t>Permet de télécharger différentes sources de données et de manipuler (joindre, rogner, exporter, convertir) ces données pour créer des bases de données météorologiques utilisable par les outils de simulation basés sur la température (BioSIM)</t>
  </si>
  <si>
    <t>NRCan-NRCan_0893</t>
  </si>
  <si>
    <t>Wood Fibre Value Simulation Model</t>
  </si>
  <si>
    <t>CWFC</t>
  </si>
  <si>
    <t>This program will assist your forest resource management decision-making through evaluation of product and value options from your forest inventory and fibre attributes data at the tree, stand, and landscape/regional levels. Developed by Chao Li, Sirak Ghebremusse, and Harinderjit Hans.</t>
  </si>
  <si>
    <t>NRCan-NRCan_0894</t>
  </si>
  <si>
    <t>WQ4MGM</t>
  </si>
  <si>
    <t>A desktop executable to estimate wood quality properties from output files generated by Mixedwood Growth Model</t>
  </si>
  <si>
    <t>NRCan-NRCan_0895</t>
  </si>
  <si>
    <t>Aspen HYSYS</t>
  </si>
  <si>
    <t>HYSYS</t>
  </si>
  <si>
    <t>Aspen HYSYS is the energy industry’s leading process simulation software that’s used by top oil and gas producers, refineries and engineering companies for process optimization in design and operations.</t>
  </si>
  <si>
    <t>Aspen Technology, Inc. - HYSYS</t>
  </si>
  <si>
    <t>NRCan-NRCan_0896</t>
  </si>
  <si>
    <t>Boiler Software-KED</t>
  </si>
  <si>
    <t>KED</t>
  </si>
  <si>
    <t>Boiler Process Modelling and Simulation</t>
  </si>
  <si>
    <t>KED - Power Plant Simulator &amp; Designer</t>
  </si>
  <si>
    <t>NRCan-NRCan_0897</t>
  </si>
  <si>
    <t>COMSOL</t>
  </si>
  <si>
    <t>COMSOL Multiphysics software, an interactive environment for modeling and simulating scientific and engineering problems</t>
  </si>
  <si>
    <t>COMSOL Inc. - Comsol Multiphysics</t>
  </si>
  <si>
    <t>NRCan-NRCan_0898</t>
  </si>
  <si>
    <t>FactSage</t>
  </si>
  <si>
    <t>thermochemical software and databases</t>
  </si>
  <si>
    <t>CRCT - Factsage</t>
  </si>
  <si>
    <t>NRCan-NRCan_0899</t>
  </si>
  <si>
    <t>Intel visual Fortran Compose</t>
  </si>
  <si>
    <t>IFORT</t>
  </si>
  <si>
    <t>Fortran compilers from Intel for Windows, Linux, and OS X</t>
  </si>
  <si>
    <t>Intel Corporation - Visual Fortran</t>
  </si>
  <si>
    <t>NRCan-NRCan_0900</t>
  </si>
  <si>
    <t>JMP</t>
  </si>
  <si>
    <t>Tool for expert data analysis, design of experiments, and Six Sigma implementation</t>
  </si>
  <si>
    <t>SAS Institute Inc. - JMP</t>
  </si>
  <si>
    <t>NRCan-NRCan_0901</t>
  </si>
  <si>
    <t>Labview Full Development for Windows</t>
  </si>
  <si>
    <t>LabVIEW</t>
  </si>
  <si>
    <t>Fully integrated graphical system design software</t>
  </si>
  <si>
    <t>National Instruments - LabVIEW</t>
  </si>
  <si>
    <t>NRCan-NRCan_0902</t>
  </si>
  <si>
    <t>MapleSoft</t>
  </si>
  <si>
    <t>Maplesoft</t>
  </si>
  <si>
    <t>Computing software for engineers used as a mathematical and analytical software</t>
  </si>
  <si>
    <t>Maplesoft - Maple</t>
  </si>
  <si>
    <t>NRCan-NRCan_0903</t>
  </si>
  <si>
    <t>used for machine learning, signal processing, image processing, computer vision, communications, computational finance, control design, robotics</t>
  </si>
  <si>
    <t>Mathworks - Matlab</t>
  </si>
  <si>
    <t>NRCan-NRCan_0904</t>
  </si>
  <si>
    <t>PetraSim</t>
  </si>
  <si>
    <t>Graphical tools for simulating nonisothermal multiphase flow and transport in fractured and porous media</t>
  </si>
  <si>
    <t>Thunderhead Engineering Consultants, Inc.  - PetraSim</t>
  </si>
  <si>
    <t>NRCan-NRCan_0905</t>
  </si>
  <si>
    <t>PGI Fortran</t>
  </si>
  <si>
    <t>PGI</t>
  </si>
  <si>
    <t>PGI High-Performance Optimizing Parallel Fortran 2003, C11 and C++11 Compilers and Tools for Scientists and Engineers</t>
  </si>
  <si>
    <t>NRCan-NRCan_0906</t>
  </si>
  <si>
    <t>UniSim Design Suite</t>
  </si>
  <si>
    <t>UniSim</t>
  </si>
  <si>
    <t>an intuitive process modeling software</t>
  </si>
  <si>
    <t>Honeywell - UniSim Design Suite</t>
  </si>
  <si>
    <t>NRCan-NRCan_0907</t>
  </si>
  <si>
    <t>Adobe Acrobat</t>
  </si>
  <si>
    <t>Adobe Acrobat is a family of application software and Web services developed by Adobe Systems to view, create, manipulate, print and manage files in Portable Document Format (PDF).</t>
  </si>
  <si>
    <t>NRCan-NRCan_0908</t>
  </si>
  <si>
    <t>Adobe Master Suite</t>
  </si>
  <si>
    <t>software suite of graphic design, video editing, and web development applications developed by Adobe Systems.</t>
  </si>
  <si>
    <t>NRCan-NRCan_0909</t>
  </si>
  <si>
    <t>Autodesk Design Suite Ultimate (upgrade)</t>
  </si>
  <si>
    <t>Design software for engineering projects</t>
  </si>
  <si>
    <t>Autodesk Design Suite Ultimate</t>
  </si>
  <si>
    <t>NRCan-NRCan_0910</t>
  </si>
  <si>
    <t>Corel</t>
  </si>
  <si>
    <t>graphic design software</t>
  </si>
  <si>
    <t>CorelDRAW Graphics Suite</t>
  </si>
  <si>
    <t>NRCan-NRCan_0911</t>
  </si>
  <si>
    <t>FTIR Database</t>
  </si>
  <si>
    <t>web site dedicated to providing analytical chemists with on-line access to high quality FTIR and Raman spectral libraries.</t>
  </si>
  <si>
    <t>Nicofom Ltd. FTIR Spectra Database</t>
  </si>
  <si>
    <t>NRCan-NRCan_0912</t>
  </si>
  <si>
    <t>Gaussian</t>
  </si>
  <si>
    <t>develops, licenses, and supports the Gaussian series of computational chemistry software and related products</t>
  </si>
  <si>
    <t>Gaussian Inc. / Gaussian 09</t>
  </si>
  <si>
    <t>NRCan-NRCan_0913</t>
  </si>
  <si>
    <t>GaussView</t>
  </si>
  <si>
    <t>full-featured graphical user interface for Gaussian 98. With GaussView you can construct molecular systems of interest quickly and efficiently using its molecule building facility.</t>
  </si>
  <si>
    <t>Gaussian Inc. / Gauss View 5</t>
  </si>
  <si>
    <t>NRCan-NRCan_0914</t>
  </si>
  <si>
    <t>Geochemist WorkBench</t>
  </si>
  <si>
    <t>standard for geochemical modeling in aqueous systems.</t>
  </si>
  <si>
    <t>Aqueous Solutions LLC / Geochemist Workbench Professional</t>
  </si>
  <si>
    <t>NRCan-NRCan_0916</t>
  </si>
  <si>
    <t>Honeywell Experion</t>
  </si>
  <si>
    <t>enterprise-wide distributed control system (DCS) designed to unify people with process, business requirements and asset management.</t>
  </si>
  <si>
    <t>Honeywell / Experion</t>
  </si>
  <si>
    <t>NRCan-NRCan_0917</t>
  </si>
  <si>
    <t>Intel Fortran Compiler with IMSL</t>
  </si>
  <si>
    <t>Intel / Intel Fortran Compiler with IMSL</t>
  </si>
  <si>
    <t>NRCan-NRCan_0918</t>
  </si>
  <si>
    <t>SAS Institute Inc. / JMP</t>
  </si>
  <si>
    <t>NRCan-NRCan_0919</t>
  </si>
  <si>
    <t>software-based laboratory and information management system</t>
  </si>
  <si>
    <t>NRCan-NRCan_0920</t>
  </si>
  <si>
    <t>Maple</t>
  </si>
  <si>
    <t>Waterloo Maple Inc. / Maple</t>
  </si>
  <si>
    <t>NRCan-NRCan_0921</t>
  </si>
  <si>
    <t>Mathmatica</t>
  </si>
  <si>
    <t>mathematical computation program</t>
  </si>
  <si>
    <t>Walfram / Mathematica</t>
  </si>
  <si>
    <t>NRCan-NRCan_0922</t>
  </si>
  <si>
    <t>The MathWorks Inc. / Matlab</t>
  </si>
  <si>
    <t>NRCan-NRCan_0923</t>
  </si>
  <si>
    <t>Project management software</t>
  </si>
  <si>
    <t>Project 2010 Standard</t>
  </si>
  <si>
    <t>NRCan-NRCan_0924</t>
  </si>
  <si>
    <t>powerful diagramming platform with a rich set of built-in stencils</t>
  </si>
  <si>
    <t>Visio 2010 Standard</t>
  </si>
  <si>
    <t>NRCan-NRCan_0925</t>
  </si>
  <si>
    <t>Mindjet Mindmanager</t>
  </si>
  <si>
    <t>commercial mind mapping software application</t>
  </si>
  <si>
    <t>Mindjet / MindManager</t>
  </si>
  <si>
    <t>NRCan-NRCan_0927</t>
  </si>
  <si>
    <t>Origin Pro</t>
  </si>
  <si>
    <t>computer program for interactive scientific graphing and data analysis</t>
  </si>
  <si>
    <t>NRCan-NRCan_0928</t>
  </si>
  <si>
    <t>SigmaPlot</t>
  </si>
  <si>
    <t>scientific data analysis and graphing software</t>
  </si>
  <si>
    <t>NRCan-NRCan_0929</t>
  </si>
  <si>
    <t>SmartPlant Enterprise</t>
  </si>
  <si>
    <t>Intergraph Corporation / SmartPlant Enterprise</t>
  </si>
  <si>
    <t>NRCan-NRCan_0930</t>
  </si>
  <si>
    <t>SVOffice</t>
  </si>
  <si>
    <t>Geotechnical software suite</t>
  </si>
  <si>
    <t>SoilVision Systems Ltd. / SVOffice 2009</t>
  </si>
  <si>
    <t>NRCan-NRCan_0931</t>
  </si>
  <si>
    <t>X1 Search</t>
  </si>
  <si>
    <t>Search and eDiscovery for Virtual, Cloud &amp; Hybrid Environments</t>
  </si>
  <si>
    <t>X1 Discovery, Inc. / X1 Search</t>
  </si>
  <si>
    <t>NRCan-NRCan_0932</t>
  </si>
  <si>
    <t>XRD Database</t>
  </si>
  <si>
    <t>Systat Software, Inc. / Sigmaplot</t>
  </si>
  <si>
    <t>NRCan-NRCan_0933</t>
  </si>
  <si>
    <t>https://www.openstudio.net/</t>
  </si>
  <si>
    <t>A set of applicaitons and SDK that runs on Mac, Linux, and Windows.  Research tool for energy design of buildings and housing.  IP is shared between countries.
Open source software.</t>
  </si>
  <si>
    <t>NRCan-NRCan_0935</t>
  </si>
  <si>
    <t>https://netbeans.org/</t>
  </si>
  <si>
    <t>Ruby IDE</t>
  </si>
  <si>
    <t>NRCan-NRCan_0936</t>
  </si>
  <si>
    <t>https://gcc.gnu.org/</t>
  </si>
  <si>
    <t>Gnu collection of Compilers</t>
  </si>
  <si>
    <t>NRCan-NRCan_0937</t>
  </si>
  <si>
    <t>https://git-scm.com/</t>
  </si>
  <si>
    <t>version control software</t>
  </si>
  <si>
    <t>NRCan-NRCan_0938</t>
  </si>
  <si>
    <t>http://www.putty.org/</t>
  </si>
  <si>
    <t>SSH client</t>
  </si>
  <si>
    <t>NRCan-NRCan_0939</t>
  </si>
  <si>
    <t>http://www.sketchup.com/</t>
  </si>
  <si>
    <t>3d Modeller</t>
  </si>
  <si>
    <t>NRCan-NRCan_0940</t>
  </si>
  <si>
    <t>https://www.mongodb.com/</t>
  </si>
  <si>
    <t>noSQL database</t>
  </si>
  <si>
    <t>NRCan-NRCan_0941</t>
  </si>
  <si>
    <t>https://nodejs.org/en/</t>
  </si>
  <si>
    <t>NRCan-NRCan_0942</t>
  </si>
  <si>
    <t>http://electron.atom.io/</t>
  </si>
  <si>
    <t>NRCan-NRCan_0943</t>
  </si>
  <si>
    <t>https://www.r-project.org/</t>
  </si>
  <si>
    <t>NRCan-NRCan_0944</t>
  </si>
  <si>
    <t>https://d3js.org/</t>
  </si>
  <si>
    <t>NRCan-NRCan_0945</t>
  </si>
  <si>
    <t>Integration</t>
  </si>
  <si>
    <t>Software system to optize heat recovery and reduce thermal energy use in industrial processes</t>
  </si>
  <si>
    <t>NRCan-NRCan_0946</t>
  </si>
  <si>
    <t>Cogen</t>
  </si>
  <si>
    <t>NRCan-NRCan_0947</t>
  </si>
  <si>
    <t>NRCan-NRCan_0948</t>
  </si>
  <si>
    <t>I-BIOREF</t>
  </si>
  <si>
    <t>NRCan-NRCan_0949</t>
  </si>
  <si>
    <t>Tableau</t>
  </si>
  <si>
    <t>data visulization</t>
  </si>
  <si>
    <t>NRCan-NRCan_0950</t>
  </si>
  <si>
    <t>WUFI Pro</t>
  </si>
  <si>
    <t>Transient 1D coupled hygrothermal modelling</t>
  </si>
  <si>
    <t>Fraunhofer IBP</t>
  </si>
  <si>
    <t>NRCan-NRCan_0951</t>
  </si>
  <si>
    <t>WUFI 2D</t>
  </si>
  <si>
    <t>Transient 2D coupled hygrothermal modelling</t>
  </si>
  <si>
    <t>NRCan-NRCan_0952</t>
  </si>
  <si>
    <t>NI LabVIEW 2014</t>
  </si>
  <si>
    <t>System design and development for visual programming for data collection</t>
  </si>
  <si>
    <t>National Instruments</t>
  </si>
  <si>
    <t>NRCan-NRCan_0953</t>
  </si>
  <si>
    <t>THERM</t>
  </si>
  <si>
    <t>2D steady state heat transfer modelling</t>
  </si>
  <si>
    <t>Lawrence Berkley National Laboratory</t>
  </si>
  <si>
    <t>NRCan-NRCan_0954</t>
  </si>
  <si>
    <t>AutoDeskRECAP</t>
  </si>
  <si>
    <t>3D pointcloud viewer</t>
  </si>
  <si>
    <t>NRCan-NRCan_0955</t>
  </si>
  <si>
    <t>AutoDesk Revit</t>
  </si>
  <si>
    <t>3D Building Information Modelling</t>
  </si>
  <si>
    <t>NRCan-NRCan_0956</t>
  </si>
  <si>
    <t>Energy Predictor</t>
  </si>
  <si>
    <t>Prediction of Building Energy Consomption</t>
  </si>
  <si>
    <t>NRCan-NRCan_0957</t>
  </si>
  <si>
    <t>FDD 4 PV</t>
  </si>
  <si>
    <t>Fault detection and diagnosis of PV systems</t>
  </si>
  <si>
    <t>NRCan-NRCan_0958</t>
  </si>
  <si>
    <t>CanMETEO</t>
  </si>
  <si>
    <t>Integration of Meteorological Data in Buildings Control</t>
  </si>
  <si>
    <t>Dassault</t>
  </si>
  <si>
    <t>NRCan-NRCan_0959</t>
  </si>
  <si>
    <t>PV Monitoring</t>
  </si>
  <si>
    <t>Monitoring of PV system performance</t>
  </si>
  <si>
    <t>CHAM/ Phoenics</t>
  </si>
  <si>
    <t>NRCan-NRCan_0960</t>
  </si>
  <si>
    <t>Canadian Mining Assets</t>
  </si>
  <si>
    <t>1.1.1: Mineral and Metal Markets Access and Diversification</t>
  </si>
  <si>
    <t>NRCan-NRCan_0961</t>
  </si>
  <si>
    <t>Extractive Services Transparency Measures Application</t>
  </si>
  <si>
    <t>ESTMA</t>
  </si>
  <si>
    <t>Extractive Services Transparency Measures Act</t>
  </si>
  <si>
    <t>NRCan-NRCan_0962</t>
  </si>
  <si>
    <t>VB6 Enterprise Edition</t>
  </si>
  <si>
    <t>MMSDVB6</t>
  </si>
  <si>
    <t>Resources and Technical Surveys Act</t>
  </si>
  <si>
    <t>Programming Software for Legacy Applications</t>
  </si>
  <si>
    <t>NRCan-NRCan_0963</t>
  </si>
  <si>
    <t>Visual Studio 2005 Team Edition for Software Developers</t>
  </si>
  <si>
    <t>MMSDVS2005</t>
  </si>
  <si>
    <t>NRCan-NRCan_0964</t>
  </si>
  <si>
    <t>Visual Studio 2008 Business Intelligence Development  Studio</t>
  </si>
  <si>
    <t>MMSDVS2008</t>
  </si>
  <si>
    <t>NRCan-NRCan_0965</t>
  </si>
  <si>
    <t>Visual Studio 2010 Ultimate Edition</t>
  </si>
  <si>
    <t>MMSDVS2010</t>
  </si>
  <si>
    <t>NRCan-NRCan_0966</t>
  </si>
  <si>
    <t>Visual Studio 2012 Ultimate Edition</t>
  </si>
  <si>
    <t>MMSDVS2012</t>
  </si>
  <si>
    <t>NRCan-NRCan_0967</t>
  </si>
  <si>
    <t>Visual Studio 2015 Ultimate Edition</t>
  </si>
  <si>
    <t>MMSDVS2015</t>
  </si>
  <si>
    <t>Programming Software for Current Applications</t>
  </si>
  <si>
    <t>NRCan-NRCan_0968</t>
  </si>
  <si>
    <t>SQL Server 2008 Developer Edition</t>
  </si>
  <si>
    <t>MMSDSSDE2008</t>
  </si>
  <si>
    <t>NRCan-NRCan_0969</t>
  </si>
  <si>
    <t>SQL Server 2012 Developer Edition</t>
  </si>
  <si>
    <t>MMSDSSDE2012</t>
  </si>
  <si>
    <t>NRCan-NRCan_0970</t>
  </si>
  <si>
    <t>Satellite orbit modelling software (STK)</t>
  </si>
  <si>
    <t>STK</t>
  </si>
  <si>
    <t>Satellite orbit modelling software</t>
  </si>
  <si>
    <t>AGI Software</t>
  </si>
  <si>
    <t>NRCan-NRCan_0971</t>
  </si>
  <si>
    <t>Professional GIS software for creating maps, conducting spatial analysis and sharing intelligent visualizations for better decision making.</t>
  </si>
  <si>
    <t>NRCan-NRCan_0972</t>
  </si>
  <si>
    <t>A visual modeling and design tool based on the OMG UML.</t>
  </si>
  <si>
    <t>Sparx Systems, Enterprise Architect</t>
  </si>
  <si>
    <t>NRCan-NRCan_0973</t>
  </si>
  <si>
    <t>GIS desktop software for CLSS-ICM data editing</t>
  </si>
  <si>
    <t>NRCan-NRCan_0974</t>
  </si>
  <si>
    <t>AutoDesk AutoCad</t>
  </si>
  <si>
    <t>CAD software for creating and viewing survey plans</t>
  </si>
  <si>
    <t>NRCan-NRCan_0975</t>
  </si>
  <si>
    <t>Autodesk Infrastructure Design Suite Std</t>
  </si>
  <si>
    <t>AutoDesk IDSS</t>
  </si>
  <si>
    <t>NRCan-NRCan_0976</t>
  </si>
  <si>
    <t>Scooter Beyond Compare</t>
  </si>
  <si>
    <t>ByComp</t>
  </si>
  <si>
    <t>Desktop utility for comparing file changes</t>
  </si>
  <si>
    <t>NRCan-NRCan_0977</t>
  </si>
  <si>
    <t>Avenza Map Publisher + LabelPro + Geographic Imager</t>
  </si>
  <si>
    <t>Avenza-Pub</t>
  </si>
  <si>
    <t>Cartographic software to create maps from GIS vector data</t>
  </si>
  <si>
    <t>NRCan-NRCan_0978</t>
  </si>
  <si>
    <t>Bluebeam Revu x64 Standard</t>
  </si>
  <si>
    <t>Revu</t>
  </si>
  <si>
    <t>Desktop software for viewing and annotating surey plans</t>
  </si>
  <si>
    <t>NRCan-NRCan_0979</t>
  </si>
  <si>
    <t>Caminova DocExpress Pro Editor</t>
  </si>
  <si>
    <t>CDEProE</t>
  </si>
  <si>
    <t>Utility for creating survey plans and field books in djVu format</t>
  </si>
  <si>
    <t>NRCan-NRCan_0980</t>
  </si>
  <si>
    <t>ERDAS ER Mapper</t>
  </si>
  <si>
    <t>ERDAS ER M</t>
  </si>
  <si>
    <t>Mapping software to visualize, enhance and combine images for GIS</t>
  </si>
  <si>
    <t>NRCan-NRCan_0981</t>
  </si>
  <si>
    <t>Microsoft SQL Server Standard</t>
  </si>
  <si>
    <t>MS-SQLS</t>
  </si>
  <si>
    <t>RDMS</t>
  </si>
  <si>
    <t>Database server software</t>
  </si>
  <si>
    <t>NRCan-NRCan_0982</t>
  </si>
  <si>
    <t>Microsoft Visual Studio Pro and TEST Pro</t>
  </si>
  <si>
    <t>VSPro</t>
  </si>
  <si>
    <t>PC software for application development and testing</t>
  </si>
  <si>
    <t>NRCan-NRCan_0983</t>
  </si>
  <si>
    <t>MS-Prjt</t>
  </si>
  <si>
    <t>PC software for managing complex projects</t>
  </si>
  <si>
    <t>Project 2013 Standard</t>
  </si>
  <si>
    <t>NRCan-NRCan_0984</t>
  </si>
  <si>
    <t>MS-Visio</t>
  </si>
  <si>
    <t>PC software for creating IT and LOB flow diagrams</t>
  </si>
  <si>
    <t>NRCan-NRCan_0985</t>
  </si>
  <si>
    <t>Microsurvey MSCAD</t>
  </si>
  <si>
    <t>MSCAD</t>
  </si>
  <si>
    <t>PC software for creating survey plans</t>
  </si>
  <si>
    <t>NRCan-NRCan_0986</t>
  </si>
  <si>
    <t>Microsurvey Star*Net STD, Pro and FieldGenuis Premium</t>
  </si>
  <si>
    <t>Msur-gps</t>
  </si>
  <si>
    <t>PC software for GPS field processing</t>
  </si>
  <si>
    <t>NRCan-NRCan_0987</t>
  </si>
  <si>
    <t>Safe FME ESRI Edition</t>
  </si>
  <si>
    <t>PC software for processing cadastral GIS data</t>
  </si>
  <si>
    <t>NRCan-NRCan_0988</t>
  </si>
  <si>
    <t>SQLSentry Power Suite</t>
  </si>
  <si>
    <t>SQLSentry</t>
  </si>
  <si>
    <t>PC utility for managing databases.</t>
  </si>
  <si>
    <t>NRCan-NRCan_0989</t>
  </si>
  <si>
    <t>Trimble Survey Business Center Advanced</t>
  </si>
  <si>
    <t>Trimble-GPS</t>
  </si>
  <si>
    <t>NRCan-NRCan_0990</t>
  </si>
  <si>
    <t>Eclipse PDT</t>
  </si>
  <si>
    <t>Opensource integrated development environment for programming.</t>
  </si>
  <si>
    <t>NRCan-NRCan_0991</t>
  </si>
  <si>
    <t>T SVN</t>
  </si>
  <si>
    <t>Subversion client software to manage source code</t>
  </si>
  <si>
    <t>Tortoise SVN</t>
  </si>
  <si>
    <t>NRCan-NRCan_0993</t>
  </si>
  <si>
    <t>HTTP debugging proxy server application</t>
  </si>
  <si>
    <t>NRCan-NRCan_0994</t>
  </si>
  <si>
    <t>SoapUI</t>
  </si>
  <si>
    <t>open-source web service testing application for service-oriented architectures (SOA) and representational state transfers (REST).</t>
  </si>
  <si>
    <t>NRCan-NRCan_0996</t>
  </si>
  <si>
    <t>Core and Sample Point of Sale</t>
  </si>
  <si>
    <t>CSPOS</t>
  </si>
  <si>
    <t>Windows MS Access database application</t>
  </si>
  <si>
    <t>NRCan-NRCan_0997</t>
  </si>
  <si>
    <t>FORTRAN - Petroleum Resource Information Management and Evaluation System</t>
  </si>
  <si>
    <t>PRIMES</t>
  </si>
  <si>
    <t>Windows DOS application</t>
  </si>
  <si>
    <t>NRCan-NRCan_0998</t>
  </si>
  <si>
    <t>Core &amp; Sample Inventory</t>
  </si>
  <si>
    <t>Core &amp; Sample</t>
  </si>
  <si>
    <t>Application supports management of Earth Materials Collection data holdings: GSC Calgary Core &amp; Sample Inventory</t>
  </si>
  <si>
    <t>NRCan-NRCan_1000</t>
  </si>
  <si>
    <t>NRCan-NRCan_1001</t>
  </si>
  <si>
    <t>FME Desktop</t>
  </si>
  <si>
    <t>Graphical interface for data conversion and integration.</t>
  </si>
  <si>
    <t>Safe Software, FME Desktop</t>
  </si>
  <si>
    <t>NRCan-NRCan_1002</t>
  </si>
  <si>
    <t>NRCan-NRCan_1003</t>
  </si>
  <si>
    <t>Geomatica</t>
  </si>
  <si>
    <t>Remote sensing desktop software package for processing earth observation data</t>
  </si>
  <si>
    <t>PCI Geomatics</t>
  </si>
  <si>
    <t>NRCan-NRCan_1004</t>
  </si>
  <si>
    <t>Global Mapper</t>
  </si>
  <si>
    <t>GM</t>
  </si>
  <si>
    <t>GPS/GIS Mapping Software enables direct access to multiple online sources of imagery, topographic maps, and gridded terrain data.</t>
  </si>
  <si>
    <t>Blue Marble Geographics, Global Mapper</t>
  </si>
  <si>
    <t>NRCan-NRCan_1005</t>
  </si>
  <si>
    <t>SQLDev</t>
  </si>
  <si>
    <t>Oracle Database IDE</t>
  </si>
  <si>
    <t>Oracle, SQL Developper</t>
  </si>
  <si>
    <t>NRCan-NRCan_1006</t>
  </si>
  <si>
    <t>PgAdmin</t>
  </si>
  <si>
    <t>Graphical Open Source management, development and administration tool for PostgreSQL</t>
  </si>
  <si>
    <t>Open Source, PgAdmin</t>
  </si>
  <si>
    <t>NRCan-NRCan_1007</t>
  </si>
  <si>
    <t>Python is a widely used high-level, general-purpose, interpreted, dynamic programming language.</t>
  </si>
  <si>
    <t>Open Source, Python</t>
  </si>
  <si>
    <t>NRCan-NRCan_1008</t>
  </si>
  <si>
    <t>Oxygen XML Suite</t>
  </si>
  <si>
    <t>Oxygen</t>
  </si>
  <si>
    <t>oXygen XML Editor is a cross platform tool setting the standard in XML editing.</t>
  </si>
  <si>
    <t>Syncro Soft, oXygen XML Suite</t>
  </si>
  <si>
    <t>NRCan-NRCan_1009</t>
  </si>
  <si>
    <t>Occupational Health and Safety application</t>
  </si>
  <si>
    <t>OHS platform</t>
  </si>
  <si>
    <t>Required to support all programs related to NRCan</t>
  </si>
  <si>
    <t>application platform to management occupational health and safety training courses and field planning</t>
  </si>
  <si>
    <t>NRCan-NRCan_1110</t>
  </si>
  <si>
    <t>http://www.msdsonline.com/</t>
  </si>
  <si>
    <t>Online access to Material Safety Data Sheets (MSDS).</t>
  </si>
  <si>
    <t>MSDS Online</t>
  </si>
  <si>
    <t>NRCan-NRCan_1111</t>
  </si>
  <si>
    <t>Blogging engine used to provide internal communication for staff</t>
  </si>
  <si>
    <t>Open Source Software</t>
  </si>
  <si>
    <t>NRCan-NRCan_1112</t>
  </si>
  <si>
    <t>Flex Licence Manager</t>
  </si>
  <si>
    <t>Licence manager used for many pieces of software</t>
  </si>
  <si>
    <t>Flexera Software</t>
  </si>
  <si>
    <t>APP-03953</t>
  </si>
  <si>
    <t>NRCan CRM Portal</t>
  </si>
  <si>
    <t>NCP</t>
  </si>
  <si>
    <t>Internal Services 4.1</t>
  </si>
  <si>
    <t>NRCan-NRCan_1114</t>
  </si>
  <si>
    <t>www.bitbucket.com</t>
  </si>
  <si>
    <t>PAA 2.2.1 Materials for Energy 
PAA 3.1.2 Materials and certification for safety and security</t>
  </si>
  <si>
    <t>Bitbucket is a web-based hosting service used for source code and development projects</t>
  </si>
  <si>
    <t>NRCan-NRCan_1115</t>
  </si>
  <si>
    <t>www.github.com</t>
  </si>
  <si>
    <t>GitHub is a web-based Git or version control repository and Internet hosting service.</t>
  </si>
  <si>
    <t>github</t>
  </si>
  <si>
    <t>NRCan-NRCan_1116</t>
  </si>
  <si>
    <t>www.sharelatex.com</t>
  </si>
  <si>
    <t>online LaTeX editor that allows real-time collaboration and online compiling of projects to PDF format</t>
  </si>
  <si>
    <t>sharelatex</t>
  </si>
  <si>
    <t>NRCan-NRCan_1117</t>
  </si>
  <si>
    <t>Lammps</t>
  </si>
  <si>
    <t>molecular dynamics program</t>
  </si>
  <si>
    <t>http://lammps.sandia.gov/</t>
  </si>
  <si>
    <t>NRCan-NRCan_1118</t>
  </si>
  <si>
    <t>Abinit</t>
  </si>
  <si>
    <t>open-source density functional theory code for simulating atomic energy structures</t>
  </si>
  <si>
    <t>https://www.abinit.org/</t>
  </si>
  <si>
    <t>NRCan-NRCan_1119</t>
  </si>
  <si>
    <t>Vasp</t>
  </si>
  <si>
    <t>A commercial density functional theory code for simulating atomic energy structures</t>
  </si>
  <si>
    <t>https://www.vasp.at/</t>
  </si>
  <si>
    <t>NRCan-NRCan_1120</t>
  </si>
  <si>
    <t>Abaqus</t>
  </si>
  <si>
    <t>A software application used for both modeling and analysis of mechanical components and assemblies (pre-processing) and visualizing the finite element analysis result</t>
  </si>
  <si>
    <t>siemans</t>
  </si>
  <si>
    <t>NRCan-NRCan_1121</t>
  </si>
  <si>
    <t>Warp 3D</t>
  </si>
  <si>
    <t>A software for the solution of large-scale, 3-D solid models subjected to static and dynamic loads</t>
  </si>
  <si>
    <t>http://www.warp3d.net/</t>
  </si>
  <si>
    <t>NRCan-NRCan_1122</t>
  </si>
  <si>
    <t>AMR Phase field software suite</t>
  </si>
  <si>
    <t>An in-house developed suite of software for the simulation of material microstructures</t>
  </si>
  <si>
    <t>NRCan-NRCan_1123</t>
  </si>
  <si>
    <t>Phase field Crystal software suite</t>
  </si>
  <si>
    <t>An in-house developed suite of software for the simulation of atomic structures</t>
  </si>
  <si>
    <t>NRCan-NRCan_1124</t>
  </si>
  <si>
    <t>https://github.com/</t>
  </si>
  <si>
    <t>opensource code repository for collaboration</t>
  </si>
  <si>
    <t>NRCan-NRCan_1125</t>
  </si>
  <si>
    <t>https://www.docker.com/</t>
  </si>
  <si>
    <t>docker</t>
  </si>
  <si>
    <t>VM layer abstraction</t>
  </si>
  <si>
    <t>NRCan-NRCan_1126</t>
  </si>
  <si>
    <t>https://circleci.com/</t>
  </si>
  <si>
    <t>circleci</t>
  </si>
  <si>
    <t>automated testing</t>
  </si>
  <si>
    <t>NRCan-NRCan_1127</t>
  </si>
  <si>
    <t>https://signin.aws.amazon.com</t>
  </si>
  <si>
    <t>AWS</t>
  </si>
  <si>
    <t>cloud resources</t>
  </si>
  <si>
    <t>amazon</t>
  </si>
  <si>
    <t>NRCan-NRCan_1128</t>
  </si>
  <si>
    <t>https://sourceforge.net/projects/xming/</t>
  </si>
  <si>
    <t>xming</t>
  </si>
  <si>
    <t>X11 server</t>
  </si>
  <si>
    <t>NRCan-NRCan_1129</t>
  </si>
  <si>
    <t>https://www.openssh.com/</t>
  </si>
  <si>
    <t>openssh</t>
  </si>
  <si>
    <t>secure shell</t>
  </si>
  <si>
    <t>NRCan-NRCan_1130</t>
  </si>
  <si>
    <t>https://www.techstreet.com/sessions/new</t>
  </si>
  <si>
    <t>techstreet</t>
  </si>
  <si>
    <t>online codes and standards library</t>
  </si>
  <si>
    <t>NRCan-NRCan_1131</t>
  </si>
  <si>
    <t>X Formation License Statistics</t>
  </si>
  <si>
    <t>License Statistics</t>
  </si>
  <si>
    <t>An application that interfaces with license daemons to track licenses and provide license status and usage statistics. Runs a web server that functions as its primary interface.</t>
  </si>
  <si>
    <t>X-Formation - License Statistics</t>
  </si>
  <si>
    <t>NRCan-NRCan_1132</t>
  </si>
  <si>
    <t>Sage Chemical Database</t>
  </si>
  <si>
    <t>Sage runs a web server that allows data entry and lookups into a database of chemical information, including Material Safety Data Sheets.</t>
  </si>
  <si>
    <t>Sage Data - BassetPro Material Management System</t>
  </si>
  <si>
    <t>NRCan-NRCan_1133</t>
  </si>
  <si>
    <t>CEPS Data Acquisition, Analysis, Archive and Dissemination - SeisComP3</t>
  </si>
  <si>
    <t>CEPS-acq-seiscomp3</t>
  </si>
  <si>
    <t>Umbrella entry for mission critical EQCan systems that acquire, archive and disseminate raw seismic data from seismograph stations using SeisComP3 COTS software (part of CEPS -NRCan_0242)</t>
  </si>
  <si>
    <t>gempa GmbH</t>
  </si>
  <si>
    <t>NRCan-NRCan_1134</t>
  </si>
  <si>
    <t>EQCan National Building Code seismic hazard calculator (2015 building code)</t>
  </si>
  <si>
    <t>EQCan-HazCalc2015</t>
  </si>
  <si>
    <t>For given latitude and longitude location, calculate the seismic hazard values that can be used with the design requirements of the 2010 National Building Codes of Canada.  http://earthquakescanada.nrcan.gc.ca/hazard-alea/interpolat/index_2015-eng.php</t>
  </si>
  <si>
    <t>NRCan-NRCan_1135</t>
  </si>
  <si>
    <t>CHIS Nagios</t>
  </si>
  <si>
    <t>CHIS-Nagios</t>
  </si>
  <si>
    <t>Infrastructure state-of-health</t>
  </si>
  <si>
    <t>NRCan-NRCan_1136</t>
  </si>
  <si>
    <t>CHIS Atlassian Bitbucket</t>
  </si>
  <si>
    <t>CHIS-Bitbucket</t>
  </si>
  <si>
    <t>Programming version control</t>
  </si>
  <si>
    <t>NRCan-NRCan_1137</t>
  </si>
  <si>
    <t>CHIS Atlassian Confluence</t>
  </si>
  <si>
    <t>CHIS-Confluence</t>
  </si>
  <si>
    <t>Team collaboration software</t>
  </si>
  <si>
    <t>NRCan-NRCan_1138</t>
  </si>
  <si>
    <t>CHIS Atlassian JIRA Service Desk</t>
  </si>
  <si>
    <t>CHIS-JIRA</t>
  </si>
  <si>
    <t>IT service desk and customer support software</t>
  </si>
  <si>
    <t>APP-04138</t>
  </si>
  <si>
    <t>Canada 3D Artificial Intelligence</t>
  </si>
  <si>
    <t>C3D</t>
  </si>
  <si>
    <t>Data compilation and modelling offering a depiction of Canada underground  in 3D</t>
  </si>
  <si>
    <t>APP-04140</t>
  </si>
  <si>
    <t>Occupational Health and Safety - Integrated Field Safety Planning</t>
  </si>
  <si>
    <t>Fieldsafety</t>
  </si>
  <si>
    <t>This PHP/MySql application provides the ability to manage Field Safety information.</t>
  </si>
  <si>
    <t>APP-04142</t>
  </si>
  <si>
    <t>Occupational Health and Safety - CourseMS</t>
  </si>
  <si>
    <t>CourseMS</t>
  </si>
  <si>
    <t>This PHP/MySql application provides Managers the ability to manage OHS courses and provides the ability for employees to register themselves to OHS courses scheduled and available.</t>
  </si>
  <si>
    <t>APP-04146</t>
  </si>
  <si>
    <t>Federal Geospatial Platform (Cloud)</t>
  </si>
  <si>
    <t>FGP-C</t>
  </si>
  <si>
    <t>Essential Geopgraphic Information</t>
  </si>
  <si>
    <t>APP-04163</t>
  </si>
  <si>
    <t>Fleet Audit Program</t>
  </si>
  <si>
    <t>APP-04177</t>
  </si>
  <si>
    <t>NEB Report Database</t>
  </si>
  <si>
    <t>NEBRD</t>
  </si>
  <si>
    <t>APP-04179</t>
  </si>
  <si>
    <t>Marine Web Mapping Service Collection</t>
  </si>
  <si>
    <t>MWMSC</t>
  </si>
  <si>
    <t>APP-04195</t>
  </si>
  <si>
    <t>PV Maps</t>
  </si>
  <si>
    <t>APP-04192</t>
  </si>
  <si>
    <t>Designated Substances Database</t>
  </si>
  <si>
    <t>APP-04203</t>
  </si>
  <si>
    <t>Basin analysis software</t>
  </si>
  <si>
    <t>BS</t>
  </si>
  <si>
    <t>APP-04205</t>
  </si>
  <si>
    <t>CLSS Update Tracker</t>
  </si>
  <si>
    <t>U-Tracker</t>
  </si>
  <si>
    <t>Internal web application to manage GIS updating process</t>
  </si>
  <si>
    <t>APP-04207</t>
  </si>
  <si>
    <t>Canada Lands e-Validation of Electronic Returns</t>
  </si>
  <si>
    <t>CLEVER</t>
  </si>
  <si>
    <t>Web application validating digital returns by surveyors against CLS National Standards.</t>
  </si>
  <si>
    <t>APP-04209</t>
  </si>
  <si>
    <t>IBC GeoDatabase Replication</t>
  </si>
  <si>
    <t>IBC-DR</t>
  </si>
  <si>
    <t>IBC Program</t>
  </si>
  <si>
    <t>Scripts to replicate IBC geodatabase between US and Canada</t>
  </si>
  <si>
    <t>APP-04211</t>
  </si>
  <si>
    <t>CLSS Boundary Opinions</t>
  </si>
  <si>
    <t>BO</t>
  </si>
  <si>
    <t>Web applications to track legal options by staff on survey boundary issues</t>
  </si>
  <si>
    <t>APP-04214</t>
  </si>
  <si>
    <t>Renewable Energy Deployment Database</t>
  </si>
  <si>
    <t>REDD</t>
  </si>
  <si>
    <t>APP-04216</t>
  </si>
  <si>
    <t>eLMS</t>
  </si>
  <si>
    <t>APP-04233</t>
  </si>
  <si>
    <t>High Resolution Optical Imagery (Sherbrooke)</t>
  </si>
  <si>
    <t>HROI</t>
  </si>
  <si>
    <t>APP-04235</t>
  </si>
  <si>
    <t>Igloo</t>
  </si>
  <si>
    <t>APP-04242</t>
  </si>
  <si>
    <t>Housing Integrated Portal</t>
  </si>
  <si>
    <t>APP-04258</t>
  </si>
  <si>
    <t>To provide an interface for Programs and TSG users to read/modify/delete administrative data and technical data relating to SOs, EAs, Builders, partners, as well as technical (h2K0 assessment data. This new tool will replace OMNIS, the legacy tool currently used, which can no longer be easily updated. The replacement of OMNIS will be in a phased implementation: the functionality will be replaced one piece at a time, and at the end, OMNIS will no longer be needed.</t>
  </si>
  <si>
    <t>APP-04260</t>
  </si>
  <si>
    <t>NRCan Enterprise Business Number Standard</t>
  </si>
  <si>
    <t>NRCan EBNS</t>
  </si>
  <si>
    <t>The Government of Canada (GC) has adopted the Canada Revenue Agency (CRA) 9 digit Business Number as the standard identifier for business. The Business Number is linked to a business “tombstone” information, such information that is usually found on a business card, which can help validate a business and simplify its dealings with the government.</t>
  </si>
  <si>
    <t>APP-04262</t>
  </si>
  <si>
    <t>Appspace</t>
  </si>
  <si>
    <t>Cisco</t>
  </si>
  <si>
    <t>Cisco Digital Media Manager (CDMM)</t>
  </si>
  <si>
    <t>APP-04272</t>
  </si>
  <si>
    <t>ePortal</t>
  </si>
  <si>
    <t>ePortal provides a secure platform that allows NRCan to aggregate and share content using electronic services (eServices) with external clients and partners. In essence, ePortal acts as a gatekeeper and restricts access to the organization Line of Business applications which are protected resources.
https://eservices.nrcan-rncan.gc.ca/web/epp-ppe/login-connexion/</t>
  </si>
  <si>
    <t>APP-04284</t>
  </si>
  <si>
    <t>Housing – Energuide API</t>
  </si>
  <si>
    <t>HEA</t>
  </si>
  <si>
    <t>Energuide API to make data more available to OEE partners, making use of PaaS for service deployment (Azure app service) as well as managed database through CosmosDB. Also require experimental space to test other technologies offered by Azure.</t>
  </si>
  <si>
    <t>APP-04290</t>
  </si>
  <si>
    <t>NRCan Observer Crowdsourcing Mobile App</t>
  </si>
  <si>
    <t>NRCan OCMA</t>
  </si>
  <si>
    <t>APP-04292</t>
  </si>
  <si>
    <t>OpenSSH Server</t>
  </si>
  <si>
    <t>OpenSSH server in DMZ to be used for PV System Performance, Cost and Durability North of the 60th Parallel</t>
  </si>
  <si>
    <t>APP-04300</t>
  </si>
  <si>
    <t>Employee Confidential Report</t>
  </si>
  <si>
    <t>ECR</t>
  </si>
  <si>
    <t>APP-04303</t>
  </si>
  <si>
    <t>Organization chart software</t>
  </si>
  <si>
    <t>APP-04305</t>
  </si>
  <si>
    <t>To store historical GFS financial data/information produced while GFS was the department's financial system of record.
To provide historical GFS financial data/information as required by the department to answer critical financial questions and/or to answer ATIP requests.</t>
  </si>
  <si>
    <t>APP-04313</t>
  </si>
  <si>
    <t>Joule Ctrix</t>
  </si>
  <si>
    <t>UCTrix</t>
  </si>
  <si>
    <t>Secure data transfer
JouleCtrix (RaspberryPi) on our network. It is not a software desktop or server, it is a tool that connects the building control panels, collects values and transfer raw data via a TLS tunnel. encrypted using standard ports for data transfer (TCP 443) externally where they will be processed and analyzed. We will be able to consult the results of these analyzes on a secure web page (https) and a user authentication.</t>
  </si>
  <si>
    <t>Joule Analytix Secure DATA Transport</t>
  </si>
  <si>
    <t>APP-04342</t>
  </si>
  <si>
    <t>GLFC - Door Security System</t>
  </si>
  <si>
    <t>GLFC-Door</t>
  </si>
  <si>
    <t>NRCan-NRCan_0256</t>
  </si>
  <si>
    <t>Science Laboratory Network (SLN)</t>
  </si>
  <si>
    <t>A LIMS is a collection of tools designed to improve the overall performance of a laboratory and the quality of the analytical results. It assists the laboratory personel in the proper functioning of the laboratory, providing services to the scientific community and plays an important role in achieving Quality Management.</t>
  </si>
  <si>
    <t>APP-04348</t>
  </si>
  <si>
    <t>VidCruiter</t>
  </si>
  <si>
    <t>VidTracking and VidInterviewing</t>
  </si>
  <si>
    <t>APP-04353</t>
  </si>
  <si>
    <t>LANDesk Management Suite</t>
  </si>
  <si>
    <t>LANDesk</t>
  </si>
  <si>
    <t>Ivanti</t>
  </si>
  <si>
    <t>LanDesk</t>
  </si>
  <si>
    <t>APP-03678</t>
  </si>
  <si>
    <t>APEX - OHS Inventory</t>
  </si>
  <si>
    <t>OHS Inventory</t>
  </si>
  <si>
    <t>MS Windows/Oracle database application for GSC Calgary building to track chemical inventory and storage locations</t>
  </si>
  <si>
    <t>NRCan-NRCan_1582</t>
  </si>
  <si>
    <t>Gamma</t>
  </si>
  <si>
    <t>Gamma is a radar processing software application</t>
  </si>
  <si>
    <t>Gamma Remote Sensing</t>
  </si>
  <si>
    <t>NRCan-NRCan_1583</t>
  </si>
  <si>
    <t>HOT2000 Advisor Software Tools</t>
  </si>
  <si>
    <t>HOT2000 AST</t>
  </si>
  <si>
    <t>Download of ERS software
http://198.103.48.154/hot2000/en/register.php
http://198.103.48.154/hot2000/en/login.php</t>
  </si>
  <si>
    <t>NRCan-NRCan_1585</t>
  </si>
  <si>
    <t>PCVue</t>
  </si>
  <si>
    <t>SCADA system control</t>
  </si>
  <si>
    <t>Centris Technologies Inc.</t>
  </si>
  <si>
    <t>NRCan-NRCan_1586</t>
  </si>
  <si>
    <t>Q-Admin -  Lutron Quantum Software</t>
  </si>
  <si>
    <t>Lutron</t>
  </si>
  <si>
    <t>The application control the lights in the building</t>
  </si>
  <si>
    <t>Lutronic Electronics</t>
  </si>
  <si>
    <t>NRCan-NRCan_1587</t>
  </si>
  <si>
    <t>Sharepoint 2016</t>
  </si>
  <si>
    <t>SP2016</t>
  </si>
  <si>
    <t>and custom design</t>
  </si>
  <si>
    <t>APP-03745</t>
  </si>
  <si>
    <t>Prince Albert Satellite Station</t>
  </si>
  <si>
    <t>PASS</t>
  </si>
  <si>
    <t>Landmass Information</t>
  </si>
  <si>
    <t>APP-03748</t>
  </si>
  <si>
    <t>ENERGY STAR® rebates and incentives directory</t>
  </si>
  <si>
    <t>ESRID</t>
  </si>
  <si>
    <t>This directory contains ENERGY STAR rebates and incentives available in Canada. For other programs available in Canada.
http://oee.nrcan.gc.ca/energy/products/energystar/why-buy/programs.cfm</t>
  </si>
  <si>
    <t>APP-03778</t>
  </si>
  <si>
    <t>COTS software to manage the secure transfer of files between applications (PeopleSoft, ATIP)</t>
  </si>
  <si>
    <t>Secure File Transfer</t>
  </si>
  <si>
    <t>APP-03780</t>
  </si>
  <si>
    <t>NRCan Webcast</t>
  </si>
  <si>
    <t>NRCan Web</t>
  </si>
  <si>
    <t>Web cast software for broadcasting meetings</t>
  </si>
  <si>
    <t>APP-03785</t>
  </si>
  <si>
    <t>EVAFIDI</t>
  </si>
  <si>
    <t>APP-03787</t>
  </si>
  <si>
    <t>Real Time Identification (RTID)</t>
  </si>
  <si>
    <t>Safran Morpho IntelliScreen Canada</t>
  </si>
  <si>
    <t>APP-03789</t>
  </si>
  <si>
    <t>Unified Security System (USS)</t>
  </si>
  <si>
    <t>USS</t>
  </si>
  <si>
    <t>Security access control system and intrusion system and closed circuit video equipment</t>
  </si>
  <si>
    <t>NRCan-NRCan_1596</t>
  </si>
  <si>
    <t>Forest Floor Recovery Index</t>
  </si>
  <si>
    <t>FFRI</t>
  </si>
  <si>
    <t>This is a stand-alone app for use in reclamation assessment in the Oil Sands region of Alberta. The app will be used by technicians, researchers and consultants in the field to collect data about forest floor (as an indicator of forest ecosystem recovery) and the app uses the collected to calcualte an idenx of recovery, and provide management recommendations.</t>
  </si>
  <si>
    <t>NRCan-NRCan_1597</t>
  </si>
  <si>
    <t>NRCan-NRCan_1598</t>
  </si>
  <si>
    <t>Non-Destructive Testing Certification Body’s</t>
  </si>
  <si>
    <t>NDTCB</t>
  </si>
  <si>
    <t>NRCan-NRCan_1599</t>
  </si>
  <si>
    <t>Registration Form – Green Infrastructure Phase II</t>
  </si>
  <si>
    <t>OERD Registration form for Green Infrastructure Phase II, Next Generation Clean Energy Infrastructure Program</t>
  </si>
  <si>
    <t>NRCan-NRCan_1601</t>
  </si>
  <si>
    <t>OERD Online Reporting Tool</t>
  </si>
  <si>
    <t>Dynamics CRM hosted by SCMS</t>
  </si>
  <si>
    <t>NRCan-NRCan_1602</t>
  </si>
  <si>
    <t>Fiix</t>
  </si>
  <si>
    <t>MA CMMS</t>
  </si>
  <si>
    <t>MA CMMS, Maintenance Assistant
Inc.</t>
  </si>
  <si>
    <t>APP-03892</t>
  </si>
  <si>
    <t>ACL data analytics is a data extraction and analysis software used for fraud detection &amp; prevention, and risk management.</t>
  </si>
  <si>
    <t>Office of the Chief Electoral Officer</t>
  </si>
  <si>
    <t>OCEO-1</t>
  </si>
  <si>
    <t>ScrumWorks Pro</t>
  </si>
  <si>
    <t>Bug Tracker &amp; Agile Planning Tool</t>
  </si>
  <si>
    <t>Danube Technologies Inc.</t>
  </si>
  <si>
    <t>OCEO-10</t>
  </si>
  <si>
    <t>Quest Message Stats</t>
  </si>
  <si>
    <t>Tracks, analyzes and reports key messaging data</t>
  </si>
  <si>
    <t>Quest MessageStats</t>
  </si>
  <si>
    <t>OCEO-11</t>
  </si>
  <si>
    <t>HelpVisiion</t>
  </si>
  <si>
    <t>Ticket Tracking Software</t>
  </si>
  <si>
    <t>Worklogic</t>
  </si>
  <si>
    <t>OCEO-12</t>
  </si>
  <si>
    <t>Sonic MQ</t>
  </si>
  <si>
    <t>Messaging Broker Software</t>
  </si>
  <si>
    <t>Progress Software SonicMQ</t>
  </si>
  <si>
    <t>OCEO-13</t>
  </si>
  <si>
    <t>Shared File Servers</t>
  </si>
  <si>
    <t>Share containing corporate files</t>
  </si>
  <si>
    <t>OCEO-14</t>
  </si>
  <si>
    <t>EMC ESRS-IP Policy Manager</t>
  </si>
  <si>
    <t>ESRS-IP</t>
  </si>
  <si>
    <t>EMC Secure Remote Support</t>
  </si>
  <si>
    <t>OCEO-142986</t>
  </si>
  <si>
    <t>NGDv2 - Elections Canada network</t>
  </si>
  <si>
    <t>NGDv2</t>
  </si>
  <si>
    <t>Statistical Infrastructure</t>
  </si>
  <si>
    <t>OCEO-142987</t>
  </si>
  <si>
    <t>NGD Batch QC System - Elections Canada network</t>
  </si>
  <si>
    <t>OCEO-142988</t>
  </si>
  <si>
    <t>AAU - Elections Canada network</t>
  </si>
  <si>
    <t>AAU</t>
  </si>
  <si>
    <t>OCEO-142990</t>
  </si>
  <si>
    <t>AIA - Elections Canada network</t>
  </si>
  <si>
    <t>AIA</t>
  </si>
  <si>
    <t>OCEO-15</t>
  </si>
  <si>
    <t>Secure FTP</t>
  </si>
  <si>
    <t>SFTP</t>
  </si>
  <si>
    <t>Secure FTP connectivity with PWGSC</t>
  </si>
  <si>
    <t>OCEO-16</t>
  </si>
  <si>
    <t>Actuate</t>
  </si>
  <si>
    <t>Analysis Software</t>
  </si>
  <si>
    <t>OCEO-17</t>
  </si>
  <si>
    <t>Cognos Metrics Manager</t>
  </si>
  <si>
    <t>Cognos Metrics Mft</t>
  </si>
  <si>
    <t>Cognos BI Analysis</t>
  </si>
  <si>
    <t>Cognos BI (IBM)</t>
  </si>
  <si>
    <t>OCEO-18</t>
  </si>
  <si>
    <t>Identity Guard</t>
  </si>
  <si>
    <t>Entrust - Identity Guard</t>
  </si>
  <si>
    <t>OCEO-19</t>
  </si>
  <si>
    <t>ROTC Training Server</t>
  </si>
  <si>
    <t>ROTC Trng Server</t>
  </si>
  <si>
    <t>OCEO-2</t>
  </si>
  <si>
    <t>VisualSVN Server</t>
  </si>
  <si>
    <t>VisualSVN</t>
  </si>
  <si>
    <t>Allows to install and manage a fully-functional Subversion server on Windows Platform</t>
  </si>
  <si>
    <t>Virtualization Management Software</t>
  </si>
  <si>
    <t>OCEO-20</t>
  </si>
  <si>
    <t>Axios - Assyst</t>
  </si>
  <si>
    <t>OCEO-3</t>
  </si>
  <si>
    <t>Oracle Application Server</t>
  </si>
  <si>
    <t>Oracle Application Server Software</t>
  </si>
  <si>
    <t>OCEO-4</t>
  </si>
  <si>
    <t>OCEO-5</t>
  </si>
  <si>
    <t>CCMMercury</t>
  </si>
  <si>
    <t>Correspondence Tracking Software</t>
  </si>
  <si>
    <t>OCEO-6</t>
  </si>
  <si>
    <t>Object Identifier</t>
  </si>
  <si>
    <t>OCEO-7</t>
  </si>
  <si>
    <t>Terminal Server</t>
  </si>
  <si>
    <t>Remote Desktop Software</t>
  </si>
  <si>
    <t>OCEO-8</t>
  </si>
  <si>
    <t>IBM Director Server</t>
  </si>
  <si>
    <t>IBM Director</t>
  </si>
  <si>
    <t>System Management Software</t>
  </si>
  <si>
    <t>OCEO-9</t>
  </si>
  <si>
    <t>Spark</t>
  </si>
  <si>
    <t>Internal communication Chat Server</t>
  </si>
  <si>
    <t>Softonic</t>
  </si>
  <si>
    <t>Office of the Commissioner of Official Languages</t>
  </si>
  <si>
    <t>APP-01830</t>
  </si>
  <si>
    <t>APP-01832</t>
  </si>
  <si>
    <t>Echo Intranet Web Site</t>
  </si>
  <si>
    <t>OCOL's intranet</t>
  </si>
  <si>
    <t>APP-01828</t>
  </si>
  <si>
    <t>RSA Authentication Manager</t>
  </si>
  <si>
    <t>The RSA Server, used to assist in two-factor authentication.</t>
  </si>
  <si>
    <t>Authentication Manager</t>
  </si>
  <si>
    <t>Office of the Information Commissioner of Canada</t>
  </si>
  <si>
    <t>APP-02333</t>
  </si>
  <si>
    <t>Microsoft CRM 4</t>
  </si>
  <si>
    <t>Intac</t>
  </si>
  <si>
    <t>Moss</t>
  </si>
  <si>
    <t>APP-02338</t>
  </si>
  <si>
    <t>Sharepointe 2007</t>
  </si>
  <si>
    <t>APP-02341</t>
  </si>
  <si>
    <t>Microsoft SQL 2005</t>
  </si>
  <si>
    <t>SQL Server 2008 R2 Small Busin</t>
  </si>
  <si>
    <t>SQl Server Standard 2005 Sp3</t>
  </si>
  <si>
    <t>Office of the Superintendent of Financial Institutions Canada</t>
  </si>
  <si>
    <t>OSFI-isysLib</t>
  </si>
  <si>
    <t>Isys Training Library</t>
  </si>
  <si>
    <t>Library</t>
  </si>
  <si>
    <t>isys</t>
  </si>
  <si>
    <t>OSFI-135103</t>
  </si>
  <si>
    <t>BI Cognos 7</t>
  </si>
  <si>
    <t>BI Cognos 6</t>
  </si>
  <si>
    <t>IBM, Cognos BI Suite 7.3</t>
  </si>
  <si>
    <t>OSFI-56401</t>
  </si>
  <si>
    <t>Display of Returns Application</t>
  </si>
  <si>
    <t>DOR</t>
  </si>
  <si>
    <t>OSFI-56402</t>
  </si>
  <si>
    <t>BI Administrator</t>
  </si>
  <si>
    <t>BIAdmin</t>
  </si>
  <si>
    <t>OSFI-56414</t>
  </si>
  <si>
    <t>OSFINet-BSIFNet</t>
  </si>
  <si>
    <t>OSFINet</t>
  </si>
  <si>
    <t>OSFI-56415</t>
  </si>
  <si>
    <t>Information Portal</t>
  </si>
  <si>
    <t>Infoport</t>
  </si>
  <si>
    <t>OSFI-56416</t>
  </si>
  <si>
    <t>OSFI Classified Ads</t>
  </si>
  <si>
    <t>OSFIClassifieds</t>
  </si>
  <si>
    <t>OSFI-56417</t>
  </si>
  <si>
    <t>OSFI Terminology Reference System</t>
  </si>
  <si>
    <t>OSFI-56427</t>
  </si>
  <si>
    <t>Travel and Hopitality Proactive Disclosure Application</t>
  </si>
  <si>
    <t>THFIS</t>
  </si>
  <si>
    <t>OSFI-56428</t>
  </si>
  <si>
    <t>Reporting Data Store Management Reporting System</t>
  </si>
  <si>
    <t>OSFI-56429</t>
  </si>
  <si>
    <t>OSFI-56430</t>
  </si>
  <si>
    <t>Time Reporting System</t>
  </si>
  <si>
    <t>OSFI-56453</t>
  </si>
  <si>
    <t>Leave Online Application</t>
  </si>
  <si>
    <t>Leave Online</t>
  </si>
  <si>
    <t>OSFI-56461</t>
  </si>
  <si>
    <t>OpenText, Livelink</t>
  </si>
  <si>
    <t>OSFI-56481</t>
  </si>
  <si>
    <t>Corporate Directory System</t>
  </si>
  <si>
    <t>Nakisa, Org Management</t>
  </si>
  <si>
    <t>OSFI-56484</t>
  </si>
  <si>
    <t>Pensions Benefits Standard Act Application</t>
  </si>
  <si>
    <t>PBSA</t>
  </si>
  <si>
    <t>OSFI-56488</t>
  </si>
  <si>
    <t>Actuarial Unpaid Claims and Loss Ratio Exhibits Application</t>
  </si>
  <si>
    <t>AUCLRE</t>
  </si>
  <si>
    <t>OSFI-56494</t>
  </si>
  <si>
    <t>Application for Tracking Financial Returns</t>
  </si>
  <si>
    <t>AFTR</t>
  </si>
  <si>
    <t>OSFI-56498</t>
  </si>
  <si>
    <t>Late and Erroneous Filing Penalty Application</t>
  </si>
  <si>
    <t>LEFP</t>
  </si>
  <si>
    <t>OSFI-56505</t>
  </si>
  <si>
    <t>Core Supervision Workflow System</t>
  </si>
  <si>
    <t>CSWS</t>
  </si>
  <si>
    <t>OSFI-56507</t>
  </si>
  <si>
    <t>Supervisory Rating Application</t>
  </si>
  <si>
    <t>SRA</t>
  </si>
  <si>
    <t>OSFI-56512</t>
  </si>
  <si>
    <t>IT Survey Application</t>
  </si>
  <si>
    <t>ITSurvey</t>
  </si>
  <si>
    <t>OSFI-56539</t>
  </si>
  <si>
    <t>DAT TAAM BAAT Application</t>
  </si>
  <si>
    <t>DTB</t>
  </si>
  <si>
    <t>OSFI-84026</t>
  </si>
  <si>
    <t>Application for Tracking Compliance Returns</t>
  </si>
  <si>
    <t>AFTR Compliance</t>
  </si>
  <si>
    <t>Parks Canada</t>
  </si>
  <si>
    <t>0000</t>
  </si>
  <si>
    <t>APP-04123</t>
  </si>
  <si>
    <t>Trail Information System</t>
  </si>
  <si>
    <t>TIMS</t>
  </si>
  <si>
    <t>ERVE</t>
  </si>
  <si>
    <t>Trail Information system which provides information about the trail status, difficulty, condition and geo location.</t>
  </si>
  <si>
    <t>APP-04125</t>
  </si>
  <si>
    <t>Incident and Event Management - Wildlife</t>
  </si>
  <si>
    <t>IEMW</t>
  </si>
  <si>
    <t>PAEC</t>
  </si>
  <si>
    <t>APP-03306</t>
  </si>
  <si>
    <t>IEM Law Enforcement</t>
  </si>
  <si>
    <t>IEM LE</t>
  </si>
  <si>
    <t>PC-201</t>
  </si>
  <si>
    <t>Privasoft - ATIP</t>
  </si>
  <si>
    <t>CEO</t>
  </si>
  <si>
    <t>privasoft</t>
  </si>
  <si>
    <t>PC-202</t>
  </si>
  <si>
    <t>COTS software from WorkDynamic Technologies. It's a workflow tracking application used to track and manage executive correspondence.</t>
  </si>
  <si>
    <t>PC-203</t>
  </si>
  <si>
    <t>STAR (SAP)</t>
  </si>
  <si>
    <t>Star</t>
  </si>
  <si>
    <t>Application reside at Agriculture, we are serviced by Canadian Heritage</t>
  </si>
  <si>
    <t>PC-205</t>
  </si>
  <si>
    <t>StakeHolder &amp; Partner Engagement Registry</t>
  </si>
  <si>
    <t>SPER</t>
  </si>
  <si>
    <t>The Parks Canada Stakeholder and Partner Engagement Registry (the Registry) is an information management tool accessible Agency-wide that holds records on current, planned and past partnering initiatives as well as information on Parks Canada‟s stakeholders and our relationships with them.</t>
  </si>
  <si>
    <t>PC-206</t>
  </si>
  <si>
    <t>Asset bank</t>
  </si>
  <si>
    <t>AssetBank</t>
  </si>
  <si>
    <t>Parks Photo collection</t>
  </si>
  <si>
    <t>Asset Bank</t>
  </si>
  <si>
    <t>PC-207</t>
  </si>
  <si>
    <t>Org charting system (replaces Org Plus)</t>
  </si>
  <si>
    <t>PC-208</t>
  </si>
  <si>
    <t>Information Centre on Eco System (ICE)</t>
  </si>
  <si>
    <t>ICE</t>
  </si>
  <si>
    <t>Protected area Establishment &amp;Conservation Directorate</t>
  </si>
  <si>
    <t>This system was devoloped to provide information about National Protected Heritage Areas with regards to providing standards for sharing data, data gathering techniques and associating the standards with other NPHAs.</t>
  </si>
  <si>
    <t>PC-209</t>
  </si>
  <si>
    <t>PWARD</t>
  </si>
  <si>
    <t>This web based system will allow Wardens and their supervisors to schedule their daily activities, coordinate training and monitor accreditation levels, manage materials and assets, as well as report on all of these features.</t>
  </si>
  <si>
    <t>PC-211</t>
  </si>
  <si>
    <t>Computer Assisted Dispatched</t>
  </si>
  <si>
    <t>PC-212</t>
  </si>
  <si>
    <t>Microsoft Retail Management System - Point of Sale</t>
  </si>
  <si>
    <t>Financial Management Services,Information Management Services,Information Technology Services,Other</t>
  </si>
  <si>
    <t>External Relations Visitors Experience</t>
  </si>
  <si>
    <t>System that enables Agency-wide policy, standards, and procedures for collection of financial and visitor information</t>
  </si>
  <si>
    <t>Retail Management System</t>
  </si>
  <si>
    <t>PC-213</t>
  </si>
  <si>
    <t>OTRS - Helpdesk System</t>
  </si>
  <si>
    <t>Case Management - Tracking System</t>
  </si>
  <si>
    <t>Open Technology Real Services</t>
  </si>
  <si>
    <t>PC-214</t>
  </si>
  <si>
    <t>Microsoft Sharepoint</t>
  </si>
  <si>
    <t>Collaboration Platform</t>
  </si>
  <si>
    <t>APP-03312</t>
  </si>
  <si>
    <t>Scanpath</t>
  </si>
  <si>
    <t>APP-03310</t>
  </si>
  <si>
    <t>Papercut</t>
  </si>
  <si>
    <t>Application to manage and monitor MFD and Printers</t>
  </si>
  <si>
    <t>PC-22</t>
  </si>
  <si>
    <t>Directory of federal  heritage designation</t>
  </si>
  <si>
    <t>DFHD</t>
  </si>
  <si>
    <t>Heritage Conservation</t>
  </si>
  <si>
    <t>DFHD is the register which will eventually hold all information on all Parks Canada operated National Parks, National Marine Conservation Area and National Historic Sites. This will ultimately replace all other existing database systems currently in use.</t>
  </si>
  <si>
    <t>PC-24</t>
  </si>
  <si>
    <t>Occurence Tracking System</t>
  </si>
  <si>
    <t>The Occurence Tracking System allows Park Wardens and administrators a way of keeping track of and reporting incidents in National Parks as legislated by law.</t>
  </si>
  <si>
    <t>PC-26</t>
  </si>
  <si>
    <t>AvalX</t>
  </si>
  <si>
    <t>AvalX is the most modern public avalanche forecasting software available today.  It’s unique feature is that it provides both a software platform for avalanche forecasters to undertake a technical avalanche hazard analysis , and a public user interface that communicates the same message in a mostly graphical format, carefully designed to maximize comprehension.  Both models (technical and communication) facilitate the same message but for different target audiences (forecasters and public), each of who demand different methods of communication.  The warnings are more broadly distributed than ever before; available in html, mobile, xml and printable formats.</t>
  </si>
  <si>
    <t>PC-29</t>
  </si>
  <si>
    <t>Research and collection permit system</t>
  </si>
  <si>
    <t>Online application form to allow researchers to apply for conducting research In National Parks.</t>
  </si>
  <si>
    <t>PC-33</t>
  </si>
  <si>
    <t>Travel and Hospitality Report System</t>
  </si>
  <si>
    <t>THR</t>
  </si>
  <si>
    <t>This application is part of the Proactive Disclosure suite to provide information about Travel and Hospitality expenses for senior managers.</t>
  </si>
  <si>
    <t>PC-39</t>
  </si>
  <si>
    <t>Canadian Register of historic places</t>
  </si>
  <si>
    <t>CRHP</t>
  </si>
  <si>
    <t>The CRHP application is a joint venture between all provinces and the federal government to list and record information regarding Historic Places in Canada at various levels of government.</t>
  </si>
  <si>
    <t>APP-03308</t>
  </si>
  <si>
    <t>PC-411</t>
  </si>
  <si>
    <t>This application manages Parks Canada employee's personal information, used to populate the GEDS electronic directory, provide user roles to Parks Canada systems including the Leave Request System and other systems which they require access to. The directory can also contain contractor names.
Employees can access and update their information online through the Intranet, provided that they are logged on as themselves. Information such as Name, Address and Phone numbers are available through the search tools.</t>
  </si>
  <si>
    <t>PC-5</t>
  </si>
  <si>
    <t>Asset management System and Maximo</t>
  </si>
  <si>
    <t>Realty</t>
  </si>
  <si>
    <t>The Asset Management System (AMS) is an important part of the Asset Management Framework and is a tool to facilitate the effective and efficient management of assets in support of the Parks Canada Agency business activities. AMS is a Web-based application that provides functions related to the management of built assets and fleet. Functions include inventory management; maintenance work planning and reporting; management of legislated and due diligence obligations; investment requirement identification; capital planning and reporting; and energy monitoring.</t>
  </si>
  <si>
    <t>PC-50</t>
  </si>
  <si>
    <t>Disclosure Grants &amp; Contributions</t>
  </si>
  <si>
    <t>PGC</t>
  </si>
  <si>
    <t>This application is part of the Proactive Disclosure suite to provide information about Grants and Contributions greater than $25,000.</t>
  </si>
  <si>
    <t>PC-59</t>
  </si>
  <si>
    <t>PS</t>
  </si>
  <si>
    <t>PC-60</t>
  </si>
  <si>
    <t>Biotics</t>
  </si>
  <si>
    <t>BOS</t>
  </si>
  <si>
    <t>The Biotics application is an off the shelf application created by NatureServe. Parks uses certain tables from the application for SIPS and BOS.Parks Canada hosts the Biotics application but does not maintain any of the code.</t>
  </si>
  <si>
    <t>PC-62</t>
  </si>
  <si>
    <t>LeaseHold System</t>
  </si>
  <si>
    <t>LHS</t>
  </si>
  <si>
    <t>Information about the leases and licenses related Parks Canada lands.</t>
  </si>
  <si>
    <t>PC-63</t>
  </si>
  <si>
    <t>Freehold Land Management</t>
  </si>
  <si>
    <t>FLMS</t>
  </si>
  <si>
    <t>The bank contains information on freehold lands to which Parks Canada has title and those lands, which it has disposed. The bank contains the names of the grantor, grantee, legal description, number and date of registration in the provincial system, and information on transactions.</t>
  </si>
  <si>
    <t>PC-64</t>
  </si>
  <si>
    <t>Land Registry System</t>
  </si>
  <si>
    <t>Inventory of documents located on shelves in the Land Registry.</t>
  </si>
  <si>
    <t>PC-65</t>
  </si>
  <si>
    <t>Artifact Information System (AIS)</t>
  </si>
  <si>
    <t>This application was created to record detailed information about artifacts in Park Canada's posession including photographs, works of art and books.</t>
  </si>
  <si>
    <t>PC-70</t>
  </si>
  <si>
    <t>Road Condition</t>
  </si>
  <si>
    <t>Rcond</t>
  </si>
  <si>
    <t>Displays current road conditions in National Parks. Available by going to participating National Park website.</t>
  </si>
  <si>
    <t>PC-71</t>
  </si>
  <si>
    <t>Trail Condition</t>
  </si>
  <si>
    <t>TCOND</t>
  </si>
  <si>
    <t>Trail report conditions in National Parks. This information is available by going to any participating National Park.</t>
  </si>
  <si>
    <t>PC-86</t>
  </si>
  <si>
    <t>National Parks Fire Report</t>
  </si>
  <si>
    <t>FireReport</t>
  </si>
  <si>
    <t>This is the administration module for providing information on fire conditions in National Parks through FCOND on the internet.</t>
  </si>
  <si>
    <t>PC-92</t>
  </si>
  <si>
    <t>Trail &amp; Road Condition Report</t>
  </si>
  <si>
    <t>This is the administration module for the Trail and Road Conditions Report System for the Parks Canada's internet Road Report System (RCOND) and Trail Report System (TCOND).</t>
  </si>
  <si>
    <t>PC-99</t>
  </si>
  <si>
    <t>Safety Report</t>
  </si>
  <si>
    <t>The Safety Report System (SRS) allows users who have password access, to create and administer Important Bulletin (SCOND) information used mainly in the mountain parks.</t>
  </si>
  <si>
    <t>Privy Council Office</t>
  </si>
  <si>
    <t>ACRT</t>
  </si>
  <si>
    <t>APP-01518</t>
  </si>
  <si>
    <t>Account Create Program</t>
  </si>
  <si>
    <t>Account Create Program used by Network Services to create domain and email accounts.</t>
  </si>
  <si>
    <t>ACSPRO</t>
  </si>
  <si>
    <t>PCO-ACSPRO</t>
  </si>
  <si>
    <t>CSDC Access Pro</t>
  </si>
  <si>
    <t>ADTMS</t>
  </si>
  <si>
    <t>PCO-ADTMS</t>
  </si>
  <si>
    <t>Public service leadership and direction</t>
  </si>
  <si>
    <t>PCO-ARCHIBUS</t>
  </si>
  <si>
    <t>ArchiBUS</t>
  </si>
  <si>
    <t>AUTOCAD</t>
  </si>
  <si>
    <t>APP-01546</t>
  </si>
  <si>
    <t>Web Central Smarl Client Exten</t>
  </si>
  <si>
    <t>AVTS</t>
  </si>
  <si>
    <t>PCO-AVTS</t>
  </si>
  <si>
    <t>Audio-Visual Tracking System</t>
  </si>
  <si>
    <t>The Audio Video Tape System (AVTS) is a menu-driven system of automated procedures to facilitate the collection, recording and retrieval of information related to Audio and Video Tapes.</t>
  </si>
  <si>
    <t>Blueprint2020</t>
  </si>
  <si>
    <t>APP-01568</t>
  </si>
  <si>
    <t>Blueprint 2020 Wiki</t>
  </si>
  <si>
    <t>renamed to Destination2020 Wiki
http://dest2020.mediawiki.b.net/index.php?title=Main_Page</t>
  </si>
  <si>
    <t>MdaWiki</t>
  </si>
  <si>
    <t>CABCON</t>
  </si>
  <si>
    <t>PCO-CABCON</t>
  </si>
  <si>
    <t>Cabinet Confidence Files Database</t>
  </si>
  <si>
    <t>Cabinet and Cabinet Committee advice and support</t>
  </si>
  <si>
    <t>The Legislation and House Planning/Counsel secretariat at PCO reviews ATIP requests (government-wide) that may contain cabinet confidences.  This tracking system provides a reporting tracking tool.  They process approximately 600 requests per year, with 100 or so active files.  The purpose of the CabCon application is to track these files, provide status, and volumetric reports.</t>
  </si>
  <si>
    <t>CAB39</t>
  </si>
  <si>
    <t>PCO-CAB39</t>
  </si>
  <si>
    <t>Cabcon39</t>
  </si>
  <si>
    <t>Cabcon39 is a MS-Access application to track Section 39 Reviews and Searches for document production.  It is used by the Cabinet Confidences section.</t>
  </si>
  <si>
    <t>CANMIN</t>
  </si>
  <si>
    <t>PCO-CANMIN</t>
  </si>
  <si>
    <t>Guide to Canadian Ministries - Data management</t>
  </si>
  <si>
    <t>Guide to Canadian Ministries since Confederation. Internal data management web application</t>
  </si>
  <si>
    <t>CanMinWeb</t>
  </si>
  <si>
    <t>APP-01386</t>
  </si>
  <si>
    <t>Guide to Canadian Ministries - Web Site</t>
  </si>
  <si>
    <t>Guide to Canadian Ministries since Confederation. External web site part of the PCO internet website</t>
  </si>
  <si>
    <t>CCMS</t>
  </si>
  <si>
    <t>PCO-CCCMS</t>
  </si>
  <si>
    <t>Communications Calendar Management System</t>
  </si>
  <si>
    <t>Prime Minister and portfolio minister support and advice</t>
  </si>
  <si>
    <t>CIMSPLUS</t>
  </si>
  <si>
    <t>PCO-CIMSPLUS</t>
  </si>
  <si>
    <t>CIMS PLUS</t>
  </si>
  <si>
    <t>CORE</t>
  </si>
  <si>
    <t>APP-01178</t>
  </si>
  <si>
    <t>Core Services</t>
  </si>
  <si>
    <t>CPT</t>
  </si>
  <si>
    <t>DISCL-CS</t>
  </si>
  <si>
    <t>PCO-DISCL-CS</t>
  </si>
  <si>
    <t>Disclosure - Contracts</t>
  </si>
  <si>
    <t>Disclosure - Contracts &gt; $10,000</t>
  </si>
  <si>
    <t>DISCL-CS-Staging</t>
  </si>
  <si>
    <t>APP-01575</t>
  </si>
  <si>
    <t>Disclosure - Contracts - Staging</t>
  </si>
  <si>
    <t>DISCL-GC</t>
  </si>
  <si>
    <t>APP-01389</t>
  </si>
  <si>
    <t>Disclosure - Grants and Contributions</t>
  </si>
  <si>
    <t>DISCL-TH</t>
  </si>
  <si>
    <t>APP-01392</t>
  </si>
  <si>
    <t>Disclosure - Travel and Hospitality</t>
  </si>
  <si>
    <t>DISCL-TH-Staging</t>
  </si>
  <si>
    <t>APP-01577</t>
  </si>
  <si>
    <t>Disclosure - Travel and Hospitality - Staging</t>
  </si>
  <si>
    <t>DMPortal</t>
  </si>
  <si>
    <t>APP-01530</t>
  </si>
  <si>
    <t>Deputy Minister's Portal</t>
  </si>
  <si>
    <t>Portal for sharing information among deputy ministers</t>
  </si>
  <si>
    <t>DOCUMENTUM</t>
  </si>
  <si>
    <t>PCO-FOREMOST</t>
  </si>
  <si>
    <t>Documentum (Foremost)</t>
  </si>
  <si>
    <t>ForeMost Documentum</t>
  </si>
  <si>
    <t>DR</t>
  </si>
  <si>
    <t>APP-01206</t>
  </si>
  <si>
    <t>PCO-ERDM</t>
  </si>
  <si>
    <t>Electronic Records and Document Management</t>
  </si>
  <si>
    <t>InfoXpress</t>
  </si>
  <si>
    <t>OpenText Edocs and Documentum</t>
  </si>
  <si>
    <t>APP-02835</t>
  </si>
  <si>
    <t>Enterprise Service Bus</t>
  </si>
  <si>
    <t>MuleSoft</t>
  </si>
  <si>
    <t>Community Edition</t>
  </si>
  <si>
    <t>GENETEC</t>
  </si>
  <si>
    <t>PCO-GENETEC</t>
  </si>
  <si>
    <t>Omnicast</t>
  </si>
  <si>
    <t>Video Surveillance System for PCO - 70+ camera's - 24 / 7 coverage - 30 day retention of video archive data - automatic failover to backup servers</t>
  </si>
  <si>
    <t>Genetec Omnicast</t>
  </si>
  <si>
    <t>GREET</t>
  </si>
  <si>
    <t>PCO-GREET</t>
  </si>
  <si>
    <t>Prime Ministers Greeting System</t>
  </si>
  <si>
    <t>Used by the Correspondence Division of the Prime Minister's Office to receive requests (letter, telex, memorandum, telephone message, email, internet, and verbal) to send birthday and wedding anniversary greetings to individuals.  Most requests are from Ministers and Members of Parliament.  The remainder of requests are received from mail and/or telephone calls. In response to these requests, a congratulatory message is sent as a letter or certificate.</t>
  </si>
  <si>
    <t>APP-01427</t>
  </si>
  <si>
    <t>Haver Analytics updates and manages historical time series data for macro strategy and research. The data offering ranges from daily market data to annual economic statistics.</t>
  </si>
  <si>
    <t>HDTS</t>
  </si>
  <si>
    <t>PCO-HDTS</t>
  </si>
  <si>
    <t>Hand Pick-Up and Delivery Tracking System</t>
  </si>
  <si>
    <t>The Hand Pick-up and Delivery Tracking System (HDTS) is an automated menu-driven system developed for the Mail, Messenger and Conference Services Secretariat.  The system permits the recording and retrieval of information related to envelopes/orders that are to be picked up from a specific location and delivered to another location.</t>
  </si>
  <si>
    <t>APP-04150</t>
  </si>
  <si>
    <t>Impact Canada Challenges Platform</t>
  </si>
  <si>
    <t>TBS - Canadian Digital Service</t>
  </si>
  <si>
    <t>Impact Canada</t>
  </si>
  <si>
    <t>Drupal 8</t>
  </si>
  <si>
    <t>ITSDProcedures</t>
  </si>
  <si>
    <t>APP-01571</t>
  </si>
  <si>
    <t>ITSD Procedures by Section</t>
  </si>
  <si>
    <t>APP-01667</t>
  </si>
  <si>
    <t>This is an electronic mailing list software application, allowing a sender to send one email to the list server, and then transparently sending it on to the addresses of the subscribers to the list.</t>
  </si>
  <si>
    <t>APP-01434</t>
  </si>
  <si>
    <t>The purpose of the PCO wiki is to offer a simple, efficient, web-based tool that can be used to encourage and facilitate collaboration on the development of documents. Feedback and changes can be viewed chronologically and changes can be easily tracked; updating documents using a wiki can be less cumbersome than using the track changes option in MS Word. The wiki is not to be used as an official document repository. 
URLs: mediawiki.b.net, mediawiki.domain.cabnet</t>
  </si>
  <si>
    <t>MEDPRTL</t>
  </si>
  <si>
    <t>APP-01148</t>
  </si>
  <si>
    <t>MediaPortal</t>
  </si>
  <si>
    <t>An internal website that enables users to view and search for newspaper stories, newswires stories, and Media Centre reports.  The Administrative site of the application allow Media Centre analysts to create reports and analysis.</t>
  </si>
  <si>
    <t>MMS</t>
  </si>
  <si>
    <t>PCO-MMS</t>
  </si>
  <si>
    <t>Material Management System</t>
  </si>
  <si>
    <t>Material Management System used for tracking service requests to move equipment.</t>
  </si>
  <si>
    <t>MoG</t>
  </si>
  <si>
    <t>APP-01438</t>
  </si>
  <si>
    <t>Machinery of Government (MoG) Wiki</t>
  </si>
  <si>
    <t>MXIAcc</t>
  </si>
  <si>
    <t>APP-01544</t>
  </si>
  <si>
    <t>MXI Access for secure USB</t>
  </si>
  <si>
    <t>Imation</t>
  </si>
  <si>
    <t>OAG</t>
  </si>
  <si>
    <t>PCO-OAG</t>
  </si>
  <si>
    <t>Office of the Auditor General Application</t>
  </si>
  <si>
    <t>Tracking system for the Auditor General Cabinet Confidences requests.</t>
  </si>
  <si>
    <t>Orders in Council</t>
  </si>
  <si>
    <t>OICExport</t>
  </si>
  <si>
    <t>APP-01158</t>
  </si>
  <si>
    <t>OIC Export System</t>
  </si>
  <si>
    <t>Order in Council</t>
  </si>
  <si>
    <t>The Orders In Council Indexing System (ORDICS) is a menu-driven system of automated procedures to facilitate collecting, recording and retrieving information related to Orders In Council and Treasury Board entries. This is a scheduled job to transfer published oics as an mdb access file in order for the OICImport tool to publish oics to the external oic public website</t>
  </si>
  <si>
    <t>OICIMPORT</t>
  </si>
  <si>
    <t>APP-01534</t>
  </si>
  <si>
    <t>OIC Import</t>
  </si>
  <si>
    <t>The Orders In Council Indexing System (ORDICS) is a menu-driven system of automated procedures to facilitate collecting, recording and retrieving information related to Orders In Council and Treasury Board entries. This application extracts information from an access mdb file and uploads data to the public oic website on dmz</t>
  </si>
  <si>
    <t>OICINTERNET</t>
  </si>
  <si>
    <t>APP-01154</t>
  </si>
  <si>
    <t>External OIC Web Application</t>
  </si>
  <si>
    <t>The Orders In Council Indexing System (ORDICS) is a menu-driven system of automated procedures to facilitate collecting, recording and retrieving information related to Orders In Council and Treasury Board entries. This is the website component for the public to view approved OiCs.</t>
  </si>
  <si>
    <t>PCO-OTRS</t>
  </si>
  <si>
    <t>Open Source Ticket Request System</t>
  </si>
  <si>
    <t>Open Technology Real Service - Help desk</t>
  </si>
  <si>
    <t>PARCA</t>
  </si>
  <si>
    <t>PCO-PARCA</t>
  </si>
  <si>
    <t>Parliamentary Returns Control Assistance System</t>
  </si>
  <si>
    <t>An automated menu-driven system that helps the Leader of the Government in the House to track questions and petitions. It also updates the external site (https://parca.pco-bcp.gc.ca) for external users</t>
  </si>
  <si>
    <t>PARCA Extranet</t>
  </si>
  <si>
    <t>APP-01135</t>
  </si>
  <si>
    <t>Parliamentary Returns Control Assistance - External Users</t>
  </si>
  <si>
    <t>An automated menu-driven system that helps the Leader of the Government in the House to track questions and petitions at extranet site (https://parca.pco-bcp.gc.ca) for other government depts (external users to PCO)</t>
  </si>
  <si>
    <t>PCOACCTL</t>
  </si>
  <si>
    <t>PCO-PCOACCTL</t>
  </si>
  <si>
    <t>PCO Access Control</t>
  </si>
  <si>
    <t>PCO Access Control software is installed at all guard workstations. A database of all PCO employees, PMO employees, and VIPs. Photos are retrieved from the DataCard application.</t>
  </si>
  <si>
    <t>PCOINTRA</t>
  </si>
  <si>
    <t>APP-01190</t>
  </si>
  <si>
    <t>PCO Intranet Web Site</t>
  </si>
  <si>
    <t>PCO Intranet web site contains information on the departments working at PCO and links to other sites of the PCO Intranet and government Internet web sites.  The home page is the default that every user looks at when they open their browser.</t>
  </si>
  <si>
    <t>PCOPUBLI</t>
  </si>
  <si>
    <t>APP-01418</t>
  </si>
  <si>
    <t>Privy Council Office PubliService Web Site</t>
  </si>
  <si>
    <t>Privy Council Office Publiservice web site contains information on Privy Council office.  This information is accessible from every government department that subscribes to Publiserver.</t>
  </si>
  <si>
    <t>PCO-PMsEMail</t>
  </si>
  <si>
    <t>Prime Minister's E-Mail</t>
  </si>
  <si>
    <t>PMMAIL</t>
  </si>
  <si>
    <t>PMWEB</t>
  </si>
  <si>
    <t>APP-01299</t>
  </si>
  <si>
    <t>Prime Minister's web site</t>
  </si>
  <si>
    <t>Prime Minister's Web Site contains information about the Prime Minister: Biography, Upcoming Events, Speeches, Press Release, Fact Sheet and other information.  This information is accessible by any Internet user.</t>
  </si>
  <si>
    <t>Commissions of inquiry</t>
  </si>
  <si>
    <t>PCO-RINGTAIL</t>
  </si>
  <si>
    <t>FTI Ringtail Technology, Ringtail</t>
  </si>
  <si>
    <t>SASS</t>
  </si>
  <si>
    <t>APP-03703</t>
  </si>
  <si>
    <t>Senate Appointments Self-Serve</t>
  </si>
  <si>
    <t>APP-04269</t>
  </si>
  <si>
    <t>SIGN</t>
  </si>
  <si>
    <t>PCO-SIGN</t>
  </si>
  <si>
    <t>Signature Specimen Database</t>
  </si>
  <si>
    <t>Converts forms into an electronic format for easier distribution and reduces paper consumption. The specimen form describes the policy and procedures for delegating financial signing authorities.</t>
  </si>
  <si>
    <t>SNAPSTRM</t>
  </si>
  <si>
    <t>PCO-SNAPSTRM</t>
  </si>
  <si>
    <t>SnapStream</t>
  </si>
  <si>
    <t>Recording Live television to Network for analysis, Requires SSL encryption</t>
  </si>
  <si>
    <t>SnapStream, TV Search</t>
  </si>
  <si>
    <t>SPAW</t>
  </si>
  <si>
    <t>APP-01512</t>
  </si>
  <si>
    <t>Senior Personnel Appointments Web Site</t>
  </si>
  <si>
    <t>CGI</t>
  </si>
  <si>
    <t>Application is hosted by third party; Postings of available positions for GiC appointments</t>
  </si>
  <si>
    <t>Njoyn</t>
  </si>
  <si>
    <t>SPTN</t>
  </si>
  <si>
    <t>APP-01670</t>
  </si>
  <si>
    <t>Selection Process Tracking/Number</t>
  </si>
  <si>
    <t>SWB</t>
  </si>
  <si>
    <t>PCO-SWB</t>
  </si>
  <si>
    <t>Switch Board</t>
  </si>
  <si>
    <t>The P. M. Switchboard System (PMSWB) is a menu-driven system of automated procedures that collects, records and disseminates telephone directory-related information.</t>
  </si>
  <si>
    <t>SydPlus</t>
  </si>
  <si>
    <t>APP-01509</t>
  </si>
  <si>
    <t>SydneyPlus</t>
  </si>
  <si>
    <t>A COTS library automation system designed to track and control the library collection.   It was developed by International Library Systems, British Columbia,  Canada. This consists of a client server application and a web application (WebOpac/NetOpac). The Client server application is used by the library staff to manage the collection while the web app is available to all of PCO &amp; PMO amd used to query the collection.</t>
  </si>
  <si>
    <t>APP-01394</t>
  </si>
  <si>
    <t>Taxi Chit Information System</t>
  </si>
  <si>
    <t>The Taxi Chit Information System (TCIS) provides the finance department with an automated tool for tracking the allotment of taxi chits provided to individual and organizations within PCO. It also provides a means to allow them to reconcile the invoices against the returned chit books.  It includes separate archival and reporting sub-systems.</t>
  </si>
  <si>
    <t>TCIS - Archive</t>
  </si>
  <si>
    <t>APP-01396</t>
  </si>
  <si>
    <t>Taxi Chit Information System - Archival</t>
  </si>
  <si>
    <t>This is the archival application for TCIS</t>
  </si>
  <si>
    <t>TCIS - Reports</t>
  </si>
  <si>
    <t>APP-01398</t>
  </si>
  <si>
    <t>Taxi Chit Information System - Reports</t>
  </si>
  <si>
    <t>This was developed by PCO.  It contains reports not found in the COTS TACSI system.</t>
  </si>
  <si>
    <t>PCO-T4APP</t>
  </si>
  <si>
    <t>T4 Application</t>
  </si>
  <si>
    <t>T4</t>
  </si>
  <si>
    <t>VSTS</t>
  </si>
  <si>
    <t>APP-01196</t>
  </si>
  <si>
    <t>Visual Studio Team System</t>
  </si>
  <si>
    <t>APP-02840</t>
  </si>
  <si>
    <t>PCO-WEBCIMS</t>
  </si>
  <si>
    <t>Shared Services Canada</t>
  </si>
  <si>
    <t>WrdPress</t>
  </si>
  <si>
    <t>APP-01442</t>
  </si>
  <si>
    <t>WordPress MU allows multiple blogs to be created and maintained at PCO. Blogs facilitate communications that allow for commenting by the community. WordPress MU also has a variety of plug-ins that encourage interactivity and engagement such as polls, event calendars and multimedia options.</t>
  </si>
  <si>
    <t>Public Health Agency of Canada</t>
  </si>
  <si>
    <t>PHAC-App2159</t>
  </si>
  <si>
    <t>Stakeholder Engagement Database | Edition: N/A | Version: 1.0</t>
  </si>
  <si>
    <t>PHAC - 1.3 Health Security</t>
  </si>
  <si>
    <t>Database for partnership/stakeholder information (Mutual Aid Coordination Unit). "Existing Database that is used within the CEPR team.   Database is currently empty and will be managed by our team, the Mutual Aid Coordination &amp; Stakeholder Engagement Unit.  AKA Partnership Database.</t>
  </si>
  <si>
    <t>PHAC-App2210</t>
  </si>
  <si>
    <t>NG-STAR | Edition: N/A | Version: N/A</t>
  </si>
  <si>
    <t>PHAC - 1.2.1 Infectious Disease Prevention and Control</t>
  </si>
  <si>
    <t>"Used to locate gene sequence in a database of resistance gene sequences. Can be used without login, but accounts can be created to save searches. Login feature for curators to be able to manage the NG-STAR database (Add/edit alleles and NG-STAR types) as well for an Administrator who can manage users as well (Add/edit/delete/deactivate/activate users)."</t>
  </si>
  <si>
    <t>PHAC-App2212</t>
  </si>
  <si>
    <t>QASI | Edition: N/A | Version: N/A</t>
  </si>
  <si>
    <t>APP-03342</t>
  </si>
  <si>
    <t>Global Public Health Intelligence Network | Edition: N/A | Version: 4.1.2</t>
  </si>
  <si>
    <t>GPHIN4</t>
  </si>
  <si>
    <t>The GPHIN system is a secure, Internet-based "early warning" system that gathers preliminary reports of public health significance in nine languages on a real-time, 24/7 basis.  This unique, multilingual system gathers and disseminates relevant information on disease outbreaks and other public health events by monitoring global media sources such as news wires and web sites. The information is filtered for relevancy by an automated process, and then analyzed by GPHIN staff.</t>
  </si>
  <si>
    <t>PHAC-App2373</t>
  </si>
  <si>
    <t>Congenital Anomaly | Edition: N/A | Version: N/A</t>
  </si>
  <si>
    <t>PHAC - 1.2 Health Promotion and Disease Prevention</t>
  </si>
  <si>
    <t>CIHI data relating to congenital anomalies is used for analysis and reporting using this database. No data is uploaded to the CIHI site: https://www.cihi.ca/en. This is also the new data base for ZIKA data.</t>
  </si>
  <si>
    <t>PHAC-App3145</t>
  </si>
  <si>
    <t>QP Notes - PHAC | Edition: N/A | Version: N/A</t>
  </si>
  <si>
    <t>Lotus Notes database for tracking Question Period notes</t>
  </si>
  <si>
    <t>PHAC-1277</t>
  </si>
  <si>
    <t>Canadian Best Practices Portal for Health Promotion and Chronic Disease Preventi</t>
  </si>
  <si>
    <t>CBPP</t>
  </si>
  <si>
    <t>PHAC - 1.1.2 Public Health Information and Networks</t>
  </si>
  <si>
    <t>The Canadian Best Practices Portal for Health Promotion and Chronic Disease Prevention has served as a comprehensive entry point for an array of resources in the area of best practices interventions, including existing community-based interventions inventory for easier and informed access of published and unpublished sources regarding: effective and emerging best practices approaches (models/theories), methods, research evidence and practical experience. The Portal will contain news, catalogue of best practice systematic review sites and interventions accessible via a search engine, a discussion board and links to other sites.</t>
  </si>
  <si>
    <t>PHAC-1290</t>
  </si>
  <si>
    <t>Canadian Network for Public Health Intelligence (CNPHI) | Edition: N/A | Version</t>
  </si>
  <si>
    <t>CNPHI</t>
  </si>
  <si>
    <t>PHAC - 1.1 Public Health Infrastructure</t>
  </si>
  <si>
    <t>PHAC-1304</t>
  </si>
  <si>
    <t>Cancer in Young People in Canada | Edition: N/A | Version: N/A</t>
  </si>
  <si>
    <t>CYP-C</t>
  </si>
  <si>
    <t>The Cancer in Young People in Canada (CYP-C) program is a national, population-based surveillance system studying all children and youth with cancer in Canada. CYP-C collects information on children and youth with cancer including treatments, complications, and outcomes. For this population, CYP-C aims to help us to better understand risk factors, improve outcomes, enhance the quality and accessibility of care, and reduce late effects.</t>
  </si>
  <si>
    <t>PHAC-1324</t>
  </si>
  <si>
    <t>CEPR Drug Rotation Database | Edition: N/A | Version: N/A</t>
  </si>
  <si>
    <t>CEPRDRD</t>
  </si>
  <si>
    <t>The Centre for Emergency Preparedness and Response (CEPR) Drug Rotation Database is used to track inventory of NESS pharmaceutical assets in an effective and meaningful manner, which could affect NESS ability to respond during a health emergency.   This database is mission critical to the operational status of NESS.</t>
  </si>
  <si>
    <t>PHAC-1355</t>
  </si>
  <si>
    <t>Public Health Infobase | Edition: N/A | Version: N/A</t>
  </si>
  <si>
    <t>The Public Health Infobase is comprised of three main sections: Data Tools, Indicator Frameworks and Data Lab. The Data Tools help users visualize public health data through simple drop-down menus. Users can access geographic comparisons, trends, age distributions, and disaggregated data layered by socioeconomic and sociodemographic variables. The Indicator Frameworks are pan-Canadian resources that provide measures of chronic diseases, mental health, risk and protective factors and associated determinants. Combined with the Data Tools platform, each measure within a Framework can be visualized. In the Data Lab you will find a new way of discovering public health data, you will get the inside scoop on upcoming publications, and you will find the story</t>
  </si>
  <si>
    <t>APP-02624</t>
  </si>
  <si>
    <t>ATIP Flow Image | Edition: N/A | Version: 1.11</t>
  </si>
  <si>
    <t>ATIP FLOW</t>
  </si>
  <si>
    <t>PHAC-1633</t>
  </si>
  <si>
    <t>G and C Solicitations | Edition: N/A | Version: N/A</t>
  </si>
  <si>
    <t>"G&amp;C Solicitations What are the capabilities of this database? - captures pertinent information on all G&amp;C solicitations from the NCR and the regions; - tracks the status of all solicitations from the planning stage to the recommendation for funding; - generates reports on G&amp;C solicitations. The G&amp;C Solicitations database is also used on a regular basis by the funding programs and by the Centre for Gs&amp;Cs, OCFO- for tracking purposes/monthly status reports on G&amp;C solicitations/FAFs/projects. These reports are derived from data taken from the G&amp;C Solicitations Database; they provide an overview of monthly activities for Gs&amp;Cs and are useful for MO, Senior Management, etc."</t>
  </si>
  <si>
    <t>PHAC-1642</t>
  </si>
  <si>
    <t>Emergency Services (ES) Medical Indent Register | Edition: N/A | Version: N/A</t>
  </si>
  <si>
    <t>ESMIR</t>
  </si>
  <si>
    <t>PHAC-2064</t>
  </si>
  <si>
    <t>Laboratory Information Management System (LIMS) National Microbiology Lab (NML)</t>
  </si>
  <si>
    <t>PHAC-2080</t>
  </si>
  <si>
    <t>Learning Management System (Moodle) | Edition: N/A | Version: 2.6.4</t>
  </si>
  <si>
    <t>PHAC - 1.3.3 Biosecurity</t>
  </si>
  <si>
    <t>Learning management platform that provides a portal for online EPR courses.  Initially, portal to house external facing EPP courses, but will accommodate internal oriented courses in future.  URL: https://training-formation.phac-aspc.gc.ca/</t>
  </si>
  <si>
    <t>PHAC-2102</t>
  </si>
  <si>
    <t>PHAC Scientific and Research Publications | Edition: N/A | Version: N/A</t>
  </si>
  <si>
    <t>PSARP</t>
  </si>
  <si>
    <t>This application is used for tracking and approval of publications in PHAC.  Authors submit publications for DG approval before sharing with audiences outside PHAC.  The application complies with and supports the implementation of PHAC Policy for the Publication of Scientific and Research Findings.</t>
  </si>
  <si>
    <t>PHAC-2245</t>
  </si>
  <si>
    <t>Multi Year Financial Planning System | Edition: N/A | Version: 2.2E</t>
  </si>
  <si>
    <t>The application is a tool to maintain and monitor data for the reference level (Budget) and Treasury Board Submission (TBS).  Note: This tool will eventually be replaced by PEP.</t>
  </si>
  <si>
    <t>The ICS initiative is a population-based invasive bacterial disease surveillance network of countries with circumpolar regions/territories (United States, Canada, Greenland (Denmark), Iceland, Finland, Norway, Sweden, and Russia). Data on invasive disease caused by the following five organisms are collected: Streptococcus pneumoniae; Haemophilus influenzae; Group A Streptococcus; Group B Streptococcus; Neisseria meningitidis. Within Canada, 5 regions (Northwest Territories, Yukon, Nunavut, and the northern regions of Québec and Labrador) and a network of laboratories, including two references laboratories, the Laboratoire de santé publique du Québec and the National Microbiology Laboratory, participate in ICS. Canada, through the PHAC, has been a part</t>
  </si>
  <si>
    <t>PHAC-2429</t>
  </si>
  <si>
    <t>PHAC CFO Planning and Reporting | Edition: N/A | Version: N/A</t>
  </si>
  <si>
    <t>PCFOPR</t>
  </si>
  <si>
    <t>It's a Lotus Notes database application that was launched in February 2009 as a communication tool designed to share knowledge of results-based management products and processes, and retain corporate memory in an open, transparent, and sustainable way. The primary target audiences are members of the PHAC and HC Branch Planning Directors and Leads (BPDLs), but it's read-accessible to others, provided that we have someone's e-mail address either individually or as part of a group distribution list.   As an aside, it was originally named, "PHAC CFO Planning and Reporting Database" because it was created when my division was part of the OCFO and the scope was limited to just planning and reporting products and processes.</t>
  </si>
  <si>
    <t>HC-2474</t>
  </si>
  <si>
    <t>PHAC Internet | Edition: N/A | Version: N/A</t>
  </si>
  <si>
    <t>Public Health Agency web site - public facing</t>
  </si>
  <si>
    <t>PHAC-2508</t>
  </si>
  <si>
    <t>PHAC Proactive Disclosure Grants and Contributions | Edition: N/A | Version: N/A</t>
  </si>
  <si>
    <t>PPDG&amp;C</t>
  </si>
  <si>
    <t>Gs&amp;Cs Proactive Disclosure - Teamworks The Proactive Disclosure Grants and Contributions database is used on a regular basis to comply with Government of Canada Regulations, as it provides us with the fiscal year breakdowns of the contributions for G&amp;C projects.</t>
  </si>
  <si>
    <t>APP-02694</t>
  </si>
  <si>
    <t>Public Health Information Tracking System | Edition: N/A | Version: N/A</t>
  </si>
  <si>
    <t>PHITS</t>
  </si>
  <si>
    <t>PHAC - 1.3.2 Border Health Security</t>
  </si>
  <si>
    <t>APP-02432</t>
  </si>
  <si>
    <t>Traveller Health Assessment Database | Edition: TBD | Version: 1.9</t>
  </si>
  <si>
    <t>THAD</t>
  </si>
  <si>
    <t>APP-02688</t>
  </si>
  <si>
    <t>Traveller Health Operational Strategic Support System (THAD v2) | Ed:NA | V:1.1</t>
  </si>
  <si>
    <t>THOSSS</t>
  </si>
  <si>
    <t>APP-02506</t>
  </si>
  <si>
    <t>All Events Response Operations | Edition: N/A | Version: 3.0</t>
  </si>
  <si>
    <t>AERO</t>
  </si>
  <si>
    <t>PHAC-3080</t>
  </si>
  <si>
    <t>Influenza &amp; Respiratory Infectious Diseases Database System | Edition: N/A |</t>
  </si>
  <si>
    <t>IRIDDS</t>
  </si>
  <si>
    <t>FluWatch is Canada's national surveillance system that monitors the spread of flu and flu-like illnesses on an on-going basis.</t>
  </si>
  <si>
    <t>PHAC-3083</t>
  </si>
  <si>
    <t>Sexual Transmitted Infections (STI) Mobile Application | Edition: N/A | Version:</t>
  </si>
  <si>
    <t>STI Mobile</t>
  </si>
  <si>
    <t>A mobile application designed to make the STI guidelines portable and accessible on any mobile devices.</t>
  </si>
  <si>
    <t>APP-02355</t>
  </si>
  <si>
    <t>International Circumpolar Surveillance System | Edition: N/A | Version: 1.1</t>
  </si>
  <si>
    <t>PHAC-3085</t>
  </si>
  <si>
    <t>Human Pathogens and Toxins Act Consultations Database | Edition: N/A | Version:</t>
  </si>
  <si>
    <t>HPTA</t>
  </si>
  <si>
    <t>This project exists as a development effort to support consultations and the implementation of the Human Pathogens and Toxins Act specifically the development of a regulatory framework. The Human Pathogens and Toxins Act contains prohibitions and requirements relating to the full range of laboratory activities. The purpose of this Act is to establish a safety and security regime to protect the health and safety of the public against the risks posed by human pathogens and toxins.</t>
  </si>
  <si>
    <t>APP-02358</t>
  </si>
  <si>
    <t>Integrated Suite of Tools for Operational Processes (iSTOP) | Edition: N/A | Ver</t>
  </si>
  <si>
    <t>iSTOP v3</t>
  </si>
  <si>
    <t>PHAC-3099</t>
  </si>
  <si>
    <t>Data Access Management Application | Edition: N/A | Version: 1.0</t>
  </si>
  <si>
    <t>DAMA</t>
  </si>
  <si>
    <t>DAMA is an on-line application process for PHAC employees and contractors to access the Agency's centralized data holdings managed by the Data Coordination and Access Program (DCAP). This includes all requests for access to data (i.e., new requests, updates and annual renewals) as well as requests for removing access.</t>
  </si>
  <si>
    <t>PST</t>
  </si>
  <si>
    <t>PHAC-3103</t>
  </si>
  <si>
    <t>Joint Planning and Support Tool (.NET) | Edition: N/A | Version: 2</t>
  </si>
  <si>
    <t>To support more accurate data based operational planning and project management, ESD is instituting a web-based electronic time recording system. It allows managers and analysts to quickly record, summarize and report on hours spent per activity. It is us</t>
  </si>
  <si>
    <t>PHAC-3114</t>
  </si>
  <si>
    <t>Canadian Tuberculosis Reporting System | Edition: N/A | Version: 4.1</t>
  </si>
  <si>
    <t>CTBRS</t>
  </si>
  <si>
    <t>The Canadian Tuberculosis Reporting System (CTBRS) surveillance software is a web-based Intranet application that allows the Public Health Agency of Canada to gather and track tuberculosis surveillance information from a federal perspective.  The CTBRS repository stores and maintains surveillance data on tuberculosis in Canada dating back to the early 1920?s. Reports of new active and relapsed tuberculosis cases, including both case and treatment outcome data, come to the agency from each of the provinces and territories across Canada.</t>
  </si>
  <si>
    <t>PHAC-3116</t>
  </si>
  <si>
    <t>Canadian Adverse Events Following Immunization Surveillance System | Edition: N/</t>
  </si>
  <si>
    <t>CAEFISS</t>
  </si>
  <si>
    <t>PHAC-3180</t>
  </si>
  <si>
    <t>Canadian Diabetes Risk Online Questionnaire | Edition: N/A | Version: N/A</t>
  </si>
  <si>
    <t>CANRISK</t>
  </si>
  <si>
    <t>The Canadian Diabetes Risk Questionnaire-CANRISK-is a diabetes risk questionnaire intended to help Canadians identify their risk of pre-diabetes or type 2 diabetes. It is available on-line to the public.                                          CanRisk has 4 legal agreements in place that state we will keep the CanRisk application up and running</t>
  </si>
  <si>
    <t>PHAC-3182</t>
  </si>
  <si>
    <t>Canada Prenatal Nutritional Program Directory | Edition: N/A | Version: N/A</t>
  </si>
  <si>
    <t>CPNP</t>
  </si>
  <si>
    <t>The Canada Prenatal Nutrition Program (CPNP) funds community-based groups and coalitions to develop or enhance services that address the needs of prenatal and recently postpartum women facing challenging circum-stances that put their health, and the health of their infants, at-risk. The CPNP Directory is an online listing of project sites across Canada.</t>
  </si>
  <si>
    <t>PHAC-3184</t>
  </si>
  <si>
    <t>Community Action Program for Children Directory | Edition: N/A | Version: N/A</t>
  </si>
  <si>
    <t>CAPC</t>
  </si>
  <si>
    <t>The Community Action Program for Children (CAPC) funds community-based groups and coalitions to develop and deliver comprehensive, culturally appropriate early intervention and prevention programs that promote the health and social development of vulnerable children (0–6 years) and their families who are facing challenging life circumstances. The CAPC Directory is an online listing of project sites across Canada.</t>
  </si>
  <si>
    <t>APP-02508</t>
  </si>
  <si>
    <t>Economic Burden of Illness | Edition: N/A | Version: 1.0</t>
  </si>
  <si>
    <t>EBIC</t>
  </si>
  <si>
    <t>This system will allow you to view data collected on various illnesses and their economic impact. PHP MySQL application.
http://cost-illness.canada.ca/index.php</t>
  </si>
  <si>
    <t>PHAC-3193</t>
  </si>
  <si>
    <t>Stakeholder Database | Edition: N/A | Version: N/A</t>
  </si>
  <si>
    <t>Stakeholder DB</t>
  </si>
  <si>
    <t>PHAC - 1.2.2 Conditions for Healthy Living</t>
  </si>
  <si>
    <t>According to CCDP's Preventing Chronic Disease Strategic Plan 2013-2016, mobilizing mult-sectoral actions to reduce common risk factors for chronic disease and enhance factors and conditions for healthier living is a priority for the Centre.   The Partnerships and Strategies Division is working with various organizations across the country to fulfill its mandate and has developed a Stakeholder Database to help manage ihundreds of contacts.  The Database is a web-based application that also allows staff to communicate with outside stakehodlers and to keep track of its communications.  All of the information stored in the Database has been found in the public domain.  The Division is currently pilot testing the application before it rolls it out througho</t>
  </si>
  <si>
    <t>PHAC-3196</t>
  </si>
  <si>
    <t>Travel Health Web Content Management System | Edition: N/A | Version: 1.0</t>
  </si>
  <si>
    <t>THWCM</t>
  </si>
  <si>
    <t>The Travel Health Web Content Management System (THWCM) allows the Travel Health Group to manage various travel health advisories, factsheets, notices and country information through a centralised system.  This data is the consumed via web services by travel.gc.ca</t>
  </si>
  <si>
    <t>PHAC-3198</t>
  </si>
  <si>
    <t>Vaccine Information Database System | Edition: N/A | Version: 2.0</t>
  </si>
  <si>
    <t>VIDS</t>
  </si>
  <si>
    <t>VIDS is a national online database containing comprehensive information on all vaccines authorized for use in Canada. VIDS will have several key services, one being to support auto-population of immunization registries and / or other information systems using vaccine bar codes and the second to provide information to immunization providers at the point of service to improve risk management and access to quality information that may be required prior to or during an immunization related health event.</t>
  </si>
  <si>
    <t>APP-02692</t>
  </si>
  <si>
    <t>Emergency Management System (Sharepoint) | Edition: TBD | Version: Not Yet Asses</t>
  </si>
  <si>
    <t>PHAC - 1.3.1 Emergency Preparedness and Response</t>
  </si>
  <si>
    <t>The objective of the SharePoint site is to improve operational capability, to enable the immediate sharing and accessing of UNCLASSIFIED incident data and related information between the various Health Portfolio users, enables users to track events, disseminate information, issue notifications, and log actions taken and improve the situational awareness.
This application is hosted on an NSERC instance of SharePoint and supported by IMSD.</t>
  </si>
  <si>
    <t>PHAC-3676</t>
  </si>
  <si>
    <t>Data Extraction and Analysis System | Edition: N/A | Version: 1.0</t>
  </si>
  <si>
    <t>DEXA</t>
  </si>
  <si>
    <t>PHAC-3678</t>
  </si>
  <si>
    <t>Immunization Schedule Tool | Edition: N/A | Version: N/A</t>
  </si>
  <si>
    <t>SAIS</t>
  </si>
  <si>
    <t>Immunization Schedule Tool on http://healthycanadians.gc.ca/apps/schedule-calendrier/index-eng.php  Tool to determine what vaccines are given and when.</t>
  </si>
  <si>
    <t>PHAC-3804</t>
  </si>
  <si>
    <t>CIQAP - Canadian Immunology Quality Assessment Program | Edition: N/A | Version:</t>
  </si>
  <si>
    <t>CIQAP</t>
  </si>
  <si>
    <t>Produces reports on how well the Lab performs in terms of test results;  Used nationally; Serves 45 sites • submit results every 2nd month  Proficiency Panels performed within Canada</t>
  </si>
  <si>
    <t>PHAC-3809</t>
  </si>
  <si>
    <t>HyDRA (HIV Drug Resistant Analysis) | Edition: N/A | Version: 1.2.5</t>
  </si>
  <si>
    <t>HyDRA Web is a comparitive HIV genotyping web application for identifying HIV drug resistance from a next generation sequencing dataset. It can detect mutations down to a 1% cut-off using specific quality control, reference mapping and variant calling techniques. Bowtie2 is used for reference mapping as it is highly sensitive and specific and performed the best for our data. We have targeted the Illumina MiSEQ as our preferred sequencer, but we also support Roche 454. The main output of HyDRA is a drug resistance report which uses the Stanford SDRM 2009 list of mutations as well as the Stanford HIVDB mutations when reporting. Analyses are flexible within HyDRA Web as we allow the end user to adjust almost every parameter.  HyDRA Web was developed by th</t>
  </si>
  <si>
    <t>APP-02673</t>
  </si>
  <si>
    <t>Pathogen Safety Data Sheet - Infectious Substances | Edition: N/A | Version: 1.5</t>
  </si>
  <si>
    <t>Application to allow users to access the current Pathogen Safety Data Sheets on their hand-held devices.  See http://www.phac-aspc.gc.ca/lab-bio/res/psds-ftss/index-eng.php. This is one of the most popular sites on the PHAC internet (top 10).  Mobile App.</t>
  </si>
  <si>
    <t>APP-02685</t>
  </si>
  <si>
    <t>Public Health Emergency Contacts Management System | Edition: N/A | Version: 1.0</t>
  </si>
  <si>
    <t>PHECMS</t>
  </si>
  <si>
    <t>"Online application to manage critical emergency contact information that is required by the Health Portfolio Operations Center in the event of an emergency (activation).
https://health-portfolio-emergency-contacts.hc-sc.gc.ca/www/en/login"</t>
  </si>
  <si>
    <t>APP-02690</t>
  </si>
  <si>
    <t>Canadian Biosafety Standard Mobile Application | Edition: N/A | Version: 2.0.5</t>
  </si>
  <si>
    <t>CBSMA</t>
  </si>
  <si>
    <t>This is a mobile electronic version of the published Canadian Biosafety Standards and Handbook.</t>
  </si>
  <si>
    <t>PHAC-5265</t>
  </si>
  <si>
    <t>Resolver Ballot | Edition: N/A | Version: 7.3.0.2</t>
  </si>
  <si>
    <t>Resolver Ballot includes questionnaires, analysis and formulas to support the design, development and facilitation of discussion-based tabletop exercises for various Health portfolio program areas and stakeholders.  The software collects data to be used in risk analysis and the establishment and implementation of a federal government lessons learned process (to track ongoing capability and response activities to aid in continuous improvement and performance management).</t>
  </si>
  <si>
    <t>PHAC-5888</t>
  </si>
  <si>
    <t>TeamMate | Edition: N/A | Version: 10</t>
  </si>
  <si>
    <t>PHAC-5889</t>
  </si>
  <si>
    <t>Replicon Web Time-Sheet | Edition: N/A | Version: SaaS</t>
  </si>
  <si>
    <t>Web TimeSheet is an easy-to-use, web-based time tracking software also available in an ASP/SaaS (hosted) version. It helps with project management and work planning.  Application is hosted externally.  This will eventually be replaced by TeamMate.</t>
  </si>
  <si>
    <t>PHAC-6000</t>
  </si>
  <si>
    <t>CaseWare Idea Data Analysis | Edition: N/A | Version: 10.2</t>
  </si>
  <si>
    <t>Case</t>
  </si>
  <si>
    <t>This application is already being used by the client. We cannot create an APF without a license key.  Client Ian Hoyte.  The client is already using this sw. July 31, 2015.  Approved by PWG 29-11-2016</t>
  </si>
  <si>
    <t>PHAC-6101</t>
  </si>
  <si>
    <t>PulseNet/BioNumerics | Edition: N/A | Version: BN Client 6.01 and BN Server v4.0</t>
  </si>
  <si>
    <t>PHAC-6288</t>
  </si>
  <si>
    <t>Basset Pro | Edition: N/A | Version: 1.0</t>
  </si>
  <si>
    <t>Inventory system for NESS</t>
  </si>
  <si>
    <t>PHAC-6427</t>
  </si>
  <si>
    <t>IMSight | Edition: N/A | Version: 1.0</t>
  </si>
  <si>
    <t>An application that it used by a few areas within the Agency to access IMS data (pharma data, private sector), mainly PHE, within our Branch</t>
  </si>
  <si>
    <t>Public Safety Canada</t>
  </si>
  <si>
    <t>PS-PSP-002</t>
  </si>
  <si>
    <t>Access to Information and Privacy Request Management System (AccessPro)</t>
  </si>
  <si>
    <t>1.5 Internal Services</t>
  </si>
  <si>
    <t>PS-PSP-005</t>
  </si>
  <si>
    <t>User Management System</t>
  </si>
  <si>
    <t>UMS</t>
  </si>
  <si>
    <t>Application to allow updates of user information in active directory.</t>
  </si>
  <si>
    <t>PS-PSP-006</t>
  </si>
  <si>
    <t>Aboriginal Policing Information Management System</t>
  </si>
  <si>
    <t>APIMS</t>
  </si>
  <si>
    <t>1.3 Countering Crime</t>
  </si>
  <si>
    <t>1.4 Emergency Management</t>
  </si>
  <si>
    <t>PS-PSP-012</t>
  </si>
  <si>
    <t>Asset Management System (CableSolve)</t>
  </si>
  <si>
    <t>CableSolve</t>
  </si>
  <si>
    <t>Cormant</t>
  </si>
  <si>
    <t>PS-PSP-041</t>
  </si>
  <si>
    <t>Shared Library Catalog (Public Safety Public Website)</t>
  </si>
  <si>
    <t>eLibrary</t>
  </si>
  <si>
    <t>Application on Public Safety public website to provide access to library resources.</t>
  </si>
  <si>
    <t>PS-PSP-043</t>
  </si>
  <si>
    <t>Library Management System (EOS.WEB)</t>
  </si>
  <si>
    <t>EOS International</t>
  </si>
  <si>
    <t>PS-PSP-054</t>
  </si>
  <si>
    <t>GetPrepared Public Website</t>
  </si>
  <si>
    <t>GPWEB</t>
  </si>
  <si>
    <t>Public campaign that encourages Canadians to be prepared to cope on their own for at least the first 72 hours of an emergency, enabling first responders to focus on those in urgent need.</t>
  </si>
  <si>
    <t>PS-PSP-061</t>
  </si>
  <si>
    <t>InfoCentral Intranet Website</t>
  </si>
  <si>
    <t>Intranet website.</t>
  </si>
  <si>
    <t>PS-PSP-068</t>
  </si>
  <si>
    <t>Records Information Management Sytem (iRIMS)</t>
  </si>
  <si>
    <t>PS-PSP-084</t>
  </si>
  <si>
    <t>Ministerial Correspondance Unit ccmEnterprise Reports</t>
  </si>
  <si>
    <t>MIN-CCM-RPT</t>
  </si>
  <si>
    <t>PS-PSP-087</t>
  </si>
  <si>
    <t>CSCCB Research Division Mailing List Administration</t>
  </si>
  <si>
    <t>NCPCMailingList</t>
  </si>
  <si>
    <t>PS-PSP-088</t>
  </si>
  <si>
    <t>CSCCB Research Division Mailing List (Public Safety Public Website)</t>
  </si>
  <si>
    <t>PSWEB-CSCCB-MAIL</t>
  </si>
  <si>
    <t>Forms on Public Safety public website to subscribe/unsubscirbe to CSCCB Research Division mailing list.</t>
  </si>
  <si>
    <t>PS-PSP-091</t>
  </si>
  <si>
    <t>NewsDesk Media Monitoring System</t>
  </si>
  <si>
    <t>InfoMedia</t>
  </si>
  <si>
    <t>Media-monitoring application (software-as-a-service) provided to other government organizations on cost-sharing basis.</t>
  </si>
  <si>
    <t>PS-PSP-099</t>
  </si>
  <si>
    <t>Proactive Disclosures - Contracts (Public Safety Public Website)</t>
  </si>
  <si>
    <t>PSWEB-PDCTS</t>
  </si>
  <si>
    <t>Application on Public Safety public website to display proactive disclosure information (Contracts)</t>
  </si>
  <si>
    <t>PS-PSP-100</t>
  </si>
  <si>
    <t>Proactive Disclosures - Grants and Contributions (Public Safety Public Website)</t>
  </si>
  <si>
    <t>PSWEB-PDGCTS</t>
  </si>
  <si>
    <t>Application on Public Safety public website to display proactive disclosure information (Grants and Contributions)</t>
  </si>
  <si>
    <t>PS-PSP-101</t>
  </si>
  <si>
    <t>Proactive Disclosures - Travel and Hospitality (Public Safety Public Website)</t>
  </si>
  <si>
    <t>PSWEB-PDETS</t>
  </si>
  <si>
    <t>Application on Public Safety public website to display proactive disclosure information (Travel &amp; Hospitality)</t>
  </si>
  <si>
    <t>PS-PSP-104</t>
  </si>
  <si>
    <t>Records, Document and Information Management System (eDOCS)</t>
  </si>
  <si>
    <t>PS-PSP-121</t>
  </si>
  <si>
    <t>Security Screening Database</t>
  </si>
  <si>
    <t>SEC-DB</t>
  </si>
  <si>
    <t>PS-PSP-142</t>
  </si>
  <si>
    <t>Survey Management System - Internal (Snap Survey)</t>
  </si>
  <si>
    <t>SNAP</t>
  </si>
  <si>
    <t>Snap Surveys</t>
  </si>
  <si>
    <t>PS-PSP-191</t>
  </si>
  <si>
    <t>Correspondance Data Exchange System (ccmExchange)</t>
  </si>
  <si>
    <t>PS-PSP-193</t>
  </si>
  <si>
    <t>International Travel Management Content Management System</t>
  </si>
  <si>
    <t>PS-PSP-196</t>
  </si>
  <si>
    <t>Invoice Processing System (Matrix Logic Mailroom Suite)</t>
  </si>
  <si>
    <t>MLMailroom</t>
  </si>
  <si>
    <t>Matrix Logic</t>
  </si>
  <si>
    <t>PS-PSP-199</t>
  </si>
  <si>
    <t>Geospatial Canadian Disaster Database (Public Safety Public Website)</t>
  </si>
  <si>
    <t>GCDD</t>
  </si>
  <si>
    <t>Public facing web application to provide information on Canadian disasters with geospatial functionality</t>
  </si>
  <si>
    <t>PS-PSP-205</t>
  </si>
  <si>
    <t>GetCyberSafe Public Website</t>
  </si>
  <si>
    <t>CSWEB</t>
  </si>
  <si>
    <t>1.1 National Security</t>
  </si>
  <si>
    <t>Public awareness campaign created to educate Canadians about Internet security and the simple steps they can take to protect themselves online.</t>
  </si>
  <si>
    <t>PS-PSP-207</t>
  </si>
  <si>
    <t>Public Safety Public Website</t>
  </si>
  <si>
    <t>PSWEB</t>
  </si>
  <si>
    <t>Public website for Public Safety.</t>
  </si>
  <si>
    <t>PS-PSP-220</t>
  </si>
  <si>
    <t>Public Safety Information Management System</t>
  </si>
  <si>
    <t>PSIMS</t>
  </si>
  <si>
    <t>PS-PSP-229</t>
  </si>
  <si>
    <t>Human Resources Service Request (InfoCentral)</t>
  </si>
  <si>
    <t>eHR</t>
  </si>
  <si>
    <t>PS-PSP-231</t>
  </si>
  <si>
    <t>Service Manageement Self-Service Portal (InfoCentral)</t>
  </si>
  <si>
    <t>SCSM-SSP</t>
  </si>
  <si>
    <t>PS-PSP-233</t>
  </si>
  <si>
    <t>Index of Policing Initiatives (Public Safety Public Website)</t>
  </si>
  <si>
    <t>EconPolIndex</t>
  </si>
  <si>
    <t>Public facing searchable catalog of policing initiatives.</t>
  </si>
  <si>
    <t>PS-PSP-238</t>
  </si>
  <si>
    <t>Wireless Document Management System (Wireless DMS)</t>
  </si>
  <si>
    <t>WDMS</t>
  </si>
  <si>
    <t>PS-PSP-239</t>
  </si>
  <si>
    <t>Service Management System (System Center Service Manager)</t>
  </si>
  <si>
    <t>SCSM</t>
  </si>
  <si>
    <t>Public Service Commission of Canada</t>
  </si>
  <si>
    <t>PSC-102</t>
  </si>
  <si>
    <t>1.3.0 Oversight of Integrity in Staffing and of Non-Partisanship</t>
  </si>
  <si>
    <t>Data Analysis Tool for auditors to conduct sampling and analyses of data sets with information relating to staffing actions based on audit objectives and criteria all the while maintaining a non-editable log of the procedures performed. (IDEA is a computer-based file interrogation tool for use by auditors which analyzes data in many ways and allows extraction, sampling and manipulation of data in order to identify errors, problems, specific issues, and trends.)</t>
  </si>
  <si>
    <t>CaseWare IDEA Inc. (Idea 8)</t>
  </si>
  <si>
    <t>PSC-106</t>
  </si>
  <si>
    <t>Impromptu 7.5 User/ Admin</t>
  </si>
  <si>
    <t>Human Resources Management Services,Information Technology Services,Management and Oversight Services</t>
  </si>
  <si>
    <t>2.1.0 Internal Services</t>
  </si>
  <si>
    <t>Desktop reporting tool used as stand alone tool. Also used as an integrated feature with TSRR, a web application. Multiple catalogs exist for various corporate applications. Reports can be authored by users: prebuilt "canned reports" located on the local SAN can also be run by the users.  ACL for each catalogue is also integrated within user Profiles according to Business needs.</t>
  </si>
  <si>
    <t>IBM Canada Limited: IBM Cognos Impromptu Administrator 7.5 and IBM Cognos Impromptu User 7.5</t>
  </si>
  <si>
    <t>PSC-113</t>
  </si>
  <si>
    <t>Investigations Management Information System</t>
  </si>
  <si>
    <t>PSC-158</t>
  </si>
  <si>
    <t>Online Internet Testing</t>
  </si>
  <si>
    <t>OIT</t>
  </si>
  <si>
    <t>1.2.0 Staffing Services and Assessment</t>
  </si>
  <si>
    <t>PSC-159</t>
  </si>
  <si>
    <t>On-Line Oral Proficiency System</t>
  </si>
  <si>
    <t>OOPS</t>
  </si>
  <si>
    <t>PSC-161</t>
  </si>
  <si>
    <t>Online Registration System</t>
  </si>
  <si>
    <t>A small web-based database application on Intracom to host a dynamic online registration session. The purpose of creating the ORS - Online Registration System - is to offer to PSC employees and/or the public servant a possibility to register on their own to a workshop (project) or session at a specific date and time through the web sites.</t>
  </si>
  <si>
    <t>PSC-162</t>
  </si>
  <si>
    <t>On-Line Testing Facility</t>
  </si>
  <si>
    <t>OLTF</t>
  </si>
  <si>
    <t>PSC-17</t>
  </si>
  <si>
    <t>Analytical Documentation System</t>
  </si>
  <si>
    <t>ADS is an intranet application used to manage and share the corporate knowledge of DSAD among the team, in relation to the structure and composition of their data (SAS data sets), serving as a data dictionary.</t>
  </si>
  <si>
    <t>PSC-177</t>
  </si>
  <si>
    <t>Political Activities Tool</t>
  </si>
  <si>
    <t>PA Tool</t>
  </si>
  <si>
    <t>1.1.0 Staffing System Integrity and Political Impartiality</t>
  </si>
  <si>
    <t>Under the new PSEA which came into effect as of December 31, 2005, the PSC is now responsible for protecting the political impartiality of the public service.  This tool is intended to help the employee assess and make reasonable decisions about their involvement in political activities to determine whether a given political activity would impair or could be perceived by others as impairing an employee’s ability to perform his or her duties in a politically impartial manner.</t>
  </si>
  <si>
    <t>PSC-179</t>
  </si>
  <si>
    <t>Priority Information Management System</t>
  </si>
  <si>
    <t>Human Resources Management Services,Management and Oversight Services,Other</t>
  </si>
  <si>
    <t>PSC-181</t>
  </si>
  <si>
    <t>Performance Based Human Capital System</t>
  </si>
  <si>
    <t>(formerly the Salary Management System (SMS)) is a management tool to help managers monitor, control, report and forecast salary costs.  This application was developed by Influatec and the company is now merged with FreeBalance Inc.  PBHC keeps track of past, current and future financial information applicable to a fiscal year.  The system also provides management reliable information for analysis and decision-making.</t>
  </si>
  <si>
    <t>FreeBalance Inc.: PBHC</t>
  </si>
  <si>
    <t>PSC-185</t>
  </si>
  <si>
    <t>PSC Phone Directory</t>
  </si>
  <si>
    <t>Phone directory</t>
  </si>
  <si>
    <t>The PSC Telephone Directory is a VB application using an Oracle database to provides PSC employees with an electronic directory of the department’s employees.  The application also has facilities to allow searching by sub-groups, telephone numbers or adresses, as well as enabling emails to a sub-group.</t>
  </si>
  <si>
    <t>PSC-187</t>
  </si>
  <si>
    <t>Public Service Resourcing System</t>
  </si>
  <si>
    <t>Human Resources Management Services,Information Management Services,Other</t>
  </si>
  <si>
    <t>PSC-196</t>
  </si>
  <si>
    <t>Remedy (ITSD)</t>
  </si>
  <si>
    <t>Human Resources Management Services,Information Technology Services,Other</t>
  </si>
  <si>
    <t>Remedy is a COTS that has been customized by the PSC.  It is used extensively by the HelpDesk as a ticket tracking tool for all calls they receive.   Remedy uses an Oracle database.</t>
  </si>
  <si>
    <t>BMC: Remedy Action request System</t>
  </si>
  <si>
    <t>PSC-208</t>
  </si>
  <si>
    <t>SAS Analytical Environment (EDW)</t>
  </si>
  <si>
    <t>SAS Metadata Server and SAS-BI Viewer. The PSC BI Viewer is custom designed within SAS BI Platform and includes: a GC CLF compliant Web based user interface, that accesses PSC developed parameterized stored processes, via the Store Process Engine, which produces dynamically generated reports, such as the Department Profile.</t>
  </si>
  <si>
    <t>PSC-21</t>
  </si>
  <si>
    <t>Assessment Centre Integrated Info System</t>
  </si>
  <si>
    <t>ACIIS</t>
  </si>
  <si>
    <t>This unilingual system is designed to track all candidates that come to the Centres for assessment by date, assessment centre, module, assessment results and who participated in the module.  It also maintains the list of Psychologists, Assessors, Visitors and Scorers.</t>
  </si>
  <si>
    <t>PSC-213</t>
  </si>
  <si>
    <t>SAS Cubes Viewer</t>
  </si>
  <si>
    <t>SAS-CubesVw</t>
  </si>
  <si>
    <t>The Statistical and Population Cubes are multi dimensional data bases that allow users to drill down into the data to derive at a desired location.  At this point they may print the report or send the data to a spread sheet ot file. (https://extranet5.psc-cfp.gc.ca/psc-stats/ )</t>
  </si>
  <si>
    <t>PSC-22</t>
  </si>
  <si>
    <t>ATIP AccessPro</t>
  </si>
  <si>
    <t>This case management system, containing confidential data, serves as an agent between users, departments, involved parties, and requestors.  The redaction portion is electronic redaction software that provides the ATIP officer the features needed to manage an audit process.</t>
  </si>
  <si>
    <t>CSDC Systems inc./Privasoft: AccessPro Case Management and Redaction</t>
  </si>
  <si>
    <t>PSC-220</t>
  </si>
  <si>
    <t>Second Language Evaluation - Scheduling System</t>
  </si>
  <si>
    <t>SLE-SS(RF)</t>
  </si>
  <si>
    <t>This web-based application allows SLE test coordinators in other departments to request dates for Reading, Writing or Oral Proficiency testing for their employees.  It channels the requests to the appropriate Regional Office via e-mail, and permits PSC officers to assign dates to the requested tests.  This system is also used to produce reports for statistics purposes.</t>
  </si>
  <si>
    <t>PSC-224</t>
  </si>
  <si>
    <t>Statistical Package for the Social Science</t>
  </si>
  <si>
    <t>Communications Services,Human Resources Management Services,Legal Services,Management and Oversight Services,Other</t>
  </si>
  <si>
    <t>A software package used for statistical analysis</t>
  </si>
  <si>
    <t>(IBM Canada Limited) IBM SPSS Statistics Base (and other SPSS modules)</t>
  </si>
  <si>
    <t>PSC-232</t>
  </si>
  <si>
    <t>This software package uses the ICR (Intelligent Character Recognition) technology. TSRR and ACIIS all use the ICR scanning as a means for data entry into their databases.  Data is captured through the ICR scanning.</t>
  </si>
  <si>
    <t>MultiCIM technologies : TeleForm (Cardiff Software)</t>
  </si>
  <si>
    <t>PSC-234</t>
  </si>
  <si>
    <t>Test Inventory Control System</t>
  </si>
  <si>
    <t>TICS</t>
  </si>
  <si>
    <t>This unilingual application manages test inventories for the Personnel Psychology Centre.  The PSC provides government departments and agencies with access to a variety of tests, available in English and French.  The test inventory contains all the materials associated with each test, including copies of the test itself.  Each copy of the protected test material is assigned a unique control number.  The distribution and subsequent return of each individual copy is carefully monitored and recorded by this application.  The system has the ability to automatically send reminder e-mails to clients who are late in returning test materials.  Bar coding has now been implemented in TICS to better control the test inventory.</t>
  </si>
  <si>
    <t>PSC-235</t>
  </si>
  <si>
    <t>Test Results Search Tool (PSC)</t>
  </si>
  <si>
    <t>TRST</t>
  </si>
  <si>
    <t>PSC-237</t>
  </si>
  <si>
    <t>Test Scoring and Results Reporting</t>
  </si>
  <si>
    <t>TSRR</t>
  </si>
  <si>
    <t>PSC-25</t>
  </si>
  <si>
    <t>Basset Pro (PSC)</t>
  </si>
  <si>
    <t>Basset</t>
  </si>
  <si>
    <t>Acquisition Services,Financial Management Services,Information Management Services,Management and Oversight Services,Materiel Services</t>
  </si>
  <si>
    <t>Inventory module operated by the Administration Services Division and used by Accounting Operations Division for depreciation calculations.</t>
  </si>
  <si>
    <t>PSC-278</t>
  </si>
  <si>
    <t>Duty to Accommodate</t>
  </si>
  <si>
    <t>DtA</t>
  </si>
  <si>
    <t>PSC-28</t>
  </si>
  <si>
    <t>Bugzilla is a bug- or issue-tracking system.</t>
  </si>
  <si>
    <t>PSC-285</t>
  </si>
  <si>
    <t>Microsoft Visual SourceSafe</t>
  </si>
  <si>
    <t>MS-VSS</t>
  </si>
  <si>
    <t>Microsoft Visual SourceSafe (VSS) is a source control software package oriented towards small software development projects.</t>
  </si>
  <si>
    <t>Microsoft: Visual SourceSafe 6.0c</t>
  </si>
  <si>
    <t>PSC-292</t>
  </si>
  <si>
    <t>Vovici</t>
  </si>
  <si>
    <t>Communications Services,Human Resources Management Services,Information Management Services,Information Technology Services,Management and Oversight Services</t>
  </si>
  <si>
    <t>Enterprise Feefback management web-tool and survey development tool.</t>
  </si>
  <si>
    <t>Verint: Product name is VOVICI</t>
  </si>
  <si>
    <t>PSC-295</t>
  </si>
  <si>
    <t>Revenue Management System</t>
  </si>
  <si>
    <t>In-house financial web-based application used to track and invoice PSC services provided on a cost-recovery basis</t>
  </si>
  <si>
    <t>PSC-30</t>
  </si>
  <si>
    <t>Cash Control Module</t>
  </si>
  <si>
    <t>Cash Control (CC) is an automated system control point of cash limits set by the Financial Management division. It’s purpose is to control the expenditures entered into FreeBalance do not exceed branch level appropriation limits.</t>
  </si>
  <si>
    <t>PSC-302</t>
  </si>
  <si>
    <t>Versatile Express</t>
  </si>
  <si>
    <t>IMO Paper Records Management/Barcode/Label System</t>
  </si>
  <si>
    <t>Zasio: Versatile Express</t>
  </si>
  <si>
    <t>PSC-308</t>
  </si>
  <si>
    <t>Clarity</t>
  </si>
  <si>
    <t>CA Clarity Project Portfolio Manager is an integrated suite of modules that allows your organization to seamlessly manage its services, projects, products, people and financials.</t>
  </si>
  <si>
    <t>PSC-314</t>
  </si>
  <si>
    <t>Group Share</t>
  </si>
  <si>
    <t>GroupShare</t>
  </si>
  <si>
    <t>Automatic Network Folder Encryption</t>
  </si>
  <si>
    <t>Entrust Product: Entrust Entelligence Group Share for Windows Folders</t>
  </si>
  <si>
    <t>PSC-324</t>
  </si>
  <si>
    <t>DM Server (eDOCS DM)</t>
  </si>
  <si>
    <t>SLA between PSC/PWGSC (SSC) for GCDOCS-RDIMS (OpenText software)</t>
  </si>
  <si>
    <t>PSC-345</t>
  </si>
  <si>
    <t>Teammate is an audit management software system, providing an integrated paperless strategy for managing audits.</t>
  </si>
  <si>
    <t>Wolters Kluwer: name of Software "TeamMate"</t>
  </si>
  <si>
    <t>PSC-350</t>
  </si>
  <si>
    <t>SPS Email - Direct Deposit Notification Tool</t>
  </si>
  <si>
    <t>DDNT</t>
  </si>
  <si>
    <t>Communications Services,Financial Management Services,Information Management Services</t>
  </si>
  <si>
    <t>Direct Deposit Notification Tool. A process that is monitored by one to two employees.</t>
  </si>
  <si>
    <t>Freebalance Inc: SPS Email</t>
  </si>
  <si>
    <t>PSC-357</t>
  </si>
  <si>
    <t>Keepass</t>
  </si>
  <si>
    <t>Password Managment System used by DBAs, Developpers and Middleware to securely manage their inventory of Passwords. Encryption is used.</t>
  </si>
  <si>
    <t>Open Source : http://keepass.info/news/n110712_2.16.html</t>
  </si>
  <si>
    <t>PSC-369</t>
  </si>
  <si>
    <t>WordPress is a blogging platform that powers intravox, enabling dynamic sites such as the Update at the PSC site, enabling web services such as the Photo Gallery and Events Calendar, and allowing for rapid deploymnet of special web sites for specific projects.</t>
  </si>
  <si>
    <t>PSC-371</t>
  </si>
  <si>
    <t>Mediawiki is the wiki platform that powers the PSC's wiki site, allowing small groups to develop web content for their own purposes.</t>
  </si>
  <si>
    <t>PSC-373</t>
  </si>
  <si>
    <t>Piwik is a web analytics platform, used to provide statistics about the usage of the PSC's web sites.</t>
  </si>
  <si>
    <t>PSC-376</t>
  </si>
  <si>
    <t>Staffing Audit Tool</t>
  </si>
  <si>
    <t>SAT - OVD</t>
  </si>
  <si>
    <t>The Staffing Audit Tool (SAT) is a Microsoft Access database application designed and developed by the staff of the PSC’s Audit Directorate of the Audit and Data Services Branch.  The database stores the results of compliance examination of appointments to and within the federal public service.</t>
  </si>
  <si>
    <t>APP-04132</t>
  </si>
  <si>
    <t>Student Recruitment Service</t>
  </si>
  <si>
    <t>APP-04136</t>
  </si>
  <si>
    <t>Scoring Web Service</t>
  </si>
  <si>
    <t>SWS</t>
  </si>
  <si>
    <t>PSC-45</t>
  </si>
  <si>
    <t>Contract Management System</t>
  </si>
  <si>
    <t>Acquisition Services,Financial Management Services,Other</t>
  </si>
  <si>
    <t>CMS manages PSC contracts for Professional Services. From a single system, users are able to manage contracts and related amendments, add, modify and close obligations related to contracts, and generate contract documents. Users of the CMS system include PSC managers, the Contract Review Board (CRB) and any PSC employees who are involved in preparing contracts.</t>
  </si>
  <si>
    <t>PSC-46</t>
  </si>
  <si>
    <t>Contract Management System Reporting Tool</t>
  </si>
  <si>
    <t>CMS Reporting</t>
  </si>
  <si>
    <t>Financial Management Services,Management and Oversight Services,Other</t>
  </si>
  <si>
    <t>This system allows the Administration Division to generate reports on professional services contracts. Data information is pulled from two applications: CMS for contracting information and FreeBalance for expenditures.</t>
  </si>
  <si>
    <t>PSC-48</t>
  </si>
  <si>
    <t>COOP</t>
  </si>
  <si>
    <t>COOP provides information to interested parties on which educational institutions participate in the COOP program and which of their programs are eligible.</t>
  </si>
  <si>
    <t>PSC-49</t>
  </si>
  <si>
    <t>Correspondance Control Manager</t>
  </si>
  <si>
    <t>This COTS is used by Executive correspondence officers for the purpose of tracking correspondence.  CCM is now a corporate tool that is used in all directorates to track both Blue Dockets (those started in the president’s office) and Regular correspondence.</t>
  </si>
  <si>
    <t>PSC-60</t>
  </si>
  <si>
    <t>Electronic Forms System</t>
  </si>
  <si>
    <t>EFS</t>
  </si>
  <si>
    <t>Financial Management Services,Human Resources Management Services,Management and Oversight Services,Materiel Services,Travel and Other Administrative Services</t>
  </si>
  <si>
    <t>PSC-68</t>
  </si>
  <si>
    <t>EZ-Time (ITSD)</t>
  </si>
  <si>
    <t>EZ-Time</t>
  </si>
  <si>
    <t>EZ-Time is an in-house developed (MS-Access) time tracking system.  It provides users and managers with the ability to manage time and effort spend on work, at both the project and sub-project levels.  It is used by CMB, SASB and ADSB.</t>
  </si>
  <si>
    <t>PSC-71</t>
  </si>
  <si>
    <t>FAIS Reporting System</t>
  </si>
  <si>
    <t>This system complements FreeBalance Financials reporting capabilities by providing month-end reports.  FRS is used to produce financial reports for all FRS users at the PSC.  The information is drawn from copies of the FreeBalance database.</t>
  </si>
  <si>
    <t>PSC-76</t>
  </si>
  <si>
    <t>Financial Signing Authority Module (PSC)</t>
  </si>
  <si>
    <t>Financial Signing Authority (FSA) is a system developed to provide electronic signature capabilities for PSC employees that have received delegated financial signing authority.  This application permits the verification of expenditures initiation and obligation authorisation used in the following FAIS applications: EFS, CMS, FreeBalance purchase requisitions.</t>
  </si>
  <si>
    <t>PSC-80</t>
  </si>
  <si>
    <t>FBF</t>
  </si>
  <si>
    <t>FreeBalance Inc. (FreeBalance Fiancial)</t>
  </si>
  <si>
    <t>Public Services and Procurement Canada</t>
  </si>
  <si>
    <t>PSPC-OMIS00000001</t>
  </si>
  <si>
    <t>Accommodation / Car Rental Directory System</t>
  </si>
  <si>
    <t>ACRDS</t>
  </si>
  <si>
    <t>Data Provided (Scored)</t>
  </si>
  <si>
    <t>Acquisitions</t>
  </si>
  <si>
    <t>ACRDS is the web directory that provides an on-line directory to list approved government rates and information for Accommodation and Passenger Vehicle Rentals. It is used by GoC employees, RCMP and Armed Forces personnel to search for accommodation and car rental rates and information for official business purposes.</t>
  </si>
  <si>
    <t>PSPC-OMIS00000002</t>
  </si>
  <si>
    <t>Accommodation / Car Rental Repository System</t>
  </si>
  <si>
    <t>ACRRS</t>
  </si>
  <si>
    <t>ACRRS is a repository system for processing and managing Offer Information from Accommodation and Car Rental Service Providers. It also generates the database for ACRDS.</t>
  </si>
  <si>
    <t>PSPC-OMIS00000003</t>
  </si>
  <si>
    <t>Acquisition Information Service</t>
  </si>
  <si>
    <t>A data warehouse or repository of (historical) information on procurement documents issued by Acquisitions Branch.  It is a subset of information that is created and maintained by ABE (Automated Buyer Environment)</t>
  </si>
  <si>
    <t>Data Missing (Score of 0)</t>
  </si>
  <si>
    <t>PSPC-OMIS00000005</t>
  </si>
  <si>
    <t>Air Charter - Catalogue Site</t>
  </si>
  <si>
    <t>AC-CAT</t>
  </si>
  <si>
    <t>The Air Charter Services Catalogue System consolidates, for the convenience of Identified Users, all relevant information contained in the National Master Standing Offer (NMSO) for the domestic and some international Air Charter Services. It provides Identified Users on GENET with the Terms and Conditions of the NMSO, Search features by Rotary Wing, Fixed Wing and Carrier, Forms, print Catalogue and Carriers’ contact information, published rates, prices and services.   There is also an administrative module for NMSO database management which is accessible by the end users (Standing Offer Authorities) at PWGSC.</t>
  </si>
  <si>
    <t>PSPC-OMIS00000006</t>
  </si>
  <si>
    <t>Air Charter - Online System</t>
  </si>
  <si>
    <t>ACS-Online</t>
  </si>
  <si>
    <t>PSPC-OMIS00000017</t>
  </si>
  <si>
    <t>Car Electronic Bidding System</t>
  </si>
  <si>
    <t>CEBS</t>
  </si>
  <si>
    <t>A system used by Car Rental suppliers to prepare offer information for submission, as well as to managing and importing offer information to the repository.</t>
  </si>
  <si>
    <t>PSPC-OMIS00000018</t>
  </si>
  <si>
    <t>CASS - GC Surplus</t>
  </si>
  <si>
    <t>GC Surplus</t>
  </si>
  <si>
    <t>Crown Assets Distribution Directorate (CADD), Compliance and Asset Management Sector, within Science Informatics and Professional Services Sector (SIPSS), in the department of Public Works and Government Services Canada, dispose of moveable federal government surplus materiel through 6 regional Crown Assets Distribution Centres (CADC) offices across Canada and its Headquarters, through direct sales and in some cases, through contracts with service providers. Sale methods include tenders, public sales and auctions.  CADD owns 3 systems in 2 environments to fulfill their mandate.   • ROS/Item Client System (WebRics) – Web site hosted at RAD International (Service Provider).  This application is needed to allow Other Government Departments (OGD) record</t>
  </si>
  <si>
    <t>PSPC-OMIS00000019</t>
  </si>
  <si>
    <t>Central Removal System</t>
  </si>
  <si>
    <t>CRS supports and automates activities related to the relocation of employees, move information, communications with van lines and departmental contacts, invoicing and billing through Sigma interface.</t>
  </si>
  <si>
    <t>PSPC-OMIS00000022</t>
  </si>
  <si>
    <t>Common Reference Information System</t>
  </si>
  <si>
    <t>A system containing common reference and domain information that is required by many ACQB systems such as code and reporting tables and milestone descriptions.</t>
  </si>
  <si>
    <t>PSPC-OMIS00000025</t>
  </si>
  <si>
    <t>Galileo</t>
  </si>
  <si>
    <t>GALILEO</t>
  </si>
  <si>
    <t>Galileo is a web-based Requisition and Workload Management Tool, used to enable the PWGSC  Acquisitions staff to efficiently and effectively manage the requisition process. It has been deployed to PWGSC Western, Pacific and Ontario, Quebec and NCR [Summer / Fall 2015 Deployment] Regions Acquisitions staff.</t>
  </si>
  <si>
    <t>PSPC-OMIS00000026</t>
  </si>
  <si>
    <t>Canadian Forces Superannuation System</t>
  </si>
  <si>
    <t>CFSA</t>
  </si>
  <si>
    <t>Federal Pay &amp; Pension Administration</t>
  </si>
  <si>
    <t>PSPC-OMIS00000027</t>
  </si>
  <si>
    <t>Central Index</t>
  </si>
  <si>
    <t>CENINDX</t>
  </si>
  <si>
    <t>PSPC-OMIS00000029</t>
  </si>
  <si>
    <t>Crown Assets Support System 2000</t>
  </si>
  <si>
    <t>CASS2000</t>
  </si>
  <si>
    <t>PSPC-OMIS00000030</t>
  </si>
  <si>
    <t>Customer Information System</t>
  </si>
  <si>
    <t>Database of government receiving and invoicing addresses by department.</t>
  </si>
  <si>
    <t>PSPC-OMIS00000033</t>
  </si>
  <si>
    <t>Electronic Petroleum Procurement System</t>
  </si>
  <si>
    <t>EPPS</t>
  </si>
  <si>
    <t>The Electronic Petroleum Procurement System (EPPS) is designed to assist procurement with serving  client departments involving the delivery of fuel at approximately 4,000 product specific locations across Canada. EPPS supports the procurement of fuel valued at between $350 million and $500 million dollars annually. Is purpose is to obtain petroleum products at the best possible price. EPPS consolidates by items within a file and also by zone, product and delivery method.</t>
  </si>
  <si>
    <t>PSPC-OMIS00000034</t>
  </si>
  <si>
    <t>e-Purchasing</t>
  </si>
  <si>
    <t>EPUSUITE</t>
  </si>
  <si>
    <t>E-Purchasing allows users to electronically fill in an order and electronicaly send it it to vendors. The system auto-completes vendor and destination addresses. Also, e-Purchasing can be configured for authority control forcing an approval manager to review and accept an order before it is sent out to vendors. The system automatically validates against Standing Offers before processing. There are 3 different modules which make up E-Purchasing: E-Purchasing Web, Transac and Sage.</t>
  </si>
  <si>
    <t>PSPC-OMIS00000049</t>
  </si>
  <si>
    <t>Seized Property Management Information System</t>
  </si>
  <si>
    <t>SPMIS</t>
  </si>
  <si>
    <t>PSPC-OMIS00000055</t>
  </si>
  <si>
    <t>Standing Offer Index</t>
  </si>
  <si>
    <t>SOI</t>
  </si>
  <si>
    <t>This application is designed to communicate the availability of standing offers and supply arrangements to client departments and agencies, and to assist users with their procurement activities by allowing them to determine if a standing offer exists that meets their requirements. It contains the complete list of PWGSC generated Standing Offers.  SOI supports procurement activities by allowing users in PWGSC and OGDs to determine if a standing offer exists that meets their requirements.</t>
  </si>
  <si>
    <t>PSPC-OMIS00000057</t>
  </si>
  <si>
    <t>Supplier Registration Information</t>
  </si>
  <si>
    <t>SRI</t>
  </si>
  <si>
    <t>The Supplier Registration Information (SRI) system is a database of businesses interested in selling to the federal government. By registering in SRI, users make their information widely available to federal government buyers who can use it to identify potential suppliers for the goods and services they buy.</t>
  </si>
  <si>
    <t>PSPC-OMIS00000063</t>
  </si>
  <si>
    <t>Vendor Information Management System</t>
  </si>
  <si>
    <t>An application that receives and manages vendor information and product code cross reference information that is used for vendor rotation and sourcing purposes.</t>
  </si>
  <si>
    <t>PSPC-OMIS00000064</t>
  </si>
  <si>
    <t>GC Surplus Client Interface</t>
  </si>
  <si>
    <t>GCSCI</t>
  </si>
  <si>
    <t>Crown Assets Distribution Directorate (CADD), Compliance and Asset Management Sector, within Science Informatics and Professional Services Sector (SIPSS), in the department of Public Works and Government Services Canada, dispose of moveable federal government surplus materiel through 6 regional Crown Assets Distribution Centres (CADC) offices across Canada and its Headquarters, through direct sales and in some cases, through contracts with service providers. Sale methods include tenders, public sales and auctions.  CADD owns 2 Web based systems to fulfill their mandate.   • Crown Assets Distribution (CAD) Web site hosted at RAD International.  This application allows the general public to subscribe to e-mail notification and to view materiel availabl</t>
  </si>
  <si>
    <t>PSPC-OMIS00000066</t>
  </si>
  <si>
    <t>Access for Compensation Advisors</t>
  </si>
  <si>
    <t>ACA</t>
  </si>
  <si>
    <t>PSPC-OMIS00000068</t>
  </si>
  <si>
    <t>Auto Renumeration Data Base</t>
  </si>
  <si>
    <t>ARDB</t>
  </si>
  <si>
    <t>PSPC-OMIS00000070</t>
  </si>
  <si>
    <t>Compensation Common Services Database</t>
  </si>
  <si>
    <t>CCSDB</t>
  </si>
  <si>
    <t>PSPC-OMIS00000071</t>
  </si>
  <si>
    <t>Contributor System</t>
  </si>
  <si>
    <t>CONT</t>
  </si>
  <si>
    <t>PSPC-OMIS00000074</t>
  </si>
  <si>
    <t>Gross to Net Pay Calculator</t>
  </si>
  <si>
    <t>GTON</t>
  </si>
  <si>
    <t>PSPC-OMIS00000076</t>
  </si>
  <si>
    <t>Insurance Unit Records Management System</t>
  </si>
  <si>
    <t>IURMS</t>
  </si>
  <si>
    <t>PSPC-OMIS00000079</t>
  </si>
  <si>
    <t>Judges Superannuation System</t>
  </si>
  <si>
    <t>JUDGES</t>
  </si>
  <si>
    <t>PSPC-OMIS00000080</t>
  </si>
  <si>
    <t>Members of Parliament Retirement Allocation (Pension PC Apps)</t>
  </si>
  <si>
    <t>MPRA</t>
  </si>
  <si>
    <t>PSPC-OMIS00000084</t>
  </si>
  <si>
    <t>Pay Stub on the Web</t>
  </si>
  <si>
    <t>PSW</t>
  </si>
  <si>
    <t>PSPC-OMIS00000088</t>
  </si>
  <si>
    <t>Pension Transfer Agreement</t>
  </si>
  <si>
    <t>PTA</t>
  </si>
  <si>
    <t>PSPC-OMIS00000089</t>
  </si>
  <si>
    <t>Pension Transfer Statement</t>
  </si>
  <si>
    <t>PSPC-OMIS00000091</t>
  </si>
  <si>
    <t>DPP - DFO &amp; PWGSC Portal</t>
  </si>
  <si>
    <t>DPP</t>
  </si>
  <si>
    <t>Accommodation and Real Property Services</t>
  </si>
  <si>
    <t>Allows DFO/PWGSC staff to share images &amp; project info related to DFO Small Craft Harbours portfolio. This application is on the GC Intranet and serves multiple departments.  BVA 2015-16:  INTERDEPARTMENTAL USE - SC-Net Portal through which OGD and PWGSC users can exchange shared documents.</t>
  </si>
  <si>
    <t>PSPC-OMIS00000093</t>
  </si>
  <si>
    <t>Personnel Registration Request</t>
  </si>
  <si>
    <t>PRR</t>
  </si>
  <si>
    <t>Registration of new personnel - notifies all relevant parties (Safety &amp; Security, HR, ITS, etc) of a new employee – enforces policies. See http://breakers-brisants.pwgsc-tpsgc.gc.ca/eng/node/4343 for a complete description.  BVA 2015-16:  Tool to facilitate on-boarding and departure of staff and the subsequent workflows that have to occur to assign/relinquish a workspace, IT assets, security clearance, HR and pay records, etc. (STONG POTENTIAL FOR BROADER DEPARTMENTAL USE)</t>
  </si>
  <si>
    <t>PSPC-OMIS00000098</t>
  </si>
  <si>
    <t>Public Service Health Care Plan (Pay PC Apps)</t>
  </si>
  <si>
    <t>PSHCP (PC)</t>
  </si>
  <si>
    <t>PSPC-OMIS00000100</t>
  </si>
  <si>
    <t>PSPC-OMIS00000101</t>
  </si>
  <si>
    <t>Pay - Register on the Web</t>
  </si>
  <si>
    <t>PRoW</t>
  </si>
  <si>
    <t>PSPC-OMIS00000104</t>
  </si>
  <si>
    <t>ReTOS Calculating System (Pay PC Apps)</t>
  </si>
  <si>
    <t>ReTOS (The reTaken on Strength application calculates Superannuation Arrears, Disability Insurance(DI), Long Term Disability Insurance (LTD), Supplemenatry Death Benefit Arrears(SDB) for employees covered by the Public Service Superannuation Act who have been or will be absent on Leave without Pay.</t>
  </si>
  <si>
    <t>PSPC-OMIS00000108</t>
  </si>
  <si>
    <t>Superannuation Master Index System</t>
  </si>
  <si>
    <t>SMIRS</t>
  </si>
  <si>
    <t>PSPC-OMIS00000111</t>
  </si>
  <si>
    <t>Transfer Value (Pension PC Apps)</t>
  </si>
  <si>
    <t>TV</t>
  </si>
  <si>
    <t>Transfer Value (TV) is a PC based application that calculates the value of the current employee's pension benefit at the time of termination.  This application provides an interface for an OSFI module calculation.  This was to be decommissioned with Release 3.0 of Pen Mod, however the functinality is still required by the client and it will not be decommissioned in the foreseeable future.</t>
  </si>
  <si>
    <t>PSPC-OMIS00000112</t>
  </si>
  <si>
    <t>ADE Toolset</t>
  </si>
  <si>
    <t>ADEToolset</t>
  </si>
  <si>
    <t>It is a set of small applications/tools/softwares use by developers to support application development.</t>
  </si>
  <si>
    <t>PSPC-OMIS00000116</t>
  </si>
  <si>
    <t>Receiver General for Canada</t>
  </si>
  <si>
    <t>PSPC-OMIS00000117</t>
  </si>
  <si>
    <t>PSPC-OMIS00000120</t>
  </si>
  <si>
    <t>Common Departmental Financial System</t>
  </si>
  <si>
    <t>CDFS</t>
  </si>
  <si>
    <t>PSPC-OMIS00000122</t>
  </si>
  <si>
    <t>Direct Deposit Interface System</t>
  </si>
  <si>
    <t>DDIS</t>
  </si>
  <si>
    <t>Once a week, the Financial Institution File (FIF) is downloaded from the Canadian Payment Association.  The FIF file is decrypted and uploaded to the mainframe MVS2. On the mainframe the file, which has a record for each Financial Number and Branch Number, is loaded to the DDIS database on MVS2 and MVSB. Sequential files are also copied on MVS1. DDIS uses this data to identify the Direct Clearer for a given FI (Financial Institution) Branch number. Each record also contains the Address. DDIS provides enquiry function by Address, FI and FI Branch.  SPS uses DDIS to validate and identify the direct clearer for a given FI Branch.  Other applications use it to verify the existence of a given FI Branch.</t>
  </si>
  <si>
    <t>PSPC-OMIS00000126</t>
  </si>
  <si>
    <t>Generic Utility Services</t>
  </si>
  <si>
    <t>GUS</t>
  </si>
  <si>
    <t>PSPC-OMIS00000129</t>
  </si>
  <si>
    <t>Government Banking System</t>
  </si>
  <si>
    <t>GBS</t>
  </si>
  <si>
    <t>The Government Banking System (GBS) supports the Public Works and Government Services Canada (PWGSC) mandate to perform the treasury functions of the Receiver General.  The GBS provides revenue collection services to government departments and agencies. Receipts collected by departments and agencies amount to approximately $416 billion a year.  Cash inflows to the Consolidated Revenue Fund in 2009-2010 were approximately $1.082 trillion, with cash outflows of $1.102 trillion.   Fees paid by the Receiver General for banking services in 2009-2010 amounted to approximately $42.2 million.  Over 100 departments and agencies generate revenues for deposit into the Consolidated Revenue Fund.  The GBS also facilitates the establishment and management of arr</t>
  </si>
  <si>
    <t>PSPC-OMIS00000131</t>
  </si>
  <si>
    <t>Management Reporting Module</t>
  </si>
  <si>
    <t>PSPC-OMIS00000135</t>
  </si>
  <si>
    <t>PayCourier Archive</t>
  </si>
  <si>
    <t>PCA</t>
  </si>
  <si>
    <t>PSPC-OMIS00000136</t>
  </si>
  <si>
    <t>PayCourier Retail 2 Pass</t>
  </si>
  <si>
    <t>PCR2P</t>
  </si>
  <si>
    <t>PSPC-OMIS00000138</t>
  </si>
  <si>
    <t>PSPC-OMIS00000144</t>
  </si>
  <si>
    <t>PSPC-OMIS00000152</t>
  </si>
  <si>
    <t>Alternate Forms of Delivery Management System</t>
  </si>
  <si>
    <t>AFDMS</t>
  </si>
  <si>
    <t>AFDMS is the repository of data that is delivered to PWGSC as part of the Alternative Forms of Delivery (AFD) contracts with private sector contractors. The data that is electronically submitted by each contractor, enables PWGSC to monitor the contracts, perform data and trend analysis, and facilitate requirements for reporting to parliament. AFDMS is the central point of reference for all business groups to accessAFD information.</t>
  </si>
  <si>
    <t>PSPC-OMIS00000153</t>
  </si>
  <si>
    <t>Business Intelligence Tools</t>
  </si>
  <si>
    <t>BI Tools</t>
  </si>
  <si>
    <t>Business Intelligence Tools is an environment in which business users receive data that is reliable, consistent, understandable, easily manipulated and timely. This environment currently utilizes Cognos 10.1, which is a commercial-off-the-shelf Business Intelligence toolset from IBM.  BI Tools provides a centralized solution for report creation and distribution within Real Property Branch (RPB) and to other branches within PWGSC.</t>
  </si>
  <si>
    <t>PSPC-OMIS00000157</t>
  </si>
  <si>
    <t>Facilities Inventory System Reporting</t>
  </si>
  <si>
    <t>FISREP</t>
  </si>
  <si>
    <t>FISREP is a reporting database that takes national and regional data gathered in WinFIS and generates reports based on a client's criteria. It provides information related to planning, assets, occupants, vacancies, and tenants.</t>
  </si>
  <si>
    <t>PSPC-OMIS00000161</t>
  </si>
  <si>
    <t>Issue and Fault Tracking System</t>
  </si>
  <si>
    <t>IFTS</t>
  </si>
  <si>
    <t>The Issue and Fault Tracking System (IFTS) application is used to ensure faults and issues are recorded and tracked from reporting to resolution, by client applications and groups.</t>
  </si>
  <si>
    <t>PSPC-OMIS00000162</t>
  </si>
  <si>
    <t>Land and Geographic Information System</t>
  </si>
  <si>
    <t>LGIS</t>
  </si>
  <si>
    <t>The Land and Geographic Information System (LGIS), a national web based application, is used by the Real Property Branch (RPB) for the collection and maintenance of PWGSC land ownership records. LGIS provides a framework for an integrated workflow for creating, updating and managing a property base and manages property ownership, extents and property rights that may impact the acquisition, ongoing use and possible disposal of the assets.</t>
  </si>
  <si>
    <t>PSPC-OMIS00000167</t>
  </si>
  <si>
    <t>Payment in Lieu of Taxes System</t>
  </si>
  <si>
    <t>PILT</t>
  </si>
  <si>
    <t>The PS/SP is a Windows-based client-server software application designed to support the activities of the PILT Program. It was developed in-house by Government Telecommunications and Informatics Services (GTIS) staff and put into national operation in the six regional offices in the fall of 1999.</t>
  </si>
  <si>
    <t>PSPC-OMIS00000168</t>
  </si>
  <si>
    <t>Project and Business Management System Historical</t>
  </si>
  <si>
    <t>PBMS-H</t>
  </si>
  <si>
    <t>PBMS is an innovative application that allows RPB employees at all levels to conduct their project activities from the planning stage through to completion. It is made up of eight modules:  Rent-Based Billing  Process Monitor  Maintain Code Tables  BMP - Building Management Plan  Workplan Monitoring - CC Directory  Workplan Monitoring - RC Budget  Performance Measurement  BMP Reports  The latest and most up-to-date information on PBMS can be found on this website (under Information Exchange).  We hope you will find the information contained on this website helpful in using PBMS to its full potential.</t>
  </si>
  <si>
    <t>PSPC-OMIS00000169</t>
  </si>
  <si>
    <t>NPS</t>
  </si>
  <si>
    <t>Project tracking system related to property acquisition, disposal, and consulting. Planned decommission date may change depending on the availability and functionality of the NOVUS ERP</t>
  </si>
  <si>
    <t>PSPC-OMIS00000170</t>
  </si>
  <si>
    <t>Real Estate On-Line (Operational)</t>
  </si>
  <si>
    <t>REOL</t>
  </si>
  <si>
    <t>The Real Estate Online (REO) application provides Real Property Branch with enhanced support for activities related to the disposal of Federal Government Real Property on behalf of custodial departments and supports Treasury Board's overall management mandate. It is a web-based application used to manage federal government real property disposals. REO supports Real Estate Services professionals involved in disposing of surplus federal property.</t>
  </si>
  <si>
    <t>PSPC-OMIS00000171</t>
  </si>
  <si>
    <t>Real Property Management System</t>
  </si>
  <si>
    <t>RPMS</t>
  </si>
  <si>
    <t>The Real Property Management System (RPMS) is an integrated set of custom software modules supporting a broad range of professional and technical services associated with real property management at the national level.  Business functions supported include: Advisory and Facilities Management (AFM), Alternate Forms of Delivery (AFD), and Enviornmental &amp; Sustainable Development (ESD), which represent the embedded expertise of property management in the federal government. Greater than a dozen Real Property Branch (RPB) business lines use the system operationally.  A DotNet-based module was introduced in FY2013-2014 is the RPMS_SA (Standalone), a portable version for use as a failover solution by the NSCC.  In FY 2014-2015, a DotNet-based module was produ</t>
  </si>
  <si>
    <t>PSPC-OMIS00000172</t>
  </si>
  <si>
    <t>RP Corporate data</t>
  </si>
  <si>
    <t>CORP</t>
  </si>
  <si>
    <t>CORP is a database schema. The schema is accessed by almost all RP applications.    The CORP schema is populated by:  1. DFRP Load - this is a feed of federal Real Property data from the Treasury Board (Perl, PLSQL) 2. Applications: "Maintain Person" and "Maintain Accounts" - updates a subset of tables in the CORP database.   RP CORP  umbrella for ‘common’ activities implemented on behalf of other CIOB applications:    1. Methods for moving data (consolidation, replication and copy – Pro*C code).   This includes C code that dynamically builds trigger, function and cursor code  2. Schema Copy - PLSQL code</t>
  </si>
  <si>
    <t>Specialized Programs and Services</t>
  </si>
  <si>
    <t>PSPC-OMIS00000182</t>
  </si>
  <si>
    <t>CCM - Ministerial Correspondance Management System</t>
  </si>
  <si>
    <t>MCMS</t>
  </si>
  <si>
    <t>System to manage ministerial correspondance using a COTS</t>
  </si>
  <si>
    <t>PSPC-OMIS00000191</t>
  </si>
  <si>
    <t>Controlled Goods Directorate Registration System</t>
  </si>
  <si>
    <t>CGDRS</t>
  </si>
  <si>
    <t>Integrity Programs and Services</t>
  </si>
  <si>
    <t>PSPC-OMIS00000197</t>
  </si>
  <si>
    <t>Departmental and Industrial Security Information System</t>
  </si>
  <si>
    <t>DISIS</t>
  </si>
  <si>
    <t>PSPC-OMIS00000198</t>
  </si>
  <si>
    <t>Departmental Directory Service</t>
  </si>
  <si>
    <t>DDS is a web application that serves as the integrated electronic directory of employees and organizations at PSPC and is accessible from the department's intranet site. The information from DDS is provided to the Government Employee Directory System (GEDS) on a weekly basis. A primary function of this application is to enable mail delivery within the department.  DDS has two components:  * Public component - open to all PSPC employees to search and view contact information, organizational hierarchy and presents other links. * Admin component - where employees, DDS administrators and DDS contacts can update the contact information and organizational hierarchy.</t>
  </si>
  <si>
    <t>PSPC-OMIS00000202</t>
  </si>
  <si>
    <t>ELF</t>
  </si>
  <si>
    <t>Application providing electronic fillable to users.</t>
  </si>
  <si>
    <t>PSPC-OMIS00000203</t>
  </si>
  <si>
    <t>Entreprise Document and Records Management</t>
  </si>
  <si>
    <t>E-DRM</t>
  </si>
  <si>
    <t>E-DRM is the GoC document and record management system used to store and classify enterprise records.</t>
  </si>
  <si>
    <t>OpenText eDOCS</t>
  </si>
  <si>
    <t>PSPC-OMIS00000205</t>
  </si>
  <si>
    <t>Forms Inventory Control System</t>
  </si>
  <si>
    <t>FICS</t>
  </si>
  <si>
    <t>Application used to keep track of different forms.</t>
  </si>
  <si>
    <t>PSPC-OMIS00000213</t>
  </si>
  <si>
    <t>PSPC-OMIS00000218</t>
  </si>
  <si>
    <t>Personnel Security Data Collection Application</t>
  </si>
  <si>
    <t>PSDCA</t>
  </si>
  <si>
    <t>PSPC-OMIS00000226</t>
  </si>
  <si>
    <t>Windows Organization Charting System</t>
  </si>
  <si>
    <t>WINORG</t>
  </si>
  <si>
    <t>WINORG enables users to view only the information on positions and incumbents.  Allows HR to produce an Org. Chart or information about position and incumbents for specific Branches.</t>
  </si>
  <si>
    <t>PSPC-OMIS00000233</t>
  </si>
  <si>
    <t>Canada Gazette</t>
  </si>
  <si>
    <t>GAZETTE</t>
  </si>
  <si>
    <t>The Canada Gazette is the official newspaper of the Government of Canada and has been published regularly by the Queen’s Printer since 1841. Until 2014, it was possible to have access to a paper copy of the Canada Gazette, but on April 1 of that same year, it was decided to discontinue the printing of the paper copy. Since then, only the electronic version is published.   The Canada Gazette includes new statutes and regulations, proposed regulations, decisions of administrative boards and an assortment of government notices. Private sector notices which are required by statute to be published to inform the public also appear in the Canada Gazette.</t>
  </si>
  <si>
    <t>Linguistic Management Services</t>
  </si>
  <si>
    <t>PSPC-OMIS00000240</t>
  </si>
  <si>
    <t>NSCC Site &amp; eRequest Form</t>
  </si>
  <si>
    <t>NSCC</t>
  </si>
  <si>
    <t>The NSCC records property maintenance requests placed by federal employees, and dispatches these requests to qualified personnel on location. Acting as the liaison between clients and building maintenance personnel, the NSCC strives to ensure the smooth operation of facility and building maintenance.The eRequest application allows for a web-based method for clients to efficiently submit requests via the GC Intranet resulting in costs savings for the call center.</t>
  </si>
  <si>
    <t>PSPC-OMIS00000243</t>
  </si>
  <si>
    <t>Esquimalt Graving Dock Billing Application</t>
  </si>
  <si>
    <t>EGD Billing</t>
  </si>
  <si>
    <t>Billing application used to record charges and invoices for clients of the Esquimalt Graving Dock.</t>
  </si>
  <si>
    <t>PSPC-OMIS00000244</t>
  </si>
  <si>
    <t>Esquimalt Graving Dock Booking Application</t>
  </si>
  <si>
    <t>EGD Booking</t>
  </si>
  <si>
    <t>Booking application used by clients of the Esquimalt Graving Dock to reserve space at the docks.</t>
  </si>
  <si>
    <t>PSPC-OMIS00000246</t>
  </si>
  <si>
    <t>HR Calendar Application</t>
  </si>
  <si>
    <t>HR OCR</t>
  </si>
  <si>
    <t>Online Calendar Registration.  Allows staff to book training.</t>
  </si>
  <si>
    <t>PSPC-OMIS00000249</t>
  </si>
  <si>
    <t>Pacific Systems Availability (Netstat)</t>
  </si>
  <si>
    <t>Netstats</t>
  </si>
  <si>
    <t>stats for sites</t>
  </si>
  <si>
    <t>PSPC-OMIS00000251</t>
  </si>
  <si>
    <t>PWGSC Pacific Intranet web site</t>
  </si>
  <si>
    <t>Pac Intra</t>
  </si>
  <si>
    <t>Pacific Region’s intranet site</t>
  </si>
  <si>
    <t>PSPC-OMIS00000262</t>
  </si>
  <si>
    <t>Integrated Information System</t>
  </si>
  <si>
    <t>IIS is an on-line ordering system used by Translation Bureau clients to obtain translation and linguistique services.  It is used by the Bureau employees to manage and keep track of orders.  It is also used to manage workload allocation, work time and billing.</t>
  </si>
  <si>
    <t>PSPC-OMIS00000269</t>
  </si>
  <si>
    <t>Pacific Compensation Client Inquiry System</t>
  </si>
  <si>
    <t>CCIS</t>
  </si>
  <si>
    <t>PSPC-OMIS00000273</t>
  </si>
  <si>
    <t>Production Center Statistic System</t>
  </si>
  <si>
    <t>PCSS</t>
  </si>
  <si>
    <t>PSPC-OMIS00000274</t>
  </si>
  <si>
    <t>Plant Operations Control System</t>
  </si>
  <si>
    <t>POCS</t>
  </si>
  <si>
    <t>POCS is an in-house desktop application that supports the 2 regional production centers located in Quebec City and Winnipeg. It tracks tombstone data  consisting of client, product, due date, form to use, quantity to print, cheque form usage, etc.  related to print requests, insertion and distribution.</t>
  </si>
  <si>
    <t>PSPC-OMIS00000277</t>
  </si>
  <si>
    <t>Supplier Information Management System</t>
  </si>
  <si>
    <t>Système de gestion des appels d'offres et des contrats de pige en traduction. Facilite la présélection, la sélection de fournisseurs; facilite le suivi des contrats; sert à l'évaluation des prestations des fournisseurs.</t>
  </si>
  <si>
    <t>PSPC-OMIS00000279</t>
  </si>
  <si>
    <t>Sales Activity Follow-up System</t>
  </si>
  <si>
    <t>SAFS</t>
  </si>
  <si>
    <t>Logiciel de gestion de la relation-client. Comptabiliser, suivre l'évolution des ventes du Bureau. Enregistrer des plaintes et autres rétroactions. Enregistrer de l'information sur les appels d'offre de traduction de la plupart des ministères.</t>
  </si>
  <si>
    <t>PSPC-OMIS00000283</t>
  </si>
  <si>
    <t>Termium Plus</t>
  </si>
  <si>
    <t>T+</t>
  </si>
  <si>
    <t>The Government of Canada's terminology and linguistic data bank</t>
  </si>
  <si>
    <t>Facilitative tool to assist translators to translate more effectively and in a shorter period of time.</t>
  </si>
  <si>
    <t>PSPC-OMIS00000287</t>
  </si>
  <si>
    <t>Resouce Management Application for Acquisitions Branch</t>
  </si>
  <si>
    <t>PSPC-OMIS00000288</t>
  </si>
  <si>
    <t>Bid Receiving Unit</t>
  </si>
  <si>
    <t>BRU</t>
  </si>
  <si>
    <t>System  - controlling and processing solicitations , for NCR use only  - identifies bids received against received solicitations.  This is part of the GETS/Merx Service provided by MediaGrif and should be recorded as a single service.</t>
  </si>
  <si>
    <t>PSPC-OMIS00000289</t>
  </si>
  <si>
    <t>Publications Classification Scheme Database</t>
  </si>
  <si>
    <t>PSPC-OMIS00000291</t>
  </si>
  <si>
    <t>GoC Publications Web System</t>
  </si>
  <si>
    <t>EBOOKSTORE</t>
  </si>
  <si>
    <t>A Web-enabled application for the GoC publications content management: to administer the catalogue data of GoC publications (hard-copy and electronic), search for GoC publications and provide an electronic storefront for customer ordering</t>
  </si>
  <si>
    <t>PSPC-OMIS00000295</t>
  </si>
  <si>
    <t>Oproma (Online Project Mgmt) 3rd party service</t>
  </si>
  <si>
    <t>The OPROMA is a Commercial of the Shelf (COTS) web-based tool used for project collaboration tool, allowing authorized team members and managers to share the vital file system, in order to update project information, schedule activities and share general project information.</t>
  </si>
  <si>
    <t>PSPC-OMIS00000296</t>
  </si>
  <si>
    <t>Capital Project Briefing Note System</t>
  </si>
  <si>
    <t>CPBN</t>
  </si>
  <si>
    <t>PSPC-OMIS00000301</t>
  </si>
  <si>
    <t>Lease program</t>
  </si>
  <si>
    <t>LP</t>
  </si>
  <si>
    <t>Le Programme des baux est une base de données qui sert à faire la planification et la gestion des baux de Travaux Publics et Services gouvernementaux Canada dans la province de Québec. Il contient, en autre, un inventaire des locaux loués par TPSGC, ainsi que les coûts de location.</t>
  </si>
  <si>
    <t>PSPC-OMIS00000303</t>
  </si>
  <si>
    <t>Conference rooms reservations system</t>
  </si>
  <si>
    <t>Le Système de réservation de salle est une application Web permettant de réserver, à l’aide d’un fureteur, n’importe quelle salle de réunion dans les édifices de Travaux Publics et Services Gouvernementaux Canada à Montréal et à Québec. Il contient également un babillard électronique, un forum et un gestionnaire de tâches.</t>
  </si>
  <si>
    <t>PSPC-OMIS00000334</t>
  </si>
  <si>
    <t>Suivi des dictés numérique</t>
  </si>
  <si>
    <t>SDN</t>
  </si>
  <si>
    <t>Logiciel qui achemine des fichiers audio (qui sont produits par un logiciel commercial) vers la répartition.  Cette application n'est PAS sur le réseau de TPSGC.  Elle est installée sur le réseau de la Chambre des communes.</t>
  </si>
  <si>
    <t>PSPC-OMIS00000350</t>
  </si>
  <si>
    <t>Land Information Registry</t>
  </si>
  <si>
    <t>The Land Information Registry (LIR) is a repository for land-related documents relating to currently and formerly owned Federal properties.  It was created to facilitate conversion of paper-based land information to an electronic format.   The LIR supports the business of the Real Property directorate by:  • Providing a ‘one-stop shopping’ repository for site title information and related documents • Reducing duplication (cannot be eliminated completely) • Reducing time (effort) required to perform a title search • Aligning with the Land and Geographic Information System (LGIS) and Directory of Federal Real Property (DFRP)  BVA 15-16:  The Land Information Registry (LIR) is a repository for land-related information relating to currently-owned an</t>
  </si>
  <si>
    <t>PSPC-OMIS00000357</t>
  </si>
  <si>
    <t>Real Property Registry</t>
  </si>
  <si>
    <t>RPR</t>
  </si>
  <si>
    <t>Maintains appraisal, market survey and parking survey information for PWGSC managed buildings and lands.  BVA 15-16: CORPORATE APP administered on behalf of the Chief Appraiser of Canada by the Valuation team of the Atlantic Region.</t>
  </si>
  <si>
    <t>PSPC-OMIS00000362</t>
  </si>
  <si>
    <t>A web-based reporting tool to support Quality Management. Planned decommission date may change depending on the availability and functionality of the NOVUS ERP</t>
  </si>
  <si>
    <t>PSPC-OMIS00000369</t>
  </si>
  <si>
    <t>Lease Management System</t>
  </si>
  <si>
    <t>Maintains Ontario Region and Western Region's historical repository of lease contract elements not contained in NOVUS.  Examples of the details include issued estoppels, sub-contracts, options, early termination, release of parking, legal decisions, project team data, caveat and sub-agreement/tenant improvement project information for PWGSC buildings, property and contracts.  Support was transferred from Western Region OMIS00017363 to OMIS00017360 (RIO - Ontario) for the 2013/ 14 Fiscal Year.</t>
  </si>
  <si>
    <t>PSPC-OMIS00000373</t>
  </si>
  <si>
    <t>WST Intranet Content Management System</t>
  </si>
  <si>
    <t>WR CMS</t>
  </si>
  <si>
    <t>This CMS has been configured to facilitate regional communications/collaboration in PWGSC Western Region.  It is used to disseminate information and integrates a wide variety of business/productivity tools.  Access to information and tools is managed via user roles contained in the system.</t>
  </si>
  <si>
    <t>DotNetNuke</t>
  </si>
  <si>
    <t>PSPC-OMIS00000374</t>
  </si>
  <si>
    <t>Atlantic Region Intranet</t>
  </si>
  <si>
    <t>Breakers</t>
  </si>
  <si>
    <t>Atlantic Regional intranet presence – Communication web-site for Atlantic Region; It is a Content Management System (CMS) that is essentially a central repository of regional administrative information. It also notifies regional employees of upcoming events and procedure changes, and is used in place of mass emails to the region.</t>
  </si>
  <si>
    <t>PSPC-OMIS00000389</t>
  </si>
  <si>
    <t>ORION - Ontario Region Intranet On-line</t>
  </si>
  <si>
    <t>ORION</t>
  </si>
  <si>
    <t>Communications Web Portal and Tools Modules for PWGSC Ontario Region.   Contains modules that provide specific business functions to support regional activities.   For example Fleet Reservations modules faciliates the efficient management of crown vehicles for PWGSC regional business.   All the modules use a common library to deliver its application functionality.</t>
  </si>
  <si>
    <t>PSPC-OMIS00000390</t>
  </si>
  <si>
    <t>Temporary Help Services</t>
  </si>
  <si>
    <t>THS</t>
  </si>
  <si>
    <t>Temporary Help Services - is the national application to manage regional supplier information for Ontario, Western, Pacific and Atlantic Regions.    It functions as a supplier pricing update/review application for temporary help services for PWGSC and OGD clients.  Allows suppliers of temporary help the option for viewing current catalogue rates.  Allows updating of company information and changing of quoted rates from its self-serve internet-facing front-end.   On the GC Intranet area, OGD clients are able to view a catalogue of accepted rates and issue callups.  On the PWGSC Intranet area, PWGSC Acquisition teams are able to process the evaluation of rates and perform other administrative functions.</t>
  </si>
  <si>
    <t>PSPC-OMIS00000392</t>
  </si>
  <si>
    <t>Integrated Library System V-Smart</t>
  </si>
  <si>
    <t>ILS V-SMART</t>
  </si>
  <si>
    <t>The Integrated library system (ILS ) V-Smart is a COTS product purchased by the Library .  The system is designed to support traditional library functions such as acquisitions, cataloguing, circulation and client searching of materials contained within collections.  It also supports the creation, storage and searching of bibliographic information using coding patterns derived from international cataloguing standards, allowing the importation of information about books, periodical etc. .  Material availability and the information can be viewed in the online public access catalogue (BiblioWeb 2.0).</t>
  </si>
  <si>
    <t>Infor, V-Smart</t>
  </si>
  <si>
    <t>PSPC-OMIS00000393</t>
  </si>
  <si>
    <t>Record of Employment</t>
  </si>
  <si>
    <t>ROE</t>
  </si>
  <si>
    <t>PSPC-OMIS00000394</t>
  </si>
  <si>
    <t>Reciprocal Transfer Agreement</t>
  </si>
  <si>
    <t>RTA</t>
  </si>
  <si>
    <t>PSPC-OMIS00000401</t>
  </si>
  <si>
    <t>CAFM (Computer Aided Facilities Management) - Archibus</t>
  </si>
  <si>
    <t>CAFM Archibus is a customized version of the Commercial-Off-The-Shelf product Archibus/FM for Windows.  It consists of the following application modules, each focusing on a specific area of facilities and infrastructure management: Space Management, Real Property and Lease Management, Strategic Master Planning, Furniture and Equipment Management, Design Management, Telecommunications and Cable Management.  One of the key features of Archibus/FM is the 'Overlay for AutoCAD' functionality which provides a data link between the AutoDesk AutoCAD drawing and the AFM database.  Another is the flexible, customizable user interface designed to allow end users to both enter data and create custom or canned reports.    Note: CAFM Archibus has a relationship w</t>
  </si>
  <si>
    <t>Archibus, Archibus</t>
  </si>
  <si>
    <t>PSPC-OMIS00000402</t>
  </si>
  <si>
    <t>CAFM - Meeting Room Reservation</t>
  </si>
  <si>
    <t>CAFM - MRR</t>
  </si>
  <si>
    <t>The Meeting Room Reservation (MRR) system is a customized web based application developed to manage the booking of meeting rooms in the Archibus database schema.  It is based on the Archibus F/M COTS product Boardroom Booking module with features such as searching for available meeting rooms and searching for rooms with specific amenities or capacity.  The application is deployed on SCNet and is currently in use for the PWGSC Corporate portfolio in the National Capital Region.</t>
  </si>
  <si>
    <t>PSPC-OMIS00000405</t>
  </si>
  <si>
    <t>Arrears Calculation</t>
  </si>
  <si>
    <t>PSPC-OMIS00000463</t>
  </si>
  <si>
    <t>Car pooling System</t>
  </si>
  <si>
    <t>CoVo</t>
  </si>
  <si>
    <t>Permet aux employés de TPSGC et des autres ministères fédéraux, de la région du Québec, de faire des arrangements pour du covoiturage d’affaire.</t>
  </si>
  <si>
    <t>PSPC-OMIS00000492</t>
  </si>
  <si>
    <t>Employee Pension Benefit System</t>
  </si>
  <si>
    <t>EPBS-PC</t>
  </si>
  <si>
    <t>PSPC-OMIS00000496</t>
  </si>
  <si>
    <t>Environmental Services Ledger</t>
  </si>
  <si>
    <t>ESL</t>
  </si>
  <si>
    <t>Tracks environmental services projects across the Atlantic Region.  BVA 15-16:  CORPORATE - Environmental Compliance Management Ledger.  National Corporate app, administered by the Atlantic Region.</t>
  </si>
  <si>
    <t>PSPC-OMIS00000500</t>
  </si>
  <si>
    <t>Online Field Industrial Security Operations</t>
  </si>
  <si>
    <t>FISO</t>
  </si>
  <si>
    <t>PSPC-OMIS00000508</t>
  </si>
  <si>
    <t>Government Electronic Data Interchange System</t>
  </si>
  <si>
    <t>GEDIS+</t>
  </si>
  <si>
    <t>PSPC-OMIS00000525</t>
  </si>
  <si>
    <t>V-Smart</t>
  </si>
  <si>
    <t>Catalogue en ligne de bibliothèque soutenant le personnel du Bureau (traducteurs, terminologues, gestionnaires, soutien) dans l'accomplissement de leur travail.</t>
  </si>
  <si>
    <t>Infor, Integrated Library System</t>
  </si>
  <si>
    <t>PSPC-OMIS00000559</t>
  </si>
  <si>
    <t>Payment and Cheque Redemption</t>
  </si>
  <si>
    <t>PCR</t>
  </si>
  <si>
    <t>This system was used to view payments and reconcile payments. PCR was replaced by CRCD Option 1; however, since Government of Canada cheques have no expiry date, the PCR database contains information on unredeemed payments. From time to time, the CRC Directorate still uses the online screen to view older payment information.</t>
  </si>
  <si>
    <t>PSPC-OMIS00000563</t>
  </si>
  <si>
    <t>Parliament Hill Cam</t>
  </si>
  <si>
    <t>PHC</t>
  </si>
  <si>
    <t>Service transferring images from the ADT 2 camera's servers to PHC server.  Images posted on the Treasure to Explore PWGSC Web site.</t>
  </si>
  <si>
    <t>PSPC-OMIS00000572</t>
  </si>
  <si>
    <t>Personnel Security Data Collection Application Credit Bureau</t>
  </si>
  <si>
    <t>PSDCA CB</t>
  </si>
  <si>
    <t>PSPC-OMIS00000573</t>
  </si>
  <si>
    <t>Personnel Security Data Collection Application Mail</t>
  </si>
  <si>
    <t>PSDCA Mail</t>
  </si>
  <si>
    <t>PSPC-OMIS00000574</t>
  </si>
  <si>
    <t>Past Service Pension Adjustment</t>
  </si>
  <si>
    <t>PSPA</t>
  </si>
  <si>
    <t>PSPC-OMIS00000597</t>
  </si>
  <si>
    <t>SIGMA - SAP at PWGSC - Enterprise Resource Planning</t>
  </si>
  <si>
    <t>SIGMA SAP ERP</t>
  </si>
  <si>
    <t>PWGSC's financial management and materiel management system</t>
  </si>
  <si>
    <t>PSPC-OMIS00000603</t>
  </si>
  <si>
    <t>Supplementary Retirement Benefit Act Calculator</t>
  </si>
  <si>
    <t>SRBA</t>
  </si>
  <si>
    <t>PSPC-OMIS00000645</t>
  </si>
  <si>
    <t>BI Audit</t>
  </si>
  <si>
    <t>The Decision Support Portal (DSP) Audit application provides report and portal usage, trends, and history of the user communities. This includes: - Monitoring availability of the product during the business workday - Troubleshooting and resolving infrastructure and product issues - Monitoring product performance</t>
  </si>
  <si>
    <t>PSPC-OMIS00000651</t>
  </si>
  <si>
    <t>THS Online System supports the provision of Temporary Help Services (THS) for the Government of Canada in the National Capital Region (NCR) only.  It is an automated purchasing tool, which enables pre-qualified Suppliers to access the THS Online System and input reduced rates for THS, and allows federal government departments and agencies in the NCR to assess and identify potential suppliers and issue call-ups online. The THS Online System is comprised of three main elements:  a Supplier Module, a Client Module and a Maintenance Module (for the use of THS administrators only). Temporary help services are services that are provided by the employees of temporary help firms. Clients can use the THS Online System when a public servant is absent for a perio</t>
  </si>
  <si>
    <t>PSPC-OMIS00000658</t>
  </si>
  <si>
    <t>National Computer-Aided Drafting and Design</t>
  </si>
  <si>
    <t>NCADD</t>
  </si>
  <si>
    <t>National Computer Assisted Drafting and Design (NCADD) is a suite of COTS products from Autodesk supported by Solution Design / ITS-RP&amp;HR&amp;R as Bucket 2 and used by Real Property Facilities Management Services, Geomatics Service Directorate across Canada.</t>
  </si>
  <si>
    <t>PSPC-OMIS00000660</t>
  </si>
  <si>
    <t>Project and Business Management System</t>
  </si>
  <si>
    <t>PSPC-OMIS00000662</t>
  </si>
  <si>
    <t>SELECT - Firm Registration</t>
  </si>
  <si>
    <t>SELECT</t>
  </si>
  <si>
    <t>PSPC-OMIS00000663</t>
  </si>
  <si>
    <t>SIGMA - SAP at PWGSC - Solution Manager</t>
  </si>
  <si>
    <t>SIGMA SAP SM</t>
  </si>
  <si>
    <t>This tool is being use by the system administration team and the service management team. It provides wide range of functionality from DB, server monitoring to change management tool.</t>
  </si>
  <si>
    <t>PSPC-OMIS00000664</t>
  </si>
  <si>
    <t>SIGMA - SOA - J Developer</t>
  </si>
  <si>
    <t>SIGMA SOA</t>
  </si>
  <si>
    <t>Enterprise Service Bus. Oracle product</t>
  </si>
  <si>
    <t>PSPC-OMIS00000665</t>
  </si>
  <si>
    <t>Spend Cube</t>
  </si>
  <si>
    <t>SPENDCUBE</t>
  </si>
  <si>
    <t>PSPC-OMIS00000666</t>
  </si>
  <si>
    <t>TECH 2</t>
  </si>
  <si>
    <t>TECH2</t>
  </si>
  <si>
    <t>Tech2 is a suite of software tools designed specifically for PWGSC to improve the management of office space in crown-owned, leased and leased-purchased federal office buildings and facilities. This is done by creating, updating and distributing to the PWGSC Real Property community the spatial data derived from the measurement of floor areas in our federal buildings. The suite comprises the following two modules:  SpARX is an AutoCAD ARX module that is instrumental in creating building floor plans that contain business information.    SpaceAUDIT is a graphical space management tool that works in conjunction with WinFIS (the National Facilities Inventory System) to create, maintain and distribute building floor plans that display and report on curr</t>
  </si>
  <si>
    <t>Microlight, Tech2</t>
  </si>
  <si>
    <t>PSPC-OMIS00000669</t>
  </si>
  <si>
    <t>Deficiency Calculator</t>
  </si>
  <si>
    <t>DC</t>
  </si>
  <si>
    <t>Application to calculate deficiencies. Windows based application that stores no data.  It is a Visual Foxpro application.  It has been packaged and is available via the OSSRO requests to be installed on the notebook.</t>
  </si>
  <si>
    <t>PSPC-OMIS00000670</t>
  </si>
  <si>
    <t>PBDA Standalone</t>
  </si>
  <si>
    <t>PBDA-PC</t>
  </si>
  <si>
    <t>PSPC-OMIS00000671</t>
  </si>
  <si>
    <t>Shared Secret Data Base</t>
  </si>
  <si>
    <t>SSDBS</t>
  </si>
  <si>
    <t>PSPC-OMIS00000677</t>
  </si>
  <si>
    <t>Operational Management Information Services</t>
  </si>
  <si>
    <t>OMIS-CQ</t>
  </si>
  <si>
    <t>The Operational Management Information Services (OMIS) is a state-based system developed to support Public Services and Procurement Canada (PSPC) service delivery processes for all OMIS records within the Enterprise Application Environment. Data is moved through various states of approval for changes to be applied.  The OMIS system enables the recording, aggregation and reporting of application Configuration Item (CI) data, and the interrelationships between these CIs in support of operational requirements OMIS is using elements such as IBM Rational ClearQuest and Oracle database technologies. It has been developed and supported by the Productivity Tools Competency Centre.  For reporting, Microsoft Reporting Services is used and the development is d</t>
  </si>
  <si>
    <t>IBM, ClearQuest</t>
  </si>
  <si>
    <t>PSPC-OMIS00000679</t>
  </si>
  <si>
    <t>Public Service Health Care Plan (Insurance Web)</t>
  </si>
  <si>
    <t>PSHCP Web</t>
  </si>
  <si>
    <t>PSPC-OMIS00000680</t>
  </si>
  <si>
    <t>Pension Statements</t>
  </si>
  <si>
    <t>PSPC-OMIS00000702</t>
  </si>
  <si>
    <t>SELECT - Firm Maintenance</t>
  </si>
  <si>
    <t>PSPC-OMIS00000703</t>
  </si>
  <si>
    <t>SELECT - Sourcing</t>
  </si>
  <si>
    <t>PSPC-OMIS00000704</t>
  </si>
  <si>
    <t>SELECT - RPSB-DCC</t>
  </si>
  <si>
    <t>PSPC-OMIS00000714</t>
  </si>
  <si>
    <t>National Manager's Community Network website</t>
  </si>
  <si>
    <t>NMCN</t>
  </si>
  <si>
    <t>National extranet site for managers to come together as a community, get information and share experiences.</t>
  </si>
  <si>
    <t>PSPC-OMIS00000721</t>
  </si>
  <si>
    <t>Northern Housing Application</t>
  </si>
  <si>
    <t>NoHA</t>
  </si>
  <si>
    <t>Manage Northern Housing Portfolio (forecasting, invoice details, budgeting, client interface etc).</t>
  </si>
  <si>
    <t>PSPC-OMIS00000723</t>
  </si>
  <si>
    <t>Office Accommodation Services Reporting</t>
  </si>
  <si>
    <t>OASREP</t>
  </si>
  <si>
    <t>OASREP provides users with "one-stop shopping" for OAS reports. The preformatted national and regional reports in OASREP are drawn from TADS/OIS and WinFIS/FISREP, the source applications that focus on your business information requirements.</t>
  </si>
  <si>
    <t>PSPC-OMIS00000726</t>
  </si>
  <si>
    <t>Confined Spaces</t>
  </si>
  <si>
    <t>CSP</t>
  </si>
  <si>
    <t>This application is used to record the information on confined spaces as assessed by the Head of Construction and Maintenance Safety.  BVA 15-16:  Include notes on inspection details, any follow-on actions as a result of inspections, etc.  STRONG POTENTIAL FOR BROADER DEPARTMENTAL USE.</t>
  </si>
  <si>
    <t>PSPC-OMIS00000727</t>
  </si>
  <si>
    <t>Safety Code Inspection Program</t>
  </si>
  <si>
    <t>SCIP</t>
  </si>
  <si>
    <t>This application tracks information related to the inspections performed on equipment such as boilers and pressure vessels of various types for various government departments.  BVA 15-16:  Captures inspection data (including historical data) on boilers and pressure vessels (dates and types of inspections) and to provide financial coding for Bus Mgt group to process invoices for the inspections. (STRONG POTENTIAL FOR DEPARTMENTAL USE)</t>
  </si>
  <si>
    <t>PSPC-OMIS00000732</t>
  </si>
  <si>
    <t>OPO Case Management System</t>
  </si>
  <si>
    <t>OPOCMS</t>
  </si>
  <si>
    <t>Procurement Ombudsman</t>
  </si>
  <si>
    <t>PSPC-OMIS00000735</t>
  </si>
  <si>
    <t>Maintain Accounts</t>
  </si>
  <si>
    <t>Maintain Accounts is used to set up a user profile for every person who is authorized to use the following  RP applications:  PS/SP, IFTS, MCT, WinFIS, AFDMS, TADS/OIS, OASRep, PBMS, PBMS Historical  The user profile contains name and address information about each user and also contains all the appropriate access rights and privileges for the user to run an application.</t>
  </si>
  <si>
    <t>PSPC-OMIS00000736</t>
  </si>
  <si>
    <t>Common Module Systems PassWords</t>
  </si>
  <si>
    <t>CMSPW</t>
  </si>
  <si>
    <t>Authentication and database instance direction for RPB OLTP PowerBuilder applications.</t>
  </si>
  <si>
    <t>PSPC-OMIS00000762</t>
  </si>
  <si>
    <t>Online Industrial Security Services</t>
  </si>
  <si>
    <t>OLISS</t>
  </si>
  <si>
    <t>Common application for: - ISS Call Centre personnel to assist end callers - allow PWGSC users to electronically complete security requirements checklist required for contracting/procurement - to apply online for a security clearance with PWGSC.  It is used by both employees and contractors who are procured through PWGSC - PWGSC and some other Government department Unit Security Officers to view security clearance levels and the status of applications for security clearances</t>
  </si>
  <si>
    <t>PSPC-OMIS00000797</t>
  </si>
  <si>
    <t>Cultural Property Inventory</t>
  </si>
  <si>
    <t>CPI</t>
  </si>
  <si>
    <t>This application is a repository of all the cultural property in and around crown-owned buildings in the custody of Real Property Systems.</t>
  </si>
  <si>
    <t>PSPC-OMIS00000807</t>
  </si>
  <si>
    <t>Documentation Centre (Current)</t>
  </si>
  <si>
    <t>RPBDOCCTR (Current)</t>
  </si>
  <si>
    <t>This site, which combines the former RPS Documentation Centre site and the new RPS Policy Network, is the branch’s focal point for transferring policy, technical and marketing information to PWGSC personnel.</t>
  </si>
  <si>
    <t>PSPC-OMIS00000871</t>
  </si>
  <si>
    <t>PWGSC Forms Catalogue</t>
  </si>
  <si>
    <t>The application is a repository of GoC and PWGSC forms for the many business and authorization processes. The forms are searchable and they are available in multiple formats (XFT, PDF and Word docs). The client uses the admin interface to update the repository, add new forms and remove existing forms.</t>
  </si>
  <si>
    <t>PSPC-OMIS00000882</t>
  </si>
  <si>
    <t>Real Property Branch Course Calendar</t>
  </si>
  <si>
    <t>This application displays a list of courses that are being offered to employees. They are grouped by discipline and displayed on the monthly calendar. There is also a page with links to learning-oriented sites. The client manages the list of courses and all the associated details through the administrative module.</t>
  </si>
  <si>
    <t>PSPC-OMIS00000912</t>
  </si>
  <si>
    <t>Express Staffing</t>
  </si>
  <si>
    <t>Web Portal for submission of forms for Staffing actions (Casual, Students, Terms, etc) to HR Advisors for processing.</t>
  </si>
  <si>
    <t>PSPC-OMIS00000916</t>
  </si>
  <si>
    <t>Single sign-on Electronic Authorization and Authentication</t>
  </si>
  <si>
    <t>SSOEAA</t>
  </si>
  <si>
    <t>PSPC-OMIS00000923</t>
  </si>
  <si>
    <t>Chameleon Environment: GCPMP Change Management System</t>
  </si>
  <si>
    <t>CE-GCPMP-CQ</t>
  </si>
  <si>
    <t>Defect Tracking, Change Management, Task Management and Decision Management Process implemented in Rational ClearQuest to support the GCPMP project.</t>
  </si>
  <si>
    <t>PSPC-OMIS00000924</t>
  </si>
  <si>
    <t>Chameleon Environment: GCPMP Requirements Management System</t>
  </si>
  <si>
    <t>CE-GCPMP-RP</t>
  </si>
  <si>
    <t>Requirements Management solution implemented in Rational RequisitePro to manage RFP, Functional Specifications, Use Cases, Business Processes, Releases and Release Components requirements.</t>
  </si>
  <si>
    <t>PSPC-OMIS00000962</t>
  </si>
  <si>
    <t>Automated Buyer Environment</t>
  </si>
  <si>
    <t>ABE</t>
  </si>
  <si>
    <t>A customized business application system used by GoC buyers to create all documents required for government contracting purposes and associated reporting requirements</t>
  </si>
  <si>
    <t>PSPC-OMIS00000970</t>
  </si>
  <si>
    <t>Real Property File Tracking System Database</t>
  </si>
  <si>
    <t>RPFTS</t>
  </si>
  <si>
    <t>To track important information and dates related to procurement for each requisition in the directorate.</t>
  </si>
  <si>
    <t>PSPC-OMIS00000977</t>
  </si>
  <si>
    <t>Real Estate On-Line - Reports</t>
  </si>
  <si>
    <t>REOLR</t>
  </si>
  <si>
    <t>PSPC-OMIS00000979</t>
  </si>
  <si>
    <t>French River Dam Water Level Reporting</t>
  </si>
  <si>
    <t>FRD</t>
  </si>
  <si>
    <t>Application that automates a process to notify the public about water levels for the French River and Lake Nippising area.  Includes web page and RSS updating.</t>
  </si>
  <si>
    <t>PSPC-OMIS00000980</t>
  </si>
  <si>
    <t>Language Portal</t>
  </si>
  <si>
    <t>GCLP</t>
  </si>
  <si>
    <t>Il faut renommer le Product Type de Web Site à Application; autrement, puisqu’il est traité comme un «Web Site», il ne tombe plus sous le radar de notre gestionnaire.</t>
  </si>
  <si>
    <t>PSPC-OMIS00000983</t>
  </si>
  <si>
    <t>Termium VI</t>
  </si>
  <si>
    <t>T6</t>
  </si>
  <si>
    <t>BTB’s terminological database set up by the terminologists to create and modify terminological records and associated data.</t>
  </si>
  <si>
    <t>PSPC-OMIS00000986</t>
  </si>
  <si>
    <t>Chameleon Environment: RISM RS/RE Management System</t>
  </si>
  <si>
    <t>CE-RISM-CQ</t>
  </si>
  <si>
    <t>ClearQuest system designed to track SRs with ITSS.</t>
  </si>
  <si>
    <t>PSPC-OMIS00000989</t>
  </si>
  <si>
    <t>Centralized Professional Services System</t>
  </si>
  <si>
    <t>Centralized Professional Services System (CPSS) is a searchable database of companies that have pre-qualified to do business with the federal government. CPSS provides an easy way to manage general company information (e.g.: name, address, contacts, commodities, etc.) and to identify sources of supply for professional services.   Services and Technology Acquisition Management Sector (STAMS) is responsible for the implementation and management of a variety of Professional Services including the following commodities:  • Learning Services • Solution Based Informatics Professional Services (SBIPS)  • Professional Audits Support Services Supply Arrangement (PASS SA) • Task and Solutions Professional Services (TSPS)  These commodities were initially</t>
  </si>
  <si>
    <t>PSPC-OMIS00000990</t>
  </si>
  <si>
    <t>Infowiki</t>
  </si>
  <si>
    <t>The tool Wiki is being for knowledge management and as an internal collaboration.</t>
  </si>
  <si>
    <t>PSPC-OMIS00000996</t>
  </si>
  <si>
    <t>National Laboratory Knowledge Network</t>
  </si>
  <si>
    <t>NLKN</t>
  </si>
  <si>
    <t>Web portal in support of the National Laboratory Knowledge Network Program</t>
  </si>
  <si>
    <t>PSPC-OMIS00001031</t>
  </si>
  <si>
    <t>Tax Slips</t>
  </si>
  <si>
    <t>PSPC-OMIS00001032</t>
  </si>
  <si>
    <t>Cancelled Cheque Reconcilliation</t>
  </si>
  <si>
    <t>CCR</t>
  </si>
  <si>
    <t>Pension Fund Accounting (PFA) used the reports the reconciliation of Cancelled cheques:  The data is stored in 12 xml data files.  The reports are html and are generated using xslt.  They reside on the Web server.</t>
  </si>
  <si>
    <t>PSPC-OMIS00001033</t>
  </si>
  <si>
    <t>Desktop Procedures</t>
  </si>
  <si>
    <t>DP</t>
  </si>
  <si>
    <t>application to manage the list of PSPC desktop procedures.</t>
  </si>
  <si>
    <t>PSPC-OMIS00001038</t>
  </si>
  <si>
    <t>PSPC-OMIS00001040</t>
  </si>
  <si>
    <t>Legal Services Request Tracker</t>
  </si>
  <si>
    <t>LSRT</t>
  </si>
  <si>
    <t>This application is used to capture client requests for legal services for acquisitions or disposal transactions. The request types are currently limited to Real property transactions but could be expanded to allow others.  BVA 15-16:  legal services in-take (ensuring organisation and completeness of the in-take process) and enables self-serve tracking of legal cases (by clients) once submitted.  (POTENTIAL FOR BROADER DEPARTMENTAL USE)</t>
  </si>
  <si>
    <t>PSPC-OMIS00001041</t>
  </si>
  <si>
    <t>Issue Management System</t>
  </si>
  <si>
    <t>This is an issue tracking system that is generic in nature and can be used to track any type of request. Clients have the flexibility to create forms and capture data based on their own unique requirements.  BVA 15-16:  Environmental Issues Mgt and Communication Tracker:  Mgt of environmental regulatory non-compliances that are identified out of the ESL (also referred to as the Environmental Compliance Tracker)</t>
  </si>
  <si>
    <t>PSPC-OMIS00001047</t>
  </si>
  <si>
    <t>Devco Sharepoint Application</t>
  </si>
  <si>
    <t>Devco Sharepoint</t>
  </si>
  <si>
    <t>Document collaboration tool for 'CBDC' project stakeholders.</t>
  </si>
  <si>
    <t>PSPC-OMIS00001050</t>
  </si>
  <si>
    <t>Confederation Bridge Information Site</t>
  </si>
  <si>
    <t>Confederation Bridge GIS</t>
  </si>
  <si>
    <t>Web-based GIS for Project Team members.</t>
  </si>
  <si>
    <t>PSPC-OMIS00001051</t>
  </si>
  <si>
    <t>Environmental Information Site</t>
  </si>
  <si>
    <t>Geo-Portal - CEAA, CSAP</t>
  </si>
  <si>
    <t>Web-based GIS for PWGSC Environmental Services</t>
  </si>
  <si>
    <t>PSPC-OMIS00001052</t>
  </si>
  <si>
    <t>Harbours Management Information Site</t>
  </si>
  <si>
    <t>Harbour Management GIS</t>
  </si>
  <si>
    <t>GIS for Transport Canada</t>
  </si>
  <si>
    <t>PSPC-OMIS00001053</t>
  </si>
  <si>
    <t>PWGSC Atlantic CAD Standards Productivity Add-on</t>
  </si>
  <si>
    <t>PWGSC ATL AutoCAD Tools</t>
  </si>
  <si>
    <t>CAD Standards Productivity Tool is described as a COTS module to AutoCAD which provides a library of TitleBlocks, Symbols and Graphics and a user interface to access the function library.  It also provides a tool to assess drawings for adherence to PWGSC CADD Standards.  This is an Add-on to the AutoCAD software (cannot be run independent of AutoCAD).  This is upgraded annually based upon new releases / implementations of AutoCAD.</t>
  </si>
  <si>
    <t>PSPC-OMIS00001054</t>
  </si>
  <si>
    <t>AM&amp;ITOS Vault</t>
  </si>
  <si>
    <t>VAULT</t>
  </si>
  <si>
    <t>This application is used to store any development artifacts, but it has been designed specifically for the purpose of managing source code.</t>
  </si>
  <si>
    <t>PSPC-OMIS00001055</t>
  </si>
  <si>
    <t>Buy and Sell - Web</t>
  </si>
  <si>
    <t>BaS</t>
  </si>
  <si>
    <t>Buyandsell.gc.ca, is the Government of Canada procurement website, it makes the experience of Canadian Businesses and Government Procurment professionals trying to find out more about doing business with the Government simple, fast and efficient.</t>
  </si>
  <si>
    <t>PSPC-OMIS00001057</t>
  </si>
  <si>
    <t>SIGMA Reporting and Consolidation Tool</t>
  </si>
  <si>
    <t>SRCT</t>
  </si>
  <si>
    <t>A web-based reporting tool that uses SIGMA extracts for enhanced reporting purposes. Planned decommission date could change depending on the availability and functionality of the BI Tools suite and NOVUS ERP</t>
  </si>
  <si>
    <t>PSPC-OMIS00001062</t>
  </si>
  <si>
    <t>Western Region Engineering Drawing Management</t>
  </si>
  <si>
    <t>WR-EDM</t>
  </si>
  <si>
    <t>AutoDesk Vault Web client for OGD clients     Technical contact in the Western region is Kory Webb.  Updated URL, Infrastructure, DB information, Web Server version provided on October 27th, 2016.</t>
  </si>
  <si>
    <t>PSPC-OMIS00001065</t>
  </si>
  <si>
    <t>Refrigerant Piping Design Program</t>
  </si>
  <si>
    <t>RPDD</t>
  </si>
  <si>
    <t>Application pour le dimensionnement de la tuyauterie de réfrigération</t>
  </si>
  <si>
    <t>Google Earth Pro</t>
  </si>
  <si>
    <t>PSPC-OMIS00001075</t>
  </si>
  <si>
    <t>Land Development Desktop</t>
  </si>
  <si>
    <t>LDD</t>
  </si>
  <si>
    <t>Logiciel permettant de : faire de la Modélisation 3D des données bathymétriques, importer et exporter des données, effectuer des calculs de volume</t>
  </si>
  <si>
    <t>PSPC-OMIS00001076</t>
  </si>
  <si>
    <t>Geodeq</t>
  </si>
  <si>
    <t>Logiciel permettant d'obtenir des données de base qui sont utilisées pour rattacher les levés hydrographiques au système géodésique Québécois.</t>
  </si>
  <si>
    <t>PSPC-OMIS00001077</t>
  </si>
  <si>
    <t>IXTROM (Neptune4)</t>
  </si>
  <si>
    <t>N4</t>
  </si>
  <si>
    <t>Système de sécurisé pour le PCO (plan de continuité des opérations)</t>
  </si>
  <si>
    <t>IXTROM Groupe inc. -  iXSGIU (Système de gestion et d'information d'urgence) http://www.ixtrom.com/fr_ca/prod_category.html</t>
  </si>
  <si>
    <t>PSPC-OMIS00001080</t>
  </si>
  <si>
    <t>Summit Pro</t>
  </si>
  <si>
    <t>Unknown.</t>
  </si>
  <si>
    <t>PSPC-OMIS00001086</t>
  </si>
  <si>
    <t>RDG's Blog</t>
  </si>
  <si>
    <t>BLOG</t>
  </si>
  <si>
    <t>Le Blogue de la DGR permet d’accroître le dialogue entre la DGR et les employés de TPSGC de la Région du Québec pour obtenir les idées des employés et mieux véhiculer l’information tout en attirant leur intérêt sur les enjeux et les éléments majeurs du ministère (en référence au point 16 de la Politique de communication du gouvernement du Canada traitant des communications internes).  Le blogue se caractérise par les fonctions suivantes qui sont faites ou reçues de façon autonome par la DGR ou le Secteur des communications, sans passer par la DGSIT :  o nombre de visites de la page d’accueil du blogue et sur chacun des billets et tableau de statistiques de lecture par jour/mois  o possibilité d’approuver la publication des commentaires ou que ceu</t>
  </si>
  <si>
    <t>Wordpress.org - WordPress v2.9.2 http://wordpress.org/about/</t>
  </si>
  <si>
    <t>PSPC-OMIS00001091</t>
  </si>
  <si>
    <t>Gazette Index Generator</t>
  </si>
  <si>
    <t>GIG</t>
  </si>
  <si>
    <t>PSPC-OMIS00001093</t>
  </si>
  <si>
    <t>ESILaw Time Tracker System</t>
  </si>
  <si>
    <t>TTR-FAMG</t>
  </si>
  <si>
    <t>Employees submit timesheets that are imported to produce reports and invoices related to the work done on specific client files.</t>
  </si>
  <si>
    <t>PSPC-OMIS00001095</t>
  </si>
  <si>
    <t>Security Monitoring System</t>
  </si>
  <si>
    <t>The Security Monitoring System -  security system comprising of various components such computer hardware, software, closed circuit cameras,  video monitors, switches  as well as security access and control devices that is installed throughout the NCA on various assets to protect the assets against entry by unauthorized personnel, sabotage and\or vandalism.  The system also safeguards employees as well as information contained within the assets. It also safeguards  Assets being protected include buildings within the downtown core that are occupied by Parliamentary Precinct personnel, PPB’s main warehouse and storage facility located on Pink Road in Gatineau as well as several Central Heating and Cooling Plants and associated tunnels that are managed b</t>
  </si>
  <si>
    <t>PSPC-OMIS00001106</t>
  </si>
  <si>
    <t>Real Estate On-Line (Public Site)</t>
  </si>
  <si>
    <t>REOL-Public</t>
  </si>
  <si>
    <t>PSPC-OMIS00001107</t>
  </si>
  <si>
    <t>Real Estate On-Line (Priority Circulation)</t>
  </si>
  <si>
    <t>REOL-PC</t>
  </si>
  <si>
    <t>PSPC-OMIS00001113</t>
  </si>
  <si>
    <t>Event and Conference Reservation Management System</t>
  </si>
  <si>
    <t>ECRMS</t>
  </si>
  <si>
    <t>Meeting Room Reservation System for the GoC Conference Centre at 2 Rideaju St., Ottawa, Ontario. The purpose of this application is to reserve rooms for conferences through the Events and Conference Management group in NCA Ops.</t>
  </si>
  <si>
    <t>Newmarket Group/Delphi</t>
  </si>
  <si>
    <t>PSPC-OMIS00001114</t>
  </si>
  <si>
    <t>Water Level Readings database</t>
  </si>
  <si>
    <t>Water Level Readings Retrieves data from modems that are connected to monitoring stations at several dams.  The data loaded in the Water Reading Database (MSACCESS 2000) from a modem 7 days/week on an off PWGSC network PC.  The data collection can also be done from BCP laptop or PWGSC office laptop in case of failure of the off network PC.  FORTRAN applications run against the Access data to create text files so external users can FTP the files.  RPB approached CIOB to take over support of this product, reference: REQIN-322.  The client is working on developing the on developing the end to end business requirements without an RA</t>
  </si>
  <si>
    <t>PSPC-OMIS00001115</t>
  </si>
  <si>
    <t>The Dams Water Level &amp; Inspections Reports Tracking</t>
  </si>
  <si>
    <t>Dams</t>
  </si>
  <si>
    <t>Database that contains inspection dates and name of inspector for PWGSC dams for policy compliance</t>
  </si>
  <si>
    <t>PSPC-OMIS00001117</t>
  </si>
  <si>
    <t>Records Request Tracker</t>
  </si>
  <si>
    <t>RRT</t>
  </si>
  <si>
    <t>The Records Request Tracker (RRT) application was created in 2010, for the Information Management Branch, Atlantic region (however this application is used by multiple regions). The application provides a centralized place for requesters to access file request forms. These forms can be customized to each Directorate so only the relevant information is presented. The RRT also allow classifiers to work on outstanding requests from a different city, therefore reducing the overall workload.</t>
  </si>
  <si>
    <t>PSPC-OMIS00001118</t>
  </si>
  <si>
    <t>Project Fee Request Tracker</t>
  </si>
  <si>
    <t>PFRT</t>
  </si>
  <si>
    <t>The Project Fee Request Tracker (PFRT) enables you to:  submit a new fee request to see the fee requests made for this fiscal year by all users in the Atlantic Region to check the status of any fee request to filter all the requests to generate a custom report which can be exported to Excel.</t>
  </si>
  <si>
    <t>PSPC-OMIS00001120</t>
  </si>
  <si>
    <t>CCM - Audit and Evaluation File Tracking System</t>
  </si>
  <si>
    <t>System to manage audit and evaluation files.</t>
  </si>
  <si>
    <t>PSPC-OMIS00001122</t>
  </si>
  <si>
    <t>Service Desk Plus</t>
  </si>
  <si>
    <t>SDP</t>
  </si>
  <si>
    <t>ManageEngine ServiceDesk Plus is a comprehensive help desk and asset management software that provides help desk agents and IT managers an integrated console to monitor and maintain the assets and IT requests generated from the users of the IT resources in an organization. The IT help desk plays an important part in the provision of IT Services. It is very often the first contact the users have in their use of IT Services when something does not work as expected. The IT help desk is a single point of contact for end-users who need help. Without this, an organization could certainly face losses due to inefficiencies. The two main focuses of the ManageEngine ServiceDesk Plus are IT Request tracking and Asset Management. Using the following modul</t>
  </si>
  <si>
    <t>PSPC-OMIS00001134</t>
  </si>
  <si>
    <t>ClientsOntario - Calendar</t>
  </si>
  <si>
    <t>ClientONT</t>
  </si>
  <si>
    <t>Part of the Communications Portal for OGD clients that PWGSC works with in Ontario Region.  Goal is to improve client service, by promoting events offered by PWGSC to OGD's.</t>
  </si>
  <si>
    <t>PSPC-OMIS00005075</t>
  </si>
  <si>
    <t>Privasoft - AccessPro Case Management</t>
  </si>
  <si>
    <t>PSPC-OMIS00005078</t>
  </si>
  <si>
    <t>AccessPro Redaction</t>
  </si>
  <si>
    <t>Privasoft - AccessPro Redaction</t>
  </si>
  <si>
    <t>PSPC-OMIS00005133</t>
  </si>
  <si>
    <t>Outlook Forms</t>
  </si>
  <si>
    <t>OFOR</t>
  </si>
  <si>
    <t>Formulaires workflow développés inclus: Libération du dernier chèque; Mouvement des employés; Registre des plaintes en SST; Formulaire d`arrivée; Formulaires de départ</t>
  </si>
  <si>
    <t>PSPC-OMIS00005136</t>
  </si>
  <si>
    <t>Geo-buildings System</t>
  </si>
  <si>
    <t>L'application géo-bâtiments permet de consulter des données associées aux immeubles de Travaux publics et Services gouvernementaux Canada (TPSGC) et à certains immeubles gérés par TPSGC pour le compte d’autres ministères fédéraux (AMF) dans la région du Québec.  Il s’agit de la première version de l’application (v1.0). Celle-ci est développée par les Services géomatiques immobiliers (SGI) en collaboration avec la Direction générale des services d’infotechnologie (DGSIT) pour le compte de la Direction générale des biens immobiliers (DGBI).  La limite de propriété et l'emprise au sol des immeubles proviennent de documents d'arpentage produits par les Services géomatiques immobiliers. Les fonds de cartes proviennent de Google Maps. Comme ceux-ci sont</t>
  </si>
  <si>
    <t>PSPC-OMIS00005141</t>
  </si>
  <si>
    <t>PWGSC Quebec Region - intranet site - Entre nous</t>
  </si>
  <si>
    <t>ENTRE NOUS</t>
  </si>
  <si>
    <t>Site intranet de la région de Québec</t>
  </si>
  <si>
    <t>PSPC-OMIS00005168</t>
  </si>
  <si>
    <t>Sustainable Development Analysis Tool</t>
  </si>
  <si>
    <t>SDAT</t>
  </si>
  <si>
    <t>The Sustainable Development (SD) Analysis Tool is an internet application (wizard) that enables project managers to better understand and identify the environmental, social and economic aspects that may directly or indirectly, positively or negatively, impact on the efficiency of a remediation project.  It helps to facilitate a identify the strengths and weaknesses of different environmental technologies.</t>
  </si>
  <si>
    <t>PSPC-OMIS00005169</t>
  </si>
  <si>
    <t>Water Quality Tracking System</t>
  </si>
  <si>
    <t>WQTS</t>
  </si>
  <si>
    <t>Le système de suivi de la qualité de l’eau potable,  assure la conservation des résultats d’échantillonnage de l’eau potable et la capacité d’analyser les résultats et d’en faire rapport aux différents ministères clients dont TPSGC. En vertu de la Loi, les résultats d’analyse doivent être conservés et accessibles pour une durée de cinq (5) ans.</t>
  </si>
  <si>
    <t>PSPC-OMIS00005178</t>
  </si>
  <si>
    <t>SIGMA - SAP at PWGSC - Business Intelligence</t>
  </si>
  <si>
    <t>SIGMA SAP BI</t>
  </si>
  <si>
    <t>BI is a two year project that will place access to the information contained in SIGMA at your finger tips. As a reporting solution, BI complements SIGMA's transactional functionality by quickly and efficiently generating standard and custom reports from a single version of truth to support strategic decision-making across our department. Other advantages include: less manual data manipulation, cross-modular views of information and, custom built reports. March 31, 2011 marked the first major release of the BI solution. This release established the foundation upon which the BI Solution will continue to develop over the next two years.</t>
  </si>
  <si>
    <t>PSPC-OMIS00005235</t>
  </si>
  <si>
    <t>Chameleon Environment: PayMod Change Solution</t>
  </si>
  <si>
    <t>CE-PAYMOD-CHANGE-CQ</t>
  </si>
  <si>
    <t>This solution was developed to provide the Pay Modernization Project Management Office with a means by which they would manage PMO change.</t>
  </si>
  <si>
    <t>PSPC-OMIS00005290</t>
  </si>
  <si>
    <t>Chameleon Environment: GCPMP ClearCase Management System</t>
  </si>
  <si>
    <t>CE-GCPMP-CC</t>
  </si>
  <si>
    <t>This is an IBM Rational ClearCase repository for source control.</t>
  </si>
  <si>
    <t>PSPC-OMIS00005313</t>
  </si>
  <si>
    <t>Chameleon Environment: LGIS Change and Requirement Solution</t>
  </si>
  <si>
    <t>CE-LGIS-RTC</t>
  </si>
  <si>
    <t>Rational Team Concert to support the ITS RP LGIS development team.</t>
  </si>
  <si>
    <t>PSPC-OMIS00005390</t>
  </si>
  <si>
    <t>Controlled Goods Program WebSite</t>
  </si>
  <si>
    <t>CGPWeb</t>
  </si>
  <si>
    <t>PSPC-OMIS00005404</t>
  </si>
  <si>
    <t>DW - Integrated Training System Reporting</t>
  </si>
  <si>
    <t>DW-ITSR</t>
  </si>
  <si>
    <t>Cognos 8 application that generates report on HR information. This is the new platform for all future HRB reporting capabilities.  Part of the HRRS Suite.  Human Resources Reporting System is an initiative to group all HR data elements from HRMS, LIMS, ITS &amp; HR Tracking in the data-warehouse.</t>
  </si>
  <si>
    <t>IBM Cognos, Cognos 10.1.1</t>
  </si>
  <si>
    <t>PSPC-OMIS00005405</t>
  </si>
  <si>
    <t>DW - Bilan Charts</t>
  </si>
  <si>
    <t>DW-Bilan</t>
  </si>
  <si>
    <t>PSPC-OMIS00005406</t>
  </si>
  <si>
    <t>DW - Compensation Tracking Reports</t>
  </si>
  <si>
    <t>DW-CTRPTS</t>
  </si>
  <si>
    <t>PSPC-OMIS00005420</t>
  </si>
  <si>
    <t>SI</t>
  </si>
  <si>
    <t>Oracle / Siebel</t>
  </si>
  <si>
    <t>PSPC-OMIS00005421</t>
  </si>
  <si>
    <t>Penfax</t>
  </si>
  <si>
    <t>JEA+L33</t>
  </si>
  <si>
    <t>PSPC-OMIS00005422</t>
  </si>
  <si>
    <t>Genesys/IVR</t>
  </si>
  <si>
    <t>Genesys</t>
  </si>
  <si>
    <t>PSPC-OMIS00005423</t>
  </si>
  <si>
    <t>Identity Management, Oracle Fu</t>
  </si>
  <si>
    <t>PSPC-OMIS00005424</t>
  </si>
  <si>
    <t>Integration Broker</t>
  </si>
  <si>
    <t>IB</t>
  </si>
  <si>
    <t>Oracle Integration Broker</t>
  </si>
  <si>
    <t>PSPC-OMIS00005425</t>
  </si>
  <si>
    <t>Business Intelligence Applicat</t>
  </si>
  <si>
    <t>PSPC-OMIS00005446</t>
  </si>
  <si>
    <t>CenterVision</t>
  </si>
  <si>
    <t>CV</t>
  </si>
  <si>
    <t>PSPC-OMIS00005450</t>
  </si>
  <si>
    <t>Electronic Petroleum Procurement System - Web</t>
  </si>
  <si>
    <t>EPPS WEB</t>
  </si>
  <si>
    <t>EPPS Web is the name for the programmatic code behind the National Fuel Procurement Program web site.  The code generates dynamic elements that allow the site to display requested text and documents by way of a connection to the EPPS database.</t>
  </si>
  <si>
    <t>PSPC-OMIS00005563</t>
  </si>
  <si>
    <t>Facilities Inventory System Reporting Historical</t>
  </si>
  <si>
    <t>FISRH</t>
  </si>
  <si>
    <t>FISREP is a reporting database that takes national and regional data gathered in WinFIS and generates reports based on a client's criteria. It provides information related to planning, assets, occupants, vacancies, and tenants.  FISRH is historical FISREP information.</t>
  </si>
  <si>
    <t>PSPC-OMIS00005980</t>
  </si>
  <si>
    <t>Pacific Services Exchange</t>
  </si>
  <si>
    <t>PSE</t>
  </si>
  <si>
    <t>Pacific Region's extranet presence. Application also features a couple of applications that help clients estimate their project requirements (Timeline Tool)</t>
  </si>
  <si>
    <t>PSPC-OMIS00006281</t>
  </si>
  <si>
    <t>Oracle / Web Portal</t>
  </si>
  <si>
    <t>PSPC-OMIS00006844</t>
  </si>
  <si>
    <t>Environmental Services Framework</t>
  </si>
  <si>
    <t>ESF</t>
  </si>
  <si>
    <t>Web Framework for Environmental Services integrated as a module of the Western Intranet CMS. Consolidated access to environmental information including sustainable development strategy.</t>
  </si>
  <si>
    <t>PSPC-OMIS00006876</t>
  </si>
  <si>
    <t>Chameleon Environment: GCPMP Software Quality Management System</t>
  </si>
  <si>
    <t>CE-GCPMP-RQM</t>
  </si>
  <si>
    <t>Software Quality Management solution implemented in Rational Quality Manager to optimize project quality with a shared test management environment.</t>
  </si>
  <si>
    <t>PSPC-OMIS00007488</t>
  </si>
  <si>
    <t>Events@ORION</t>
  </si>
  <si>
    <t>ONTCAL</t>
  </si>
  <si>
    <t>Event Registration Calendar for regional training, corporate events, and other learning and PWGSC events in Ontario Region.</t>
  </si>
  <si>
    <t>PSPC-OMIS00007490</t>
  </si>
  <si>
    <t>Fleet Reservations @ ORION</t>
  </si>
  <si>
    <t>FLRES</t>
  </si>
  <si>
    <t>This application is a Fleet reservation system is for use by Corporate Services to track corporate fleet of crown cars in Ontario Region.  It facilitates an efficient and cost-effective distribution of vehicles for government business and ties into the financial process to charge back to Real Property Project budgets.</t>
  </si>
  <si>
    <t>PSPC-OMIS00007491</t>
  </si>
  <si>
    <t>Reservations@ORION</t>
  </si>
  <si>
    <t>BSRES</t>
  </si>
  <si>
    <t>Building Space reservation system handles all Ontario Region's building space reservation requirements including special business process that HRB, the RDG office, CIOB and CSSMC - Corporate Services utilizes (approvals, right of refusals, videoconference and technical coordination etc.).</t>
  </si>
  <si>
    <t>PSPC-OMIS00007560</t>
  </si>
  <si>
    <t>Audio video evaluation tool</t>
  </si>
  <si>
    <t>AV</t>
  </si>
  <si>
    <t>Bid evaluation spreadsheet for audio video equipment</t>
  </si>
  <si>
    <t>PSPC-OMIS00011353</t>
  </si>
  <si>
    <t>OSME Event Registration System</t>
  </si>
  <si>
    <t>OERS</t>
  </si>
  <si>
    <t>The Office of Small and Medium Enterprises (OSME) – Ontario Region offers awareness seminars to individual businesses and groups concerning the federal procurement system.   It also develops or takes part in business tradeshow events and conferences as part of its core mandate. The OSME Event Registration System (OERS) facilitates the delivery of these seminars and events by displaying them as offerings for online registration and promotion to the public.</t>
  </si>
  <si>
    <t>PSPC-OMIS00011470</t>
  </si>
  <si>
    <t>Tech2 Utility</t>
  </si>
  <si>
    <t>UTIL</t>
  </si>
  <si>
    <t>Tech2 Utility is a support tool to performance maintenance on application support files.</t>
  </si>
  <si>
    <t>PSPC-OMIS00011488</t>
  </si>
  <si>
    <t>Instant Messenger</t>
  </si>
  <si>
    <t>Solution de messagerie instantannée. / Instant messaging solution. Spark is an Open Source, cross-platform IM client optimized for businesses and organizations. It features built-in support for group chat, telephony integration, and strong security. It also offers a great end-user experience with features like in-line spell checking, group chat room bookmarks, and tabbed conversations.</t>
  </si>
  <si>
    <t>PSPC-OMIS00013862</t>
  </si>
  <si>
    <t>ClientsOntario Website</t>
  </si>
  <si>
    <t>CLONT-Web</t>
  </si>
  <si>
    <t>OGD portal to PWGSC services in Ontario Region.  Features a newsletter, static and dynamic content.  It also contains the National Service Call Center sub-ste that is a high volume reporting tool for OGD clients to submit building issues via E-Request.</t>
  </si>
  <si>
    <t>PSPC-OMIS00014231</t>
  </si>
  <si>
    <t>Case Management Tool</t>
  </si>
  <si>
    <t>PSPC-OMIS00015659</t>
  </si>
  <si>
    <t>PSPC-OMIS00016565</t>
  </si>
  <si>
    <t>SIGMA - SAP at PWGSC - Portal</t>
  </si>
  <si>
    <t>SIGMA SAP PO</t>
  </si>
  <si>
    <t>SAP Portal. This is a new Production Environment to be used ONLY by BI/BW Technical and Functional Teams, at least for now. "The Entreprise Portal (PO) is required to support the BusinessObjects (BO) system by providing a gateway to the various BO presentation tools."</t>
  </si>
  <si>
    <t>PSPC-OMIS00016566</t>
  </si>
  <si>
    <t>SIGMA - SAP at PWGSC - Business Object</t>
  </si>
  <si>
    <t>SIGMA SAP BO</t>
  </si>
  <si>
    <t>SAP Business Objects. This is a new SAP Application to be used ONLY by BI/BW Technical and Functional Teams, at least for now. "BusinessObjects (BO) includes several presentation tools, or reporting applications, layered over the Business Intelligence (BI) system currently in production.  This platform will support the rollout of Dashboards and Enhance Reporting component of the overall BI Solution and will encompas at least three main applications, with other integration tools and applications.  First, Crystal Dashboard will enable visual representation of key reporting measures and/or indicators such as Key Performance Indicators.  Second, Crystal Reports will allow the creation of highly formatted, professional reports to meet specific reporting ne</t>
  </si>
  <si>
    <t>PSPC-OMIS00016626</t>
  </si>
  <si>
    <t>ONT - Regional Individual Standing Offer Application</t>
  </si>
  <si>
    <t>RISO</t>
  </si>
  <si>
    <t>A tool for Environmental Services Ontario Region that manages Regional standing offers, allows for tracking the rotation of suppliers, maintains year-to-date values and facilitates the call-up process.</t>
  </si>
  <si>
    <t>PSPC-OMIS00017104</t>
  </si>
  <si>
    <t>Advertising Management Information System 2.0</t>
  </si>
  <si>
    <t>AdMIS 2.0</t>
  </si>
  <si>
    <t>Advertising Management Information System (AdMIS 2.0) is the re-design of the AdMIS Web Application that enables authorized users:   - to forward details of their advertising campaigns and public notices including their production and media placement expenses to PWGSC (actual expenditures are used in the production of the advertising annual reports)   - to fully document important details throughout the life cycle of each advertising campaign   - to view details of other GC advertising campaigns and public notices.   - to generate their "Actual Expenditures for the Annual Report GC Advertising Activities".</t>
  </si>
  <si>
    <t>PSPC-OMIS00017146</t>
  </si>
  <si>
    <t>Executive Performance Pay</t>
  </si>
  <si>
    <t>EPP</t>
  </si>
  <si>
    <t>PSPC-OMIS00017714</t>
  </si>
  <si>
    <t>Research Information Management System 2.0</t>
  </si>
  <si>
    <t>RIMS2</t>
  </si>
  <si>
    <t>The Research Information Management System is owned and operated by PWGSC, INTEGRATED SERVICES BRANCH, PUBLIC OPINION RESEARCH AND ADVERTISING COORDINATION, and Public Opinion Research Directorate. The Research Information Management System is the system used by the Government of Canada as an online tool that lets departments and agencies electronically submit details of new research projects to advisors in the Public Opinion Research Directorate at PWGSC.</t>
  </si>
  <si>
    <t>PSPC-OMIS00017803</t>
  </si>
  <si>
    <t>Real Property Management System_Standalone</t>
  </si>
  <si>
    <t>RPMS_SA</t>
  </si>
  <si>
    <t>The "Real Property Management System _Stand Alone" application allows the National Service Call Centre (NSCC) users to access the critical building information in a standalone environment in case of emergency and disconnected from the core RPMS application.</t>
  </si>
  <si>
    <t>PSPC-OMIS00017850</t>
  </si>
  <si>
    <t>Assurance Management Software Solution - AMSS</t>
  </si>
  <si>
    <t>AMSS</t>
  </si>
  <si>
    <t>PSPC-OMIS00018085</t>
  </si>
  <si>
    <t>Workplace 2.0 Space Allocation Standards Calculator</t>
  </si>
  <si>
    <t>SASC</t>
  </si>
  <si>
    <t>This application was completed in 2014 but was never released to production and is currently not planned to be. To be released, it would need to be reinitiated through the PSA; it would require work since it is likely outdated, also it uses Active Directory for user authentication which is not desired by SSC prod.  This tool was designed to assist in developing a working high level estimate for new fit-ups in compliance with the Fit-up Standards guidelines as well as the new Workplace 2.0 space metrics.  Note that the Space Calculator tool available in production today is a spreadsheet accessible from GCPedia and is not related to this OMIS entry. Link to GCPedia: http://www.gcpedia.gc.ca/wiki/Workplace_2.0/Policy#Strategies_and_Policies_Group Li</t>
  </si>
  <si>
    <t>PSPC-OMIS00018129</t>
  </si>
  <si>
    <t>AVADEPTH</t>
  </si>
  <si>
    <t>AVDEPTH</t>
  </si>
  <si>
    <t>The Department of Fisheries and Ocean (DFO) has worked closely with Public Works and Government Services Canada (PWGSC) over 25 years to provide the sounding information of the water ways for the Vancouver region. The information provided from this service has been important for the safety of ships using the various ports within Metro Vancouver. Organizations such as the Port of Vancouver and the Coast Guards use the information to safely guide vessels throughout the Burrard inlet and Fraser river waterways.  In support to provide more accurate data of the metro Vancouver water ways, the DFO and PWGSC team is committed to modernizing the AVADEPTH site by integrating the bathymetric data set from the CARIS Bathymetric Database service.</t>
  </si>
  <si>
    <t>PSPC-OMIS00018236</t>
  </si>
  <si>
    <t>Historical Repository Database</t>
  </si>
  <si>
    <t>HRHR</t>
  </si>
  <si>
    <t>PSPC-OMIS00018535</t>
  </si>
  <si>
    <t>WPSS Standalone Validation Tool</t>
  </si>
  <si>
    <t>WPSS_Tool</t>
  </si>
  <si>
    <t>The WPSS Standalone Validation Tool provides web developers and quality assurance testers the ability to perform a number of web site and web page validation tasks at one time.   The Standalone Validation Tool can be used if the site being validated is an application that contains a login or the site being validated is on a secure LAN that the automated validation tools cannot access.  Tested on desktops with OS:  Windows XP, Windows 7, Linux.</t>
  </si>
  <si>
    <t>PSPC-OMIS00018561</t>
  </si>
  <si>
    <t>Excellium</t>
  </si>
  <si>
    <t>PSPC-OMIS00018582</t>
  </si>
  <si>
    <t>NCA Geo Spatial Environment</t>
  </si>
  <si>
    <t>NCA-GSE</t>
  </si>
  <si>
    <t>The NCA Geo Spatial Environment (NCA-GES) consists of a COTS client called ArcGIS which connects to a back-end SQL Server database and license server.  This environment is used to evaluate geographic information systems for working with maps and geographic information.</t>
  </si>
  <si>
    <t>PSPC-OMIS00018625</t>
  </si>
  <si>
    <t>IT Service Centre Portal</t>
  </si>
  <si>
    <t>ITSC</t>
  </si>
  <si>
    <t>In support of the Shared Services Initiative, the Integrated Service Desk Project (ISD) was initiated to align and integrate SM&amp;D Service Desk services. All Service Desks are virtually working together as a single entity, providing seamless service to end users across the country.  The IT Service Centre Web site was developed as part of the ISD project to provide an entry point for seamless service delivery within and between end user support service groups.  This application is accessible by all PWGSC end users and has an icon on each user desktop for ease of access. There are many self-help tool available including:  •displays wait times for the service desk •enables users to map to network printers •provides how-to documentation for Bucket 1</t>
  </si>
  <si>
    <t>PSPC-OMIS00019133</t>
  </si>
  <si>
    <t>Editor</t>
  </si>
  <si>
    <t>Application permettant aux traducteurs de traduire un document découpé en segments présentés côte à côte (langue source – langue cible).</t>
  </si>
  <si>
    <t>PSPC-OMIS00019134</t>
  </si>
  <si>
    <t>Analyzer</t>
  </si>
  <si>
    <t>T0 follow</t>
  </si>
  <si>
    <t>PSPC-OMIS00019136</t>
  </si>
  <si>
    <t>Bitexte</t>
  </si>
  <si>
    <t>To follow</t>
  </si>
  <si>
    <t>PSPC-OMIS00019137</t>
  </si>
  <si>
    <t>PSPC-OMIS00019150</t>
  </si>
  <si>
    <t>Security Banner</t>
  </si>
  <si>
    <t>Displays on every Workstation and Notebooks, every 28 days, a Security Banner, which every employee should read.  This banner remains on the screen until the employee click on the "I Acknowledge" button.  The banner contains the current departmental policies on the use of the PWGSC network.</t>
  </si>
  <si>
    <t>PSPC-OMIS00019155</t>
  </si>
  <si>
    <t>Transfer</t>
  </si>
  <si>
    <t>Transfert est une application utilisée pour alimenter le MégaCorpus et pour archiver les documents (BioCorpus).</t>
  </si>
  <si>
    <t>PSPC-OMIS00019161</t>
  </si>
  <si>
    <t>Public Service Living Accommodation</t>
  </si>
  <si>
    <t>PSLA</t>
  </si>
  <si>
    <t>A work function formerly performed by the Canadian Mortgage and Housing Corporation that  PWGSC is considering taking over for OGD clients. It is the process of evaluating rent on government owned properties, which has a variety of factors that roll into the equation which is used to derive a rent value. Some examples are location, comparables, history, upgrades etc.   The system to manage this new business function was handed over to PWGSC from CMHC and AMITOS Atlantic was asked to convert it to a modern solution. The system was formerly a LOTUS Approach database and we will rewrite it to the .NET (asp.net, C#) platform for the client.   BVA 15-16:  INTERDEPARTMENTAL STANDARD - system to help departments determine appropriate rental fees for their</t>
  </si>
  <si>
    <t>PSPC-OMIS00019163</t>
  </si>
  <si>
    <t>Environmental Compliance Tracker</t>
  </si>
  <si>
    <t>The ECT is an electronic environmental assessment questionnaire and it auto feeds the IMS, which will be outstanding issues (non-compliances) related to the anwsers while doing the environmental assessment questionnaire .</t>
  </si>
  <si>
    <t>PSPC-OMIS00019203</t>
  </si>
  <si>
    <t>Panda Environment: JIRA</t>
  </si>
  <si>
    <t>PeJIRA</t>
  </si>
  <si>
    <t>JIRA is the tracker for planning and executing projects or processes. It allows teams  to capture and organize issues, assign work, and follow team activity.</t>
  </si>
  <si>
    <t>PSPC-OMIS00019206</t>
  </si>
  <si>
    <t>Panda Environment: Bamboo</t>
  </si>
  <si>
    <t>PeBAMBOO</t>
  </si>
  <si>
    <t>Bamboo supports builds in any programming language using any build tool, including Ant, Maven, make, and any command line tools. Build notifications can be customized based on the type of event, and received via email, instant message, RSS, or pop-up windows in Eclipse-based IDEs and IntelliJ IDEA.  Bamboo is a continuous integration server from Atlassian, the makers of JIRA, Confluence and Crowd.  Bamboo provides automated build management of software, including automated testing and deployments.  https://www.atlassian.com/software/bamboo</t>
  </si>
  <si>
    <t>PSPC-OMIS00019207</t>
  </si>
  <si>
    <t>Panda Environment: FishEye</t>
  </si>
  <si>
    <t>PeFISHEYE</t>
  </si>
  <si>
    <t>FishEye provides a read-only window into a team's Vault code repository. Provides many features around code: visualize and report on activity, integrate source with JIRA issues, and search for commits, files, revisions, or people.   https://www.atlassian.com/software/fisheye/overview</t>
  </si>
  <si>
    <t>PSPC-OMIS00019527</t>
  </si>
  <si>
    <t>Statement of Merit Criteria Tool</t>
  </si>
  <si>
    <t>A web-based tool on the intranet that allows users to easily build a Statement of Merit</t>
  </si>
  <si>
    <t>PSPC-OMIS00019544</t>
  </si>
  <si>
    <t>TMate</t>
  </si>
  <si>
    <t>TeamMate is a COTS that will eventually replace some of the LOTUS NOTES functionalities. Client is Director Miranda Shepherd, Office of Audit and Evalutaion, DOB.</t>
  </si>
  <si>
    <t>PSPC-OMIS00019554</t>
  </si>
  <si>
    <t>Integrated Change Mangement System</t>
  </si>
  <si>
    <t>This solution is a common PWGSC tool for change and release management for those clients and service providers who have not adopted a change and release management system within an ERP solution.  This is a Clearquest solution. It was developed by implementing the Enterprise Change Management process. The stakeholders of the initial release comprises of ABCB and AM&amp;ITOS. The intention is to expand the solution to the rest of the PWGSC. This system facilitates the integration of CAB's between the IT service provider and the business client.   ICMS extracts some product information from OMIS as well as release information. The product and release record must reside in OMIS to be able to create and manage change requests.</t>
  </si>
  <si>
    <t>PSPC-OMIS00019567</t>
  </si>
  <si>
    <t>Integrity Database Services</t>
  </si>
  <si>
    <t>PSPC-OMIS00019672</t>
  </si>
  <si>
    <t>Pension Centre - myDune</t>
  </si>
  <si>
    <t>myDune</t>
  </si>
  <si>
    <t>The intranet site will ultimately become the Communications Hub for the Pension Centre – an integral tool in the Pension Centre day-to-day operations, with a variety of options for employees to effectively share and access all information related to the workplace.</t>
  </si>
  <si>
    <t>To come</t>
  </si>
  <si>
    <t>PSPC-OMIS00019678</t>
  </si>
  <si>
    <t>Buy and Sell - Tender Management Application</t>
  </si>
  <si>
    <t>BAS - TMA</t>
  </si>
  <si>
    <t>PSPC-OMIS00019680</t>
  </si>
  <si>
    <t>GCAccounts</t>
  </si>
  <si>
    <t>GCACC</t>
  </si>
  <si>
    <t>PSPC-OMIS00019681</t>
  </si>
  <si>
    <t>Buy and Sell - DEENWIKI</t>
  </si>
  <si>
    <t>BAS - WIKI</t>
  </si>
  <si>
    <t>PSPC-OMIS00019682</t>
  </si>
  <si>
    <t>Buy and Sell - DEENProject</t>
  </si>
  <si>
    <t>BAS - DEENProject</t>
  </si>
  <si>
    <t>This is a web-based project management and issue tracking tool used for the Buy and Sell applications.</t>
  </si>
  <si>
    <t>PSPC-OMIS00019895</t>
  </si>
  <si>
    <t>Buy and Sell - Puppet</t>
  </si>
  <si>
    <t>BAS-P</t>
  </si>
  <si>
    <t>Puppet is an open-source software configuration management tool to manage deployments for Buy and Sell.</t>
  </si>
  <si>
    <t>PSPC-OMIS00019915</t>
  </si>
  <si>
    <t>SIGMA SAP CPS By Redwood</t>
  </si>
  <si>
    <t>SIGMA SAP CPS</t>
  </si>
  <si>
    <t>Job Scheduling</t>
  </si>
  <si>
    <t>PSPC-OMIS00019933</t>
  </si>
  <si>
    <t>SIGMA HP Quality Center</t>
  </si>
  <si>
    <t>SIGMA HP QC</t>
  </si>
  <si>
    <t>Test Management Tool to support development and testing of all SIGMA systems</t>
  </si>
  <si>
    <t>PSPC-OMIS00019937</t>
  </si>
  <si>
    <t>SIGMA uPerform</t>
  </si>
  <si>
    <t>SIGMA UPERFORM</t>
  </si>
  <si>
    <t>UPerform is a tool provided by RWD. Content development tool for the creation of documents, simulations, and eLearning courses in SIGMA</t>
  </si>
  <si>
    <t>PSPC-OMIS00020031</t>
  </si>
  <si>
    <t>Print Test Request System</t>
  </si>
  <si>
    <t>PTR</t>
  </si>
  <si>
    <t>This  Web application is used by the client (PWGSC/ABCB) , and CIOB/ISS/NPP to receive and track test request submitted to the production centre.  this application enable the users to define the requirement for the RG cheques test (print and/or insertion)</t>
  </si>
  <si>
    <t>PSPC-OMIS00020225</t>
  </si>
  <si>
    <t>Western Region Geomatics Tool</t>
  </si>
  <si>
    <t>WRGT</t>
  </si>
  <si>
    <t>Tool that has some custom configuration for the collection, analysis, storage and management of spatial data.</t>
  </si>
  <si>
    <t>PSPC-OMIS00020500</t>
  </si>
  <si>
    <t>Safety Management Information System – Reporting</t>
  </si>
  <si>
    <t>SMISR</t>
  </si>
  <si>
    <t>PSPC-OMIS00020989</t>
  </si>
  <si>
    <t>Document Imaging Lifecycle Management System</t>
  </si>
  <si>
    <t>DILMS</t>
  </si>
  <si>
    <t>The LifeCycle Manager is a tool to check the integrity of shipments made by a customer on the amount of documents and the condition of the receipt thereof. It is, among other things, the relationship between the sending and receiving of customer documents and a treatment center (Matane and Winnipeg). It ensures compliance with the time limits specified by the predetermined business rules in the service agreement. Its primary role is to ensure compliance of evidence by a chain of custody. It consists of audits containing information of each of the actions taken by users on documents, and at all stages of the process.  https://dilms.pspc.gc.ca = Prod https://dilms-test.pspc.gc.ca = Test https://dilms-dev.pspc.gc.ca = Dev  Requirements : https://gcd</t>
  </si>
  <si>
    <t>PSPC-OMIS00021062</t>
  </si>
  <si>
    <t>MY GCHR PeopleSoft</t>
  </si>
  <si>
    <t>MY GCHR</t>
  </si>
  <si>
    <t>PSPC-OMIS00021087</t>
  </si>
  <si>
    <t>User Productivity Kit for PeopleSoft</t>
  </si>
  <si>
    <t>UPK is a tool that is used by training developers to create detailed, step-by-step procedures accompanied by screen shots for performing each business process. It uses discrete recording techniques to capture each action the user is executing, and allows additional information to be recorded as needed.</t>
  </si>
  <si>
    <t>PSPC-OMIS00021182</t>
  </si>
  <si>
    <t>GCDOCS PSPC</t>
  </si>
  <si>
    <t>GCDOCS-PSPC</t>
  </si>
  <si>
    <t>PSPC-OMIS00021216</t>
  </si>
  <si>
    <t>This implementation of Piwik is the corporate installation for Corporate Communications. It will be tracking between 200 and 300 web assets. There is an accompanying Infowiki page located here: http://infowiki.tpsgc-pwgsc.gc.ca/display/PP/Piwik+Web+Analytics+@+PWGSC+Home</t>
  </si>
  <si>
    <t>PSPC-OMIS00021329</t>
  </si>
  <si>
    <t>Req uisition Info</t>
  </si>
  <si>
    <t>RQI</t>
  </si>
  <si>
    <t>A tool used by CAU group to identify the buyer for a given requisition.</t>
  </si>
  <si>
    <t>PSPC-OMIS00021330</t>
  </si>
  <si>
    <t>Learning Catalogue</t>
  </si>
  <si>
    <t>PWGSC is migrating from the current Integrated Training System (ITS) to the CSPS instance of Saba Enterprise Learning Management System (LMS) 6.1.  This Commercial Off The Shelf (COTS) enterprise Integrated Learning Management System (ILMS) provides PWGSC with a single application for end-to-end management of employee learning and an integrated back office for learning content management, delivery, analytics, and reporting which complies with TBS requirements. The migration plan calls for: • the ITS to be decommissioned once the ILMS is commissioned, and • the associated Course Browser to be upgraded.  The upgrades include a new look and feel, additional functionality and linkage to the new I-LMS database. Once migration is complete, PWGSC learner</t>
  </si>
  <si>
    <t>PSPC-OMIS00021335</t>
  </si>
  <si>
    <t>CAPS Tombstone Data Extractor</t>
  </si>
  <si>
    <t>CAPS_TDE</t>
  </si>
  <si>
    <t>This is an Oracle database schema containing a group of tables and stored procedures.  Its function is to transform / prepare outbound data from NOVUS for transmission and consumption by VFA.facility, the new capital asset planning system (CAPS) solution: VFA.facility.  This schema is expected to reside within the Oracle instance of the AFDMS. At this date (2014-11-18) an SR is active for the creation of the CAPS_ETL schema by SSC is in process.</t>
  </si>
  <si>
    <t>PSPC-OMIS00021336</t>
  </si>
  <si>
    <t>Capital Asset Planning SaaS</t>
  </si>
  <si>
    <t>CAPS_SAAS</t>
  </si>
  <si>
    <t>This is a Web-based 'software-as-a-service' (SaaS) solution for the capital asset planning system (CAPS) requirements of RPB.  As such, we do not have specific technical details of the internal architecture or design of the system.  This back-end solution is currently owned &amp; provided by VFA Canada Inc. (VFA Inc.), recently (2014-11-17) bought out by Accruent.</t>
  </si>
  <si>
    <t>PSPC-OMIS00021385</t>
  </si>
  <si>
    <t>Transportation Management System</t>
  </si>
  <si>
    <t>A new service for Government of Canada (GC) employees to Rate shop the National Master Standing Offer Courier &amp; Freight rates and execute shipments on-line via the Transportation Management System (TMS). This new on-line service allows you to rate shop, ship, track and manage your daily shipments from a single interface.</t>
  </si>
  <si>
    <t>PSPC-OMIS00021404</t>
  </si>
  <si>
    <t>Human Resources Reporting System PeopleSoft</t>
  </si>
  <si>
    <t>HRRSPS</t>
  </si>
  <si>
    <t>HRRSPS is a Business Intelligence Reporting Application for HRB that runs on an Oracle database which links to a Cognos BI Reporting infrastructure. Data originates from the PeopleSoft application located in the Borden Data Centre.</t>
  </si>
  <si>
    <t>PSPC-OMIS00021425</t>
  </si>
  <si>
    <t>Human Resource Information System - CBO</t>
  </si>
  <si>
    <t>HRISCBO</t>
  </si>
  <si>
    <t>PSPC-OMIS00021507</t>
  </si>
  <si>
    <t>EarthSoft EQuIS</t>
  </si>
  <si>
    <t>ESEQ</t>
  </si>
  <si>
    <t>Used by Cape Breton Operations to store and report on Minewater sampling results.</t>
  </si>
  <si>
    <t>PSPC-OMIS00021526</t>
  </si>
  <si>
    <t>Ontario - Facility Data Services (FDS)</t>
  </si>
  <si>
    <t>O-FDS</t>
  </si>
  <si>
    <t>This online service enables authorized users from federal departments to access facility data managed by PWGSC Ontario Region on behalf of other federal departments including Correctional Services. The information accessible through this service includes digital drawings and other facility data for buildings.</t>
  </si>
  <si>
    <t>PSPC-OMIS00021527</t>
  </si>
  <si>
    <t>Sigma RP Interface System</t>
  </si>
  <si>
    <t>SRIS</t>
  </si>
  <si>
    <t>This is a Batch (CRON) job process executing Unix scripts, secure file transfer protocol, PL/SQL and Oracle commands to Extract and Load NOVUS Outbound files into the Novus Interface Database used to generate views accessed by the AFDMS, CAPS_ETL and LGIS systems. The Outbound files represent legacy WinFIS information converted into SAP data structured by Architecture Objects. In return, Inbound files are generated by separate processes in providing NOVUS with AFDMS service provider information such as O&amp;U Cost Planning, Project Cost Planning and AFD Projects.</t>
  </si>
  <si>
    <t>PSPC-OMIS00021545</t>
  </si>
  <si>
    <t>Pension Tools Incident Reporting</t>
  </si>
  <si>
    <t>PTIR</t>
  </si>
  <si>
    <t>This application is used to report issues at the Pension Centre regarding issues on Seibel and Penfax to application management or HQ, depending on the issue.</t>
  </si>
  <si>
    <t>PSPC-OMIS00021547</t>
  </si>
  <si>
    <t>Desktop Procedures Change Request Form</t>
  </si>
  <si>
    <t>DTP CRF</t>
  </si>
  <si>
    <t>This is an application used to request changes to desktop procedures used at the Pension Centre by end users.</t>
  </si>
  <si>
    <t>PSPC-OMIS00021549</t>
  </si>
  <si>
    <t>Web Toolbox</t>
  </si>
  <si>
    <t>ns-ws</t>
  </si>
  <si>
    <t>The Web Toolbox contains a series of tools and resources which enable the PSPC Web community to quickly verify various aspects of their web sites. The Web Toolbox is used by the Web Management Working Group to help inventory and manage PWGSC web sites. It is also used as a starting point for the Quality Assurance Reports, Quality Assurance Tools and Validation tools.  The Open Government section of the Web Toolbox enable the PSPC Open Government community view reports on various aspect of the their Open Data and Open Information.  It is also used as a starting point for the Quality Assurance Reports, Quality Assurance Tools and Validation tools.</t>
  </si>
  <si>
    <t>PSPC-OMIS00021600</t>
  </si>
  <si>
    <t>FME Products</t>
  </si>
  <si>
    <t>FME Server is a proprietary commercial tool for spatial data transformation and translation. It works in conjunction with FME Desktop, to run workspaces created in FME Desktop. It enables the extraction of metadata from many file formats, as well as the transformation of metadata following the ISO19139 standard, as required by the Treasury Board’s Standard on Geospatial Data.  It is currently deployed in a development environment, along with a floating licence server.  The licence server is currently used by Production PWGSC workstations which have FME Desktop installed.  FME Desktop is Bucket 2 COTS.  It is an integrated collection of Spatial Extract/Transform/Load tools for data transformation and data translation.</t>
  </si>
  <si>
    <t>PSPC-OMIS00021614</t>
  </si>
  <si>
    <t>DIPS-DTP Client Applications Portal</t>
  </si>
  <si>
    <t>DIPS-DTP-CAP</t>
  </si>
  <si>
    <t>Le portail des applications STIN-DIPS consiste à être une seule et unique application qui regroupera toutes les applications clientes STIN-DIPS. Cette application serait la seule à être empaquetée. Grâce à cette application, les utilisateurs seraient en mesure de naviguer à travers les différents ministères, projets et files de travail disponibles de chacune des applications disponibles. La gestion du portail sera effectuée de façon dynamique grâce à un fichier XML qui contiendra les détails de la configuration. De cette façon, il sera possible de modifier, d’ajouter ainsi que de supprimer des applications sans nécessiter de recompilation en évitant par la même occasion une mise à jour de l’empaquetage du portail.</t>
  </si>
  <si>
    <t>PSPC-OMIS00021643</t>
  </si>
  <si>
    <t>MapInfo Professional Products</t>
  </si>
  <si>
    <t>MI-PRO</t>
  </si>
  <si>
    <t>The License Server handles requests for Pitney Bowes Software product licenses. The licenses will be distributable, concurrent, or borrowed. The License Server Utility is an application that comes with the License Server. It enables you to configure the License Server and monitor the use of product licenses at your organization.  The licence server is currently used by Production PWGSC workstations which have MapInfo Professional 12.5 installed.  MapInfo Professional 12.5 is is currently packaged for PWGSC Windows 7 notebooks (32 &amp; 64 bit).</t>
  </si>
  <si>
    <t>PSPC-OMIS00021795</t>
  </si>
  <si>
    <t>Online TextBase Builder</t>
  </si>
  <si>
    <t>TM Builder</t>
  </si>
  <si>
    <t>Tool that allows the users to create temporary translation memories.</t>
  </si>
  <si>
    <t>PSPC-OMIS00021796</t>
  </si>
  <si>
    <t>Portage 1</t>
  </si>
  <si>
    <t>This is a machine translation engine provided by the NRC.  It is used by the Translation Bureau employees on the Extranet.</t>
  </si>
  <si>
    <t>PSPC-OMIS00021797</t>
  </si>
  <si>
    <t>Portage 2</t>
  </si>
  <si>
    <t>Portage II is the newer version of the machine translation engine provided by the NRC.  The version will be offered to all public servants.</t>
  </si>
  <si>
    <t>PSPC-OMIS00021798</t>
  </si>
  <si>
    <t>Weather Translation System</t>
  </si>
  <si>
    <t>Meteo</t>
  </si>
  <si>
    <t>Translation System developped by PWGSC for EC.</t>
  </si>
  <si>
    <t>PSPC-OMIS00021811</t>
  </si>
  <si>
    <t>Canada GeoPortal SaaS</t>
  </si>
  <si>
    <t>CanGEOportal</t>
  </si>
  <si>
    <t>PWGSC Ontario Region Engineering Assets GeoPortal PWGSC Engineering Assets Portal, hosted as part of www.canadageoportal.com, by leveraging the Ontario government's IO Customer GeoPortal. It enables authorized users to post and access Engineering Asset information through the mapping / GIS (GeoViewer), document management (DocumentViewer), and database query (DataViewer) tools.  PWGSC - Port Hope Area Initiative (PHAI) Collaborative Portal The Collaborative Portal leverages the core GeoPortal tools as well as customly developed environmental applications built to specifically support the capture, manipulation and management of project information. These applications:  Allow authorized users to access project content and post new information Allo</t>
  </si>
  <si>
    <t>PSPC-OMIS00021858</t>
  </si>
  <si>
    <t>OPO Secure Online Complaint Form</t>
  </si>
  <si>
    <t>OPOSCFRM</t>
  </si>
  <si>
    <t>PSPC-OMIS00021916</t>
  </si>
  <si>
    <t>Commodity Procurement Tool</t>
  </si>
  <si>
    <t>Business Background In the Food Services industry, PWGSC has a standard 1100 individual food items that can be procured (ex: cased of apples, crates of meat etc).  This is often used by DND and Correctional Services (ie: organisations that have institutional kitchens to feed inmates and/or military members, etc).  Currently the process in use allows each of the vendors providing these 1100 categories of food products to lock in a price for a predetermined period of time.  The risk to the vendor in this is that food pricing is a volatile market and they don’t wish to limit themselves to too low a price in case the cost goes up in the near future.  So PWGSC often receives bids with some degree of a buffer included in the prices.  The current limitation p</t>
  </si>
  <si>
    <t>PSPC-OMIS00021939</t>
  </si>
  <si>
    <t>Occupational Health and Safety</t>
  </si>
  <si>
    <t>Occupational Health and Safety Application is used to compile, support and monitor information and documents required by the following OHSD teams. Serves a total of 82 users across Canada. It is installed Locally on 6 Regional Servers (NCA counting as a region). Distributed as follows:   # of Users Region      7  Atlantic      8  Quebec    50  NCA     4  Ontario     7  Western     6  Pacific</t>
  </si>
  <si>
    <t>PSPC-OMIS00021946</t>
  </si>
  <si>
    <t>BTB Bamboo</t>
  </si>
  <si>
    <t>Bamboo</t>
  </si>
  <si>
    <t>Atlassian bamboo product to build and deploy most of the BTB in-house applications.  Migrate to CIOB bamboo in 2015-2016.</t>
  </si>
  <si>
    <t>PSPC-OMIS00021949</t>
  </si>
  <si>
    <t>BTB Nexus</t>
  </si>
  <si>
    <t>Centralized package management service to allow bamboo to deploy any version of any application in any environment . It is also tightly used with maven for package dependencies to be able to download all dependencies from a centralized source.</t>
  </si>
  <si>
    <t>PSPC-OMIS00021950</t>
  </si>
  <si>
    <t>BTB Nagios</t>
  </si>
  <si>
    <t>Monitoring tool for applications group windows and linux servers. Monitors the health , disk space , memory usage , etc. Of a server and monitors statuses of web sites.</t>
  </si>
  <si>
    <t>PSPC-OMIS00021953</t>
  </si>
  <si>
    <t>BTB LDAP</t>
  </si>
  <si>
    <t>Centralized authentication and authorization system for many applications group software . It is used by bamboo for authentication/notifications, linux servers (authe) , cvs (authe,autho).  Waiting for SSC to have a migration plan.</t>
  </si>
  <si>
    <t>PSPC-OMIS00021960</t>
  </si>
  <si>
    <t>Jazz Environment: Requirements Management (ISB)</t>
  </si>
  <si>
    <t>CE-RRC-ISB</t>
  </si>
  <si>
    <t>The Jazz environment to support requirements management for the IFMS project.</t>
  </si>
  <si>
    <t>PSPC-OMIS00021971</t>
  </si>
  <si>
    <t>OMIS Microsoft Reporting Services Reports</t>
  </si>
  <si>
    <t>OMIS-MRS-RPT</t>
  </si>
  <si>
    <t>OMIS Reports is coupled with the OMIS application (OMIS00000677).  OMIS Reports performs the report generating function which is a capability that is not currently built into the OMIS solution. The operational level reports created are generated from the OMIS database of PSPC application portfolio information. These reports are used by senior management, the OMIS business team and APM.</t>
  </si>
  <si>
    <t>PSPC-OMIS00022029</t>
  </si>
  <si>
    <t>Leave with Income Average</t>
  </si>
  <si>
    <t>LIA</t>
  </si>
  <si>
    <t>PSPC-OMIS00022035</t>
  </si>
  <si>
    <t>Basic Pension Calculator</t>
  </si>
  <si>
    <t>PenBen</t>
  </si>
  <si>
    <t>The Pension Benefit Calculator (unSecure) is a application that allows employees to enter information that will  assists the employee to determine their pension benefits at a future date.  The calculator is a unsecure self service tool available to the public on the internet to generate "what if" scenario's as to their future pension benefits.  This calculator estimates what your yearly and monthly pension would be based solely on the information that you enter: your Date of Joining the Plan, your estimated Termination Date and the Average Salary of your 5 consecutive years of highest paid service.</t>
  </si>
  <si>
    <t>PSPC-OMIS00022036</t>
  </si>
  <si>
    <t>MDA-DTP Client Applications Portal</t>
  </si>
  <si>
    <t>MDA-DTP-CAP</t>
  </si>
  <si>
    <t>Following DTP Initiative, SSC packeging release delay wasn't acceptable.  So, we had to develop our own release application.  The MAT-CRCD-MDA-DTP Client Applications Portal is a shelf, that include all RG's application.</t>
  </si>
  <si>
    <t>PSPC-OMIS00022054</t>
  </si>
  <si>
    <t>Public Service Dental Care Plan (Insurance Web)</t>
  </si>
  <si>
    <t>PSDCP Web</t>
  </si>
  <si>
    <t>The Public Service Dental Care Plan (PSDCP) is a new web application that will be accessible through CWA.  It is another aspect of the Insurance business line.  It is currently in the planning/analysis phase with the development planned to start early summer 2015.  It will be needed by the client after the RPS conversion to Phoenix; after December 2015.  The Insurance/Dental information is currently located within the 'Contributor' pension legacy systems.  With Phoenix coming in 2015, the RPS-paid employees information will be transferred in Phoenix, and the non-RPS employees (ie crown, separate employers) will be added to the new Insurance/Dental application being created under CWA.</t>
  </si>
  <si>
    <t>PSPC-OMIS00022055</t>
  </si>
  <si>
    <t>SOR XML Tool</t>
  </si>
  <si>
    <t>SOR XML</t>
  </si>
  <si>
    <t>The SOR XML tool will provide the capability to create, amend and/or cancel SOR/tax slips, to create a pdf version of all tax slips, and generate an XML file that will be transmitted to CRA and Revenu Québec  (MRQ) electronically. This tool will contain both CRA and RQ SOR/tax slips forms (T4, T4A, NR4, T5, R1, R2, R3) for the past 7 years.</t>
  </si>
  <si>
    <t>PSPC-OMIS00022057</t>
  </si>
  <si>
    <t>CFSA Reservist Pension Service Buyback and Top-Up Calculator (internet)</t>
  </si>
  <si>
    <t>DND Calculator</t>
  </si>
  <si>
    <t>This non-secure internet based web application will provide DND/CFSA Reservist with the ability to</t>
  </si>
  <si>
    <t>PSPC-OMIS00022091</t>
  </si>
  <si>
    <t>Translation Bureau BI</t>
  </si>
  <si>
    <t>BTB BI</t>
  </si>
  <si>
    <t>BI Reporting Application for Translation Bureau using Cognos BI Tools.</t>
  </si>
  <si>
    <t>PSPC-OMIS00022962</t>
  </si>
  <si>
    <t>Mega Corpus</t>
  </si>
  <si>
    <t>Mega</t>
  </si>
  <si>
    <t>PSPC-OMIS00022976</t>
  </si>
  <si>
    <t>Productivity Tools: Compense Rational Team Concert</t>
  </si>
  <si>
    <t>CE-Compense2-RTC</t>
  </si>
  <si>
    <t>Productivity Tools: Compense Rational Team Concert.  This product is being used to track Bugs for the partner's application.</t>
  </si>
  <si>
    <t>PSPC-OMIS00023136</t>
  </si>
  <si>
    <t>Data Capture Tool</t>
  </si>
  <si>
    <t>Data Capture tool for GCPENS.</t>
  </si>
  <si>
    <t>PSPC-OMIS00023480</t>
  </si>
  <si>
    <t>Information Technology, Project and Portfolio Management</t>
  </si>
  <si>
    <t>ITPPM</t>
  </si>
  <si>
    <t>ITPPM is the PSPC instance of the COTS called CA PPM; it is a management software that includes integrated modules for a full management of IT portfolio investments (projects, applications, services)</t>
  </si>
  <si>
    <t>PSPC-OMIS00023530</t>
  </si>
  <si>
    <t>Treasury Board Submission</t>
  </si>
  <si>
    <t>TBSub</t>
  </si>
  <si>
    <t>This solution built in MsAccess 2013 is a temporary solution in order to replace the previous client solution with Outlook 2007 (current Outlook 2007 is not compliant with Outlook 2013).   The MsAccess 2013 solution will then be migrated to a long term solution.</t>
  </si>
  <si>
    <t>PSPC-OMIS00023538</t>
  </si>
  <si>
    <t>Canada Gazette InDesign Scripts</t>
  </si>
  <si>
    <t>CGIDS</t>
  </si>
  <si>
    <t>The CGIDS_SIDGC is a set of scripts that automate tedious and repeatable task to help speed up the production of the Gazette publications in Adobe InDesign.  Adobe InDesign provide a library called ExtendScript that allows programmers to make call to all components of the software using JavaScript.</t>
  </si>
  <si>
    <t>PSPC-OMIS00023540</t>
  </si>
  <si>
    <t>Canada Gazette Wiki</t>
  </si>
  <si>
    <t>CGW</t>
  </si>
  <si>
    <t>A wiki for internal users at the Canada Gazette. Information source for editors (knowledge base - references - training)</t>
  </si>
  <si>
    <t>PSPC-OMIS00023542</t>
  </si>
  <si>
    <t>Canada Gazette Workload managenent</t>
  </si>
  <si>
    <t>WM - Elog</t>
  </si>
  <si>
    <t>Electronic logbook to keep track of the workload of each publication.</t>
  </si>
  <si>
    <t>PSPC-OMIS00023700</t>
  </si>
  <si>
    <t>Employee Onboarding &amp; Departure System</t>
  </si>
  <si>
    <t>EODS</t>
  </si>
  <si>
    <t>EODS Application developed to facilitate on-boarding and departure of staff and the subsequent workflows that have to occur to assign/relinquish a workspace, IT assets, security clearance, HR and pay records, etc. The Employee Onboarding and Departure can assist with this by ensuring that IM staff are notified of all moves, hires and departures and accounts are adjusted accordingly.</t>
  </si>
  <si>
    <t>PSPC-OMIS00023940</t>
  </si>
  <si>
    <t>European Procurement System</t>
  </si>
  <si>
    <t>EPS</t>
  </si>
  <si>
    <t>. The European Procurement System is an application used by the Koblenz office to conduct procurement in Germany under European rules.</t>
  </si>
  <si>
    <t>PSPC-OMIS00023949</t>
  </si>
  <si>
    <t>FreeBalance provides financial and human resource management to ODGs</t>
  </si>
  <si>
    <t>PSPC-OMIS00023956</t>
  </si>
  <si>
    <t>Menu des applications</t>
  </si>
  <si>
    <t>MDA</t>
  </si>
  <si>
    <t>PSPC-OMIS00023958</t>
  </si>
  <si>
    <t>EFirstCapture</t>
  </si>
  <si>
    <t>EFC</t>
  </si>
  <si>
    <t>PSPC-OMIS00023960</t>
  </si>
  <si>
    <t>Digital Image Processing Solution</t>
  </si>
  <si>
    <t>DIPS</t>
  </si>
  <si>
    <t>PSPC-OMIS00023961</t>
  </si>
  <si>
    <t>DataCap Taskmaster Capture</t>
  </si>
  <si>
    <t>Datacap</t>
  </si>
  <si>
    <t>PSPC-OMIS00023963</t>
  </si>
  <si>
    <t>GC-HRMS</t>
  </si>
  <si>
    <t>PeopleSoft deployment to OGDs</t>
  </si>
  <si>
    <t>PSPC-OMIS00023966</t>
  </si>
  <si>
    <t>Integrated Financial Management System</t>
  </si>
  <si>
    <t>SAP system for OGDs</t>
  </si>
  <si>
    <t>PSPC-OMIS00023967</t>
  </si>
  <si>
    <t>PayCourier Archive Data Correction</t>
  </si>
  <si>
    <t>PCA-DC</t>
  </si>
  <si>
    <t>PSPC-OMIS00024085</t>
  </si>
  <si>
    <t>Alto - PSPC Learning</t>
  </si>
  <si>
    <t>Alto</t>
  </si>
  <si>
    <t>ALTO is the PSPC learning management system which allows users to manage their learning portfolio. It allows users to keep track of learning activities, launch online learning, print course materials or certificates and much more.   This system is a cloud-based solution developed, implemented and hosted by Saba.</t>
  </si>
  <si>
    <t>PSPC-OMIS00024087</t>
  </si>
  <si>
    <t>Track My Case</t>
  </si>
  <si>
    <t>TMC</t>
  </si>
  <si>
    <t>In an attempt to reduce the volume of employee inquiries to the Pay Centre and enhance client services, a new (Compensation Web Application) CWA module will be built to allow employees to view the status of their cases stored in the Pay Centre’s Case Management Tool (CMT).  Selected data from the Pay Centre’s CMT will be transferred to the CWA on a daily basis. New CWA screens will be created to allow an employee to view the current status of their case(s) in the Pay Centre.</t>
  </si>
  <si>
    <t>PSPC-OMIS00024098</t>
  </si>
  <si>
    <t>GCDOCS Gold Build</t>
  </si>
  <si>
    <t>GCDOCS-GB</t>
  </si>
  <si>
    <t>PSPC-OMIS00024177</t>
  </si>
  <si>
    <t>SendSuite Tracking</t>
  </si>
  <si>
    <t>This solution (SendSuite Tracking) is a COTS application that provides the end client with the ability track packages received by the mailroom from carrier companies, and also track packages delivered by mailroom employees to public servants.</t>
  </si>
  <si>
    <t>PSPC-OMIS00024186</t>
  </si>
  <si>
    <t>ATIP Request and Pay Online</t>
  </si>
  <si>
    <t>ATIP-Pay</t>
  </si>
  <si>
    <t>This is PSPC's SR backend architecture pilot of web-based system ATIP Online developed and maintained by Citizenship and Immigration Canada(CIC).</t>
  </si>
  <si>
    <t>PSPC-OMIS00024553</t>
  </si>
  <si>
    <t>Buy and Sell - Standing Offers and Supply Arrangements Application</t>
  </si>
  <si>
    <t>BAS-SOSA</t>
  </si>
  <si>
    <t>The SOSA App is the secure web based application that allows authorized provincial or territorial identified users to view and use our standing offers and supply arrangements. The standing offer for office supplies is the first of our procurement tools available for use through the application.</t>
  </si>
  <si>
    <t>PSPC-OMIS00024560</t>
  </si>
  <si>
    <t>GCDOCS PSPC Data Migration Tool</t>
  </si>
  <si>
    <t>GCDOCS PSPC DMT</t>
  </si>
  <si>
    <t>It is a migration application tool (COTS) used to migrate and convert data from the EDRM system to the GCDocs system.</t>
  </si>
  <si>
    <t>PSPC-OMIS00024589</t>
  </si>
  <si>
    <t>Public Service and Procurement Canada – Client Relationship Management</t>
  </si>
  <si>
    <t>PSPC-CRM</t>
  </si>
  <si>
    <t>Using MS Dynamics 2015, the PSPC Client Relationship Management (CRM) tool provides Account Executives and Senior Mgmt of various PSPC branches the ability to improve Client Relations and Service Delivery.</t>
  </si>
  <si>
    <t>PSPC-OMIS00024643</t>
  </si>
  <si>
    <t>GCcase</t>
  </si>
  <si>
    <t>PSPC-OMIS00024789</t>
  </si>
  <si>
    <t>Mandate E-tracker</t>
  </si>
  <si>
    <t>E-tracker</t>
  </si>
  <si>
    <t>Tracking and reporting tool (SharePoint) responds to a demand of the new government to govern by results.  Performance tracking also allows departments to report on progress of key government of Canada priorities.  Track, record and report on Mandate Commitments.</t>
  </si>
  <si>
    <t>PSPC-OMIS00025552</t>
  </si>
  <si>
    <t>SAP Disclosure Management</t>
  </si>
  <si>
    <t>SAP-DM</t>
  </si>
  <si>
    <t>Application used to disclose the Government of Canada financial statements to the public</t>
  </si>
  <si>
    <t>PSPC-OMIS00025587</t>
  </si>
  <si>
    <t>Integration and Collaboration Platform</t>
  </si>
  <si>
    <t>ICP</t>
  </si>
  <si>
    <t>SharePoint 2013 is a web-based, collaborative platform that integrates with Microsoft Office. SharePoint is primarily sold as a document management and storage system, but the product is highly configurable and usage varies substantially between organizations.Most common uses of the SharePoint include Enterprise Content and Document Management, Intranet and Social network, Collaborative software,  file hosting service (personal cloud) and Custom Web Applicaitions.  End-user functionality includes Cross-browser drag &amp; drop support for file uploads/changes, and Follow/Share buttons, OneDrive for Business (initially SkyDrive Pro) replaces MySites and Workspaces,  Updates to social network feature &amp; new task aggregation tool,  Database caching, called Dist</t>
  </si>
  <si>
    <t>PSPC-OMIS00026554</t>
  </si>
  <si>
    <t>SHARP</t>
  </si>
  <si>
    <t>SHARP an MS-Access application that the clients use to report on their service levels. When the clients receive an email through the corporate Mailbox, it is converted into a task. SHARP is used to generate monthly reports about how many tasks were completed, and how many days each task took to complete. SHARP is also used to generate reports for counts in the mailbox sub-folders.</t>
  </si>
  <si>
    <t>PSPC-OMIS00026564</t>
  </si>
  <si>
    <t>GHG Commute Calculator</t>
  </si>
  <si>
    <t>GHG</t>
  </si>
  <si>
    <t>Greenhouse Gas (GHG) Commute Calculator to determine the total annual GHGs emitted by employees during their commute to work.</t>
  </si>
  <si>
    <t>PSPC-OMIS00026827</t>
  </si>
  <si>
    <t>PSPC Enterprise Architecture Repository</t>
  </si>
  <si>
    <t>PSPC-EAR</t>
  </si>
  <si>
    <t>It is used at PSPC to deliver, enable and support architecture development, the management/analysis of architecture components, and the transformation of architecture components into architecture products and other decision support reports.</t>
  </si>
  <si>
    <t>Royal Canadian Mounted Police</t>
  </si>
  <si>
    <t>APP-03902</t>
  </si>
  <si>
    <t>Criminal Justice Information Management</t>
  </si>
  <si>
    <t>1.2.1.3 Canadian Criminal Real Time Identification Services</t>
  </si>
  <si>
    <t>APP-01225</t>
  </si>
  <si>
    <t>Electronic Latent Management Operations</t>
  </si>
  <si>
    <t>ELMO</t>
  </si>
  <si>
    <t>Supports the transmission and management of latent fingerprint files.</t>
  </si>
  <si>
    <t>APP-01237</t>
  </si>
  <si>
    <t>Identification Statistical Reporting System</t>
  </si>
  <si>
    <t>1.2.1 Scientific, Technical and Investigative Support</t>
  </si>
  <si>
    <t>Web-based application which collects and reports on monthly activities of data collection for statistical reporting.</t>
  </si>
  <si>
    <t>APP-01305</t>
  </si>
  <si>
    <t>Real Time Identification - Cogent Automated Fingerprint Identification System</t>
  </si>
  <si>
    <t>RTID - CAFIS</t>
  </si>
  <si>
    <t>3M-Cogent</t>
  </si>
  <si>
    <t>National system used to perform fingerprint comparaison for purpose of biometric identification of Criminal, Civil, Refugee, Immigration and latents.</t>
  </si>
  <si>
    <t>CAFIAS</t>
  </si>
  <si>
    <t>APP-01307</t>
  </si>
  <si>
    <t>Real Time Identification - NNS (NPS-Nist Server)</t>
  </si>
  <si>
    <t>RTID - NNS</t>
  </si>
  <si>
    <t>The NNS server refers to the workflow manager for the RTID System. It performs many functions including, but not limited to, the following: 
- receives and validates external electronic NIST files
- returns an acknowledgement and routes these files to the appropriate subsystem (CREMMS, AFIS, ADS, ELMO, etc.) based on the business rules
- allows authorized users to search and view individual submissions</t>
  </si>
  <si>
    <t>APP-01153</t>
  </si>
  <si>
    <t>Business Intelligence - Canadian Firearms Program</t>
  </si>
  <si>
    <t>BI CFP</t>
  </si>
  <si>
    <t>1.2.2 Canadian Firearms Program</t>
  </si>
  <si>
    <t>APP-01165</t>
  </si>
  <si>
    <t>Business Intelligence - Common Services</t>
  </si>
  <si>
    <t>BI CS</t>
  </si>
  <si>
    <t>1.2 Canadian Law Enforcement Services</t>
  </si>
  <si>
    <t>APP-01149</t>
  </si>
  <si>
    <t>Automated Canadian-US Police Information Exchange System</t>
  </si>
  <si>
    <t>ACUPIES</t>
  </si>
  <si>
    <t>1.2.1.6 Canadian Police Information Centre (CPIC)</t>
  </si>
  <si>
    <t>APP-01179</t>
  </si>
  <si>
    <t>Canadian Police Information Centre INTERPOL Gateway</t>
  </si>
  <si>
    <t>APP-01181</t>
  </si>
  <si>
    <t>Canadian Police Information Centre Message Archive Process</t>
  </si>
  <si>
    <t>CMAP</t>
  </si>
  <si>
    <t>APP-01183</t>
  </si>
  <si>
    <t>Canadian Police Information Centre Online Reports</t>
  </si>
  <si>
    <t>COR</t>
  </si>
  <si>
    <t>APP-01185</t>
  </si>
  <si>
    <t>Canadian Police Information Centre ORI Management Utility</t>
  </si>
  <si>
    <t>COMU</t>
  </si>
  <si>
    <t>APP-01189</t>
  </si>
  <si>
    <t>Canadian Police Information Centre Web</t>
  </si>
  <si>
    <t>CPIC Web</t>
  </si>
  <si>
    <t>APP-01201</t>
  </si>
  <si>
    <t>Common Open Messaging Platforms and Services</t>
  </si>
  <si>
    <t>COMPaS</t>
  </si>
  <si>
    <t>APP-01213</t>
  </si>
  <si>
    <t>Currency Reading and Tracing System</t>
  </si>
  <si>
    <t>CRATS</t>
  </si>
  <si>
    <t>1.1.2 Federal Policing</t>
  </si>
  <si>
    <t>APP-01219</t>
  </si>
  <si>
    <t>Electronic Correspondence Tracking - ccmMercury</t>
  </si>
  <si>
    <t>ECT - ccmMercury</t>
  </si>
  <si>
    <t>4.1.1 Management and Oversight Services</t>
  </si>
  <si>
    <t>Electronic Correspondence tracking system. Archive and information management system. Provides ability to share work with different organizations using the same tool (ccmExchange).</t>
  </si>
  <si>
    <t>APP-01303</t>
  </si>
  <si>
    <t>Radio Frequency License Application</t>
  </si>
  <si>
    <t>LICAPP</t>
  </si>
  <si>
    <t>4.1.9 Materiel Services</t>
  </si>
  <si>
    <t>APP-01337</t>
  </si>
  <si>
    <t>Travel and Visits Tracking System - Travel</t>
  </si>
  <si>
    <t>TVTS-Travel</t>
  </si>
  <si>
    <t>APP-01339</t>
  </si>
  <si>
    <t>Vehicle Index Gateway</t>
  </si>
  <si>
    <t>VIG</t>
  </si>
  <si>
    <t>APP-03931</t>
  </si>
  <si>
    <t>Canadian Police Information Centre Directory Interface</t>
  </si>
  <si>
    <t>CDI</t>
  </si>
  <si>
    <t>APP-03933</t>
  </si>
  <si>
    <t>Canadian Police Information Centre Messaging</t>
  </si>
  <si>
    <t>CPICMSG</t>
  </si>
  <si>
    <t>APP-03938</t>
  </si>
  <si>
    <t>Canadian Anti-Fraud Centre - Fraud Reporting System</t>
  </si>
  <si>
    <t>CAFC-FRS</t>
  </si>
  <si>
    <t>APP-03940</t>
  </si>
  <si>
    <t>Canadian Anti-Fraud Centre - Call Taker</t>
  </si>
  <si>
    <t>CAFC</t>
  </si>
  <si>
    <t>APP-03942</t>
  </si>
  <si>
    <t>Travel and Visits Tracking System - Visits</t>
  </si>
  <si>
    <t>TVTS-Visits</t>
  </si>
  <si>
    <t>APP-01243</t>
  </si>
  <si>
    <t>Integrated Information Service</t>
  </si>
  <si>
    <t>1.2.1.5 Criminal Intelligence Service Canada</t>
  </si>
  <si>
    <t>APP-01139</t>
  </si>
  <si>
    <t>Agora (eLearning)</t>
  </si>
  <si>
    <t>4.1.4 Human Resources Management Services</t>
  </si>
  <si>
    <t>APP-01235</t>
  </si>
  <si>
    <t>Human Resource Management Information System</t>
  </si>
  <si>
    <t>HRMIS</t>
  </si>
  <si>
    <t>Oracle PeopleSoft Software + GoC Customizations</t>
  </si>
  <si>
    <t>Peoplesoft HCM</t>
  </si>
  <si>
    <t>APP-01271</t>
  </si>
  <si>
    <t>Pension Data Repository</t>
  </si>
  <si>
    <t>PDR</t>
  </si>
  <si>
    <t>APP-03948</t>
  </si>
  <si>
    <t>4.1.6 Information Management Services</t>
  </si>
  <si>
    <t>Content Server</t>
  </si>
  <si>
    <t>APP-03950</t>
  </si>
  <si>
    <t>Access to Information and Privacy</t>
  </si>
  <si>
    <t>CSDC Systems Inc.</t>
  </si>
  <si>
    <t>1.1 Police Operations</t>
  </si>
  <si>
    <t>CIIDS</t>
  </si>
  <si>
    <t>APP-01275</t>
  </si>
  <si>
    <t>Police Information Portal</t>
  </si>
  <si>
    <t>Versaterm Inc.</t>
  </si>
  <si>
    <t>APP-01177</t>
  </si>
  <si>
    <t>Canadian Police Information Centre</t>
  </si>
  <si>
    <t>CPIC</t>
  </si>
  <si>
    <t>APP-01215</t>
  </si>
  <si>
    <t>Data Base Off-line Reporting System</t>
  </si>
  <si>
    <t>DORS</t>
  </si>
  <si>
    <t>APP-01325</t>
  </si>
  <si>
    <t>Statistical Information Reporting System</t>
  </si>
  <si>
    <t>SIRS</t>
  </si>
  <si>
    <t>APP-03989</t>
  </si>
  <si>
    <t>Cisco Internet Protocol Interoperability Collaboration System</t>
  </si>
  <si>
    <t>IPICS</t>
  </si>
  <si>
    <t>Cisco IPICS</t>
  </si>
  <si>
    <t>APP-01205</t>
  </si>
  <si>
    <t>Computerized Integrated Information Dispatch System</t>
  </si>
  <si>
    <t>Bell Canada</t>
  </si>
  <si>
    <t>BellCAD</t>
  </si>
  <si>
    <t>APP-03991</t>
  </si>
  <si>
    <t>Integrated Collaborative Environment Sharepoint</t>
  </si>
  <si>
    <t>APP-01313</t>
  </si>
  <si>
    <t>RCMP Member Pay System</t>
  </si>
  <si>
    <t>APP-01327</t>
  </si>
  <si>
    <t>Status and Messaging Module</t>
  </si>
  <si>
    <t>APP-01333</t>
  </si>
  <si>
    <t>TEAM</t>
  </si>
  <si>
    <t>Acquisition Services,Communications Services,Financial Management Services,Human Resources Management Services,Information Management Services,Management and Oversight Services,Materiel Services,Real Property Services,Travel and Other Administrative Services</t>
  </si>
  <si>
    <t>APP-01343</t>
  </si>
  <si>
    <t>W5 - National Claims</t>
  </si>
  <si>
    <t>W5</t>
  </si>
  <si>
    <t>Financial Management Services,Legal Services</t>
  </si>
  <si>
    <t>Burkitt Computer Corporation</t>
  </si>
  <si>
    <t>W5 Claims Management Software</t>
  </si>
  <si>
    <t>APP-03993</t>
  </si>
  <si>
    <t>Cisco UCCX Desktop application</t>
  </si>
  <si>
    <t>UCCX</t>
  </si>
  <si>
    <t>1.1.3 Tecnical Services and Operational Support</t>
  </si>
  <si>
    <t>One time cost to acquire additional User licenses for the core IP Telephone System; used by the Central Help desk to handle ~10,000 calls from the RCMP and partnered agencies per month.</t>
  </si>
  <si>
    <t>Cisco Agent Desktop</t>
  </si>
  <si>
    <t>APP-01143</t>
  </si>
  <si>
    <t>Annual Performance Plan System</t>
  </si>
  <si>
    <t>APPS</t>
  </si>
  <si>
    <t>APP-01223</t>
  </si>
  <si>
    <t>Evidence &amp; Reports</t>
  </si>
  <si>
    <t>E&amp;R</t>
  </si>
  <si>
    <t>APP-01241</t>
  </si>
  <si>
    <t>InfoWeb (Search Function)</t>
  </si>
  <si>
    <t>4.1.2 Communications Services</t>
  </si>
  <si>
    <t>Search functionality within the RCMP (InfoWeb).</t>
  </si>
  <si>
    <t>APP-01315</t>
  </si>
  <si>
    <t>Risk Register</t>
  </si>
  <si>
    <t>APP-03995</t>
  </si>
  <si>
    <t>Service Desk Manager</t>
  </si>
  <si>
    <t>SDM</t>
  </si>
  <si>
    <t>4.1.7 Information Technology Services</t>
  </si>
  <si>
    <t>APP-01331</t>
  </si>
  <si>
    <t>Suspicious Incident Reporting</t>
  </si>
  <si>
    <t>APP-01335</t>
  </si>
  <si>
    <t>Traffic Services Management Information Tool</t>
  </si>
  <si>
    <t>TSMIT</t>
  </si>
  <si>
    <t>1.1.1 Contract Policing</t>
  </si>
  <si>
    <t>APP-01249</t>
  </si>
  <si>
    <t>LiveScan</t>
  </si>
  <si>
    <t>Morphotrak and Gemalto Cogent</t>
  </si>
  <si>
    <t>APP-01227</t>
  </si>
  <si>
    <t>Events Management System</t>
  </si>
  <si>
    <t>APP-01323</t>
  </si>
  <si>
    <t>Security Accreditation Management System</t>
  </si>
  <si>
    <t>APP-01217</t>
  </si>
  <si>
    <t>Data Quality &amp; Operational Reporting</t>
  </si>
  <si>
    <t>DQOR</t>
  </si>
  <si>
    <t>APP-01255</t>
  </si>
  <si>
    <t>National Administrative Records Management System</t>
  </si>
  <si>
    <t>NARMS</t>
  </si>
  <si>
    <t>Niche Technologies</t>
  </si>
  <si>
    <t>Niche</t>
  </si>
  <si>
    <t>APP-01273</t>
  </si>
  <si>
    <t>Police Access Tool</t>
  </si>
  <si>
    <t>PAT</t>
  </si>
  <si>
    <t>APP-01281</t>
  </si>
  <si>
    <t>Police Reporting and Occurrence System</t>
  </si>
  <si>
    <t>PROS</t>
  </si>
  <si>
    <t>APP-01147</t>
  </si>
  <si>
    <t>Police Reporting and Occurrence System Audit Log Viewer</t>
  </si>
  <si>
    <t>PROS ALV</t>
  </si>
  <si>
    <t>APP-01283</t>
  </si>
  <si>
    <t>Police Reporting and Occurrence System Depot</t>
  </si>
  <si>
    <t>PROS Depot</t>
  </si>
  <si>
    <t>APP-01285</t>
  </si>
  <si>
    <t>PROS Interface: CIIDS / Computer Aided Dispatch</t>
  </si>
  <si>
    <t>PROS Interface: CIIDS/CAD</t>
  </si>
  <si>
    <t>APP-01287</t>
  </si>
  <si>
    <t>PROS Interface: Canadian Police Information Centre</t>
  </si>
  <si>
    <t>PROS Interface: CPIC</t>
  </si>
  <si>
    <t>Niche - CPIC Interface</t>
  </si>
  <si>
    <t>APP-01289</t>
  </si>
  <si>
    <t>PROS Interface: Firearms Interest Police</t>
  </si>
  <si>
    <t>PROS Interface: FIP</t>
  </si>
  <si>
    <t>APP-01291</t>
  </si>
  <si>
    <t>PROS Interface: Pardon Application Decision System</t>
  </si>
  <si>
    <t>PROS Interface: PADS</t>
  </si>
  <si>
    <t>APP-01295</t>
  </si>
  <si>
    <t>Police Reporting and Occurrence System Training</t>
  </si>
  <si>
    <t>PROS Training</t>
  </si>
  <si>
    <t>APP-04026</t>
  </si>
  <si>
    <t>Administrative Case Management Tool</t>
  </si>
  <si>
    <t>ACMT</t>
  </si>
  <si>
    <t>APP-04028</t>
  </si>
  <si>
    <t>Administrative Case Management Tool Reports</t>
  </si>
  <si>
    <t>ACMTR</t>
  </si>
  <si>
    <t>APP-01171</t>
  </si>
  <si>
    <t>Canadian Firearms Information System</t>
  </si>
  <si>
    <t>CFIS</t>
  </si>
  <si>
    <t>APP-01175</t>
  </si>
  <si>
    <t>Canadian Firearms Registry Online</t>
  </si>
  <si>
    <t>CFRO</t>
  </si>
  <si>
    <t>APP-01187</t>
  </si>
  <si>
    <t>Canadian Police Information Centre to Canadian Firearms Information Systems Cont</t>
  </si>
  <si>
    <t>CPIC to CFIS Continuous Eligibility Interface</t>
  </si>
  <si>
    <t>APP-01231</t>
  </si>
  <si>
    <t>Firearms Reference Table</t>
  </si>
  <si>
    <t>FRT</t>
  </si>
  <si>
    <t>Catalogue of firearms and legal classifications maintained by the RCMP’s Forensic Laboratory and used by various government and police agencies to identify and classify firearms.</t>
  </si>
  <si>
    <t>APP-01247</t>
  </si>
  <si>
    <t>Internet Presence Environment</t>
  </si>
  <si>
    <t>IPE</t>
  </si>
  <si>
    <t>APP-01405</t>
  </si>
  <si>
    <t>Ontario Police Technology Information Cooperative to CPIC-FIP</t>
  </si>
  <si>
    <t>OPTIC to CPIC-FIP</t>
  </si>
  <si>
    <t>APP-01279</t>
  </si>
  <si>
    <t>PIRS to CPIC-Firearms Interest Police</t>
  </si>
  <si>
    <t>PIRS to CPIC-FIP</t>
  </si>
  <si>
    <t>APP-04032</t>
  </si>
  <si>
    <t>Transport Canada Continuous Eligibility Interface</t>
  </si>
  <si>
    <t>APP-01293</t>
  </si>
  <si>
    <t>PROS to CPIC-Firearms Interest Police</t>
  </si>
  <si>
    <t>PROS to CPIC-FIP</t>
  </si>
  <si>
    <t>APP-01169</t>
  </si>
  <si>
    <t>Canada's Missing (Web Page) Missing Children, Person and Unidentified Remains</t>
  </si>
  <si>
    <t>Canada's Missing (alias: MCPURWeb)</t>
  </si>
  <si>
    <t>1.2.1.7 Canadian Police Centre for Missing and Exploited Children</t>
  </si>
  <si>
    <t>Public website for gathering tips on missing persons and unidentified remains from the general public. This is a read-only database  (published from MCPUR).</t>
  </si>
  <si>
    <t>APP-01257</t>
  </si>
  <si>
    <t>National Criminal Data Bank</t>
  </si>
  <si>
    <t>NCDB</t>
  </si>
  <si>
    <t>APP-01261</t>
  </si>
  <si>
    <t>National Sex Offender Registry</t>
  </si>
  <si>
    <t>NSOR</t>
  </si>
  <si>
    <t>APP-01297</t>
  </si>
  <si>
    <t>Protective Operations Information System</t>
  </si>
  <si>
    <t>POIS</t>
  </si>
  <si>
    <t>APP-01301</t>
  </si>
  <si>
    <t>Public Safety Portal</t>
  </si>
  <si>
    <t>PSP</t>
  </si>
  <si>
    <t>APP-01341</t>
  </si>
  <si>
    <t>Violent Crimes Linkage Analysis System</t>
  </si>
  <si>
    <t>ViCLAS</t>
  </si>
  <si>
    <t>APP-01141</t>
  </si>
  <si>
    <t>Air Services - Professional Flight Management</t>
  </si>
  <si>
    <t>PFM</t>
  </si>
  <si>
    <t>PFM Corporation</t>
  </si>
  <si>
    <t>1.1.3.3 Air Services Operations</t>
  </si>
  <si>
    <t>Air Services PFM</t>
  </si>
  <si>
    <t>APP-01151</t>
  </si>
  <si>
    <t>Automated Criminal Intelligence Information System</t>
  </si>
  <si>
    <t>Safran/Morpho</t>
  </si>
  <si>
    <t>APP-01203</t>
  </si>
  <si>
    <t>Communications Resource Centre</t>
  </si>
  <si>
    <t>CRC</t>
  </si>
  <si>
    <t>Controls media related content on RCMP InfoWeb.</t>
  </si>
  <si>
    <t>APP-01195</t>
  </si>
  <si>
    <t>Child Exploitation Tracking System</t>
  </si>
  <si>
    <t>CETS</t>
  </si>
  <si>
    <t>Hubstream Intelligence Server</t>
  </si>
  <si>
    <t>APP-01193</t>
  </si>
  <si>
    <t>Chemical, Biological, Radiological, Nuclear, Explosive Incident Database</t>
  </si>
  <si>
    <t>CBRNE</t>
  </si>
  <si>
    <t>Amita Corp.</t>
  </si>
  <si>
    <t>1.1.3.1 Technical Investigations</t>
  </si>
  <si>
    <t>Socius</t>
  </si>
  <si>
    <t>APP-01259</t>
  </si>
  <si>
    <t>National Geospatial Service</t>
  </si>
  <si>
    <t>1.1.3.4 Scientific Services/Technologies</t>
  </si>
  <si>
    <t>Web Service to allow integration of GIS functionality into new and existing applications.</t>
  </si>
  <si>
    <t>APP-01321</t>
  </si>
  <si>
    <t>School Action for Emergencies</t>
  </si>
  <si>
    <t>SAFE</t>
  </si>
  <si>
    <t>National standardized database of school information available for immediate access by first responders to a school incident.</t>
  </si>
  <si>
    <t>APP-04040</t>
  </si>
  <si>
    <t>Missing Children, Person and Unidentified Remains DB</t>
  </si>
  <si>
    <t>MCPUR DB</t>
  </si>
  <si>
    <t>APP-04053</t>
  </si>
  <si>
    <t>APP-04055</t>
  </si>
  <si>
    <t>WinAir AMMS</t>
  </si>
  <si>
    <t>AVBase Inc.</t>
  </si>
  <si>
    <t>1.1.3 Technical Services and Operational Support</t>
  </si>
  <si>
    <t>APP-04057</t>
  </si>
  <si>
    <t>Electronic Correspondence Tracking - ccmEnterprise</t>
  </si>
  <si>
    <t>ECT - ccmEnterprise</t>
  </si>
  <si>
    <t>APP-04182</t>
  </si>
  <si>
    <t>Police Access Tool - Subject Behaviour / Officer Response</t>
  </si>
  <si>
    <t>PAT SBOR</t>
  </si>
  <si>
    <t>APP-03998</t>
  </si>
  <si>
    <t>Service Desk Express</t>
  </si>
  <si>
    <t>SDE</t>
  </si>
  <si>
    <t>RJR Innovations</t>
  </si>
  <si>
    <t>An integrated system that is comprised of several modules: Project Management, Work Order, Purchasing and Asset (Inventory) Management.</t>
  </si>
  <si>
    <t>APP-03985</t>
  </si>
  <si>
    <t>Combined DNA Index System</t>
  </si>
  <si>
    <t>CODIS</t>
  </si>
  <si>
    <t>FBI</t>
  </si>
  <si>
    <t>APP-03987</t>
  </si>
  <si>
    <t>Sample Tracking &amp; Control System</t>
  </si>
  <si>
    <t>STaCS</t>
  </si>
  <si>
    <t>STaCS DNA</t>
  </si>
  <si>
    <t>STaCS manages and controls the processing of convicted offender DNA samples from lab reception to the export of a profile to CODIS. The software provides a complete audit trail of the entire DNA typing process.</t>
  </si>
  <si>
    <t>IQT</t>
  </si>
  <si>
    <t>APP-03946</t>
  </si>
  <si>
    <t>IBM I2 software</t>
  </si>
  <si>
    <t>Criminal analysis software used by analysts.</t>
  </si>
  <si>
    <t>IBM I2 Suite</t>
  </si>
  <si>
    <t>APP-03944</t>
  </si>
  <si>
    <t>Identity Insight</t>
  </si>
  <si>
    <t>II</t>
  </si>
  <si>
    <t>IBM Infosphere Identity Insight</t>
  </si>
  <si>
    <t>SSC-APP-00000001</t>
  </si>
  <si>
    <t>Access Management Portal</t>
  </si>
  <si>
    <t>AMP</t>
  </si>
  <si>
    <t>2.1 Internal Services</t>
  </si>
  <si>
    <t>Processes requests for all network and departmental application access.</t>
  </si>
  <si>
    <t>SSC-APP-00000002</t>
  </si>
  <si>
    <t>CSDC Systems, AccessPro Suite</t>
  </si>
  <si>
    <t>SSC-APP-00000003</t>
  </si>
  <si>
    <t>SSC-APP-00000004</t>
  </si>
  <si>
    <t>Address Registry</t>
  </si>
  <si>
    <t>SSC-APP-00000005</t>
  </si>
  <si>
    <t>Agent Queue Monitor</t>
  </si>
  <si>
    <t>AQM</t>
  </si>
  <si>
    <t>Application is used by CRA to monitor Agent hours in call centres to ensure that those call centres are providing the agreed upon number of Agent hours each day by time of day</t>
  </si>
  <si>
    <t>SSC-APP-00000006</t>
  </si>
  <si>
    <t>ABITS (Aligning Business and Information</t>
  </si>
  <si>
    <t>ABITS</t>
  </si>
  <si>
    <t>Legacy Configuration Management Database for SSC.</t>
  </si>
  <si>
    <t>SSC-APP-00000007</t>
  </si>
  <si>
    <t>Automated Logon ID Request Facility</t>
  </si>
  <si>
    <t>ALIRF</t>
  </si>
  <si>
    <t>SSC-APP-00000008</t>
  </si>
  <si>
    <t>Financial Management Services,Human Resources Management Services,Information Management Services,Information Management Services,Management and Oversight Services</t>
  </si>
  <si>
    <t>Real Property</t>
  </si>
  <si>
    <t>Archibus is an enterprise facilities management application, use to keep track and report on real estate portfolios, manage office moves, workspace and user locations, CAD drawings/blue prints, operations and business intake. It is utilized by SSC Accommodations group.</t>
  </si>
  <si>
    <t>Web Central Enterprise Move Ma</t>
  </si>
  <si>
    <t>SSC-APP-00000009</t>
  </si>
  <si>
    <t>Asset Manager 5.22</t>
  </si>
  <si>
    <t>AM 5.22</t>
  </si>
  <si>
    <t>The AM 5.22 application is the repository of desktop and desktop-related IT Assets for SSC, CSPS and PSPC.  It's purpose is to provide an accurate track and monitor all desktop related assets for SSC, CSPS and PSPC.</t>
  </si>
  <si>
    <t>Assessment Management Platform</t>
  </si>
  <si>
    <t>SSC-APP-00000010</t>
  </si>
  <si>
    <t>ITSM tool currently used for IT Problem, Change, and Release management processes</t>
  </si>
  <si>
    <t>Axios, Assyst</t>
  </si>
  <si>
    <t>SSC-APP-00000011</t>
  </si>
  <si>
    <t>BMC Remedy/SMART</t>
  </si>
  <si>
    <t>BMC Remedy is a consolidated ITSM tool with functionalities specializing in: change and incident management, asset and configuration management, hardware inventory tracking, and Service Desk.</t>
  </si>
  <si>
    <t>BMC, Remedy Action Request System</t>
  </si>
  <si>
    <t>SSC-APP-00000012</t>
  </si>
  <si>
    <t>Building Information Systems</t>
  </si>
  <si>
    <t>BIS</t>
  </si>
  <si>
    <t>SSC-APP-00000013</t>
  </si>
  <si>
    <t>Call Detail Reporting</t>
  </si>
  <si>
    <t>eCDR</t>
  </si>
  <si>
    <t>Call Detail inbound Toll Free real time and historical used by the following sites,  D01 &amp; D07 Glass House</t>
  </si>
  <si>
    <t>Bell, Call Detail Reporting</t>
  </si>
  <si>
    <t>SSC-APP-00000014</t>
  </si>
  <si>
    <t>CA CMDB</t>
  </si>
  <si>
    <t>SSC-APP-00000015</t>
  </si>
  <si>
    <t>CCMIS 6</t>
  </si>
  <si>
    <t>Application used by call centres to provide call distribution, call control, and reporting for contact centre operation.  Includes the agent configuration etc.</t>
  </si>
  <si>
    <t>Nortel, Contact Centre Management Information System</t>
  </si>
  <si>
    <t>SSC-APP-00000016</t>
  </si>
  <si>
    <t>CG4 ATS</t>
  </si>
  <si>
    <t>CG4</t>
  </si>
  <si>
    <t>This application allows the scanning of Assets using a mobile hand-held scanner. The scanned data is uploaded into Asset Manager</t>
  </si>
  <si>
    <t>CG4 Solutions, CG4</t>
  </si>
  <si>
    <t>SSC-APP-00000017</t>
  </si>
  <si>
    <t>Change</t>
  </si>
  <si>
    <t>SSC-APP-00000018</t>
  </si>
  <si>
    <t>Cisco Works</t>
  </si>
  <si>
    <t>This software is used to securely manage the Cisco product line. This includes but is not limited to backup and restore of configurations, user and device tracking, and bulk changes.</t>
  </si>
  <si>
    <t>Cisco, CiscoWorks LMS</t>
  </si>
  <si>
    <t>SSC-APP-00000019</t>
  </si>
  <si>
    <t>Clarity (CBSA)</t>
  </si>
  <si>
    <t>CLARITY-CBSA</t>
  </si>
  <si>
    <t>See Definition for EPS - CBSA instance</t>
  </si>
  <si>
    <t>CA, Clarity</t>
  </si>
  <si>
    <t>SSC-APP-00000020</t>
  </si>
  <si>
    <t>Clarity (TBS)</t>
  </si>
  <si>
    <t>CLARITY-TBS</t>
  </si>
  <si>
    <t>See Definition for EPS - TBS instance</t>
  </si>
  <si>
    <t>SSC-APP-00000021</t>
  </si>
  <si>
    <t>Configuration Management Integrator</t>
  </si>
  <si>
    <t>CMI</t>
  </si>
  <si>
    <t>Backend system used to connect systems to allow integrated reporting and other functionality</t>
  </si>
  <si>
    <t>SSC-APP-00000022</t>
  </si>
  <si>
    <t>Confluence</t>
  </si>
  <si>
    <t>Confluence is a collaborative application used to document SSC's application release management</t>
  </si>
  <si>
    <t>Atlassian, Confluence</t>
  </si>
  <si>
    <t>SSC-APP-00000023</t>
  </si>
  <si>
    <t>Connect-It</t>
  </si>
  <si>
    <t>CIT</t>
  </si>
  <si>
    <t>Application integration and ETL</t>
  </si>
  <si>
    <t>SSC-APP-00000024</t>
  </si>
  <si>
    <t>Converged Network Services</t>
  </si>
  <si>
    <t>CNSS</t>
  </si>
  <si>
    <t>Module/component of CIMS specific for the Converged Network Services product.</t>
  </si>
  <si>
    <t>SSC-APP-00000025</t>
  </si>
  <si>
    <t>Corporate Inventory Management System</t>
  </si>
  <si>
    <t>CIMS (including IPS and CNSS)</t>
  </si>
  <si>
    <t>Financial Management Services,Information Technology Services,Other</t>
  </si>
  <si>
    <t>SSC-APP-00000026</t>
  </si>
  <si>
    <t>Cost Estimation Model</t>
  </si>
  <si>
    <t>CEM</t>
  </si>
  <si>
    <t>SSC-APP-00000027</t>
  </si>
  <si>
    <t>Decimal</t>
  </si>
  <si>
    <t>Tool used to collect volumetrics and to allocate financial data according to various ABC (Activity Based Costing) Model</t>
  </si>
  <si>
    <t>SSC-APP-00000028</t>
  </si>
  <si>
    <t>Delegation of Authority</t>
  </si>
  <si>
    <t>DoA</t>
  </si>
  <si>
    <t>Track SSC employees cost center delegation and employee HR requirements for delegation authority</t>
  </si>
  <si>
    <t>SSC-APP-00000029</t>
  </si>
  <si>
    <t>Discovery and Dependency Mapping Inventory</t>
  </si>
  <si>
    <t>DDMI</t>
  </si>
  <si>
    <t>Discover IT assets for Health Canada</t>
  </si>
  <si>
    <t>DDMI Inventory</t>
  </si>
  <si>
    <t>SSC-APP-00000030</t>
  </si>
  <si>
    <t>DMCC - Genesys</t>
  </si>
  <si>
    <t>SCI, CC Pulse, Pmanager,URS, OTM</t>
  </si>
  <si>
    <t>Built into COTS application</t>
  </si>
  <si>
    <t>Certified desktop applications used by traffic controllers in large Call centre monitoring CRA inbound/outbound calling for various workloads - T1 Family, T2 Corp, E-Services etc.  Enables CTI integration for desktop agent information (Screen Pop - DMCC GUI)  Sites using are H01,D07</t>
  </si>
  <si>
    <t>Telus - Genesys</t>
  </si>
  <si>
    <t>SSC-APP-00000031</t>
  </si>
  <si>
    <t>eForm</t>
  </si>
  <si>
    <t>COI</t>
  </si>
  <si>
    <t>SSC-APP-00000032</t>
  </si>
  <si>
    <t>Enterprise Command Desk</t>
  </si>
  <si>
    <t>Enterprise wide ITSM tool</t>
  </si>
  <si>
    <t>IBM -Tivoli</t>
  </si>
  <si>
    <t>SSC-APP-00000033</t>
  </si>
  <si>
    <t>Enterprise Device Manager</t>
  </si>
  <si>
    <t>Switch Management GUI</t>
  </si>
  <si>
    <t>Avaya, Enterprise Device Manager</t>
  </si>
  <si>
    <t>SSC-APP-00000034</t>
  </si>
  <si>
    <t>Clarity - Enterprise Portfolio System</t>
  </si>
  <si>
    <t>SSC-APP-00000035</t>
  </si>
  <si>
    <t>Fluidsurveys</t>
  </si>
  <si>
    <t>A web based survey tool hosted on the vendor's infrastructure.</t>
  </si>
  <si>
    <t>SSC-APP-00000036</t>
  </si>
  <si>
    <t>GCDOCS is the Government of Canada (GC) official Electronics Document Records Management (EDRM) solution. It is a bilingual, feature-rich enterprise repository suite that helps assist organizations in their information management (IM) obligations for information lifecycle management. Within a GCDOCS enterprise repository, organizations can collect, store, share, organize, manage and search content. GCDOCS enables document centric collaboration while offering robust access controls through user and group administration rights.</t>
  </si>
  <si>
    <t>OpenText, Content Server</t>
  </si>
  <si>
    <t>SSC-APP-00000037</t>
  </si>
  <si>
    <t>GCProfile</t>
  </si>
  <si>
    <t>Delivers Windows session configuration settings.</t>
  </si>
  <si>
    <t>SSC-APP-00000038</t>
  </si>
  <si>
    <t>GEDS Admin Portal</t>
  </si>
  <si>
    <t>GEDS Admin</t>
  </si>
  <si>
    <t>This portal allows Departmental Data Administrators from across GoC to administer the data within GCdirectory and GEDS for their department</t>
  </si>
  <si>
    <t>SSC-APP-00000039</t>
  </si>
  <si>
    <t>Government Electronic Directory Service</t>
  </si>
  <si>
    <t>Public facing web portal that provides an electronic directory of public servants across Canada</t>
  </si>
  <si>
    <t>SSC-APP-00000040</t>
  </si>
  <si>
    <t>GEDS Mobile</t>
  </si>
  <si>
    <t>Blackberry application that connects to GEDS/GCdirectory to display a directory of public servant information</t>
  </si>
  <si>
    <t>SSC-APP-00000042</t>
  </si>
  <si>
    <t>GENS Service Ordering System</t>
  </si>
  <si>
    <t>GSOS</t>
  </si>
  <si>
    <t>This application facilitates the creation and submission of Service Orders associated with GENS Contract.  This application is used for ordering Data Communications Services (WAN / LAN / IPTel) for two departments -- ESDC (formerly HRSDC) and IRCC (formerly CIC).</t>
  </si>
  <si>
    <t>SSC-APP-00000043</t>
  </si>
  <si>
    <t>Government Managed Cabling Service</t>
  </si>
  <si>
    <t>GMCS</t>
  </si>
  <si>
    <t>The primary purpose of this system is to allow clients to quote and order cabling  services and reconcile vendor invoices.</t>
  </si>
  <si>
    <t>SSC-APP-00000044</t>
  </si>
  <si>
    <t>Government of Canada Service Xpress</t>
  </si>
  <si>
    <t>GCSX</t>
  </si>
  <si>
    <t>GCSX is the online ticketing tool for SSC. It allows SSC staff to request services and products such as IT Hardware, Software, Communication Devices and accounts through the Service Desk and other SSC branches (NEUB, GCDocs, Telecom, etc). GCSX is also used for the onboarding, moving and off-boarding of all SSC staff (employees and contractors). GCSX has the ability for SSC staff to submit inquiries to HR, Accommodations, IM Group and Client Liaison groups.</t>
  </si>
  <si>
    <t>SSC-APP-00000045</t>
  </si>
  <si>
    <t>Hardware Database</t>
  </si>
  <si>
    <t>SSC-APP-00000046</t>
  </si>
  <si>
    <t>Hardware Management System</t>
  </si>
  <si>
    <t>TNT's internal Inventory receiving system</t>
  </si>
  <si>
    <t>SSC-APP-00000047</t>
  </si>
  <si>
    <t>HP Asset Center</t>
  </si>
  <si>
    <t>System used to manage IT assets including workstations, infrastructure through their life cycle.</t>
  </si>
  <si>
    <t>HP Asset Manager</t>
  </si>
  <si>
    <t>SSC-APP-00000048</t>
  </si>
  <si>
    <t>Service Manager</t>
  </si>
  <si>
    <t>SM7</t>
  </si>
  <si>
    <t>End user service desk to support end user and works station incidents and service requests</t>
  </si>
  <si>
    <t>HP, ServiceManager</t>
  </si>
  <si>
    <t>SSC-APP-00000049</t>
  </si>
  <si>
    <t>HP Service Center</t>
  </si>
  <si>
    <t>Service requests and incident management for Health Canada</t>
  </si>
  <si>
    <t>HP, Service Center</t>
  </si>
  <si>
    <t>SSC-APP-00000050</t>
  </si>
  <si>
    <t>IBM Endpoint Manager</t>
  </si>
  <si>
    <t>Software distribution and patch management for Science Portfolio partner departments</t>
  </si>
  <si>
    <t>IBM, End Point Manager</t>
  </si>
  <si>
    <t>SSC-APP-00000051</t>
  </si>
  <si>
    <t>Infoman</t>
  </si>
  <si>
    <t>INFOWEB</t>
  </si>
  <si>
    <t>IBM Tivoli Web Access for Information Management</t>
  </si>
  <si>
    <t>SSC-APP-00000052</t>
  </si>
  <si>
    <t>Interactive Voice Response</t>
  </si>
  <si>
    <t>A in house developed digital modular IVR using Asterisk.</t>
  </si>
  <si>
    <t>SSC-APP-00000053</t>
  </si>
  <si>
    <t>Invoice Preparation System</t>
  </si>
  <si>
    <t>Module/component of CIMS specific for the preparation of the invoice.  The data is then passed to other systems (ISIS then SIGMA) for the actual invoicing.</t>
  </si>
  <si>
    <t>SSC-APP-00000054</t>
  </si>
  <si>
    <t>Invoice Support Information Portal</t>
  </si>
  <si>
    <t>ISIS / Invoice Support Portal/ ISIS Port</t>
  </si>
  <si>
    <t>The ISIS Portal is used for 4 functions: • Invoice Viewing Portal – allows users within government to view/download their invoices issued by SSC by searching for their invoice by invoice # or service or billing period. Users can view the invoice or the invoice details (which displays the invoice details of the service from CIMS). • Managed Cabling Services – ordering portal to interface with vendor to send/receive/accept cabling quotes. Also interfaces with CIMS to transfer billing data at month end. • Network Equipment services – ordering portal to interface with SSC to request network equipment • Feeder System – operates as a feeder system to send data from IPS to SIGMA for processing and receives the return file –posting the results to the Invoice V</t>
  </si>
  <si>
    <t>SSC-APP-00000055</t>
  </si>
  <si>
    <t>JIRA is a release management and issue tracking tool</t>
  </si>
  <si>
    <t>SSC-APP-00000056</t>
  </si>
  <si>
    <t>Long Distance Telephony Services</t>
  </si>
  <si>
    <t>LDTS</t>
  </si>
  <si>
    <t>Ordering / Reconciliation system for Long Distance (PIC lines) and Calling cards and inventory management</t>
  </si>
  <si>
    <t>SSC-APP-00000057</t>
  </si>
  <si>
    <t>Mid-Range Information System</t>
  </si>
  <si>
    <t>MRIS</t>
  </si>
  <si>
    <t>1.1.2.4 Sub-Sub-Program:  Production and Operations Computing Program Management</t>
  </si>
  <si>
    <t>Midrange Services records management system</t>
  </si>
  <si>
    <t>SSC-APP-00000058</t>
  </si>
  <si>
    <t>NCC 6 - Symposium</t>
  </si>
  <si>
    <t>CCMA, ADD</t>
  </si>
  <si>
    <t>Certified desktop applications used by traffic controllers in large Call centre monitoring CRA inbound/outbound calling for various workloads - T1 Family, T2 Corp, E-Services etc.  desktop agent information (Agent Desktop Display)  Sites using are H01, 801, D07, 91B</t>
  </si>
  <si>
    <t>Nortel - Symposium</t>
  </si>
  <si>
    <t>SSC-APP-00000059</t>
  </si>
  <si>
    <t>Network Equipment Service</t>
  </si>
  <si>
    <t>NESS</t>
  </si>
  <si>
    <t>The primary purpose of this system is to allow clients to purchase network equipment and reconcile supplier invoices.</t>
  </si>
  <si>
    <t>SSC-APP-00000060</t>
  </si>
  <si>
    <t>NTM Library</t>
  </si>
  <si>
    <t>NTM'sinventory system of divisional physical resources such as laptops,books &amp; projectors</t>
  </si>
  <si>
    <t>SSC-APP-00000061</t>
  </si>
  <si>
    <t>Online Management System</t>
  </si>
  <si>
    <t>OMS (CIRC2)</t>
  </si>
  <si>
    <t>SSC-APP-00000062</t>
  </si>
  <si>
    <t>Oracle Tutor</t>
  </si>
  <si>
    <t>Web based repository for HR Common Business process.</t>
  </si>
  <si>
    <t>Tutor</t>
  </si>
  <si>
    <t>SSC-APP-00000063</t>
  </si>
  <si>
    <t>Org Publisher</t>
  </si>
  <si>
    <t>PeopleFluent, OrgPublisher</t>
  </si>
  <si>
    <t>SSC-APP-00000064</t>
  </si>
  <si>
    <t>Outage Database</t>
  </si>
  <si>
    <t>Outage</t>
  </si>
  <si>
    <t>Local intranet web site to report any CRA/CBSA unscheduled network outage.</t>
  </si>
  <si>
    <t>SSC-APP-00000065</t>
  </si>
  <si>
    <t>PrairieFyre</t>
  </si>
  <si>
    <t>PFYRE</t>
  </si>
  <si>
    <t>Certified desktop applications used by traffic controllers in large Call centre monitoring CRA inbound/outbound calling for various workloads - T1 Family, T2 Corp, E-Services etc.  Sites using are H01,91D, 22B, 075, 074, 30Z</t>
  </si>
  <si>
    <t>Mitel,  PrairieFyre</t>
  </si>
  <si>
    <t>SSC-APP-00000066</t>
  </si>
  <si>
    <t>RCNET Tools</t>
  </si>
  <si>
    <t>Suite of software tools comprised of: SAS, Manage Engine, MRTG, SmokePing and HP OpenView.</t>
  </si>
  <si>
    <t>SSC-APP-00000067</t>
  </si>
  <si>
    <t>RDIMS offers clients an electronic enterprise records and document management solution that increases efficiency in organizing, structuring, protecting and sharing information in a corporate repository in accordance with the organizations' business needs and government acts and regulations.</t>
  </si>
  <si>
    <t>OpenText, eDocs</t>
  </si>
  <si>
    <t>SSC-APP-00000069</t>
  </si>
  <si>
    <t>SATR</t>
  </si>
  <si>
    <t>1.1.4 Sub-Program:  Cyber and IT Security Services</t>
  </si>
  <si>
    <t>The purpose of the SAT Replacement is to store Subscriber and LRA information as well as their paper file numbers.</t>
  </si>
  <si>
    <t>SSC-APP-00000070</t>
  </si>
  <si>
    <t>SCCM is Microsoft's enterprise management system for servers, workstations, and mobile devices. It is used for patch management, software distribution, hardware/software inventory, remote control, software metering, asset management, operating system deployment, reporting, etc.</t>
  </si>
  <si>
    <t>System Center Configuration Ma</t>
  </si>
  <si>
    <t>SSC-APP-00000071</t>
  </si>
  <si>
    <t>Science Portfolio Service Management</t>
  </si>
  <si>
    <t>SPSM</t>
  </si>
  <si>
    <t>The Science Portfolio Service Management (SPSM) application is used by the legacy Change Management team that supports all department that fall under the Science portfolio.  SPSM is an "in house" web based tool managed by SSC that is used for creating and tracking Request For Changes (RFC), reporting, and provides a fully automated client notification feature.  SPSM bring high value to SSC change management and without it, changes to the IT infrastructure would not be tracked, and our clients would not be aware of any future outages to their applications/services that may occur.</t>
  </si>
  <si>
    <t>SSC-APP-00000072</t>
  </si>
  <si>
    <t>SCIS Web Forms</t>
  </si>
  <si>
    <t>Used by the Regions to notify Financial Portfolio of SSC of work to be done</t>
  </si>
  <si>
    <t>SSC-APP-00000073</t>
  </si>
  <si>
    <t>Service Request Application</t>
  </si>
  <si>
    <t>In-house intranet web site to track service requests.</t>
  </si>
  <si>
    <t>SSC-APP-00000074</t>
  </si>
  <si>
    <t>Shared Telecom Management System</t>
  </si>
  <si>
    <t>STMS</t>
  </si>
  <si>
    <t>Telecom management system for order fulfilment, account payable, accounts receivable, financial reconciliation, inventory management for both landlines and wireless devices.</t>
  </si>
  <si>
    <t>SSC-APP-00000075</t>
  </si>
  <si>
    <t>Synergi</t>
  </si>
  <si>
    <t>SSC-APP-00000076</t>
  </si>
  <si>
    <t>System Request Management Information System</t>
  </si>
  <si>
    <t>SRMIS</t>
  </si>
  <si>
    <t>A.k.a. Action Request System / Action Request Web / Action Request Client  Custom ARS - ITSM tool used for IT Incident Management for both HRSDC-IITB and SSC-Social Portfolio.  ARS Web and ARS Client are the various methods of access to the application. (ARS is a product from BMC)</t>
  </si>
  <si>
    <t>BMC, Remedy</t>
  </si>
  <si>
    <t>SSC-APP-00000077</t>
  </si>
  <si>
    <t>Systems Availabilty and Notification System</t>
  </si>
  <si>
    <t>SANS</t>
  </si>
  <si>
    <t>Custom Web interface to the planned system outages generated by SANS.</t>
  </si>
  <si>
    <t>SSC-APP-00000078</t>
  </si>
  <si>
    <t>SSC-APP-00000079</t>
  </si>
  <si>
    <t>TSS Field</t>
  </si>
  <si>
    <t>TSSFLD</t>
  </si>
  <si>
    <t>SSC-APP-00000080</t>
  </si>
  <si>
    <t>Videoconferencing Boardroom Listing</t>
  </si>
  <si>
    <t>VC List</t>
  </si>
  <si>
    <t>Listing of all the videoconferencing boardroom with their respective equipment</t>
  </si>
  <si>
    <t>SSC-APP-00000081</t>
  </si>
  <si>
    <t>VOCALLS</t>
  </si>
  <si>
    <t>SSC-APP-00000082</t>
  </si>
  <si>
    <t>VU-ACD 100</t>
  </si>
  <si>
    <t>Certified desktop application used by traffic controllers in large Call centre monitoring CRA inbound/outbound calling for various workloads - T1 Family, T2 Corp, E-Services etc.  Sites using are H01, 81C, 71C, 155, 11X, 12A, 11Y</t>
  </si>
  <si>
    <t>QPC - Perimeter VU-ACD 100</t>
  </si>
  <si>
    <t>SSC-APP-00000083</t>
  </si>
  <si>
    <t>WAVE Migration Tool</t>
  </si>
  <si>
    <t>AMT</t>
  </si>
  <si>
    <t>SSC-APP-00000084</t>
  </si>
  <si>
    <t>WAVE Request Form</t>
  </si>
  <si>
    <t>SSC-APP-00000085</t>
  </si>
  <si>
    <t>Business Intake Tracking System (BITS)</t>
  </si>
  <si>
    <t>BITS</t>
  </si>
  <si>
    <t>Financial Management Services,Information Technology Services,Management and Oversight Services</t>
  </si>
  <si>
    <t>BITS is a mission-critical application for SSC used to manage Business Requests coming from 43 customers and about 130 clients.  The tools is used to track about 500M in Vote Net Revenues annually.</t>
  </si>
  <si>
    <t>SSC-APP-00000086</t>
  </si>
  <si>
    <t>Work Record</t>
  </si>
  <si>
    <t>WR</t>
  </si>
  <si>
    <t>“Work Record” is a MS Access DB used to track all manual certificate transactions (avg. 200/day) executed by the PKI Admins at the KMC. This database is also used for creating reports and SMA batch files.</t>
  </si>
  <si>
    <t>SSC-APP-00000087</t>
  </si>
  <si>
    <t>yDuck</t>
  </si>
  <si>
    <t>Reporting tool connected to Active Directory (AD) for detailed objects information.</t>
  </si>
  <si>
    <t>SSC-APP-00000089</t>
  </si>
  <si>
    <t>Activity Management Portfolio</t>
  </si>
  <si>
    <t>SSC-APP-00000090</t>
  </si>
  <si>
    <t>AD Lightweight Directory Services.</t>
  </si>
  <si>
    <t>ADLDS</t>
  </si>
  <si>
    <t>Provide a lighweight directory for applications to use. It can be linked to AD however changing the LDS structure (SCHEMA) will not impact AD.  It is currently being used for the IDG radius service for all 2FA at EDC, ESDC and NRC.</t>
  </si>
  <si>
    <t>Microsoft Active Directory (AD LDS)</t>
  </si>
  <si>
    <t>SSC-APP-00000091</t>
  </si>
  <si>
    <t>Afaria</t>
  </si>
  <si>
    <t>SSC-APP-00000092</t>
  </si>
  <si>
    <t>AOM tracking sheet</t>
  </si>
  <si>
    <t>This is a workflow management tool for the DCSB AOM's. This allows them to manage the largest (in terms of number an $$$) queue of BRDs and is directly related to improving CFSI. It is a bridging tool between EBDIMS and ECD and will eventually be replaced</t>
  </si>
  <si>
    <t>SSC-APP-00000093</t>
  </si>
  <si>
    <t>APC StruxureWare Data Center Expert</t>
  </si>
  <si>
    <t>SSC-APP-00000094</t>
  </si>
  <si>
    <t>Asanti</t>
  </si>
  <si>
    <t>SSC-APP-00000095</t>
  </si>
  <si>
    <t>Avaya (formerly Nortel) MPS / IVR</t>
  </si>
  <si>
    <t>SSC-APP-00000096</t>
  </si>
  <si>
    <t>Avaya ACD</t>
  </si>
  <si>
    <t>SSC-APP-00000097</t>
  </si>
  <si>
    <t>Avaya Business Communications Manager (BCM) /</t>
  </si>
  <si>
    <t>BCM</t>
  </si>
  <si>
    <t>SSC-APP-00000098</t>
  </si>
  <si>
    <t>Avaya CallPilot / auto-attendant &amp; IVR</t>
  </si>
  <si>
    <t>SSC-APP-00000099</t>
  </si>
  <si>
    <t>Avaya Contact Center Manager</t>
  </si>
  <si>
    <t>SSC-APP-00000100</t>
  </si>
  <si>
    <t>AxiomV Enterprise Security Management System seamlessly integrates Access Control, Alarm Monitoring, and Video Surveillance into an elegant and versatile building management and security system.  It is the card swipe system that grants, denies and monitors access to SSC office space and Data Center, as well as monitors and records the camera system.</t>
  </si>
  <si>
    <t>RBH Access Technologies - AxiomV Enterprise Security Management System</t>
  </si>
  <si>
    <t>SSC-APP-00000101</t>
  </si>
  <si>
    <t>Big Data Cascade (real-time data pumping)</t>
  </si>
  <si>
    <t>Sarra</t>
  </si>
  <si>
    <t>highly reliable high speed large scale data transfers principally in support for government-wide mission critical services (environmental observations, weather and climate observation collection, processing, and forecast and warning production.)</t>
  </si>
  <si>
    <t>SSC-APP-00000102</t>
  </si>
  <si>
    <t>BlackBerry Enterprise Server 5.0.4</t>
  </si>
  <si>
    <t>SSC-APP-00000103</t>
  </si>
  <si>
    <t>Blue Coat Reporter</t>
  </si>
  <si>
    <t>Blue Coat Reporter is used as an analytics tool for interpreting Blue Coat ProxySG Access logs. Clients use the tool to run reports against their departmental internet usage, the IPC uses the tool to perform investigations against internet browsing history.</t>
  </si>
  <si>
    <t>Reporter</t>
  </si>
  <si>
    <t>SSC-APP-00000104</t>
  </si>
  <si>
    <t>Business Intake Tracking System</t>
  </si>
  <si>
    <t>SSC-APP-00000105</t>
  </si>
  <si>
    <t>CA Access Control Facility</t>
  </si>
  <si>
    <t>SSC-APP-00000106</t>
  </si>
  <si>
    <t>CA Cleanup for TSS</t>
  </si>
  <si>
    <t>ETCL</t>
  </si>
  <si>
    <t>Software runs only on z/OS and therefore only on IBM mainframes</t>
  </si>
  <si>
    <t>SSC-APP-00000107</t>
  </si>
  <si>
    <t>CA Common Services</t>
  </si>
  <si>
    <t>CA90s</t>
  </si>
  <si>
    <t>This software provides licensing services, event notification, inter product and inter system communications for Computer Associates Mainframe products</t>
  </si>
  <si>
    <t>SSC-APP-00000108</t>
  </si>
  <si>
    <t>CA Directory</t>
  </si>
  <si>
    <t>SSC-APP-00000109</t>
  </si>
  <si>
    <t>CA eHealth</t>
  </si>
  <si>
    <t>eHealth</t>
  </si>
  <si>
    <t>eHealth is a SNMP Manager that collects and reports on network utilization information.  It is used to analyse network trends and help identify potential bandwidth bottle necks. It is primarily used by SSC networking teams, but is also provided to all government departments and agencies to keep track of their network utilizations.</t>
  </si>
  <si>
    <t>SSC-APP-00000110</t>
  </si>
  <si>
    <t>CA Identity Minder</t>
  </si>
  <si>
    <t>CA IDM</t>
  </si>
  <si>
    <t>Computer Associates (CA) Identity Manager. Formerly CA Control Minder</t>
  </si>
  <si>
    <t>SSC-APP-00000111</t>
  </si>
  <si>
    <t>CA Report Manager/Business Intelligence</t>
  </si>
  <si>
    <t>CABI</t>
  </si>
  <si>
    <t>CABI provides backend reporting to Spectrum.  It is currently in production, but not utilized.</t>
  </si>
  <si>
    <t>SSC-APP-00000112</t>
  </si>
  <si>
    <t>CA Siteminder Single Sign-on</t>
  </si>
  <si>
    <t>CA SSO</t>
  </si>
  <si>
    <t>CA Single Sign On (CA SSO)</t>
  </si>
  <si>
    <t>SSC-APP-00000113</t>
  </si>
  <si>
    <t>CA Spectrum</t>
  </si>
  <si>
    <t>Spectrum</t>
  </si>
  <si>
    <t>Spectrum is and SNMP manager used to do monitoring of network devices as well as provides network configuration management of the network devices.</t>
  </si>
  <si>
    <t>SSC-APP-00000114</t>
  </si>
  <si>
    <t>CA Top Secret System</t>
  </si>
  <si>
    <t>TSS</t>
  </si>
  <si>
    <t>SSC-APP-00000115</t>
  </si>
  <si>
    <t>CA Web Administration</t>
  </si>
  <si>
    <t>Webadmin</t>
  </si>
  <si>
    <t>Security software for IBM Mainframe.  Used for interface between ACF2 and TSS for the CBSA and CRA as a client.</t>
  </si>
  <si>
    <t>Computer Associates, CA Webadmin for TSS and ACf2</t>
  </si>
  <si>
    <t>SSC-APP-00000116</t>
  </si>
  <si>
    <t>CA zLINUX Privileged Access Management (CA PAM)</t>
  </si>
  <si>
    <t>CA PAM</t>
  </si>
  <si>
    <t>Software used by LDAP to identify/verify zLinux userids against TSS or ACF2 mainframe security software</t>
  </si>
  <si>
    <t>this software runs on z/linux</t>
  </si>
  <si>
    <t>SSC-APP-00000117</t>
  </si>
  <si>
    <t>SSC-APP-00000118</t>
  </si>
  <si>
    <t>CallPilot</t>
  </si>
  <si>
    <t>SSC-APP-00000119</t>
  </si>
  <si>
    <t>WorkDynamics Technologies Inc.</t>
  </si>
  <si>
    <t>CCM E is the corporate document tracking system used for ministerial briefing material and correspondence. CCM E was selected by Treasury Board Secretariat for GoC-wide use.</t>
  </si>
  <si>
    <t>CCM Enterprise / CCM Mercury</t>
  </si>
  <si>
    <t>SSC-APP-00000120</t>
  </si>
  <si>
    <t>CG4 Mobile Inventory Tracking System</t>
  </si>
  <si>
    <t>This is a bar-code scanning tool that allows ITAM resources to use their handheld scanning devices to scan asset and some asset related data.  This tool integrates with ECD and Asset Manager to provide asset data updates.</t>
  </si>
  <si>
    <t>SSC-APP-00000121</t>
  </si>
  <si>
    <t>Change Peer Review App</t>
  </si>
  <si>
    <t>RFCDatabaseAccess</t>
  </si>
  <si>
    <t>Desktop application to track network changes. It replaces the former "Change Database".</t>
  </si>
  <si>
    <t>SSC-APP-00000122</t>
  </si>
  <si>
    <t>CHUBB Access Card System</t>
  </si>
  <si>
    <t>Chubb-Edwards</t>
  </si>
  <si>
    <t>SSC-APP-00000123</t>
  </si>
  <si>
    <t>Cisco Intelligent Call Manager</t>
  </si>
  <si>
    <t>SSC-APP-00000124</t>
  </si>
  <si>
    <t>Cisco Jabber</t>
  </si>
  <si>
    <t>Jabber</t>
  </si>
  <si>
    <t>Jabber for Windows is a UC client for, Instant Messaging, Chat, Presence, Desktop video and audio communication, It is currently in a pilot phase within SSC but will be made available to all SSC employees in 17/18;</t>
  </si>
  <si>
    <t>SSC-APP-00000125</t>
  </si>
  <si>
    <t>Cisco Secure ACS</t>
  </si>
  <si>
    <t>TACACS</t>
  </si>
  <si>
    <t>Cisco ACS is used for Authentication, Authorization and Accounting for Network Device Management</t>
  </si>
  <si>
    <t>SSC-APP-00000126</t>
  </si>
  <si>
    <t>Cisco TelePresence Content Server</t>
  </si>
  <si>
    <t>Used to record and stream Videoconferences in the SSC VC Service</t>
  </si>
  <si>
    <t>SSC-APP-00000127</t>
  </si>
  <si>
    <t>Cisco Telepresence Management Suite</t>
  </si>
  <si>
    <t>Managing Cisco Videoconference Endpoints</t>
  </si>
  <si>
    <t>SSC-APP-00000128</t>
  </si>
  <si>
    <t>Cisco TelePresence Management Suite (AAFC/CFIA)</t>
  </si>
  <si>
    <t>SSC-APP-00000129</t>
  </si>
  <si>
    <t>Cisco TelePresence Management Suite (CNSC)</t>
  </si>
  <si>
    <t>Manages CNSC videoconference endpoints.</t>
  </si>
  <si>
    <t>SSC-APP-00000130</t>
  </si>
  <si>
    <t>Cisco TelePresence Management Suite (Core)</t>
  </si>
  <si>
    <t>SSC-APP-00000131</t>
  </si>
  <si>
    <t>Cisco TelePresence Management Suite (DFO)</t>
  </si>
  <si>
    <t>SSC-APP-00000132</t>
  </si>
  <si>
    <t>Cisco TelePresence Management Suite (DND)</t>
  </si>
  <si>
    <t>SSC-APP-00000133</t>
  </si>
  <si>
    <t>Cisco TelePresence Management Suite (ECCC)</t>
  </si>
  <si>
    <t>SSC-APP-00000134</t>
  </si>
  <si>
    <t>Cisco TelePresence Management Suite (GAC)</t>
  </si>
  <si>
    <t>SSC-APP-00000135</t>
  </si>
  <si>
    <t>Cisco TelePresence Management Suite (NRC)</t>
  </si>
  <si>
    <t>SSC-APP-00000136</t>
  </si>
  <si>
    <t>Cisco TelePresence Management Suite (NRCan)</t>
  </si>
  <si>
    <t>SSC-APP-00000137</t>
  </si>
  <si>
    <t>Cisco TelePresence Video Communication Server (DND)</t>
  </si>
  <si>
    <t>SSC-APP-00000138</t>
  </si>
  <si>
    <t>Coexlinks Fedility</t>
  </si>
  <si>
    <t>Coexlinks</t>
  </si>
  <si>
    <t>Application allows IBM Notes applications to work with MS Outlook clients like they did with lotus notes e-mail clients.  Needed for migration to YES</t>
  </si>
  <si>
    <t>SSC-APP-00000139</t>
  </si>
  <si>
    <t>Data Centre Consolidation Application</t>
  </si>
  <si>
    <t>DCCAPP</t>
  </si>
  <si>
    <t>SSC-APP-00000140</t>
  </si>
  <si>
    <t>DCSB Health report</t>
  </si>
  <si>
    <t>Health report</t>
  </si>
  <si>
    <t>This is a communication tool that describes partner DCSB server and storage capacity, issues, successes and requests.</t>
  </si>
  <si>
    <t>Word 2013</t>
  </si>
  <si>
    <t>SSC-APP-00000141</t>
  </si>
  <si>
    <t>dcTrack</t>
  </si>
  <si>
    <t>Sunbird dc Track</t>
  </si>
  <si>
    <t>SSC-APP-00000142</t>
  </si>
  <si>
    <t>Domino server - email application</t>
  </si>
  <si>
    <t>SSC-APP-00000143</t>
  </si>
  <si>
    <t>DoubleTake - Exchange 2003 Replication software</t>
  </si>
  <si>
    <t>SSC-APP-00000144</t>
  </si>
  <si>
    <t>dsView</t>
  </si>
  <si>
    <t>Avocent, DSView™ 4 Management Software</t>
  </si>
  <si>
    <t>SSC-APP-00000145</t>
  </si>
  <si>
    <t>E Vault at PSPC</t>
  </si>
  <si>
    <t>PSPC only</t>
  </si>
  <si>
    <t>SSC-APP-00000146</t>
  </si>
  <si>
    <t>Eaton IPM</t>
  </si>
  <si>
    <t>SSC-APP-00000147</t>
  </si>
  <si>
    <t>EKC Security Tool Facility for ACF2</t>
  </si>
  <si>
    <t>ETFA</t>
  </si>
  <si>
    <t>This software provides a front end to ACF2 security software enabling the user to test application of rules, run reports, etc.</t>
  </si>
  <si>
    <t>SSC-APP-00000148</t>
  </si>
  <si>
    <t>Electronic Secure Network Advanced Print</t>
  </si>
  <si>
    <t>E-Snap</t>
  </si>
  <si>
    <t>e-SNAP is a distributed document management system that can receive documents from many heterogeneous systems (e.g. Mainframe, Unix, Windows, etc.) and can receive documents from many data transmission applications (e.g. Mainframe VPS, MSFT, ftp, lpd, etc.).  Its purpose is to replace the printing of reports with a system that makes these reports available via a webpage in various formats (text, PDF, etc.) and can implement document workflow if required.  Currently, there are 14 implementations of e-SNAP for ESDC, DND, CIPO, Pay, Pension and SMD.  A significant value to SSC is that SSC can stop printing large, frequent mainframe generated reports on behalf of other federal departments.  At the 2009 PWGSC DM Awards of Excellence e-SNAP won the award for</t>
  </si>
  <si>
    <t>SSC-APP-00000149</t>
  </si>
  <si>
    <t>Emergency Responder</t>
  </si>
  <si>
    <t>RTMT</t>
  </si>
  <si>
    <t>SSC-APP-00000150</t>
  </si>
  <si>
    <t>Enterprise price estimation tool</t>
  </si>
  <si>
    <t>EPET</t>
  </si>
  <si>
    <t>SSC-APP-00000151</t>
  </si>
  <si>
    <t>eVault at CSC</t>
  </si>
  <si>
    <t>CSC Only</t>
  </si>
  <si>
    <t>SSC-APP-00000152</t>
  </si>
  <si>
    <t>Event Notification Facility</t>
  </si>
  <si>
    <t>ENF</t>
  </si>
  <si>
    <t>Mainframe product responsible for transmission of data between CA products (Command Propagation Facility).</t>
  </si>
  <si>
    <t>SSC-APP-00000153</t>
  </si>
  <si>
    <t>Exchange 2010, 2003, 2007  - email application</t>
  </si>
  <si>
    <t>SSC-APP-00000154</t>
  </si>
  <si>
    <t>Exclaimer AutoResponder</t>
  </si>
  <si>
    <t>auto reply software for Exchange 2016/2013/2010/2007. The dedicated Exchange software solution lets you automate replies to emails, redirect messages, add and remove senders and recipients from emails, as well as prevent messages from being delivered.</t>
  </si>
  <si>
    <t>SSC-APP-00000155</t>
  </si>
  <si>
    <t>ExtraComm ExtraFax Enterprise</t>
  </si>
  <si>
    <t>Provides email to fax machine functionality to Health Canada and Public Health Agency of Canada.    It is a very heavily used system (approximately 1 million fax pages send per year) mostly to pharmacies.</t>
  </si>
  <si>
    <t>SSC-APP-00000156</t>
  </si>
  <si>
    <t>Forecasting Workbook</t>
  </si>
  <si>
    <t>Workbook</t>
  </si>
  <si>
    <t>Excel Spreadsheet and reports within one EXCEL workbook allows the Departmental Managers to Forecast their financial position monthly.</t>
  </si>
  <si>
    <t>SSC-APP-00000157</t>
  </si>
  <si>
    <t>Forseer</t>
  </si>
  <si>
    <t>Monitoring of HVAC, UPS, Generators, Electrical Equipment</t>
  </si>
  <si>
    <t>SSC-APP-00000158</t>
  </si>
  <si>
    <t>GCcode</t>
  </si>
  <si>
    <t>Gitlab instance</t>
  </si>
  <si>
    <t>SSC-APP-00000159</t>
  </si>
  <si>
    <t>GCdirecotry Support Portal</t>
  </si>
  <si>
    <t>GCdirectory Support</t>
  </si>
  <si>
    <t>The GCdirectory Support Portal is based on the open source OSticket platform and reskinned to appear as a GC website.  The portal is the support tracking system used by the GCdirectory support team for GEDS/GCdirectory as a GoC service.</t>
  </si>
  <si>
    <t>SSC-APP-00000160</t>
  </si>
  <si>
    <t>GCdirectory</t>
  </si>
  <si>
    <t>The GCdirectory web portal is a GoC facing directory listing of public servants.</t>
  </si>
  <si>
    <t>SSC-APP-00000161</t>
  </si>
  <si>
    <t>GCDOCS (up to Protected B)</t>
  </si>
  <si>
    <t>SSC-APP-00000162</t>
  </si>
  <si>
    <t>SSC-APP-00000163</t>
  </si>
  <si>
    <t>GroupWise 2012 / 2014 - email application</t>
  </si>
  <si>
    <t>GW2012</t>
  </si>
  <si>
    <t>SSC-APP-00000164</t>
  </si>
  <si>
    <t>GroupWise Mobility Server 2014 - Mobile Device App</t>
  </si>
  <si>
    <t>Translates GroupWise protocol into ActiveSync protocol for BlackBerry email synchronization.</t>
  </si>
  <si>
    <t>SSC-APP-00000165</t>
  </si>
  <si>
    <t>Help Software ID Manager</t>
  </si>
  <si>
    <t>Account provisioning tool for IBM Domino accounts for Health Canada and Public Health Agency of Canada.   Been used in the department of all account creations, renames and deletions in the partner department for over 10 years.</t>
  </si>
  <si>
    <t>SSC-APP-00000166</t>
  </si>
  <si>
    <t>hMailServer - SMTP Relay Software</t>
  </si>
  <si>
    <t>hMailServer</t>
  </si>
  <si>
    <t>SSC-APP-00000167</t>
  </si>
  <si>
    <t>HPC Computational Environment Toolkit</t>
  </si>
  <si>
    <t>HPCCET</t>
  </si>
  <si>
    <t>The Computational Environment Toolkit is an in-house suite of tools for HPC users that helps them use the computing resources in an optimal way.</t>
  </si>
  <si>
    <t>SSC-APP-00000168</t>
  </si>
  <si>
    <t>HPC High-Peformance Intraconnect Management</t>
  </si>
  <si>
    <t>SSC-APP-00000169</t>
  </si>
  <si>
    <t>HPC Shared Storage Toolkit</t>
  </si>
  <si>
    <t>SSC-APP-00000170</t>
  </si>
  <si>
    <t>HPC System Management Tools</t>
  </si>
  <si>
    <t>SSC-APP-00000171</t>
  </si>
  <si>
    <t>IBM Resource Access Control Facility</t>
  </si>
  <si>
    <t>IMB, RACF</t>
  </si>
  <si>
    <t>SSC-APP-00000172</t>
  </si>
  <si>
    <t>IBM Sametime Chat</t>
  </si>
  <si>
    <t>SSC-APP-00000173</t>
  </si>
  <si>
    <t>Intelligent Contact Manager</t>
  </si>
  <si>
    <t>SSC-APP-00000174</t>
  </si>
  <si>
    <t>Internal Credential Management - MyKey</t>
  </si>
  <si>
    <t>ICM- MyKey</t>
  </si>
  <si>
    <t>SSC-APP-00000175</t>
  </si>
  <si>
    <t>ION</t>
  </si>
  <si>
    <t>This is a power monitoring tool used to monitor power consumption within the IRCC data center</t>
  </si>
  <si>
    <t>SSC-APP-00000176</t>
  </si>
  <si>
    <t>iOS Developer</t>
  </si>
  <si>
    <t>The iOS Developer Enterprise Program provides the Afaria mobile device management system (MDM) with the ability to create Apple</t>
  </si>
  <si>
    <t>SSC-APP-00000177</t>
  </si>
  <si>
    <t>IP Address Database</t>
  </si>
  <si>
    <t>Address Database</t>
  </si>
  <si>
    <t>SSC-APP-00000178</t>
  </si>
  <si>
    <t>IPromo</t>
  </si>
  <si>
    <t>SSC-APP-00000179</t>
  </si>
  <si>
    <t>Ironport - AntiVirus / Anti-Spam Solution</t>
  </si>
  <si>
    <t>SSC-APP-00000180</t>
  </si>
  <si>
    <t>IVR Platform</t>
  </si>
  <si>
    <t>SSC-APP-00000181</t>
  </si>
  <si>
    <t>Kaseya Traverse</t>
  </si>
  <si>
    <t>SSC-APP-00000182</t>
  </si>
  <si>
    <t>Keep by Feenics (site security and access control</t>
  </si>
  <si>
    <t>Keep by Feenics</t>
  </si>
  <si>
    <t>SSC-APP-00000183</t>
  </si>
  <si>
    <t>Key Management System (Gatineau) (Prox Safe</t>
  </si>
  <si>
    <t>key management</t>
  </si>
  <si>
    <t>proxSafe is a modular system for safekeeping and management of keys. This system is in place and operating at an End state data center in SSC. Key's are securely attached to an electronic RFIDkeyTag. The key is locked in the proxCylinder where its code is read and monitored.  The system is operated via a proxSafe user terminal.</t>
  </si>
  <si>
    <t>SSC-APP-00000184</t>
  </si>
  <si>
    <t>Kiwi Syslog</t>
  </si>
  <si>
    <t>KIWI</t>
  </si>
  <si>
    <t>Kiwi syslog server is used as a syslog server for client and datacenter networks</t>
  </si>
  <si>
    <t>SSC-APP-00000185</t>
  </si>
  <si>
    <t>Lenel OnGuard</t>
  </si>
  <si>
    <t>OnGuard</t>
  </si>
  <si>
    <t>Lenel Onguard is software used for the creation of access and identification cards and the management of associated accesses.</t>
  </si>
  <si>
    <t>SSC-APP-00000186</t>
  </si>
  <si>
    <t>Financial Management Services,Human Resources Management Services,Information Management Services,Other,Real Property Services</t>
  </si>
  <si>
    <t>SSC-APP-00000187</t>
  </si>
  <si>
    <t>McAfee Security for Microsoft Exchange</t>
  </si>
  <si>
    <t>MSME</t>
  </si>
  <si>
    <t>SSC-APP-00000188</t>
  </si>
  <si>
    <t>Microsoft Active Directory Federated services</t>
  </si>
  <si>
    <t>ADFS</t>
  </si>
  <si>
    <t>SAML Brokering functions for applications in EDC and some partners.</t>
  </si>
  <si>
    <t>Microsoft Active Directory (ADFS)</t>
  </si>
  <si>
    <t>SSC-APP-00000189</t>
  </si>
  <si>
    <t>SSC-APP-00000190</t>
  </si>
  <si>
    <t>Midrange and Storage Database</t>
  </si>
  <si>
    <t>MRSDB</t>
  </si>
  <si>
    <t>A cmdb for server and storage CI.  It contains fields and information that are not part of the enterprise CMDB tool.  It supports inventory, capacity planning and other server and storage maintenance processes</t>
  </si>
  <si>
    <t>SSC-APP-00000191</t>
  </si>
  <si>
    <t>MPS / IVR CC Admin servers</t>
  </si>
  <si>
    <t>SSC-APP-00000192</t>
  </si>
  <si>
    <t>MRSD National Support Survey</t>
  </si>
  <si>
    <t>NSS</t>
  </si>
  <si>
    <t>This is an information repository that indicates by region and by partner who can offer mid range server and support services.  Since SSC does not have staff in all locations on all networks, this is critical information needed to deal with onsite problems that cannot be solved remotely.</t>
  </si>
  <si>
    <t>SSC-APP-00000193</t>
  </si>
  <si>
    <t>MS Project (Integrator)</t>
  </si>
  <si>
    <t>EPS MS Project Integrator</t>
  </si>
  <si>
    <t>SSC-APP-00000194</t>
  </si>
  <si>
    <t>NC-Syncom</t>
  </si>
  <si>
    <t>Mainframe IBM security software for password synchronization (GOP). This software enables propagation of userid password and status changes between RACF and TSS secured systems</t>
  </si>
  <si>
    <t>One Identity, NC-Syncom Password</t>
  </si>
  <si>
    <t>SSC-APP-00000195</t>
  </si>
  <si>
    <t>Netscout nGeniusOne</t>
  </si>
  <si>
    <t>nGenius</t>
  </si>
  <si>
    <t>Netscout</t>
  </si>
  <si>
    <t>nGenuis one is an application and network performance monitoring platform used to interpret data collected by Netscout Infinistream and netflow collectors strategically placed in scoped network junctions.</t>
  </si>
  <si>
    <t>SSC-APP-00000196</t>
  </si>
  <si>
    <t>Nortel Contact Center 6.0 (Symposeum)</t>
  </si>
  <si>
    <t>NCC 6.0, CCMA, ADD</t>
  </si>
  <si>
    <t>Symposium</t>
  </si>
  <si>
    <t>SSC-APP-00000197</t>
  </si>
  <si>
    <t>Polycom Distributed Media Application (DND)</t>
  </si>
  <si>
    <t>SSC-APP-00000198</t>
  </si>
  <si>
    <t>Polycom Media Gateway Controller (DND)</t>
  </si>
  <si>
    <t>MGC</t>
  </si>
  <si>
    <t>SSC-APP-00000199</t>
  </si>
  <si>
    <t>Polycom Real Presence Desktop</t>
  </si>
  <si>
    <t>POLYCOM RPD is a software-based videoconferencing client used by end-users to make video calls and connect to videoconferences.  There are a number of SSC partners that use this application.</t>
  </si>
  <si>
    <t>SSC-APP-00000200</t>
  </si>
  <si>
    <t>Polycom Real Presence Resource Manager</t>
  </si>
  <si>
    <t>RPRM</t>
  </si>
  <si>
    <t>Polycom RealPresence Resource Manager software application provisions, manages and monitors video endpoint devices</t>
  </si>
  <si>
    <t>Unified Communications Software</t>
  </si>
  <si>
    <t>SSC-APP-00000201</t>
  </si>
  <si>
    <t>Polycom RealPresence Collaboration Server (DND)</t>
  </si>
  <si>
    <t>RMX</t>
  </si>
  <si>
    <t>SSC-APP-00000202</t>
  </si>
  <si>
    <t>Polycom RealPresence Collaboration Server (GAC)</t>
  </si>
  <si>
    <t>SSC-APP-00000203</t>
  </si>
  <si>
    <t>Polycom RealPresence Resource Manager (DND)</t>
  </si>
  <si>
    <t>SSC-APP-00000204</t>
  </si>
  <si>
    <t>Polycom RealPresence Resource Manager (GAC)</t>
  </si>
  <si>
    <t>SSC-APP-00000205</t>
  </si>
  <si>
    <t>Polycom RMX manager</t>
  </si>
  <si>
    <t>RMX Manager enables users to control and monitor multiple RMX units from a single interface</t>
  </si>
  <si>
    <t>SSC-APP-00000206</t>
  </si>
  <si>
    <t>PPM2000 Perspective</t>
  </si>
  <si>
    <t>Perspective</t>
  </si>
  <si>
    <t>SSC-APP-00000207</t>
  </si>
  <si>
    <t>Procurement Asset Tracking System</t>
  </si>
  <si>
    <t>PATS</t>
  </si>
  <si>
    <t>Acquisition Services,Financial Management Services,Materiel Services,Other</t>
  </si>
  <si>
    <t>Material</t>
  </si>
  <si>
    <t>PATS tracks all new IT procurements identified with trackable assets. The system allows the work to be distributed equally amongst the team, sends notificiations to delivery contacts per location and moves the work automatically between the different statuses and stages of tracking a procurement such as packing slip upload for proof of delivery, asset tag distribution, serial number and tag affiliation information which is then entered into Enterprise Control Desk through a pull of data daily as well as aid in the creation of goods receipts for invoice payment in SIGMA and Equipment Master Record information in SIGMA and amendments to the Asset Management Records in SIGMA.  The system also allows for appointment set ups for the ITAM Operations team to</t>
  </si>
  <si>
    <t>SSC-APP-00000208</t>
  </si>
  <si>
    <t>Procure-to-Pay</t>
  </si>
  <si>
    <t>P2P/EPP</t>
  </si>
  <si>
    <t>SSC-APP-00000209</t>
  </si>
  <si>
    <t>Promodag - reporting software for email</t>
  </si>
  <si>
    <t>Promodag</t>
  </si>
  <si>
    <t>Description: Email analysis and reporting software for Microsoft Exchange. Promodag Reports for Microsoft Exchange Server  is used within the GAC legacy electronic messaging environment to collect email statistics from a global distribution of email servers, on a daily basis. Reports are then generated based upon analysis of traffic (number of messages sent / received, total size of messages sent / received, etc.), as well  as mailbox size, usage of distribution lists, and details in relation to origin and destination of specific messages.   Value and Purpose: The data collected is used to chart trends on a weekly, monthly and yearly basis, and allows for planning exercises in relation to expected overall usage of the messaging system from one year to</t>
  </si>
  <si>
    <t>SSC-APP-00000210</t>
  </si>
  <si>
    <t>PRTG Monitoring </t>
  </si>
  <si>
    <t>CUCM</t>
  </si>
  <si>
    <t>SSC-APP-00000211</t>
  </si>
  <si>
    <t>Reduce Mail Pro</t>
  </si>
  <si>
    <t>RMP</t>
  </si>
  <si>
    <t>SSC-APP-00000212</t>
  </si>
  <si>
    <t>Reload</t>
  </si>
  <si>
    <t>These are two different applications GWAVA Reload is used to synchronize database data between two data centers for DR  and Gwava Vertigo supplies enhanced administrative capabilities for the GroupWise email system.</t>
  </si>
  <si>
    <t>SSC-APP-00000213</t>
  </si>
  <si>
    <t>SAS Analytics</t>
  </si>
  <si>
    <t>SSC-APP-00000214</t>
  </si>
  <si>
    <t>Self-Service Big Data Transfer (self-service data</t>
  </si>
  <si>
    <t>sarra</t>
  </si>
  <si>
    <t>This is the version of Big Data Cascade for use by non-7/24 clients (non mission-critical, business day service level.) All the same answers as for Big Data Cascade (same software) but not mission-critical.</t>
  </si>
  <si>
    <t>SSC-APP-00000215</t>
  </si>
  <si>
    <t>Service monitoring (nagios, munin)</t>
  </si>
  <si>
    <t>nagios</t>
  </si>
  <si>
    <t>SSC-APP-00000216</t>
  </si>
  <si>
    <t>SiteScan</t>
  </si>
  <si>
    <t>SiteScan is a monitoring tool for all of the environmental equipment, such as AC's, Power distributions units, generators, etc. at DCSL.  SiteScan is monitored 24x7x365 by ECC, who in turn will page out all alerts to the Environmental staff.</t>
  </si>
  <si>
    <t>SSC-APP-00000217</t>
  </si>
  <si>
    <t>SMS Hopper</t>
  </si>
  <si>
    <t>SMS Hopper (excel spreadsheet)</t>
  </si>
  <si>
    <t>Excel 2010 spreadsheet to keep track of orders</t>
  </si>
  <si>
    <t>SSC-APP-00000218</t>
  </si>
  <si>
    <t>SMS ID DB</t>
  </si>
  <si>
    <t>Excel 2010</t>
  </si>
  <si>
    <t>Excel spread sheet</t>
  </si>
  <si>
    <t>SSC-APP-00000219</t>
  </si>
  <si>
    <t>SODA (in house inventory database not in use yet)</t>
  </si>
  <si>
    <t>SODA</t>
  </si>
  <si>
    <t>SSC-APP-00000220</t>
  </si>
  <si>
    <t>Solarwinds 1.0.49 Backup</t>
  </si>
  <si>
    <t>SSC-APP-00000221</t>
  </si>
  <si>
    <t>Splunk</t>
  </si>
  <si>
    <t>Splunk is a data analytic tool used to interpret machine data</t>
  </si>
  <si>
    <t>SSC-APP-00000222</t>
  </si>
  <si>
    <t>SSC-APP-00000223</t>
  </si>
  <si>
    <t>StruxureWare Data Center Expert 7.2.0</t>
  </si>
  <si>
    <t>SSC-APP-00000224</t>
  </si>
  <si>
    <t>Symantec Messaging Gateway</t>
  </si>
  <si>
    <t>SMG</t>
  </si>
  <si>
    <t>Communications Services,Management and Oversight Services</t>
  </si>
  <si>
    <t>Antivirus / AntiSpam gateway for E-mail</t>
  </si>
  <si>
    <t>SSC-APP-00000225</t>
  </si>
  <si>
    <t>Tandberg/Cisco Codian Multipoint Control Unit (DND)</t>
  </si>
  <si>
    <t>MCU</t>
  </si>
  <si>
    <t>SSC-APP-00000226</t>
  </si>
  <si>
    <t>Tandberg/Cisco Codian Multipoint Control Unit (GAC)</t>
  </si>
  <si>
    <t>SSC-APP-00000227</t>
  </si>
  <si>
    <t>Top Secret Security administration panels (TSSFLD)</t>
  </si>
  <si>
    <t>Custom made interface used by CRA field officers which connects to TSS (TSS is a Mainframe security product used for access control). This software provides a front end to TSS at CRA. It "forces" user to enter specific fields in a certain format to support backend processes</t>
  </si>
  <si>
    <t>SSC-APP-00000228</t>
  </si>
  <si>
    <t>Trend Micro - Anti Virus/Anti SPAM application</t>
  </si>
  <si>
    <t>SSC-APP-00000229</t>
  </si>
  <si>
    <t>TSM Manager</t>
  </si>
  <si>
    <t>SSC-APP-00000230</t>
  </si>
  <si>
    <t>TSO Resource Extension</t>
  </si>
  <si>
    <t>IBM Mainframe file management system.</t>
  </si>
  <si>
    <t>Tone Software, TRX</t>
  </si>
  <si>
    <t>SSC-APP-00000231</t>
  </si>
  <si>
    <t>Unity Connection</t>
  </si>
  <si>
    <t>CER</t>
  </si>
  <si>
    <t>SSC-APP-00000232</t>
  </si>
  <si>
    <t>VCI Controls (propriatary building environmamental</t>
  </si>
  <si>
    <t>VCI Controls</t>
  </si>
  <si>
    <t>SSC-APP-00000233</t>
  </si>
  <si>
    <t>Verint Impact 360 / workforce management</t>
  </si>
  <si>
    <t>Impact</t>
  </si>
  <si>
    <t>SSC-APP-00000234</t>
  </si>
  <si>
    <t>Vertigo</t>
  </si>
  <si>
    <t>SSC-APP-00000235</t>
  </si>
  <si>
    <t>Video Teleconferencing Reservation System (DND)</t>
  </si>
  <si>
    <t>VTRS</t>
  </si>
  <si>
    <t>SSC-APP-00000236</t>
  </si>
  <si>
    <t>Watchguard software - AntiVirus /Anti Spam solution</t>
  </si>
  <si>
    <t>SSC-APP-00000237</t>
  </si>
  <si>
    <t>WhatsUp Gold</t>
  </si>
  <si>
    <t>WUP</t>
  </si>
  <si>
    <t>SSC-APP-00000238</t>
  </si>
  <si>
    <t>WinDeveloper software IMF Tune - a SPAM content</t>
  </si>
  <si>
    <t>SSC-APP-00000239</t>
  </si>
  <si>
    <t>Workforce Management</t>
  </si>
  <si>
    <t>WFMS</t>
  </si>
  <si>
    <t>SSC-APP-00000240</t>
  </si>
  <si>
    <t>XMediusFAX</t>
  </si>
  <si>
    <t>SSC-APP-00000241</t>
  </si>
  <si>
    <t>Your Email Service</t>
  </si>
  <si>
    <t>SSC-APP-00000242</t>
  </si>
  <si>
    <t>Ytria scanEZ</t>
  </si>
  <si>
    <t>ScanEZ</t>
  </si>
  <si>
    <t>Invaluable tool for troubleshooting lotus notes infrastructures, databases, data corruption, unexplained behavior.  Every time we have a database data issue this tool is pulled out an used to examine what is causing the issue.  Very high cost benefit and return on investment due to it low cost.  Also reduces time to repair which can be key.  This tool can be used on any notes infrastructure, PCH, parks, and Health Canada.</t>
  </si>
  <si>
    <t>SSC-APP-00000243</t>
  </si>
  <si>
    <t>Alert Notification Toolkit (Legacy)</t>
  </si>
  <si>
    <t>hotline</t>
  </si>
  <si>
    <t>C'est une application legacy qui permet de transmettre de l'information aux usagers concernés.</t>
  </si>
  <si>
    <t>SSC-APP-00000245</t>
  </si>
  <si>
    <t>Communication Manager</t>
  </si>
  <si>
    <t>SSC-APP-00000246</t>
  </si>
  <si>
    <t>SAP Crystal Reports Server</t>
  </si>
  <si>
    <t>SSC-APP-00000247</t>
  </si>
  <si>
    <t>Access MDB Bridge</t>
  </si>
  <si>
    <t>SSC-APP-00000248</t>
  </si>
  <si>
    <t>IBM SPSS Modeller</t>
  </si>
  <si>
    <t>IBM,SPSS Modeller</t>
  </si>
  <si>
    <t>SSC-APP-00000250</t>
  </si>
  <si>
    <t>HC ACR</t>
  </si>
  <si>
    <t>SSC-APP-00000251</t>
  </si>
  <si>
    <t>Peregrine Get-Answers</t>
  </si>
  <si>
    <t>APP-04298</t>
  </si>
  <si>
    <t>Steven test app</t>
  </si>
  <si>
    <t>StatCan-103959</t>
  </si>
  <si>
    <t>TortoiseCVS v1.12.5</t>
  </si>
  <si>
    <t>TortoiseCVS</t>
  </si>
  <si>
    <t>IT Services</t>
  </si>
  <si>
    <t>StatCan-105079</t>
  </si>
  <si>
    <t>CAPI Monitoring Audio Management v2.52</t>
  </si>
  <si>
    <t>CAPI Player</t>
  </si>
  <si>
    <t>Socio-economic Statistics</t>
  </si>
  <si>
    <t>StatCan-106327</t>
  </si>
  <si>
    <t>BOP - Financial accounts Processing System (FAPS)</t>
  </si>
  <si>
    <t>FAPS</t>
  </si>
  <si>
    <t xml:space="preserve">Economic and Environmental Statistics
</t>
  </si>
  <si>
    <t>StatCan-107641</t>
  </si>
  <si>
    <t>CCS v1.2 - Classification Coding System (CMCS)</t>
  </si>
  <si>
    <t>StatCan-107697</t>
  </si>
  <si>
    <t>Integrated Metadatabase (Web publication)</t>
  </si>
  <si>
    <t>IMDB WEB</t>
  </si>
  <si>
    <t>StatCan-107699</t>
  </si>
  <si>
    <t>Integrated Metadatabase (Excel Element Loader)</t>
  </si>
  <si>
    <t>IMDBEEL</t>
  </si>
  <si>
    <t>StatCan-107865</t>
  </si>
  <si>
    <t>TatukGIS</t>
  </si>
  <si>
    <t>StatCan-107944</t>
  </si>
  <si>
    <t>ISD - T1FF Processing Environment</t>
  </si>
  <si>
    <t>StatCan-108305</t>
  </si>
  <si>
    <t>Tax Data Navigator (TDN)</t>
  </si>
  <si>
    <t>TDN</t>
  </si>
  <si>
    <t>StatCan-108768</t>
  </si>
  <si>
    <t>BOP - Banks, Insurance, Trust &amp; Securities (BITS)</t>
  </si>
  <si>
    <t>StatCan-108769</t>
  </si>
  <si>
    <t>BOP - Other Liabilities and Investments (OLI)</t>
  </si>
  <si>
    <t>OLI</t>
  </si>
  <si>
    <t>StatCan-112731</t>
  </si>
  <si>
    <t>CONFORM-E</t>
  </si>
  <si>
    <t>Conform-E is intended to be a conversion tool to create various output formats from Excel data tables being developed for use within Statistics Canada for the Summary Tables Project, the Heritage Project, the Canada Year Book Project, and the Canada at a Glance Project.</t>
  </si>
  <si>
    <t>StatCan-112776</t>
  </si>
  <si>
    <t>Summary Tables Management Site</t>
  </si>
  <si>
    <t>CST</t>
  </si>
  <si>
    <t>Information Management Services,Information Management Services,Information Management Services,Information Technology Services,Other</t>
  </si>
  <si>
    <t>Summary Tables is a web module linked from STATCAN's main website. The site hosts summary tables organized into thirty categories called Tables by Subject. The Summary Tables Management Site is an integrated system using a SQL Database and a Perl front end to process the tables into the database and uses a web server to serve up the data tables. This site is developed by Qibo Zhu.</t>
  </si>
  <si>
    <t>StatCan-113024</t>
  </si>
  <si>
    <t>ISD - SHS-R Master Table System v2016</t>
  </si>
  <si>
    <t>StatCan-113030</t>
  </si>
  <si>
    <t>ISD - T1FF Individual, Family and Charfin tables Loading System</t>
  </si>
  <si>
    <t>Economic and Environmental Statistics</t>
  </si>
  <si>
    <t>StatCan-114122</t>
  </si>
  <si>
    <t>Farm Income and Prices Section - data integration (FIPSDI)</t>
  </si>
  <si>
    <t>FIPSDI</t>
  </si>
  <si>
    <t>StatCan-114926</t>
  </si>
  <si>
    <t>Salamander Protector V4.0</t>
  </si>
  <si>
    <t>Sala</t>
  </si>
  <si>
    <t>StatCan-114985</t>
  </si>
  <si>
    <t>VeriSign Code Signing Certificate</t>
  </si>
  <si>
    <t>VeriSign</t>
  </si>
  <si>
    <t>ITD-CAED</t>
  </si>
  <si>
    <t>StatCan-115112</t>
  </si>
  <si>
    <t>Beyond 20/20 Publisher's Edition Builder v7.0</t>
  </si>
  <si>
    <t>StatCan-115263</t>
  </si>
  <si>
    <t>StatCan-115575</t>
  </si>
  <si>
    <t>Beyond 20/20 Web Data Server (WDS) v8.2</t>
  </si>
  <si>
    <t>StatCan-116583</t>
  </si>
  <si>
    <t>TCESD - Postsecondary Student Information System - Data Validation System (PSIS</t>
  </si>
  <si>
    <t>PSIS - DVS</t>
  </si>
  <si>
    <t>StatCan-117100</t>
  </si>
  <si>
    <t>balsamiq mockup for Confluence 2.x.x</t>
  </si>
  <si>
    <t>Balsamiq</t>
  </si>
  <si>
    <t>StatCan-117245</t>
  </si>
  <si>
    <t>BioBrowser 5 (Modgen)</t>
  </si>
  <si>
    <t>BB5</t>
  </si>
  <si>
    <t>StatCan-118353</t>
  </si>
  <si>
    <t>IOFD - SSBF Processing System v4</t>
  </si>
  <si>
    <t>SSBF</t>
  </si>
  <si>
    <t>StatCan-118583</t>
  </si>
  <si>
    <t>Visual SVN Server</t>
  </si>
  <si>
    <t>Visual SVN</t>
  </si>
  <si>
    <t>StatCan-118681</t>
  </si>
  <si>
    <t>Airport Activity v2</t>
  </si>
  <si>
    <t>AACT</t>
  </si>
  <si>
    <t>StatCan-118944</t>
  </si>
  <si>
    <t>PRICES - Price Index Aggregation (Cygnus)</t>
  </si>
  <si>
    <t>Cygnus</t>
  </si>
  <si>
    <t>StatCan-119059</t>
  </si>
  <si>
    <t>Website Accessibility Toolbar (WAT) for IE</t>
  </si>
  <si>
    <t>WAT</t>
  </si>
  <si>
    <t>Website Accessibility Toolbar</t>
  </si>
  <si>
    <t>StatCan-119124</t>
  </si>
  <si>
    <t>Drush</t>
  </si>
  <si>
    <t>StatCan-119523</t>
  </si>
  <si>
    <t>gnu win32 wget</t>
  </si>
  <si>
    <t>gnu</t>
  </si>
  <si>
    <t>OpenSpirce</t>
  </si>
  <si>
    <t>StatCan-119526</t>
  </si>
  <si>
    <t>cURL win32</t>
  </si>
  <si>
    <t>Open Source curl.haxx.se</t>
  </si>
  <si>
    <t>StatCan-119543</t>
  </si>
  <si>
    <t>Web Experience Toolkit - WET v4</t>
  </si>
  <si>
    <t>StatCan-119633</t>
  </si>
  <si>
    <t>TDD Operations Section Applications</t>
  </si>
  <si>
    <t>TDDOPA</t>
  </si>
  <si>
    <t>StatCan-119634</t>
  </si>
  <si>
    <t>TAX MetaData Browser and Editor V2</t>
  </si>
  <si>
    <t>TMDBE</t>
  </si>
  <si>
    <t>StatCan-119675</t>
  </si>
  <si>
    <t>Standard Classification Search</t>
  </si>
  <si>
    <t>SCS</t>
  </si>
  <si>
    <t>StatCan-122446</t>
  </si>
  <si>
    <t>HSD - National Routing System (NRS) STC Messaging Component v2.0</t>
  </si>
  <si>
    <t>NRS v2.0</t>
  </si>
  <si>
    <t>Vendor: CLEO Product: VLTrader</t>
  </si>
  <si>
    <t>StatCan-122752</t>
  </si>
  <si>
    <t>IETester</t>
  </si>
  <si>
    <t>StatCan-122753</t>
  </si>
  <si>
    <t>WinSCP</t>
  </si>
  <si>
    <t>StatCan-122754</t>
  </si>
  <si>
    <t>Scite</t>
  </si>
  <si>
    <t>StatCan-122755</t>
  </si>
  <si>
    <t>Squirrel SQL Client</t>
  </si>
  <si>
    <t>StatCan-123456</t>
  </si>
  <si>
    <t>PSSD - Public Sector Processor (Keynes)</t>
  </si>
  <si>
    <t>PSSD - Keynes</t>
  </si>
  <si>
    <t>StatCan-123637</t>
  </si>
  <si>
    <t>TCESD - Common Data Repository (CDR)</t>
  </si>
  <si>
    <t>CDR - DW</t>
  </si>
  <si>
    <t>StatCan-123687</t>
  </si>
  <si>
    <t>TCESD - International Travel Survey Questionnaire Full Record Imputation (ITS Qu</t>
  </si>
  <si>
    <t>ITS Imputation</t>
  </si>
  <si>
    <t>StatCan-123689</t>
  </si>
  <si>
    <t>TCESD - Financial Information of Universities and Colleges Survey (FIUC v1)</t>
  </si>
  <si>
    <t>FIUC</t>
  </si>
  <si>
    <t>StatCan-123816</t>
  </si>
  <si>
    <t>Business Collection Portal (BCP)</t>
  </si>
  <si>
    <t>BCP</t>
  </si>
  <si>
    <t>StatCan-128330</t>
  </si>
  <si>
    <t>Resource Management System (RMS)</t>
  </si>
  <si>
    <t>StatCan-128845</t>
  </si>
  <si>
    <t>Quest Toad for Oracle Xpert Edition v10.6.1</t>
  </si>
  <si>
    <t>StatCan-128862</t>
  </si>
  <si>
    <t>Quest Toad for Oracle Xpert Edition v12.x</t>
  </si>
  <si>
    <t>StatCan-128883</t>
  </si>
  <si>
    <t>Crucible 4.x</t>
  </si>
  <si>
    <t>Crucible</t>
  </si>
  <si>
    <t>Atlassian Crucible</t>
  </si>
  <si>
    <t>StatCan-128884</t>
  </si>
  <si>
    <t>SonarQube Sonar</t>
  </si>
  <si>
    <t>StatCan-128921</t>
  </si>
  <si>
    <t>Fisheye 4.x</t>
  </si>
  <si>
    <t>Fisheye</t>
  </si>
  <si>
    <t>Atlassian Fisheye</t>
  </si>
  <si>
    <t>StatCan-129407</t>
  </si>
  <si>
    <t>HR - Galaxy v2.0</t>
  </si>
  <si>
    <t>Galaxy</t>
  </si>
  <si>
    <t>CPS*Pro</t>
  </si>
  <si>
    <t>Censuses</t>
  </si>
  <si>
    <t>StatCan-129510</t>
  </si>
  <si>
    <t>LSD - EI Dissemination (EIREPORTS / EOI)</t>
  </si>
  <si>
    <t>LSD EI - EIREPORTS / EOI</t>
  </si>
  <si>
    <t>StatCan-129513</t>
  </si>
  <si>
    <t>Census Edit and Imputation - Job Submission System</t>
  </si>
  <si>
    <t>JSS</t>
  </si>
  <si>
    <t>StatCan-129514</t>
  </si>
  <si>
    <t>Census Edit and Imputation - Data Dictionary Interface</t>
  </si>
  <si>
    <t>Census E&amp;I Data Dict</t>
  </si>
  <si>
    <t>StatCan-129592</t>
  </si>
  <si>
    <t>ISD - TPF Mail</t>
  </si>
  <si>
    <t>StatCan-129841</t>
  </si>
  <si>
    <t>Web Performance Load Runner</t>
  </si>
  <si>
    <t>Web Performance</t>
  </si>
  <si>
    <t>StatCan-129914</t>
  </si>
  <si>
    <t>LSD - LFS HOPS</t>
  </si>
  <si>
    <t>HOPS</t>
  </si>
  <si>
    <t>StatCan-129915</t>
  </si>
  <si>
    <t>LSD - LFS SLS</t>
  </si>
  <si>
    <t>SLS</t>
  </si>
  <si>
    <t>StatCan-129916</t>
  </si>
  <si>
    <t>LSD - LFS SDS</t>
  </si>
  <si>
    <t>StatCan-129933</t>
  </si>
  <si>
    <t>Smart Editor</t>
  </si>
  <si>
    <t>StatCan-129969</t>
  </si>
  <si>
    <t>Oracle SQL Developer v3.x</t>
  </si>
  <si>
    <t>Oracle SQL Developer</t>
  </si>
  <si>
    <t>StatCan-129972</t>
  </si>
  <si>
    <t>LSD - EI Processing (EIS) v2.0</t>
  </si>
  <si>
    <t>StatCan-129982</t>
  </si>
  <si>
    <t>LSD - SEPH Collection Administrative Data (PD7RESP) v2.0</t>
  </si>
  <si>
    <t>PD7RESP</t>
  </si>
  <si>
    <t>StatCan-129986</t>
  </si>
  <si>
    <t>LSD - SEPH Data Analysis QA (SEPHREPORTS-EG) v2.0</t>
  </si>
  <si>
    <t>SEPHREPORTS-EG</t>
  </si>
  <si>
    <t>StatCan-129987</t>
  </si>
  <si>
    <t>LSD - SEPH Data Analysis Tools (SSIDRILL-FREEZETOOL) v2.0</t>
  </si>
  <si>
    <t>SSIDRILL-FREEZETOOL</t>
  </si>
  <si>
    <t>StatCan-129988</t>
  </si>
  <si>
    <t>LSD - SEPH Dissemination BE2020 tables v2.0</t>
  </si>
  <si>
    <t>BE2020</t>
  </si>
  <si>
    <t>StatCan-129989</t>
  </si>
  <si>
    <t>LSD - SEPH Dissemination CANSIM (BECANSIM) v2.0</t>
  </si>
  <si>
    <t>BECANSIM</t>
  </si>
  <si>
    <t>StatCan-129990</t>
  </si>
  <si>
    <t>LSD - SEPH Dissemination Client Requests (SEPHREPORTS/DISSEMINATION) v2.0</t>
  </si>
  <si>
    <t>SEPHREPORTS/DISSEMINATION</t>
  </si>
  <si>
    <t>StatCan-129991</t>
  </si>
  <si>
    <t>LSD - SEPH Collection BPS (BPSRESP-EDR) v2.0</t>
  </si>
  <si>
    <t>BPSRESP-EDR</t>
  </si>
  <si>
    <t>StatCan-129993</t>
  </si>
  <si>
    <t>LSD - SEPH Operation Tools (SEPHOPS-LABOUR-EOI)</t>
  </si>
  <si>
    <t>LABOUR-EOI</t>
  </si>
  <si>
    <t>StatCan-130044</t>
  </si>
  <si>
    <t>The Access Pro Case Management (APCM) system from Privasoft Corporation is an automated case management solution that gives institutions a flexible and easy-to-use system for managing requests for information and project details while demonstrating accountability and maintaining employee productivity in a secure environment.</t>
  </si>
  <si>
    <t>AccessPro Case Management, Privasoft Corporation</t>
  </si>
  <si>
    <t>StatCan-130045</t>
  </si>
  <si>
    <t>LSD - SEPH Pre-Collection BPS (LDFRONT) v2.0</t>
  </si>
  <si>
    <t>LDFRONT</t>
  </si>
  <si>
    <t>StatCan-130046</t>
  </si>
  <si>
    <t>LSD - SEPH Pre-Collection Universe (DUS) v2.0</t>
  </si>
  <si>
    <t>DUS</t>
  </si>
  <si>
    <t>StatCan-130051</t>
  </si>
  <si>
    <t>LSD - SEPH Processing Admin Micro Data (PEPES-BNAGGR-PARAM) v2.0</t>
  </si>
  <si>
    <t>PEPES-BNAGGR-PARAM</t>
  </si>
  <si>
    <t>StatCan-130052</t>
  </si>
  <si>
    <t>LSD - SEPH Processing Backend v2.0</t>
  </si>
  <si>
    <t>BACKEND</t>
  </si>
  <si>
    <t>StatCan-130053</t>
  </si>
  <si>
    <t>LSD - SEPH Processing BPS Micro Data (OSEM) v2.0</t>
  </si>
  <si>
    <t>OSEM</t>
  </si>
  <si>
    <t>StatCan-130054</t>
  </si>
  <si>
    <t>LSD - SEPH Processing Estimation (AIM) v2.0</t>
  </si>
  <si>
    <t>StatCan-130055</t>
  </si>
  <si>
    <t>ISD - Trusteed Pension Funds (TPF) Processing System (Quarterly)</t>
  </si>
  <si>
    <t>TPF_Q_PS</t>
  </si>
  <si>
    <t>StatCan-130674</t>
  </si>
  <si>
    <t>G-Export 1.x (1.2.1)</t>
  </si>
  <si>
    <t>GEXPORT</t>
  </si>
  <si>
    <t>StatCan-130904</t>
  </si>
  <si>
    <t>TCESD - Classification of Instructional Programs Toolbox (CIP Toolbox) v3.2.X</t>
  </si>
  <si>
    <t>CIP - Toolbox v3.2</t>
  </si>
  <si>
    <t>StatCan-131159</t>
  </si>
  <si>
    <t>iReport v4.x.x</t>
  </si>
  <si>
    <t>StatCan-131429</t>
  </si>
  <si>
    <t>Install4j</t>
  </si>
  <si>
    <t>InstallAj</t>
  </si>
  <si>
    <t>ej-technologies, install4j</t>
  </si>
  <si>
    <t>StatCan-131622</t>
  </si>
  <si>
    <t>CCJS - Dissemination System</t>
  </si>
  <si>
    <t>CCJS-DISMTN</t>
  </si>
  <si>
    <t>StatCan-131813</t>
  </si>
  <si>
    <t>ESRI ArcGIS Server</t>
  </si>
  <si>
    <t>StatCan-131835</t>
  </si>
  <si>
    <t>CCJS - Adult Correctional Services Survey (ACS)</t>
  </si>
  <si>
    <t>StatCan-131839</t>
  </si>
  <si>
    <t>Spark IM Client</t>
  </si>
  <si>
    <t>Spark IM</t>
  </si>
  <si>
    <t>StatCan-131946</t>
  </si>
  <si>
    <t>SASD - Longitudinal Immigration Data Base (IMDB) v2.0</t>
  </si>
  <si>
    <t>IMDB</t>
  </si>
  <si>
    <t>StatCan-131952</t>
  </si>
  <si>
    <t>SASD - General Social Survey (GSS) v2.0</t>
  </si>
  <si>
    <t>StatCan-131991</t>
  </si>
  <si>
    <t>Confluence 5.x</t>
  </si>
  <si>
    <t>StatCan-132646</t>
  </si>
  <si>
    <t>TCESD - Financial Statistics of Community Colleges and Vocational Schools (FINCO</t>
  </si>
  <si>
    <t>FINCOL</t>
  </si>
  <si>
    <t>StatCan-132677</t>
  </si>
  <si>
    <t>Adobe Dreamweaver CS6</t>
  </si>
  <si>
    <t>StatCan-132770</t>
  </si>
  <si>
    <t>Oracle BPM Suite v11g</t>
  </si>
  <si>
    <t>BPM Suite</t>
  </si>
  <si>
    <t>StatCan-133033</t>
  </si>
  <si>
    <t>SAS Foundation v9.3</t>
  </si>
  <si>
    <t>StatCan-133035</t>
  </si>
  <si>
    <t>SAS Enterprise Guide v5.1</t>
  </si>
  <si>
    <t>SAS EG v5.1</t>
  </si>
  <si>
    <t>StatCan-133036</t>
  </si>
  <si>
    <t>SAS Add_In For Microsoft Office v4.3</t>
  </si>
  <si>
    <t>SAS AMO v4.3</t>
  </si>
  <si>
    <t>StatCan-133037</t>
  </si>
  <si>
    <t>SAS Add_In For Microsoft Office v5.1</t>
  </si>
  <si>
    <t>SAS AMO v5.1</t>
  </si>
  <si>
    <t>StatCan-133045</t>
  </si>
  <si>
    <t>SAS/AF v9.3</t>
  </si>
  <si>
    <t>StatCan-133053</t>
  </si>
  <si>
    <t>SAS JMP v10</t>
  </si>
  <si>
    <t>JMP 10</t>
  </si>
  <si>
    <t>StatCan-133054</t>
  </si>
  <si>
    <t>SAS/CONNECT v9.3</t>
  </si>
  <si>
    <t>StatCan-133862</t>
  </si>
  <si>
    <t>TeleUse</t>
  </si>
  <si>
    <t>StatCan-134120</t>
  </si>
  <si>
    <t>Huagati DBML/EDMX Tools</t>
  </si>
  <si>
    <t>/n Software</t>
  </si>
  <si>
    <t>StatCan-134357</t>
  </si>
  <si>
    <t>Mortality Medical Data System (MMDS) Suite v2011</t>
  </si>
  <si>
    <t>MMDS v2011</t>
  </si>
  <si>
    <t>Vendor: National Center for Health Statistics (NCHS), USA Product: MMDS</t>
  </si>
  <si>
    <t>StatCan-134948</t>
  </si>
  <si>
    <t>General Use System</t>
  </si>
  <si>
    <t>StatCan-135100</t>
  </si>
  <si>
    <t>Wave</t>
  </si>
  <si>
    <t>Webaim</t>
  </si>
  <si>
    <t>StatCan-135102</t>
  </si>
  <si>
    <t>StatCan-135673</t>
  </si>
  <si>
    <t>Oracle Enterprise Repository v11g</t>
  </si>
  <si>
    <t>OER</t>
  </si>
  <si>
    <t>StatCan-135956</t>
  </si>
  <si>
    <t>Help &amp; Manual Professional v6</t>
  </si>
  <si>
    <t>Help &amp; Manual</t>
  </si>
  <si>
    <t>EC Software GmbH, Help + Manual Professional</t>
  </si>
  <si>
    <t>StatCan-136164</t>
  </si>
  <si>
    <t>Image Query Tool (IQT)</t>
  </si>
  <si>
    <t>StatCan-136301</t>
  </si>
  <si>
    <t>TortoiseSVN v1.x</t>
  </si>
  <si>
    <t>StatCan-136321</t>
  </si>
  <si>
    <t>Monthly Railway Carloading 2011 (MRC2011)</t>
  </si>
  <si>
    <t>MRC2011</t>
  </si>
  <si>
    <t>StatCan-136325</t>
  </si>
  <si>
    <t>OID - Fax Integrator</t>
  </si>
  <si>
    <t>FAXINT</t>
  </si>
  <si>
    <t>StatCan-136406</t>
  </si>
  <si>
    <t>Motor Vehicle Fuel Sales v3</t>
  </si>
  <si>
    <t>MVFS v3</t>
  </si>
  <si>
    <t>StatCan-136460</t>
  </si>
  <si>
    <t>Griffin</t>
  </si>
  <si>
    <t>Grifffin</t>
  </si>
  <si>
    <t>VB Browser</t>
  </si>
  <si>
    <t>EA Sparx</t>
  </si>
  <si>
    <t>SPARX Systems</t>
  </si>
  <si>
    <t>StatCan-136616</t>
  </si>
  <si>
    <t>Microsoft Visio Pro v2013</t>
  </si>
  <si>
    <t>BDP</t>
  </si>
  <si>
    <t>StatCan-137416</t>
  </si>
  <si>
    <t>Adobe Fireworks CS6</t>
  </si>
  <si>
    <t>StatCan-137467</t>
  </si>
  <si>
    <t>Apache Ant 1.8</t>
  </si>
  <si>
    <t>Apache Ant</t>
  </si>
  <si>
    <t>StatCan-137527</t>
  </si>
  <si>
    <t>RecoStar Professional V6</t>
  </si>
  <si>
    <t>Program 3 Census</t>
  </si>
  <si>
    <t>Open Text/Recostar</t>
  </si>
  <si>
    <t>StatCan-137693</t>
  </si>
  <si>
    <t>GeoSearch v2011</t>
  </si>
  <si>
    <t>Web Mapping application - Geographic Search tool for dissemination of 2011 Census</t>
  </si>
  <si>
    <t>StatCan-137756</t>
  </si>
  <si>
    <t>IRIS Institute / IRIS</t>
  </si>
  <si>
    <t>StatCan-138577</t>
  </si>
  <si>
    <t>PSSD - Pre-Processor Provincial</t>
  </si>
  <si>
    <t>PProc-Prov</t>
  </si>
  <si>
    <t>StatCan-138579</t>
  </si>
  <si>
    <t>PSSD - Pre-Processor Federal</t>
  </si>
  <si>
    <t>PProc-Fed</t>
  </si>
  <si>
    <t>StatCan-138902</t>
  </si>
  <si>
    <t>GNU RCS v5.7</t>
  </si>
  <si>
    <t>Banff</t>
  </si>
  <si>
    <t>StatCan-139360</t>
  </si>
  <si>
    <t>MAD - Real Time Remote Access (RTRA) v4.1</t>
  </si>
  <si>
    <t>RTRA</t>
  </si>
  <si>
    <t>Cost-recovered Statistical Services</t>
  </si>
  <si>
    <t>CRMS</t>
  </si>
  <si>
    <t>StatCan-139416</t>
  </si>
  <si>
    <t>R v3.x.x</t>
  </si>
  <si>
    <t>StatCan-139502</t>
  </si>
  <si>
    <t>MWTD - MSM Pre-Collection</t>
  </si>
  <si>
    <t>MSM Pre-Coll</t>
  </si>
  <si>
    <t>StatCan-139838</t>
  </si>
  <si>
    <t>AutoTransfer</t>
  </si>
  <si>
    <t>StatCan-139851</t>
  </si>
  <si>
    <t>LSD - Job Vacancy (JOBVAC) v2.0</t>
  </si>
  <si>
    <t>JOBVAC</t>
  </si>
  <si>
    <t>StatCan-139985</t>
  </si>
  <si>
    <t>Beyond 20/20 Professional Browser v7.1</t>
  </si>
  <si>
    <t>StatCan-140012</t>
  </si>
  <si>
    <t>Sudaan v11</t>
  </si>
  <si>
    <t>Sudaan</t>
  </si>
  <si>
    <t>RTI</t>
  </si>
  <si>
    <t>StatCan-140199</t>
  </si>
  <si>
    <t>ITD - Scan &amp; Notify System</t>
  </si>
  <si>
    <t>SNS</t>
  </si>
  <si>
    <t>StatCan-140231</t>
  </si>
  <si>
    <t>Transfer_Log_Viewer</t>
  </si>
  <si>
    <t>TLV</t>
  </si>
  <si>
    <t>StatCan-140259</t>
  </si>
  <si>
    <t>GTO Format And Compare</t>
  </si>
  <si>
    <t>FAC</t>
  </si>
  <si>
    <t>StatCan-140260</t>
  </si>
  <si>
    <t>OID - DCS</t>
  </si>
  <si>
    <t>StatCan-140261</t>
  </si>
  <si>
    <t>AnyDoc KeyStrokes</t>
  </si>
  <si>
    <t>AKS</t>
  </si>
  <si>
    <t>StatCan-140263</t>
  </si>
  <si>
    <t>AnyDoc Audit Changed Fields Of Batch</t>
  </si>
  <si>
    <t>ACB</t>
  </si>
  <si>
    <t>StatCan-140267</t>
  </si>
  <si>
    <t>AnyDoc_Sample_Op_Name_List</t>
  </si>
  <si>
    <t>ASON</t>
  </si>
  <si>
    <t>StatCan-140279</t>
  </si>
  <si>
    <t>CAPSS v2011.2</t>
  </si>
  <si>
    <t>CAPSS</t>
  </si>
  <si>
    <t>StatCan-140285</t>
  </si>
  <si>
    <t>32-bit Oracle Data Access Components (ODAC)+ODT VS 2010 Tools v11.2R4</t>
  </si>
  <si>
    <t>ODAC</t>
  </si>
  <si>
    <t>StatCan-140457</t>
  </si>
  <si>
    <t>QCStatsGen</t>
  </si>
  <si>
    <t>QCSG</t>
  </si>
  <si>
    <t>StatCan-140548</t>
  </si>
  <si>
    <t>ITS Launch Pad</t>
  </si>
  <si>
    <t>ITSLP</t>
  </si>
  <si>
    <t>StatCan-140614</t>
  </si>
  <si>
    <t>Redgate SQL Developer</t>
  </si>
  <si>
    <t>Redgate</t>
  </si>
  <si>
    <t>RedGate</t>
  </si>
  <si>
    <t>StatCan-140616</t>
  </si>
  <si>
    <t>Quest Toad for Data Analysts v2.7.0</t>
  </si>
  <si>
    <t>StatCan-141114</t>
  </si>
  <si>
    <t>HR - Time Management System Web (TMS Web)</t>
  </si>
  <si>
    <t>TMS Web</t>
  </si>
  <si>
    <t>GLINK</t>
  </si>
  <si>
    <t>StatCan-141242</t>
  </si>
  <si>
    <t>G-Link v3.x</t>
  </si>
  <si>
    <t>GCODE</t>
  </si>
  <si>
    <t>StatCan-141281</t>
  </si>
  <si>
    <t>EASD - Data Processing, Agriculture and Water Surveys</t>
  </si>
  <si>
    <t>AGR&amp;WATER</t>
  </si>
  <si>
    <t>StatCan-141285</t>
  </si>
  <si>
    <t>EASD - Data Processing, Environmental Protection Accounts and Statistics</t>
  </si>
  <si>
    <t>ENVIRONMENT</t>
  </si>
  <si>
    <t>StatCan-141286</t>
  </si>
  <si>
    <t>EASD - Data Processing, Material and Energy Flow Accounts</t>
  </si>
  <si>
    <t>M&amp;E FLOW</t>
  </si>
  <si>
    <t>StatCan-141287</t>
  </si>
  <si>
    <t>EASD - Data Processing, Natural Resource Stock Accounts</t>
  </si>
  <si>
    <t>NATRESS STOCK</t>
  </si>
  <si>
    <t>StatCan-141311</t>
  </si>
  <si>
    <t>LSD - LFS Processing Backend (Windows)</t>
  </si>
  <si>
    <t>LFS BE</t>
  </si>
  <si>
    <t>StatCan-141313</t>
  </si>
  <si>
    <t>LSD - LFS Data Dictionary</t>
  </si>
  <si>
    <t>LFS DD</t>
  </si>
  <si>
    <t>LFS data dictionary built on Microsoft Access</t>
  </si>
  <si>
    <t>StatCan-141314</t>
  </si>
  <si>
    <t>LSD - LFS Edit Decision Table</t>
  </si>
  <si>
    <t>LFS EDE</t>
  </si>
  <si>
    <t>LFS Edit decision table which are driving data validation</t>
  </si>
  <si>
    <t>StatCan-141348</t>
  </si>
  <si>
    <t>MAD - GTAB (V1)</t>
  </si>
  <si>
    <t>MAD-GTAB</t>
  </si>
  <si>
    <t>StatCan-141372</t>
  </si>
  <si>
    <t>CCJS - Key indicator report (KIR)</t>
  </si>
  <si>
    <t>CCJS - KIR</t>
  </si>
  <si>
    <t>StatCan-141405</t>
  </si>
  <si>
    <t>CCJS - Survey of Maintenance Enforcement Programs (SMEP)</t>
  </si>
  <si>
    <t>CCJS - SMEP</t>
  </si>
  <si>
    <t>StatCan-141406</t>
  </si>
  <si>
    <t>CCJS - Policing Respondents Information Management System (PRIMS)</t>
  </si>
  <si>
    <t>PRIMS</t>
  </si>
  <si>
    <t>StatCan-141412</t>
  </si>
  <si>
    <t>G-Series v1.04 (GSERIES)</t>
  </si>
  <si>
    <t>G-Series</t>
  </si>
  <si>
    <t>StatCan-141413</t>
  </si>
  <si>
    <t>LogiPlus v1.5</t>
  </si>
  <si>
    <t>LogiPlus</t>
  </si>
  <si>
    <t>G-Confid</t>
  </si>
  <si>
    <t>DDT</t>
  </si>
  <si>
    <t>StatCan-141456</t>
  </si>
  <si>
    <t>Nexus by Sonatype</t>
  </si>
  <si>
    <t>Sonatype Nexus</t>
  </si>
  <si>
    <t>StatCan-141510</t>
  </si>
  <si>
    <t>TCESD - Tuition Living and Accommodation Cost (TLAC v2.0)</t>
  </si>
  <si>
    <t>TLAC v2.0</t>
  </si>
  <si>
    <t>StatCan-141543</t>
  </si>
  <si>
    <t>SmartPub Color Contrast Analyzer</t>
  </si>
  <si>
    <t>ColorContrast</t>
  </si>
  <si>
    <t>The SmartPub Color Contrast Analyzer is a utility program that will test the color contrast for a selected RGB value using the luminosity algorithm. The test is performed for level AA (a contrast of 5:1 is necessary to pass).</t>
  </si>
  <si>
    <t>StatCan-141572</t>
  </si>
  <si>
    <t>Address Register PCODE File Processor</t>
  </si>
  <si>
    <t>Pcode_fp</t>
  </si>
  <si>
    <t>StatCan-141579</t>
  </si>
  <si>
    <t>IntelliJ IDEA 14.x</t>
  </si>
  <si>
    <t>IntelliJ IDEA</t>
  </si>
  <si>
    <t>Jetbrains Intellij</t>
  </si>
  <si>
    <t>StatCan-141774</t>
  </si>
  <si>
    <t>GArDS Redevelopment - Generalized Area Delineation System 2016</t>
  </si>
  <si>
    <t>GArDS 2016</t>
  </si>
  <si>
    <t>Generalized Area Delineation System.  Desktop application which organizes smaller geographic areas, known as blocks or polygons, into larger units, according to a set of predetermined criteria.  Used to produce delimitation of boundaries for Census 2016 Collection/Dissemination, and by Election Canada for Electoral district.</t>
  </si>
  <si>
    <t>QDT</t>
  </si>
  <si>
    <t>StatCan-141905</t>
  </si>
  <si>
    <t>SSD - SamPack V12.3.2</t>
  </si>
  <si>
    <t>StatCan-142185</t>
  </si>
  <si>
    <t>Softerra LDAP Browser v4</t>
  </si>
  <si>
    <t>Softerra LDAP Browser</t>
  </si>
  <si>
    <t>StatCan-142345</t>
  </si>
  <si>
    <t>Passenger Bus &amp; Urban Transit Survey</t>
  </si>
  <si>
    <t>Bus</t>
  </si>
  <si>
    <t>StatCan-142475</t>
  </si>
  <si>
    <t>DEM - Projections</t>
  </si>
  <si>
    <t>DEM-PROJ</t>
  </si>
  <si>
    <t>StatCan-142477</t>
  </si>
  <si>
    <t>DEM - Migration</t>
  </si>
  <si>
    <t>DEM-MIG</t>
  </si>
  <si>
    <t>StatCan-142788</t>
  </si>
  <si>
    <t>Enterprise Architecture Repository (EAR) v1</t>
  </si>
  <si>
    <t>The Enterprise Architecture Repository (EAR) provides a mechanism to capture, view, collaborate and analyse the information that defines the key elements of the enterprise and their consumer-provider interrelationships so that we can analyse the activities of the Agency from an enterprise prospective.</t>
  </si>
  <si>
    <t>StatCan-142806</t>
  </si>
  <si>
    <t>Quality Control Feedback System (QCFS) v1.0.6.1</t>
  </si>
  <si>
    <t>QCFS</t>
  </si>
  <si>
    <t>StatCan-142820</t>
  </si>
  <si>
    <t>Electronic Questionnaire(EQ) v3.2</t>
  </si>
  <si>
    <t>EQ3.2</t>
  </si>
  <si>
    <t>StatCan-142822</t>
  </si>
  <si>
    <t>Electronic Questionnaire Generation System 3.0 (EQ)</t>
  </si>
  <si>
    <t>EQGS3.0</t>
  </si>
  <si>
    <t>StatCan-142823</t>
  </si>
  <si>
    <t>EQ Survey Management System, (SMS) Version 3.2 (EQ)</t>
  </si>
  <si>
    <t>StatCan-142825</t>
  </si>
  <si>
    <t>PrivateArk Client (eFT) (V6.0.0510)</t>
  </si>
  <si>
    <t>PAWC</t>
  </si>
  <si>
    <t>Conexsys, Private Ark Windows Client</t>
  </si>
  <si>
    <t>SFE</t>
  </si>
  <si>
    <t>Conexsys, Secure File Exchange</t>
  </si>
  <si>
    <t>StatCan-142828</t>
  </si>
  <si>
    <t>Bulk Tool V1.1</t>
  </si>
  <si>
    <t>StatCan-142829</t>
  </si>
  <si>
    <t>e-File Transfer website (eFT) v3.0</t>
  </si>
  <si>
    <t>eFT3.0</t>
  </si>
  <si>
    <t>StatCan-142830</t>
  </si>
  <si>
    <t>EQ Generation System Portal v3.0 (EQ)</t>
  </si>
  <si>
    <t>EQGS Client Portal3.0</t>
  </si>
  <si>
    <t>StatCan-142941</t>
  </si>
  <si>
    <t>STCWebSFTP</t>
  </si>
  <si>
    <t>StatCan-142944</t>
  </si>
  <si>
    <t>Chart Accessibility</t>
  </si>
  <si>
    <t>ChartAccessibility</t>
  </si>
  <si>
    <t>StatCan-142959</t>
  </si>
  <si>
    <t>Trade Entry Processor</t>
  </si>
  <si>
    <t>TradeProcessor</t>
  </si>
  <si>
    <t>StatCan-142961</t>
  </si>
  <si>
    <t>Analysts and Researchers + Publications Web Application</t>
  </si>
  <si>
    <t>AR Web</t>
  </si>
  <si>
    <t>Communications Services,Information Management Services,Information Technology Services,Other,Travel and Other Administrative Services</t>
  </si>
  <si>
    <t>The Analysts and researchers web site present studies published by Statistics Canada.</t>
  </si>
  <si>
    <t>StatCan-142972</t>
  </si>
  <si>
    <t>Census Data Navigator</t>
  </si>
  <si>
    <t>data gator</t>
  </si>
  <si>
    <t>StatCan-142975</t>
  </si>
  <si>
    <t>Census/Census Profiles</t>
  </si>
  <si>
    <t>profiles</t>
  </si>
  <si>
    <t>This profile presents information from the 2011 Census of Population for various levels of geography, including provinces and territories, census metropolitan areas, communities and census tracts. Using the tabs below, users can search for an area of interest by typing its 'place name' or by browsing a list, by entering a postal code or a geographic code.</t>
  </si>
  <si>
    <t>StatCan-142976</t>
  </si>
  <si>
    <t>Census/Comparison age pyramids</t>
  </si>
  <si>
    <t>age pyramids</t>
  </si>
  <si>
    <t>The visual and interactive tool that uses a dynamic age pyramid to show the age structure of the population of a given geography at either at the Canada, PR, CMA level. The data is also available in the table format.</t>
  </si>
  <si>
    <t>StatCan-142977</t>
  </si>
  <si>
    <t>Census/Historical age pyramid (1921 to 2011)</t>
  </si>
  <si>
    <t>historical age pyramids</t>
  </si>
  <si>
    <t>The visual (dynamic age pyramid) representation of age structure of Canada, provinces and territories over time. The data is also available in the table format.</t>
  </si>
  <si>
    <t>StatCan-142978</t>
  </si>
  <si>
    <t>Census/Focus on Geography Series</t>
  </si>
  <si>
    <t>fogs</t>
  </si>
  <si>
    <t>Provides quick access to key results from the census at different levels of geography.</t>
  </si>
  <si>
    <t>StatCan-142979</t>
  </si>
  <si>
    <t>Census/Highlight tables</t>
  </si>
  <si>
    <t>highlight table</t>
  </si>
  <si>
    <t>Provides information highlights by topic, in tabular format, via key indicators for various levels of geography.</t>
  </si>
  <si>
    <t>StatCan-142980</t>
  </si>
  <si>
    <t>Census/Topic-based tabulations</t>
  </si>
  <si>
    <t>tbts</t>
  </si>
  <si>
    <t>Present a portrait of Canada based on the various census topics (ex: age, sex, language etc) in a tabular format.</t>
  </si>
  <si>
    <t>StatCan-142982</t>
  </si>
  <si>
    <t>Census/Visual Census</t>
  </si>
  <si>
    <t>visual census</t>
  </si>
  <si>
    <t>Facilitates the analysis and comparison of the changing demographic and socio composition of selected geographic areas across Canada.</t>
  </si>
  <si>
    <t>StatCan-142984</t>
  </si>
  <si>
    <t>Census</t>
  </si>
  <si>
    <t>Application used to search all of Statscan public facing web content.</t>
  </si>
  <si>
    <t>Lucidworks, Lucidworks Fusion</t>
  </si>
  <si>
    <t>StatCan-142997</t>
  </si>
  <si>
    <t>NESSTAR publishing v4</t>
  </si>
  <si>
    <t>NESSTAR PUB</t>
  </si>
  <si>
    <t>Norwegian Social Science Data Services  AS, NESSTAR publishing v4</t>
  </si>
  <si>
    <t>StatCan-142999</t>
  </si>
  <si>
    <t>Innovation Portal</t>
  </si>
  <si>
    <t>A crowdsourcing tool to support idea generation Accessible from the Innovation Portal on the Intranet site Allows employees to: Post ideas Browse ideas Comment on other ideas Vote for ideas Rank ideas</t>
  </si>
  <si>
    <t>StatCan-143005</t>
  </si>
  <si>
    <t>Address Register Household Survey Frame System</t>
  </si>
  <si>
    <t>HSFS</t>
  </si>
  <si>
    <t>StatCan-143006</t>
  </si>
  <si>
    <t>Business Register Message Tracking</t>
  </si>
  <si>
    <t>Message Tracking</t>
  </si>
  <si>
    <t>StatCan-143008</t>
  </si>
  <si>
    <t>Business Register Notification Tool</t>
  </si>
  <si>
    <t>Notification Tool</t>
  </si>
  <si>
    <t>StatCan-143009</t>
  </si>
  <si>
    <t>NESSTAR WEB VIEWER v4</t>
  </si>
  <si>
    <t>NESSTAR WEB</t>
  </si>
  <si>
    <t>Norwegian Social Science Data Services  AS, NESSTAR WEB VIEWER v4</t>
  </si>
  <si>
    <t>StatCan-143012</t>
  </si>
  <si>
    <t>LISTSERV® Classic Perpetual License</t>
  </si>
  <si>
    <t>Vendor: L-soft, Product: LISTSERV® Classic Perpetual License</t>
  </si>
  <si>
    <t>StatCan-143022</t>
  </si>
  <si>
    <t>OrgPlus v9 Professional</t>
  </si>
  <si>
    <t>Insperity OrgPlus v9 Professional</t>
  </si>
  <si>
    <t>StatCan-143028</t>
  </si>
  <si>
    <t>One Click Transfer OCT (eFT) (V4.50.111.0)</t>
  </si>
  <si>
    <t>OCT</t>
  </si>
  <si>
    <t>Conexsys, One Click Transfer</t>
  </si>
  <si>
    <t>StatCan-143035</t>
  </si>
  <si>
    <t>G-Sam 1.01</t>
  </si>
  <si>
    <t>G-Sam</t>
  </si>
  <si>
    <t>StatCan-143464</t>
  </si>
  <si>
    <t>ZIM v7.x</t>
  </si>
  <si>
    <t>ZIM</t>
  </si>
  <si>
    <t>StatCan-143465</t>
  </si>
  <si>
    <t>Enscript v1.6.3-1</t>
  </si>
  <si>
    <t>Enscript</t>
  </si>
  <si>
    <t>StatCan-143615</t>
  </si>
  <si>
    <t>Blaise - Social Surveys</t>
  </si>
  <si>
    <t>Blaise Social</t>
  </si>
  <si>
    <t>StatCan-143616</t>
  </si>
  <si>
    <t>Blaise - Business Surveys</t>
  </si>
  <si>
    <t>Blaise Business</t>
  </si>
  <si>
    <t>StatCan-143617</t>
  </si>
  <si>
    <t>Blaise - Agriculture Surveys</t>
  </si>
  <si>
    <t>Blaise Agriculture</t>
  </si>
  <si>
    <t>StatCan-143856</t>
  </si>
  <si>
    <t>Data Port Wizard</t>
  </si>
  <si>
    <t>dataportwizard</t>
  </si>
  <si>
    <t>Primeworks</t>
  </si>
  <si>
    <t>StatCan-143977</t>
  </si>
  <si>
    <t>Soapui</t>
  </si>
  <si>
    <t>SmartBear SoapUI</t>
  </si>
  <si>
    <t>StatCan-144053</t>
  </si>
  <si>
    <t>Apache JMeter v2.9</t>
  </si>
  <si>
    <t>Jmeter</t>
  </si>
  <si>
    <t>StatCan-144181</t>
  </si>
  <si>
    <t>AIS WEB Accessibilty Toolbar (IE)</t>
  </si>
  <si>
    <t>Free IE Extension</t>
  </si>
  <si>
    <t>StatCan-144202</t>
  </si>
  <si>
    <t>CGI scripts</t>
  </si>
  <si>
    <t>Pearl programming language</t>
  </si>
  <si>
    <t>StatCan-144268</t>
  </si>
  <si>
    <t>Checkstyle</t>
  </si>
  <si>
    <t>Open Source - Source Forge</t>
  </si>
  <si>
    <t>StatCan-144274</t>
  </si>
  <si>
    <t>Windows Installer XML Toolset (WiX) 3.x</t>
  </si>
  <si>
    <t>StatCan-144409</t>
  </si>
  <si>
    <t>Oracle JDeveloper 11g (11.1.1.x)</t>
  </si>
  <si>
    <t>Oracle Jdeveloper</t>
  </si>
  <si>
    <t>Oracle jdeveloper</t>
  </si>
  <si>
    <t>StatCan-144616</t>
  </si>
  <si>
    <t>StatCan-144630</t>
  </si>
  <si>
    <t>JIRA 7.x</t>
  </si>
  <si>
    <t>StatCan-144800</t>
  </si>
  <si>
    <t>ISD - Survey of Financial Spending (SFS) Pension Valuation</t>
  </si>
  <si>
    <t>SFS_PV</t>
  </si>
  <si>
    <t>StatCan-144914</t>
  </si>
  <si>
    <t>DEM - DemoSim</t>
  </si>
  <si>
    <t>DemoSim</t>
  </si>
  <si>
    <t>StatCan-145531</t>
  </si>
  <si>
    <t>Windows Mobile Professional SDK</t>
  </si>
  <si>
    <t>StatCan-145812</t>
  </si>
  <si>
    <t>Hudson Integration Server v3.0</t>
  </si>
  <si>
    <t>Hudson</t>
  </si>
  <si>
    <t>StatCan-145850</t>
  </si>
  <si>
    <t>GES v4.4</t>
  </si>
  <si>
    <t>GES</t>
  </si>
  <si>
    <t>StatCan-145983</t>
  </si>
  <si>
    <t>MKS Toolkit v9.5</t>
  </si>
  <si>
    <t>StatCan-146192</t>
  </si>
  <si>
    <t>MySQL Workbench v6.0</t>
  </si>
  <si>
    <t>StatCan-146214</t>
  </si>
  <si>
    <t>Oracle Enterprise Manager (OEM) v12cR3</t>
  </si>
  <si>
    <t>StatCan-146221</t>
  </si>
  <si>
    <t>Quest Toad for Oracle Base Edition v11.x</t>
  </si>
  <si>
    <t>StatCan-146222</t>
  </si>
  <si>
    <t>Quest Toad for Oracle Professional Edition v11.x</t>
  </si>
  <si>
    <t>StatCan-146249</t>
  </si>
  <si>
    <t>Quest Toad for Oracle Base Edition v12.x</t>
  </si>
  <si>
    <t>StatCan-146250</t>
  </si>
  <si>
    <t>Quest Toad for Oracle Professional Edition v12.x</t>
  </si>
  <si>
    <t>StatCan-146266</t>
  </si>
  <si>
    <t>Oracle Data Provider for .Net (ODP.Net) Managed DLLs v12c</t>
  </si>
  <si>
    <t>ODP.Net</t>
  </si>
  <si>
    <t>StatCan-146378</t>
  </si>
  <si>
    <t>ESRI ArcSDE v10.x</t>
  </si>
  <si>
    <t>StatCan-146388</t>
  </si>
  <si>
    <t>Balsamiq mockup Desktop 2.2.19</t>
  </si>
  <si>
    <t>StatCan-146480</t>
  </si>
  <si>
    <t>Collabnet Subversion (SVN) Client</t>
  </si>
  <si>
    <t>Subversion Client</t>
  </si>
  <si>
    <t>Collabnet subversion</t>
  </si>
  <si>
    <t>StatCan-146503</t>
  </si>
  <si>
    <t>SunGuard MarketMap Analytic Populator, Active X Toolkit v5.1</t>
  </si>
  <si>
    <t>FIS Global</t>
  </si>
  <si>
    <t>StatCan-146538</t>
  </si>
  <si>
    <t>Regina Rexx Interpreter</t>
  </si>
  <si>
    <t>StatCan-146556</t>
  </si>
  <si>
    <t>Quest Toad for Data Analysts v3.0.1</t>
  </si>
  <si>
    <t>StatCan-146562</t>
  </si>
  <si>
    <t>Microsoft Biztalk Client v2010</t>
  </si>
  <si>
    <t>BizTalk 2009</t>
  </si>
  <si>
    <t>StatCan-146872</t>
  </si>
  <si>
    <t>Oracle Fusion Middleware Forms &amp; Reports v11gR2</t>
  </si>
  <si>
    <t>StatCan-147187</t>
  </si>
  <si>
    <t>SAS Add_In For Microsoft Office v7.1</t>
  </si>
  <si>
    <t>SAS AMO v6.1</t>
  </si>
  <si>
    <t>StatCan-147189</t>
  </si>
  <si>
    <t>SAS Data Integration Studio v4.4</t>
  </si>
  <si>
    <t>SAS DI Studio v4.4</t>
  </si>
  <si>
    <t>StatCan-147190</t>
  </si>
  <si>
    <t>SAS Enterprise Guide v7.1</t>
  </si>
  <si>
    <t>SAS EG v7.1</t>
  </si>
  <si>
    <t>StatCan-147192</t>
  </si>
  <si>
    <t>SAS Foundation v9.4</t>
  </si>
  <si>
    <t>StatCan-147193</t>
  </si>
  <si>
    <t>SAS Grid Manager v9.4</t>
  </si>
  <si>
    <t>SASGrid</t>
  </si>
  <si>
    <t>StatCan-147194</t>
  </si>
  <si>
    <t>SAS Information Map Studio v4.4</t>
  </si>
  <si>
    <t>SAS Info Map Studio v4.4</t>
  </si>
  <si>
    <t>StatCan-147200</t>
  </si>
  <si>
    <t>SAS/AF v9.4</t>
  </si>
  <si>
    <t>StatCan-147201</t>
  </si>
  <si>
    <t>SAS/CONNECT v9.4</t>
  </si>
  <si>
    <t>StatCan-147254</t>
  </si>
  <si>
    <t>Microsoft Visual Studio v2013 and all updates</t>
  </si>
  <si>
    <t>VS 2013</t>
  </si>
  <si>
    <t>Visual Studio Premium 2012 wit</t>
  </si>
  <si>
    <t>StatCan-147540</t>
  </si>
  <si>
    <t>Google Earth</t>
  </si>
  <si>
    <t>StatCan-148813</t>
  </si>
  <si>
    <t>Mapinfo Pro v12</t>
  </si>
  <si>
    <t> Pitney Bowes </t>
  </si>
  <si>
    <t>StatCan-148854</t>
  </si>
  <si>
    <t>Microsoft Team Foundation Server (TFS) v2013</t>
  </si>
  <si>
    <t>StatCan-149900</t>
  </si>
  <si>
    <t>ISTD - Gross Domestic Expenditure on Research and Development</t>
  </si>
  <si>
    <t>StatCan-152703</t>
  </si>
  <si>
    <t>SyncFusion</t>
  </si>
  <si>
    <t>StatCan-152722</t>
  </si>
  <si>
    <t>Krypton Toolkit v4.x.x</t>
  </si>
  <si>
    <t>StatCan-152794</t>
  </si>
  <si>
    <t>Banff v2.06</t>
  </si>
  <si>
    <t>StatCan-154605</t>
  </si>
  <si>
    <t>Sentinel RMS License Manager v8.x.x</t>
  </si>
  <si>
    <t>StatCan-161017</t>
  </si>
  <si>
    <t>MWTD - Processing End Tool (PET)</t>
  </si>
  <si>
    <t>PET</t>
  </si>
  <si>
    <t>StatCan-161020</t>
  </si>
  <si>
    <t>MWTD - Survey Data Reporting Tool (SDRT)</t>
  </si>
  <si>
    <t>SDRT</t>
  </si>
  <si>
    <t>StatCan-161338</t>
  </si>
  <si>
    <t>PyCharm (community edition) by JetBrains</t>
  </si>
  <si>
    <t>PyCharm</t>
  </si>
  <si>
    <t>JetBrains - PyCharm</t>
  </si>
  <si>
    <t>StatCan-161617</t>
  </si>
  <si>
    <t>ISD - SLID Retrieval (SLIDRET) System v4.1</t>
  </si>
  <si>
    <t>SLIDRET</t>
  </si>
  <si>
    <t>StatCan-161643</t>
  </si>
  <si>
    <t>Vim v7.x</t>
  </si>
  <si>
    <t>StatCan-161826</t>
  </si>
  <si>
    <t>SAS Forecast Studio v13.1</t>
  </si>
  <si>
    <t>SAS Forecast Studio</t>
  </si>
  <si>
    <t>StatCan-161832</t>
  </si>
  <si>
    <t>SAS Time-Series Studio v13.1</t>
  </si>
  <si>
    <t>SAS Time Series Studio</t>
  </si>
  <si>
    <t>StatCan-163773</t>
  </si>
  <si>
    <t>XMedius Fax System</t>
  </si>
  <si>
    <t>XMEDIUS</t>
  </si>
  <si>
    <t>Sagem (Xmedius Fax)</t>
  </si>
  <si>
    <t>StatCan-164033</t>
  </si>
  <si>
    <t>CAPSS Electronic Dictionary</t>
  </si>
  <si>
    <t>E-Dict.Net</t>
  </si>
  <si>
    <t>StatCan-164076</t>
  </si>
  <si>
    <t>SSD - Coding and Correction Environment CCE</t>
  </si>
  <si>
    <t>CCE ICODE</t>
  </si>
  <si>
    <t>StatCan-165585</t>
  </si>
  <si>
    <t>Metadata Manager</t>
  </si>
  <si>
    <t>MAD-MetaManager</t>
  </si>
  <si>
    <t>Metedata Technoloy North America</t>
  </si>
  <si>
    <t>StatCan-165733</t>
  </si>
  <si>
    <t>Dataset Builder</t>
  </si>
  <si>
    <t>MAD-DBuilder</t>
  </si>
  <si>
    <t>StatCan-165734</t>
  </si>
  <si>
    <t>Colectica Designer</t>
  </si>
  <si>
    <t>MAD-Colectica</t>
  </si>
  <si>
    <t>Colectica - Product is Colectica-Designer</t>
  </si>
  <si>
    <t>StatCan-172575</t>
  </si>
  <si>
    <t>ESRI ArcGIS Desktop (Advanced and Basic) v10.2</t>
  </si>
  <si>
    <t>StatCan-173875</t>
  </si>
  <si>
    <t>NetBeans IDE 8.0</t>
  </si>
  <si>
    <t>NetBeans</t>
  </si>
  <si>
    <t>Sun Netbeans</t>
  </si>
  <si>
    <t>StatCan-173876</t>
  </si>
  <si>
    <t>TortoiseSVN v1.8.6</t>
  </si>
  <si>
    <t>StatCan-173995</t>
  </si>
  <si>
    <t>Stash by Atlassian (Bitbucket Server)</t>
  </si>
  <si>
    <t>Stash</t>
  </si>
  <si>
    <t>Atlassian Bitbucket Server</t>
  </si>
  <si>
    <t>StatCan-178188</t>
  </si>
  <si>
    <t>SAS IML Studio 13.1</t>
  </si>
  <si>
    <t>StatCan-178197</t>
  </si>
  <si>
    <t>SAS Data Integration Studio v4.8</t>
  </si>
  <si>
    <t>SAS DI Studio v4.8</t>
  </si>
  <si>
    <t>StatCan-178213</t>
  </si>
  <si>
    <t>SAS OLAP Cube Studio 4.4</t>
  </si>
  <si>
    <t>SAS OlAP</t>
  </si>
  <si>
    <t>StatCan-182681</t>
  </si>
  <si>
    <t>ESRI ArcGIS Desktop (Advanced and Basic) v10.0</t>
  </si>
  <si>
    <t>StatCan-182763</t>
  </si>
  <si>
    <t>SAS XML Mapper 9.3</t>
  </si>
  <si>
    <t>StatCan-184212</t>
  </si>
  <si>
    <t>Jenkins Integration Server v2.x</t>
  </si>
  <si>
    <t>Jenkins</t>
  </si>
  <si>
    <t>StatCan-184436</t>
  </si>
  <si>
    <t>Jrebel</t>
  </si>
  <si>
    <t>Zeroturnaround Jrebel</t>
  </si>
  <si>
    <t>StatCan-184531</t>
  </si>
  <si>
    <t>GPG4Win</t>
  </si>
  <si>
    <t>StatCan-185984</t>
  </si>
  <si>
    <t>Business Register Security Manager</t>
  </si>
  <si>
    <t>Security Manager</t>
  </si>
  <si>
    <t>StatCan-185985</t>
  </si>
  <si>
    <t>GeoSearch v2016</t>
  </si>
  <si>
    <t>M2D 2016</t>
  </si>
  <si>
    <t>GeoSearch 2016 is a web mapping application for Dissemination that makes it easy to find many places in Canada, see them on a map, and get basic geographic and demographic data for those places. To find a specific place of interest, users can click and zoom in on a map of Canada or they can search by place name, civic address and street name, street intersection or postal code.  GeoSearch displays the appropriate map showing boundaries and other features. GeoSearch automatically shows, for the selected places, the type of geographic area and its relationship to other geographic areas.  Uses Census 2016 data.  No external dependencies.</t>
  </si>
  <si>
    <t>StatCan-185986</t>
  </si>
  <si>
    <t>Data to Map</t>
  </si>
  <si>
    <t>D2M 2016</t>
  </si>
  <si>
    <t>For a data user viewing statistical data in a table, Data-to-Map (D2M) allows the user to view a reference map, in order to understand which geographical area in Canada the data represents.  Uses Census 2016 data.  Is incorporated into several Census Products (Census Profile, Highlight Tables, Focus on Geography Series).  Partners are Census Dissemination and SRGD.</t>
  </si>
  <si>
    <t>StatCan-198588</t>
  </si>
  <si>
    <t>Sourcetree</t>
  </si>
  <si>
    <t>Atlassian SourceTree</t>
  </si>
  <si>
    <t>StatCan-200756</t>
  </si>
  <si>
    <t>G-Code 2.x (GCODE)</t>
  </si>
  <si>
    <t>StatCan-201308</t>
  </si>
  <si>
    <t>Data Browser V2.NET - Collection</t>
  </si>
  <si>
    <t>StatCan-201338</t>
  </si>
  <si>
    <t>Blaise v484b1888</t>
  </si>
  <si>
    <t>Blaise 4.8</t>
  </si>
  <si>
    <t>Blaise v484b1888  -  Suppplied by Westat Inc., Developed by Statistics Netherlands</t>
  </si>
  <si>
    <t>StatCan-201452</t>
  </si>
  <si>
    <t>COR Dynamic Link Library v2 r14</t>
  </si>
  <si>
    <t>StatCan-201519</t>
  </si>
  <si>
    <t>ICOS - Collection Management Portal</t>
  </si>
  <si>
    <t>ICOS - CMP</t>
  </si>
  <si>
    <t>StatCan-201825</t>
  </si>
  <si>
    <t>Central Processing System Pro (CPS*Pros) v2016</t>
  </si>
  <si>
    <t>StatCan-201844</t>
  </si>
  <si>
    <t>Census Products Planning and Design Portal</t>
  </si>
  <si>
    <t>CPPDP</t>
  </si>
  <si>
    <t>StatCan-202107</t>
  </si>
  <si>
    <t>GeoValidator 2016</t>
  </si>
  <si>
    <t>GeoValidator 2016</t>
  </si>
  <si>
    <t>Web Mapping application - Geographic Search tool used for Collection in the regional offices.  Services for validation of planning assumptions for field ops.</t>
  </si>
  <si>
    <t>StatCan-202675</t>
  </si>
  <si>
    <t>Census/NHS Metadata Management Tools</t>
  </si>
  <si>
    <t>CMMT</t>
  </si>
  <si>
    <t>StatCan-202752</t>
  </si>
  <si>
    <t>Social Policy Simulation Database and Model (SPSD/M) v22</t>
  </si>
  <si>
    <t>StatCan-212992</t>
  </si>
  <si>
    <t>Master Control System (MCS)</t>
  </si>
  <si>
    <t>MCS</t>
  </si>
  <si>
    <t>StatCan-213102</t>
  </si>
  <si>
    <t>IATD - Export Non US Collection CAED</t>
  </si>
  <si>
    <t>StatCan-213106</t>
  </si>
  <si>
    <t>nSoftware Red Carpet (IP*Works) v9</t>
  </si>
  <si>
    <t>StatCan-213162</t>
  </si>
  <si>
    <t>PCI Geomatica v2013</t>
  </si>
  <si>
    <t>StatCan-213245</t>
  </si>
  <si>
    <t>LSD - SEPH Collection Public Sector Employment Data (PSES) v1.0</t>
  </si>
  <si>
    <t>PSES</t>
  </si>
  <si>
    <t>StatCan-213940</t>
  </si>
  <si>
    <t>Executor v3 (Modgen)</t>
  </si>
  <si>
    <t>EXEC2</t>
  </si>
  <si>
    <t>StatCan-216771</t>
  </si>
  <si>
    <t>ISD - MakeExcel</t>
  </si>
  <si>
    <t>StatCan-216773</t>
  </si>
  <si>
    <t>ISD - MakeTable</t>
  </si>
  <si>
    <t>StatCan-217597</t>
  </si>
  <si>
    <t>Modgen 11.x</t>
  </si>
  <si>
    <t>MODGEN</t>
  </si>
  <si>
    <t>StatCan-218639</t>
  </si>
  <si>
    <t>LSD - Job Vacancy and Wage/ Survey</t>
  </si>
  <si>
    <t>JVWS</t>
  </si>
  <si>
    <t>StatCan-221011</t>
  </si>
  <si>
    <t>Beyond 20/20 Publisher's Edition Builder v7.1</t>
  </si>
  <si>
    <t>StatCan-221013</t>
  </si>
  <si>
    <t>Beyond 20/20 Web Data Server (WDS) v8.1</t>
  </si>
  <si>
    <t>StatCan-221120</t>
  </si>
  <si>
    <t>FIN - Administrative Systems Portals 2.0</t>
  </si>
  <si>
    <t>StatCan-221137</t>
  </si>
  <si>
    <t>HR - Personnel Simulation Model v2.0 (PERSIM)</t>
  </si>
  <si>
    <t>PERSIM</t>
  </si>
  <si>
    <t>StatCan-221677</t>
  </si>
  <si>
    <t>Enterprise Architect v12.1</t>
  </si>
  <si>
    <t>StatCan-221682</t>
  </si>
  <si>
    <t>Corporate Access Request System (CARS)</t>
  </si>
  <si>
    <t>StatCan-221743</t>
  </si>
  <si>
    <t>G-Confid v1.05</t>
  </si>
  <si>
    <t>StatCan-225223</t>
  </si>
  <si>
    <t>Census Processing System (CPS)</t>
  </si>
  <si>
    <t>StatCan-225659</t>
  </si>
  <si>
    <t>OpenSSL</t>
  </si>
  <si>
    <t>StatCan-237534</t>
  </si>
  <si>
    <t>Agency Messaging Options (AMO) v4.5</t>
  </si>
  <si>
    <t>AMO</t>
  </si>
  <si>
    <t>StatCan-237535</t>
  </si>
  <si>
    <t>DMC - Human Resources Document Management System (HRDMS) v2.0</t>
  </si>
  <si>
    <t>HRDMS</t>
  </si>
  <si>
    <t>StatCan-237538</t>
  </si>
  <si>
    <t>DMC - Records Preservation Disposal System (RPDS.NET)</t>
  </si>
  <si>
    <t>RPDS.NET</t>
  </si>
  <si>
    <t>StatCan-237666</t>
  </si>
  <si>
    <t>HSD - Canadian Health Measures Survey (CHMS) Mobile Clinic File Packager</t>
  </si>
  <si>
    <t>CHMS-FilePack</t>
  </si>
  <si>
    <t>StatCan-238467</t>
  </si>
  <si>
    <t>ESF - Economic Disclosure Control and Dissemination System (EDCDS)</t>
  </si>
  <si>
    <t>EDCDS</t>
  </si>
  <si>
    <t>StatCan-238595</t>
  </si>
  <si>
    <t>Apache Solr v5.1</t>
  </si>
  <si>
    <t>StatCan-238597</t>
  </si>
  <si>
    <t>Wilson WindowWare Winbatch+Compiler 2015a</t>
  </si>
  <si>
    <t>Wilson WindowWare</t>
  </si>
  <si>
    <t>StatCan-240737</t>
  </si>
  <si>
    <t>XRebel</t>
  </si>
  <si>
    <t>StatCan-243700</t>
  </si>
  <si>
    <t>SAS XML Mapper 9.4</t>
  </si>
  <si>
    <t>StatCan-243719</t>
  </si>
  <si>
    <t>SAS JMP v12</t>
  </si>
  <si>
    <t>JMP 12</t>
  </si>
  <si>
    <t>StatCan-243742</t>
  </si>
  <si>
    <t>Oracle SQL Developer v4.x</t>
  </si>
  <si>
    <t>StatCan-245553</t>
  </si>
  <si>
    <t>HSD - Canadian Health Measures Survey (CHMS) Mechanography Data Export</t>
  </si>
  <si>
    <t>CHMS-Mechanography</t>
  </si>
  <si>
    <t>StatCan-246460</t>
  </si>
  <si>
    <t>Microsoft Visual Studio v2015 and all updates</t>
  </si>
  <si>
    <t>StatCan-246462</t>
  </si>
  <si>
    <t>Microsoft Team Foundation Server (TFS) v2015</t>
  </si>
  <si>
    <t>StatCan-246463</t>
  </si>
  <si>
    <t>Microsoft Team Foundation Server Power Tools v2015</t>
  </si>
  <si>
    <t>StatCan-246598</t>
  </si>
  <si>
    <t>MyStatCan</t>
  </si>
  <si>
    <t>Subscription system for updates available for STC products</t>
  </si>
  <si>
    <t>StatCan-246834</t>
  </si>
  <si>
    <t>GetMail v3.0</t>
  </si>
  <si>
    <t>Getmail</t>
  </si>
  <si>
    <t>StatCan-246913</t>
  </si>
  <si>
    <t>TeamMate Audit Software v11.1</t>
  </si>
  <si>
    <t>Walter Kluwer</t>
  </si>
  <si>
    <t>StatCan-248739</t>
  </si>
  <si>
    <t>Haver Analytics data and software Version 1.0</t>
  </si>
  <si>
    <t>StatCan-248913</t>
  </si>
  <si>
    <t>Apache JMeter v2.13</t>
  </si>
  <si>
    <t>StatCan-249714</t>
  </si>
  <si>
    <t>ISD - Electronic File Transfer (EFT) Application for Pensions</t>
  </si>
  <si>
    <t>ISD: TPF EDR</t>
  </si>
  <si>
    <t>StatCan-250055</t>
  </si>
  <si>
    <t>SAS Forecast Studio v13.2</t>
  </si>
  <si>
    <t>StatCan-250056</t>
  </si>
  <si>
    <t>SAS Time-Series Studio v13.2</t>
  </si>
  <si>
    <t>StatCan-250057</t>
  </si>
  <si>
    <t>SAS IML Studio 13.2</t>
  </si>
  <si>
    <t>StatCan-250059</t>
  </si>
  <si>
    <t>SAS Bridge for ESRI 3.6</t>
  </si>
  <si>
    <t>StatCan-250085</t>
  </si>
  <si>
    <t>SafeSoftware FME ESRI edition v2015</t>
  </si>
  <si>
    <t>SafeSoftware</t>
  </si>
  <si>
    <t>StatCan-250624</t>
  </si>
  <si>
    <t>Modgen 12.x</t>
  </si>
  <si>
    <t>StatCan-250638</t>
  </si>
  <si>
    <t>Legal Agreements Documents Management System (LADMS)</t>
  </si>
  <si>
    <t>LADMS</t>
  </si>
  <si>
    <t>StatCan-252112</t>
  </si>
  <si>
    <t>G-Est v2.01</t>
  </si>
  <si>
    <t>G-Est</t>
  </si>
  <si>
    <t>StatCan-252131</t>
  </si>
  <si>
    <t>PRICES - Administrative Data Interface</t>
  </si>
  <si>
    <t>ADI</t>
  </si>
  <si>
    <t>Econoy Wide Statistics</t>
  </si>
  <si>
    <t>StatCan-252132</t>
  </si>
  <si>
    <t>MEA - SNA Concepts and standards hub (MEA_HUB)</t>
  </si>
  <si>
    <t>MEA_HUB</t>
  </si>
  <si>
    <t>StatCan-252133</t>
  </si>
  <si>
    <t>NEAD - Tool that allows management of Production jobs</t>
  </si>
  <si>
    <t>ToRS</t>
  </si>
  <si>
    <t>StatCan-252137</t>
  </si>
  <si>
    <t>CPI - Post-estimation</t>
  </si>
  <si>
    <t>CPE</t>
  </si>
  <si>
    <t>DCCS</t>
  </si>
  <si>
    <t>StatCan-252171</t>
  </si>
  <si>
    <t>ISD - Data Model Management System (DMMS) VB.NET</t>
  </si>
  <si>
    <t>ISD_DIV: DMMS</t>
  </si>
  <si>
    <t>StatCan-252229</t>
  </si>
  <si>
    <t>Electronic Request and Approval (ERA)</t>
  </si>
  <si>
    <t>Used for electronic approval for corporate services</t>
  </si>
  <si>
    <t>StatCan-252324</t>
  </si>
  <si>
    <t>Software Asset Management Database (SAMIDB)</t>
  </si>
  <si>
    <t>SAMIDB</t>
  </si>
  <si>
    <t>StatCan-252332</t>
  </si>
  <si>
    <t>SSD - Social Survey Processing Environment (SSPE) V15.1.1</t>
  </si>
  <si>
    <t>SSPE</t>
  </si>
  <si>
    <t>StatCan-252333</t>
  </si>
  <si>
    <t>SSD - Questionnaire Development Tool (QDT) V15.2</t>
  </si>
  <si>
    <t>StatCan-252335</t>
  </si>
  <si>
    <t>SSD - Data Dictionary Tool (DDT) V15.2</t>
  </si>
  <si>
    <t>StatCan-252336</t>
  </si>
  <si>
    <t>SSD - Process Flow Manager (PFM) V14.1.1</t>
  </si>
  <si>
    <t>StatCan-252343</t>
  </si>
  <si>
    <t>SSD - Processing and Specifications Tool (PST) v15.2</t>
  </si>
  <si>
    <t>StatCan-252498</t>
  </si>
  <si>
    <t>Telerik Test Studio 2015.1</t>
  </si>
  <si>
    <t>StatCan-257453</t>
  </si>
  <si>
    <t>Lucidworks Fusion v2.1.1</t>
  </si>
  <si>
    <t>Lucidworks</t>
  </si>
  <si>
    <t>StatCan-257670</t>
  </si>
  <si>
    <t>Docker v1.8</t>
  </si>
  <si>
    <t>StatCan-257894</t>
  </si>
  <si>
    <t>InstallShield v2015 by flexera</t>
  </si>
  <si>
    <t>StatCan-269251</t>
  </si>
  <si>
    <t>Leonardo Mechanography</t>
  </si>
  <si>
    <t>LEO</t>
  </si>
  <si>
    <t>Architecture unknown</t>
  </si>
  <si>
    <t>Novotec Medical</t>
  </si>
  <si>
    <t>StatCan-272330</t>
  </si>
  <si>
    <t>HR - Statistics Canada Mentoring Matching Application (SCMMA)</t>
  </si>
  <si>
    <t>HRSSP</t>
  </si>
  <si>
    <t>StatCan-272370</t>
  </si>
  <si>
    <t>GeoSuite 2016</t>
  </si>
  <si>
    <t>GeoSuite is a web application that allows users to explore the links between geographic areas, obtain information on those areas, retrieve and query population and dwelling counts for the 2016 Census, and output data in tabular format.</t>
  </si>
  <si>
    <t>StatCan-274083</t>
  </si>
  <si>
    <t>ISTD - Research and Development (R&amp;D) Personnel</t>
  </si>
  <si>
    <t>R&amp;D Personnel</t>
  </si>
  <si>
    <t>StatCan-274093</t>
  </si>
  <si>
    <t>MAD - GTAB (V2)</t>
  </si>
  <si>
    <t>StatCan-275737</t>
  </si>
  <si>
    <t>PrivateArk Client (eFT) (V8.0.0)</t>
  </si>
  <si>
    <t>StatCan-275742</t>
  </si>
  <si>
    <t>SSD - Social Domain Linkage Environment</t>
  </si>
  <si>
    <t>SDLE</t>
  </si>
  <si>
    <t>StatCan-281737</t>
  </si>
  <si>
    <t>Infragistics Professional 2016</t>
  </si>
  <si>
    <t>Infragistics, inc.</t>
  </si>
  <si>
    <t>StatCan-285551</t>
  </si>
  <si>
    <t>Git for windows v2.x</t>
  </si>
  <si>
    <t>Git</t>
  </si>
  <si>
    <t>SoftGroup</t>
  </si>
  <si>
    <t>StatCan-288197</t>
  </si>
  <si>
    <t>Git for Linux/Unix v.2.7.4</t>
  </si>
  <si>
    <t>StatCan-298006</t>
  </si>
  <si>
    <t>SQL Server Management Studio</t>
  </si>
  <si>
    <t>StatCan-299199</t>
  </si>
  <si>
    <t>Microsoft SQL Server 2012 Performance Dashboard Reports</t>
  </si>
  <si>
    <t>StatCan-299219</t>
  </si>
  <si>
    <t>TOAD for SAP Solutions</t>
  </si>
  <si>
    <t>StatCan-299849</t>
  </si>
  <si>
    <t>G-Series v2.x (GSERIES)</t>
  </si>
  <si>
    <t>StatCan-299876</t>
  </si>
  <si>
    <t>Agile.Net</t>
  </si>
  <si>
    <t>Secure Team</t>
  </si>
  <si>
    <t>StatCan-300282</t>
  </si>
  <si>
    <t>CSE HTML Validator Pro v16</t>
  </si>
  <si>
    <t>AI Internet Solutions LLC</t>
  </si>
  <si>
    <t>StatCan-300359</t>
  </si>
  <si>
    <t>TOAD for SAP Solutions Xpert - DB Admin Edition</t>
  </si>
  <si>
    <t>StatCan-302543</t>
  </si>
  <si>
    <t>XCT 3000 (Bone density)</t>
  </si>
  <si>
    <t>XCT</t>
  </si>
  <si>
    <t>Stratec</t>
  </si>
  <si>
    <t>StatCan-302606</t>
  </si>
  <si>
    <t>PCI Geomatica v2016</t>
  </si>
  <si>
    <t>StatCan-302612</t>
  </si>
  <si>
    <t>NavisEX (Retinal Photograph)</t>
  </si>
  <si>
    <t>NavisEx</t>
  </si>
  <si>
    <t>StatCan-302624</t>
  </si>
  <si>
    <t>Smart System 2012</t>
  </si>
  <si>
    <t>This software is used to calibrate a Visual Acuity device for the Visual Acuity component of the Canadian Health Measures Survey (CHMS). This component is similar to an eye examination at an Optometrist office; the respondent is asked to identify the letters on the screen. The software is used to calibrate the device and allow the user to adjust letter sizes quickly when administering the tests.</t>
  </si>
  <si>
    <t>M&amp;S Technologies</t>
  </si>
  <si>
    <t>StatCan-302833</t>
  </si>
  <si>
    <t>ORSYP Dollar Universe 6.x</t>
  </si>
  <si>
    <t>Dollar Universe</t>
  </si>
  <si>
    <t>Automic</t>
  </si>
  <si>
    <t>StatCan-302852</t>
  </si>
  <si>
    <t>ICOS - Electronic Questionnaire</t>
  </si>
  <si>
    <t>ICOS - EQ</t>
  </si>
  <si>
    <t>StatCan-303933</t>
  </si>
  <si>
    <t>PCI Geomatica v2014</t>
  </si>
  <si>
    <t>StatCan-303934</t>
  </si>
  <si>
    <t>ESRI ArcIMS v10</t>
  </si>
  <si>
    <t>StatCan-303935</t>
  </si>
  <si>
    <t>Oracle SQL Developer v4.1</t>
  </si>
  <si>
    <t>StatCan-305731</t>
  </si>
  <si>
    <t>ESRI ArcGIS API for JavaScript v3.16</t>
  </si>
  <si>
    <t>StatCan-305732</t>
  </si>
  <si>
    <t>ESRI ArcPy v2.7</t>
  </si>
  <si>
    <t>StatCan-306780</t>
  </si>
  <si>
    <t>New Employee Onboarding Form</t>
  </si>
  <si>
    <t>Onboarding</t>
  </si>
  <si>
    <t>StatCan-306785</t>
  </si>
  <si>
    <t>MEA - SNA International Submission (SDMX Registry)</t>
  </si>
  <si>
    <t>SDMX</t>
  </si>
  <si>
    <t>StatCan-306786</t>
  </si>
  <si>
    <t>IAD - Retreival, Transform and Feeder Module to INDCOM</t>
  </si>
  <si>
    <t>TFM to INDCOM</t>
  </si>
  <si>
    <t>StatCan-306787</t>
  </si>
  <si>
    <t>MEA - Conceptual transformation and Integration Platform (Fame)</t>
  </si>
  <si>
    <t>FAME</t>
  </si>
  <si>
    <t>StatCan-306788</t>
  </si>
  <si>
    <t>NEAD - Source data Loader and Tranform Module</t>
  </si>
  <si>
    <t>NEAD Load</t>
  </si>
  <si>
    <t>StatCan-307012</t>
  </si>
  <si>
    <t>NEAD - FAME Generalized Solutions</t>
  </si>
  <si>
    <t>FAMEFUNC</t>
  </si>
  <si>
    <t>StatCan-307030</t>
  </si>
  <si>
    <t>Census Tabulation System</t>
  </si>
  <si>
    <t>YETI</t>
  </si>
  <si>
    <t>StatCan-307085</t>
  </si>
  <si>
    <t>OnGuard by Lenel v7.x</t>
  </si>
  <si>
    <t>On Guard</t>
  </si>
  <si>
    <t>StatCan-307319</t>
  </si>
  <si>
    <t>PHPStorm</t>
  </si>
  <si>
    <t>JetBrains - PHP Storm</t>
  </si>
  <si>
    <t>StatCan-307444</t>
  </si>
  <si>
    <t>ReSharper</t>
  </si>
  <si>
    <t>StatCan-309477</t>
  </si>
  <si>
    <t>Balsamiq Mockups For Desktop v3.x</t>
  </si>
  <si>
    <t>StatCan-313891</t>
  </si>
  <si>
    <t>Mercury 1.0</t>
  </si>
  <si>
    <t>Mercury</t>
  </si>
  <si>
    <t>StatCan-314204</t>
  </si>
  <si>
    <t>ESRI ArcGIS Server v10.4</t>
  </si>
  <si>
    <t>StatCan-314273</t>
  </si>
  <si>
    <t>Microsoft Power BI Desktop 2.x</t>
  </si>
  <si>
    <t>StatCan-314292</t>
  </si>
  <si>
    <t>ESRI ArcSDE v10.4</t>
  </si>
  <si>
    <t>StatCan-314488</t>
  </si>
  <si>
    <t>Unity v3.x</t>
  </si>
  <si>
    <t>StatCan-315100</t>
  </si>
  <si>
    <t>Unity v4.x</t>
  </si>
  <si>
    <t>StatCan-345203</t>
  </si>
  <si>
    <t>Canadian System of Integrated Statistical Registers (CSISR)</t>
  </si>
  <si>
    <t>CSISR</t>
  </si>
  <si>
    <t>StatCan-348025</t>
  </si>
  <si>
    <t>Area Sampling Production System (ASPS)</t>
  </si>
  <si>
    <t>ASPS</t>
  </si>
  <si>
    <t>StatCan-352064</t>
  </si>
  <si>
    <t>MWTD - ASML Supplement System</t>
  </si>
  <si>
    <t>ASMLSS</t>
  </si>
  <si>
    <t>StatCan-352067</t>
  </si>
  <si>
    <t>MWTD - Softwood Lumber Analysis Solution</t>
  </si>
  <si>
    <t>SLAS</t>
  </si>
  <si>
    <t>StatCan-358030</t>
  </si>
  <si>
    <t>Place of Work Mapper (Mpower)2016</t>
  </si>
  <si>
    <t>MPower 2016</t>
  </si>
  <si>
    <t>Place of Work Mapper. Web Mapping application - Geographic Search tool for Place of work Coding.</t>
  </si>
  <si>
    <t>StatCan-358037</t>
  </si>
  <si>
    <t>CSD Validator</t>
  </si>
  <si>
    <t>Used to validate CSDs (Census Subdivision). Contains a Viewer and allows users to comment.</t>
  </si>
  <si>
    <t>StatCan-358039</t>
  </si>
  <si>
    <t>CAM - Collection Area Mapping tools</t>
  </si>
  <si>
    <t>CAM</t>
  </si>
  <si>
    <t>The Collection Area Mapping tools are used to assist in locating a geographic area, such as a Census Collection area.  It works in conjunction with the GeoCoding Service.  It was available to all staff within the Collection Management Portal (CMP) to support Human Resources and Case and Workload Management activities within CMP and EQ (Census Interviewer Portal).  It is built for providing consistent features, user interaction, and visual design to both applications.  It was also used by the general public in the Hiring Portal for the Census Collection.  Applications that are dependent on this tool are: Hiring Portal for the Census Collection, Collection Management Portal (CMP) and EQ.</t>
  </si>
  <si>
    <t>StatCan-358051</t>
  </si>
  <si>
    <t>CWM Mapping Viewer</t>
  </si>
  <si>
    <t>CWM</t>
  </si>
  <si>
    <t>Case of Workload Management. Services to be used by ICOS.</t>
  </si>
  <si>
    <t>StatCan-358053</t>
  </si>
  <si>
    <t>Geocode Mapping</t>
  </si>
  <si>
    <t>StatCan-358054</t>
  </si>
  <si>
    <t>GET - Geography Editing Tool</t>
  </si>
  <si>
    <t>GET</t>
  </si>
  <si>
    <t>Geography Editing Tool used by external users (urbanists, etc. ).  Might be required for some new geographies (ADA) and others external to Census.</t>
  </si>
  <si>
    <t>StatCan-358055</t>
  </si>
  <si>
    <t>LFS Viewer</t>
  </si>
  <si>
    <t>Web Mapping application for LFS.</t>
  </si>
  <si>
    <t>StatCan-358057</t>
  </si>
  <si>
    <t>GeoCollect system</t>
  </si>
  <si>
    <t>GeoCollect</t>
  </si>
  <si>
    <t>ArcGIS Runtime</t>
  </si>
  <si>
    <t>StatCan-362094</t>
  </si>
  <si>
    <t>Crop Condition Assessment Program v2016</t>
  </si>
  <si>
    <t>CCAP 2016</t>
  </si>
  <si>
    <t>A web interface to observe, almost in real time, crop and pasture conditions in the Canadian and the US prairies using satellite images. A yield-forecast module is also included.</t>
  </si>
  <si>
    <t>StatCan-362095</t>
  </si>
  <si>
    <t>CEAG Mapping Viewer</t>
  </si>
  <si>
    <t>CEAG Mapping</t>
  </si>
  <si>
    <t>Web mapping app consumed by Census of Agriculture.</t>
  </si>
  <si>
    <t>StatCan-374949</t>
  </si>
  <si>
    <t>IntelliJ IDEA v2017.x</t>
  </si>
  <si>
    <t>StatCan-377354</t>
  </si>
  <si>
    <t>Microsoft Visual Studio v2017 and all updates</t>
  </si>
  <si>
    <t>VS 2017</t>
  </si>
  <si>
    <t>StatCan-377355</t>
  </si>
  <si>
    <t>Microsoft Team Foundation Server v2017</t>
  </si>
  <si>
    <t>StatCan-380109</t>
  </si>
  <si>
    <t>Web Performance Tester</t>
  </si>
  <si>
    <t>StatCan-380165</t>
  </si>
  <si>
    <t>Banff v2.x (2.07)</t>
  </si>
  <si>
    <t>StatCan-380338</t>
  </si>
  <si>
    <t>ESRI ArcGIS API for JavaScript v4.2</t>
  </si>
  <si>
    <t>StatCan-380340</t>
  </si>
  <si>
    <t>ESRI ArcGIS Python API 1.0</t>
  </si>
  <si>
    <t>SHS-R</t>
  </si>
  <si>
    <t>StatCan-384079</t>
  </si>
  <si>
    <t>TCESD - National Travel Survey Questionnaire Coding System</t>
  </si>
  <si>
    <t>NTS QCS</t>
  </si>
  <si>
    <t>StatCan-384107</t>
  </si>
  <si>
    <t>CreateInstall v8.x</t>
  </si>
  <si>
    <t>Novastrim, CreateInstall</t>
  </si>
  <si>
    <t>StatCan-384801</t>
  </si>
  <si>
    <t>ESRI Insights for ArcGIS</t>
  </si>
  <si>
    <t>StatCan-385163</t>
  </si>
  <si>
    <t>Software Self-serve Portal</t>
  </si>
  <si>
    <t>SW Self-serve portal</t>
  </si>
  <si>
    <t>StatCan-386969</t>
  </si>
  <si>
    <t>Address Register Mapper v2</t>
  </si>
  <si>
    <t>ArMapper</t>
  </si>
  <si>
    <t>StatCan-386977</t>
  </si>
  <si>
    <t>Cyclopedia Parameter Files v2</t>
  </si>
  <si>
    <t>CPF</t>
  </si>
  <si>
    <t>StatCan-386982</t>
  </si>
  <si>
    <t>Fare Basis Survey v2</t>
  </si>
  <si>
    <t>FBAS</t>
  </si>
  <si>
    <t>StatCan-386985</t>
  </si>
  <si>
    <t>Aircraft Movements Survey v2</t>
  </si>
  <si>
    <t>StatCan-387991</t>
  </si>
  <si>
    <t>ISD - Statistical Assistant (STATAS) v2.0</t>
  </si>
  <si>
    <t>ISD_DIV: STATAS</t>
  </si>
  <si>
    <t>StatCan-393845</t>
  </si>
  <si>
    <t>Infragistics Professional 2017.x</t>
  </si>
  <si>
    <t>StatCan-397156</t>
  </si>
  <si>
    <t>Website - publications</t>
  </si>
  <si>
    <t>StatCan-398830</t>
  </si>
  <si>
    <t>HR - Learning Management System (LMS) v2</t>
  </si>
  <si>
    <t>StatCan-401855</t>
  </si>
  <si>
    <t>Liquibase</t>
  </si>
  <si>
    <t>StatCan-401863</t>
  </si>
  <si>
    <t>Prizm@ IP</t>
  </si>
  <si>
    <t>Accusoft/Prizm</t>
  </si>
  <si>
    <t>StatCan-402920</t>
  </si>
  <si>
    <t>ISD - SHS Redesign Processing System v2017</t>
  </si>
  <si>
    <t>StatCan-402921</t>
  </si>
  <si>
    <t>ISD - SHSR Diary Capture and Coding System (DCCS) v2017</t>
  </si>
  <si>
    <t>StatCan-402940</t>
  </si>
  <si>
    <t>SQL Server Data Tools for Visual Studio</t>
  </si>
  <si>
    <t>SSDTVS</t>
  </si>
  <si>
    <t>StatCan-404652</t>
  </si>
  <si>
    <t>RSID - NMVDCS</t>
  </si>
  <si>
    <t>NMVDCS</t>
  </si>
  <si>
    <t>StatCan-404743</t>
  </si>
  <si>
    <t>IOFD - Corporate Return Act Processing System Redesign</t>
  </si>
  <si>
    <t>IOFD - CRA</t>
  </si>
  <si>
    <t>StatCan-404744</t>
  </si>
  <si>
    <t>IOFD - Enterprise Statistics Programs</t>
  </si>
  <si>
    <t>IOFD - ESP</t>
  </si>
  <si>
    <t>StatCan-404745</t>
  </si>
  <si>
    <t>ISTD - Investment Res/non-Res</t>
  </si>
  <si>
    <t>ISTD - Investment</t>
  </si>
  <si>
    <t>StatCan-404779</t>
  </si>
  <si>
    <t>G-Tab Engine v3</t>
  </si>
  <si>
    <t>G-Tab</t>
  </si>
  <si>
    <t>StatCan-404780</t>
  </si>
  <si>
    <t>G-Tab Engine v4</t>
  </si>
  <si>
    <t>StatCan-404781</t>
  </si>
  <si>
    <t>G-Confid v1.x (1.06)</t>
  </si>
  <si>
    <t>StatCan-410646</t>
  </si>
  <si>
    <t>CPI - ADS</t>
  </si>
  <si>
    <t>StatCan-410648</t>
  </si>
  <si>
    <t>GOVALL - AQUILA</t>
  </si>
  <si>
    <t>StatCan-410649</t>
  </si>
  <si>
    <t>StatCan-411524</t>
  </si>
  <si>
    <t>XL C/C++ Compiler</t>
  </si>
  <si>
    <t>HSF</t>
  </si>
  <si>
    <t>Compiler for unix C applications</t>
  </si>
  <si>
    <t>IBM XL C/C++ Compiler</t>
  </si>
  <si>
    <t>StatCan-411528</t>
  </si>
  <si>
    <t>ISTD - Property Value</t>
  </si>
  <si>
    <t>ISTD - PV</t>
  </si>
  <si>
    <t>StatCan-411529</t>
  </si>
  <si>
    <t>ISTD - Canadian Housing Statistics Framework</t>
  </si>
  <si>
    <t>ISTD - HSF</t>
  </si>
  <si>
    <t>StatCan-413661</t>
  </si>
  <si>
    <t>Bulk Tool V2.0</t>
  </si>
  <si>
    <t>StatCan-413662</t>
  </si>
  <si>
    <t>Secure File Exchange (SFE) v9.8</t>
  </si>
  <si>
    <t>StatCan-482635</t>
  </si>
  <si>
    <t>Hosting IISM</t>
  </si>
  <si>
    <t>IISM</t>
  </si>
  <si>
    <t>StatCan-482636</t>
  </si>
  <si>
    <t>Hosting IISD</t>
  </si>
  <si>
    <t>IISD</t>
  </si>
  <si>
    <t>StatCan-482637</t>
  </si>
  <si>
    <t>Hosting Inventory Admin</t>
  </si>
  <si>
    <t>StatCan-482638</t>
  </si>
  <si>
    <t>Hosting Application - Oracle Reset Password</t>
  </si>
  <si>
    <t>Oracle Reset Password</t>
  </si>
  <si>
    <t>StatCan-490829</t>
  </si>
  <si>
    <t>SASD - Aboriginal Peoples Survey (APS)</t>
  </si>
  <si>
    <t>APS</t>
  </si>
  <si>
    <t>StatCan-490837</t>
  </si>
  <si>
    <t>SASD - Canadian Survey on Disability (CSD)</t>
  </si>
  <si>
    <t>StatCan-490838</t>
  </si>
  <si>
    <t>SASD -  Longitudinal Indian Register Database (LIRD)</t>
  </si>
  <si>
    <t>LIRD</t>
  </si>
  <si>
    <t>StatCan-490885</t>
  </si>
  <si>
    <t>CCJS – Police Administration Survey Redesign (PAS)</t>
  </si>
  <si>
    <t>StatCan-490889</t>
  </si>
  <si>
    <t>CCJS - Survey of Residential Facilities for Victims of Abuse (SRFVA) </t>
  </si>
  <si>
    <t>SRFVA</t>
  </si>
  <si>
    <t>StatCan-490891</t>
  </si>
  <si>
    <t>CCJS - Canadian Correctional Services Survey (CCSS)</t>
  </si>
  <si>
    <t>StatCan-490901</t>
  </si>
  <si>
    <t>CCJS - Canadian Criminal Courts Survey (CCCS)</t>
  </si>
  <si>
    <t>CCCS</t>
  </si>
  <si>
    <t>StatCan-491001</t>
  </si>
  <si>
    <t>New Dissemination Model</t>
  </si>
  <si>
    <t>NDM</t>
  </si>
  <si>
    <t>StatCan-53311</t>
  </si>
  <si>
    <t>STCWiki</t>
  </si>
  <si>
    <t>The STCwiki was launched in September 2006 as part of the IMDB - Data Warehouse Link Project and has evolved into Statistic Canada's Knowledge Sharing / Collaborative Authoring site.</t>
  </si>
  <si>
    <t>StatCan-55429</t>
  </si>
  <si>
    <t>FIN - Budget and Revenue Management System v2.4 (BRMS)</t>
  </si>
  <si>
    <t>Application that allows users to manage budget and revenue, initiate budget transfers and perform budget forecasts</t>
  </si>
  <si>
    <t>StatCan-55444</t>
  </si>
  <si>
    <t>CASEMAN</t>
  </si>
  <si>
    <t>Caseman</t>
  </si>
  <si>
    <t>StatCan-55449</t>
  </si>
  <si>
    <t>FIN - Financial Reporting System v1.0 (FRS)</t>
  </si>
  <si>
    <t>Integrated Financial Reporting System using the corporate administrative application information</t>
  </si>
  <si>
    <t>StatCan-56326</t>
  </si>
  <si>
    <t>X12-ARIMA V0.3 Build 192</t>
  </si>
  <si>
    <t>X12</t>
  </si>
  <si>
    <t>StatCan-57224</t>
  </si>
  <si>
    <t>FIN - Non Salary Information Management System (NSIMS) v1.0.0.36</t>
  </si>
  <si>
    <t>NSIMS</t>
  </si>
  <si>
    <t>Statistics Canada's corporate application to manage non salary information</t>
  </si>
  <si>
    <t>StatCan-57486</t>
  </si>
  <si>
    <t>Beyond 20/20 Professional Browser v7.0</t>
  </si>
  <si>
    <t>StatCan-57603</t>
  </si>
  <si>
    <t>ISD - Pension Plans in Canada (PPIC) Processing System v2.0</t>
  </si>
  <si>
    <t>PPIC</t>
  </si>
  <si>
    <t>StatCan-57605</t>
  </si>
  <si>
    <t>FIN - Application Access Control System v2.1 (AACS)</t>
  </si>
  <si>
    <t>AACS</t>
  </si>
  <si>
    <t>StatCan-57663</t>
  </si>
  <si>
    <t>DEM - Provincial and territorial demographic estimates system</t>
  </si>
  <si>
    <t>PTDES</t>
  </si>
  <si>
    <t>StatCan-57681</t>
  </si>
  <si>
    <t>DemProratePro</t>
  </si>
  <si>
    <t>Prorate</t>
  </si>
  <si>
    <t>StatCan-57684</t>
  </si>
  <si>
    <t>DemConvert v1</t>
  </si>
  <si>
    <t>Convert</t>
  </si>
  <si>
    <t>StatCan-57685</t>
  </si>
  <si>
    <t>DemPYRSYS v1</t>
  </si>
  <si>
    <t>PYRSYS</t>
  </si>
  <si>
    <t>StatCan-57686</t>
  </si>
  <si>
    <t>DemPYRSYSCAT v1</t>
  </si>
  <si>
    <t>PYRSYSCAT</t>
  </si>
  <si>
    <t>StatCan-57816</t>
  </si>
  <si>
    <t>InfoDirect web-interface v2.0</t>
  </si>
  <si>
    <t>InfoDirect</t>
  </si>
  <si>
    <t>StatCan-57858</t>
  </si>
  <si>
    <t>DEM - Subprovincial Population Estimates System (SPES)</t>
  </si>
  <si>
    <t>SPES</t>
  </si>
  <si>
    <t>StatCan-57877</t>
  </si>
  <si>
    <t>SSD - Generalized Processing System (GPS) Framework</t>
  </si>
  <si>
    <t>StatCan-57906</t>
  </si>
  <si>
    <t>DEM - CIC Data Processing System</t>
  </si>
  <si>
    <t>CDPS</t>
  </si>
  <si>
    <t>StatCan-57907</t>
  </si>
  <si>
    <t>DEM - Household and Family Estimates System</t>
  </si>
  <si>
    <t>HFES</t>
  </si>
  <si>
    <t>StatCan-57934</t>
  </si>
  <si>
    <t>CANSIM web application</t>
  </si>
  <si>
    <t>CANSIM</t>
  </si>
  <si>
    <t>CANSIM web application (internal)</t>
  </si>
  <si>
    <t>StatCan-57949</t>
  </si>
  <si>
    <t>Census Pay System</t>
  </si>
  <si>
    <t>FOP-Pay</t>
  </si>
  <si>
    <t>The Census Pay system are used to pay Crew Leaders, Enumerators and other Statistics Act employees working on the Census, while at the same time satisfying government financial regulations and requirements</t>
  </si>
  <si>
    <t>StatCan-57952</t>
  </si>
  <si>
    <t>TCESD - Travel Survey of Residents of Canada (TSRC) - GeoCoding system</t>
  </si>
  <si>
    <t>TSRC - GCS</t>
  </si>
  <si>
    <t>StatCan-58002</t>
  </si>
  <si>
    <t>AG2K v4.1</t>
  </si>
  <si>
    <t>Ag2kV9</t>
  </si>
  <si>
    <t>StatCan-58008</t>
  </si>
  <si>
    <t>Crops Analysis System v1.0</t>
  </si>
  <si>
    <t>CROPSANALY</t>
  </si>
  <si>
    <t>StatCan-58009</t>
  </si>
  <si>
    <t>Database of Integrated Agriculture Statistics</t>
  </si>
  <si>
    <t>DIAS</t>
  </si>
  <si>
    <t>StatCan-58033</t>
  </si>
  <si>
    <t>Agriculture - Taxe Data Program v1.0</t>
  </si>
  <si>
    <t>TAX</t>
  </si>
  <si>
    <t>StatCan-58055</t>
  </si>
  <si>
    <t>EASYVIEW</t>
  </si>
  <si>
    <t>EASYVIEW (new)</t>
  </si>
  <si>
    <t>StatCan-58056</t>
  </si>
  <si>
    <t>Federal Science Expenditures and Personnel v2005</t>
  </si>
  <si>
    <t>FSEP</t>
  </si>
  <si>
    <t>StatCan-58057</t>
  </si>
  <si>
    <t>Estimates of Higher Education Research and Development Expenditures</t>
  </si>
  <si>
    <t>HERD(Excel)</t>
  </si>
  <si>
    <t>StatCan-58059</t>
  </si>
  <si>
    <t>Broadcasting System</t>
  </si>
  <si>
    <t>PC BOSS</t>
  </si>
  <si>
    <t>StatCan-58068</t>
  </si>
  <si>
    <t>Provincial government scientific activities surveys / Provincial research organi</t>
  </si>
  <si>
    <t>Provincial</t>
  </si>
  <si>
    <t>StatCan-58071</t>
  </si>
  <si>
    <t>Survey of Intellectual Property Commercialization in the Higher Education Sector</t>
  </si>
  <si>
    <t>SIPCHES</t>
  </si>
  <si>
    <t>StatCan-58073</t>
  </si>
  <si>
    <t>Telecommunications Operations Survey System (quarterly) v2008</t>
  </si>
  <si>
    <t>TOSS</t>
  </si>
  <si>
    <t>StatCan-58078</t>
  </si>
  <si>
    <t>SME datawarehouse</t>
  </si>
  <si>
    <t>SME-DW</t>
  </si>
  <si>
    <t>StatCan-58084</t>
  </si>
  <si>
    <t>Census Edit and Imputation Systems</t>
  </si>
  <si>
    <t>E&amp;I</t>
  </si>
  <si>
    <t>StatCan-58111</t>
  </si>
  <si>
    <t>HR - Human Resources Self Serve Portal v2.3.1 (HRSSP)</t>
  </si>
  <si>
    <t>StatCan-58113</t>
  </si>
  <si>
    <t>HR - Labour Relation and Grievance System v1.2.2 (LRGS)</t>
  </si>
  <si>
    <t>LRGS</t>
  </si>
  <si>
    <t>StatCan-58114</t>
  </si>
  <si>
    <t>HR - Orbit v3.0</t>
  </si>
  <si>
    <t>Orbit</t>
  </si>
  <si>
    <t>StatCan-58144</t>
  </si>
  <si>
    <t>Aircraft Movements Survey</t>
  </si>
  <si>
    <t>StatCan-58152</t>
  </si>
  <si>
    <t>Canadian Vehicle Survey - Frame .Net</t>
  </si>
  <si>
    <t>CVSFrame</t>
  </si>
  <si>
    <t>StatCan-58158</t>
  </si>
  <si>
    <t>Stability</t>
  </si>
  <si>
    <t>ArcGIS Desktop (ArcMap) 10.2.2</t>
  </si>
  <si>
    <t>StatCan-58161</t>
  </si>
  <si>
    <t>HR - Survey Operations Pay System (SOPS)</t>
  </si>
  <si>
    <t>SOPS</t>
  </si>
  <si>
    <t>StatCan-58162</t>
  </si>
  <si>
    <t>ISD - T1FF STARTER</t>
  </si>
  <si>
    <t>StatCan-58163</t>
  </si>
  <si>
    <t>Integrated Metadatabase (MetaWeb) v1</t>
  </si>
  <si>
    <t>StatCan-58166</t>
  </si>
  <si>
    <t>CMS v1.3 - Classification Management System (CMCS)</t>
  </si>
  <si>
    <t>StatCan-58185</t>
  </si>
  <si>
    <t>COR web application</t>
  </si>
  <si>
    <t>COR Web</t>
  </si>
  <si>
    <t>Miscellaneous COR web services (internal)</t>
  </si>
  <si>
    <t>StatCan-58216</t>
  </si>
  <si>
    <t>ISD - T1FF Outliers</t>
  </si>
  <si>
    <t>StatCan-58218</t>
  </si>
  <si>
    <t>ISD - T1FF Production Cycle Constants</t>
  </si>
  <si>
    <t>StatCan-58224</t>
  </si>
  <si>
    <t>Fare Basis Survey</t>
  </si>
  <si>
    <t>StatCan-58230</t>
  </si>
  <si>
    <t>Passenger Origin and Destination</t>
  </si>
  <si>
    <t>StatCan-58234</t>
  </si>
  <si>
    <t>Railway Report</t>
  </si>
  <si>
    <t>RAILRep</t>
  </si>
  <si>
    <t>StatCan-58235</t>
  </si>
  <si>
    <t>Trucking Commodity Origin Destination v2</t>
  </si>
  <si>
    <t>TCOD v2</t>
  </si>
  <si>
    <t>StatCan-58249</t>
  </si>
  <si>
    <t>ISD - T1FF Products</t>
  </si>
  <si>
    <t>StatCan-58266</t>
  </si>
  <si>
    <t>HR - Assignment Management System v1.0 (AMS)</t>
  </si>
  <si>
    <t>StatCan-58273</t>
  </si>
  <si>
    <t>Floware Server (administrator) V9</t>
  </si>
  <si>
    <t>Bantec/Floware</t>
  </si>
  <si>
    <t>StatCan-58300</t>
  </si>
  <si>
    <t>GST System</t>
  </si>
  <si>
    <t>GSTS</t>
  </si>
  <si>
    <t>StatCan-58309</t>
  </si>
  <si>
    <t>T2 Processing System</t>
  </si>
  <si>
    <t>T2PS</t>
  </si>
  <si>
    <t>StatCan-58312</t>
  </si>
  <si>
    <t>Data Access and Control System v1.0 (DACS)</t>
  </si>
  <si>
    <t>StatCan-58313</t>
  </si>
  <si>
    <t>GST New Housing Rebates (NHR - old HRB) v2.0</t>
  </si>
  <si>
    <t>NHR</t>
  </si>
  <si>
    <t>StatCan-58315</t>
  </si>
  <si>
    <t>T1 Processing system v2.0</t>
  </si>
  <si>
    <t>T1PS</t>
  </si>
  <si>
    <t>StatCan-58359</t>
  </si>
  <si>
    <t>IAD - Industry Measure Analysis Processing System (IMAPS)</t>
  </si>
  <si>
    <t>IMAPS</t>
  </si>
  <si>
    <t>StatCan-58361</t>
  </si>
  <si>
    <t>LSD - LFS IDS (UNIX)</t>
  </si>
  <si>
    <t>StatCan-58409</t>
  </si>
  <si>
    <t>NEAD - Table Management Facility (TMF) v1.0</t>
  </si>
  <si>
    <t>TMF</t>
  </si>
  <si>
    <t>StatCan-58417</t>
  </si>
  <si>
    <t>Census Management Information System (MIS)</t>
  </si>
  <si>
    <t>StatCan-58418</t>
  </si>
  <si>
    <t>ISD - Trusteed Pension Funds (TPF) Processing System (Census) v1.0</t>
  </si>
  <si>
    <t>TPF_C_PS</t>
  </si>
  <si>
    <t>StatCan-58419</t>
  </si>
  <si>
    <t>ISD - SIPS Survey Income Processing System v1.0</t>
  </si>
  <si>
    <t>SIPS</t>
  </si>
  <si>
    <t>StatCan-58426</t>
  </si>
  <si>
    <t>ISD - Pension Plans In Canada (PPIC) Tabulation System v1.0</t>
  </si>
  <si>
    <t>StatCan-58435</t>
  </si>
  <si>
    <t>ISD - PPIC Employer Sponsored Pension (ESP) System</t>
  </si>
  <si>
    <t>StatCan-58451</t>
  </si>
  <si>
    <t>BOP - Auxiliary Mailing and Frame System (BAMF)</t>
  </si>
  <si>
    <t>BAMF</t>
  </si>
  <si>
    <t>StatCan-58455</t>
  </si>
  <si>
    <t>BOP - Survey and micro-data system (BP2000)</t>
  </si>
  <si>
    <t>BP2000</t>
  </si>
  <si>
    <t>StatCan-58486</t>
  </si>
  <si>
    <t>BOP - Capital Accounts Merchandise Imports and Exports tool (CAMIE)</t>
  </si>
  <si>
    <t>CAMIE</t>
  </si>
  <si>
    <t>StatCan-58488</t>
  </si>
  <si>
    <t>BOP - Dynamic Reporting Tool (DRT)</t>
  </si>
  <si>
    <t>DRT</t>
  </si>
  <si>
    <t>StatCan-58502</t>
  </si>
  <si>
    <t>BOP - Production Management Tool (PMT)</t>
  </si>
  <si>
    <t>PMT</t>
  </si>
  <si>
    <t>StatCan-58504</t>
  </si>
  <si>
    <t>BOP - Survey of Canadian Portfolio Investments (SCPI)</t>
  </si>
  <si>
    <t>SCPI</t>
  </si>
  <si>
    <t>StatCan-58505</t>
  </si>
  <si>
    <t>BOP - Trade in Services Integrated System (SISII)</t>
  </si>
  <si>
    <t>SISII</t>
  </si>
  <si>
    <t>StatCan-58512</t>
  </si>
  <si>
    <t>ISD - Market Basket Measure (MBM) System v1.0</t>
  </si>
  <si>
    <t>StatCan-58550</t>
  </si>
  <si>
    <t>Classification Loader v1</t>
  </si>
  <si>
    <t>IMDBCL</t>
  </si>
  <si>
    <t>StatCan-58551</t>
  </si>
  <si>
    <t>Value Domain Loader v1</t>
  </si>
  <si>
    <t>IMDBVDL</t>
  </si>
  <si>
    <t>StatCan-58596</t>
  </si>
  <si>
    <t>ISB - IBSP SM Analysis Programs</t>
  </si>
  <si>
    <t>IBSP-SMAP</t>
  </si>
  <si>
    <t>StatCan-58600</t>
  </si>
  <si>
    <t>EETSD - Data Capture Application v1.0</t>
  </si>
  <si>
    <t>DCA</t>
  </si>
  <si>
    <t>StatCan-58632</t>
  </si>
  <si>
    <t>Business Register System (BRS)</t>
  </si>
  <si>
    <t>BRS</t>
  </si>
  <si>
    <t>StatCan-58637</t>
  </si>
  <si>
    <t>MWTD - StEPS v1</t>
  </si>
  <si>
    <t>StEPS</t>
  </si>
  <si>
    <t>StatCan-58714</t>
  </si>
  <si>
    <t>Informatics Accounts Portal</t>
  </si>
  <si>
    <t>IAP</t>
  </si>
  <si>
    <t>A web-based application that allows employees to modify network services for their accounts as well as requesting new network accounts and services for new employees.</t>
  </si>
  <si>
    <t>StatCan-58715</t>
  </si>
  <si>
    <t>Network Use Policy Agreement</t>
  </si>
  <si>
    <t>NUPA</t>
  </si>
  <si>
    <t>StatCan-58716</t>
  </si>
  <si>
    <t>Informatics Branch IT Alerts</t>
  </si>
  <si>
    <t>IB-Web Alerts</t>
  </si>
  <si>
    <t>Allows ITSD staff to post generic and custom alerts on the IB site. IT Alerts are viewable to all statscan through the IB website. NetA for creating and posting alerts. Display only on NetB (access database).</t>
  </si>
  <si>
    <t>StatCan-58719</t>
  </si>
  <si>
    <t>Informatics Branch Preventive Maintenance</t>
  </si>
  <si>
    <t>IB-Preventive Maintenance</t>
  </si>
  <si>
    <t>A web-based application that allows employees in ITSD to request and subsequently post an upcoming preventative maintenance bulletin.</t>
  </si>
  <si>
    <t>StatCan-58724</t>
  </si>
  <si>
    <t>Informatics Branch Change Internet Password Tool</t>
  </si>
  <si>
    <t>IB-Password Tool</t>
  </si>
  <si>
    <t>A web-based application that allows employees to change the password that they use to access the Internet.</t>
  </si>
  <si>
    <t>StatCan-58780</t>
  </si>
  <si>
    <t>Industry and Occupation Coding System V1.7</t>
  </si>
  <si>
    <t>IOCS</t>
  </si>
  <si>
    <t>StatCan-58790</t>
  </si>
  <si>
    <t>CodeWright v7.5</t>
  </si>
  <si>
    <t>StatCan-58802</t>
  </si>
  <si>
    <t>International Travel Survey: Frontier Counts V1.9.4 (Batch Registration)</t>
  </si>
  <si>
    <t>ITSFC</t>
  </si>
  <si>
    <t>StatCan-58817</t>
  </si>
  <si>
    <t>Questionniare Login and Tracking System (QLTS) V3.4</t>
  </si>
  <si>
    <t>QLTS</t>
  </si>
  <si>
    <t>StatCan-58834</t>
  </si>
  <si>
    <t>Generic Tracking Service (GTS)</t>
  </si>
  <si>
    <t>GTS</t>
  </si>
  <si>
    <t>StatCan-58846</t>
  </si>
  <si>
    <t>ITS E311 Batch Registration-BITS v1</t>
  </si>
  <si>
    <t>StatCan-58855</t>
  </si>
  <si>
    <t>Building &amp; Demolition Permits System v8.16</t>
  </si>
  <si>
    <t>StatCan-58938</t>
  </si>
  <si>
    <t>NEAD - Capacity Utilization Rates System v5.0</t>
  </si>
  <si>
    <t>CURS</t>
  </si>
  <si>
    <t>StatCan-58947</t>
  </si>
  <si>
    <t>Property Value Assessment Processing System v1</t>
  </si>
  <si>
    <t>PVAL</t>
  </si>
  <si>
    <t>StatCan-58965</t>
  </si>
  <si>
    <t>TCESD - Federal Government Expenditures in Support of Education (FEDEX v1.0)</t>
  </si>
  <si>
    <t>FEDEX</t>
  </si>
  <si>
    <t>StatCan-58982</t>
  </si>
  <si>
    <t>TCESD - Classification of Instructional Programs Website (CIP Website) v2.0</t>
  </si>
  <si>
    <t>CIP - Website</t>
  </si>
  <si>
    <t>StatCan-58984</t>
  </si>
  <si>
    <t>TCESD - Postsecondary Student Information System - Classification of Instruction</t>
  </si>
  <si>
    <t>PSIS - CIP Link</t>
  </si>
  <si>
    <t>StatCan-58985</t>
  </si>
  <si>
    <t>TCESD - Postsecondary Student Information System - Data Loader (PSIS Data Loader</t>
  </si>
  <si>
    <t>PSIS - Data Loader</t>
  </si>
  <si>
    <t>StatCan-58986</t>
  </si>
  <si>
    <t>TCESD - Postsecondary Student Information System - Derived Variable Calculator (</t>
  </si>
  <si>
    <t>PSIS - DVC v3.3</t>
  </si>
  <si>
    <t>StatCan-59042</t>
  </si>
  <si>
    <t>TCESD - Postsecondary Student Information System - Respondent Data Repository Cr</t>
  </si>
  <si>
    <t>PSIS - RDRC v1.0</t>
  </si>
  <si>
    <t>StatCan-59064</t>
  </si>
  <si>
    <t>TCESD - Postsecondary Student Information System - Edit &amp; Imputation (PSIS E</t>
  </si>
  <si>
    <t>PSIS E&amp;I v1.3</t>
  </si>
  <si>
    <t>StatCan-59071</t>
  </si>
  <si>
    <t>TCESD - Postsecondary Student Information System - Codeset Manager (PSIS Codeset</t>
  </si>
  <si>
    <t>PSIS - Codeset Mgr v1.0</t>
  </si>
  <si>
    <t>StatCan-59072</t>
  </si>
  <si>
    <t>TCESD - Postsecondary Student Information System - Flat File Exporter (PSIS Flat</t>
  </si>
  <si>
    <t>PSIS - Flat File Exporter</t>
  </si>
  <si>
    <t>StatCan-59079</t>
  </si>
  <si>
    <t>TCESD - Postsecondary Student Information System - Report System (PSIS Reports v</t>
  </si>
  <si>
    <t>PSIS - Reports System</t>
  </si>
  <si>
    <t>StatCan-59080</t>
  </si>
  <si>
    <t>TCESD - Postsecondary Student Information System - Flat File Frequencies (PSIS F</t>
  </si>
  <si>
    <t>PSIS - Flat File Freq.</t>
  </si>
  <si>
    <t>StatCan-59081</t>
  </si>
  <si>
    <t>TCESD - Postsecondary Student Information System - Response Frequencies (PSIS Re</t>
  </si>
  <si>
    <t>PSIS - Response Freq.</t>
  </si>
  <si>
    <t>StatCan-59082</t>
  </si>
  <si>
    <t>TCESD - Postsecondary Student Information System - Imputation System (PSIS Imput</t>
  </si>
  <si>
    <t>PSIS - Imputation System</t>
  </si>
  <si>
    <t>StatCan-59083</t>
  </si>
  <si>
    <t>TCESD - Postsecondary Student Information System - Quebec Data Preprocessing Sys</t>
  </si>
  <si>
    <t>PSIS - QPS v1.0</t>
  </si>
  <si>
    <t>StatCan-59098</t>
  </si>
  <si>
    <t>TCESD - Registered Apprenticeship Information System (RAIS v1.2)</t>
  </si>
  <si>
    <t>RAIS v1.2</t>
  </si>
  <si>
    <t>StatCan-59135</t>
  </si>
  <si>
    <t>TCESD - International Travel Survey Frontier Counts System (ITS FC v2.0)</t>
  </si>
  <si>
    <t>ITS FC</t>
  </si>
  <si>
    <t>StatCan-59206</t>
  </si>
  <si>
    <t>TCESD - Youth In Transition System Extract (YITS Extract v2.1)</t>
  </si>
  <si>
    <t>YITS - Extract v2.1</t>
  </si>
  <si>
    <t>StatCan-59234</t>
  </si>
  <si>
    <t>CPI - Spatial</t>
  </si>
  <si>
    <t>CPI_Spatial</t>
  </si>
  <si>
    <t>StatCan-59242</t>
  </si>
  <si>
    <t>GOVALL - Canadian Isolated Posts (LCD)</t>
  </si>
  <si>
    <t>LCD</t>
  </si>
  <si>
    <t>StatCan-59243</t>
  </si>
  <si>
    <t>CPI - Mortgage Interest Cost</t>
  </si>
  <si>
    <t>MICI</t>
  </si>
  <si>
    <t>StatCan-59252</t>
  </si>
  <si>
    <t>CPD - Prices Processing (Phoenix)</t>
  </si>
  <si>
    <t>PHOENIX</t>
  </si>
  <si>
    <t>StatCan-59254</t>
  </si>
  <si>
    <t>CPI - Property Tax</t>
  </si>
  <si>
    <t>PTAX</t>
  </si>
  <si>
    <t>StatCan-59256</t>
  </si>
  <si>
    <t>CPI - Rent</t>
  </si>
  <si>
    <t>RENT</t>
  </si>
  <si>
    <t>StatCan-59257</t>
  </si>
  <si>
    <t>GOVALL - Foreign Posts (SEA)</t>
  </si>
  <si>
    <t>SEA</t>
  </si>
  <si>
    <t>StatCan-59290</t>
  </si>
  <si>
    <t>Apache subversion</t>
  </si>
  <si>
    <t>StatCan-59307</t>
  </si>
  <si>
    <t>Census 2006 website</t>
  </si>
  <si>
    <t>Census2006</t>
  </si>
  <si>
    <t>Web site used to disseminate all 2006 Census releases.</t>
  </si>
  <si>
    <t>StatCan-59337</t>
  </si>
  <si>
    <t>CCJS - Unified Crime Reporting System (UCR2.3)</t>
  </si>
  <si>
    <t>UCR2.3</t>
  </si>
  <si>
    <t>StatCan-59352</t>
  </si>
  <si>
    <t>CCJS - Homicide Survey</t>
  </si>
  <si>
    <t>CCJS-HOMICIDE</t>
  </si>
  <si>
    <t>StatCan-59365</t>
  </si>
  <si>
    <t>SAS Estimation System v1</t>
  </si>
  <si>
    <t>SAS Estimation</t>
  </si>
  <si>
    <t>StatCan-59371</t>
  </si>
  <si>
    <t>CCJS - Police Administration Survey (PAS)</t>
  </si>
  <si>
    <t>StatCan-59406</t>
  </si>
  <si>
    <t>CCJS - Integrated Correctional Services Survey (ICSS)</t>
  </si>
  <si>
    <t>ICSS</t>
  </si>
  <si>
    <t>StatCan-59486</t>
  </si>
  <si>
    <t>IOFD - AFTS Processing System v4</t>
  </si>
  <si>
    <t>IOFD-AFTS_PS</t>
  </si>
  <si>
    <t>StatCan-59489</t>
  </si>
  <si>
    <t>IOFD - AFTS Task Manager v4</t>
  </si>
  <si>
    <t>IOFD-AFTS_TM</t>
  </si>
  <si>
    <t>StatCan-59490</t>
  </si>
  <si>
    <t>IOFD - AFTS Task Scheduler v4</t>
  </si>
  <si>
    <t>AFTS_TS</t>
  </si>
  <si>
    <t>StatCan-59493</t>
  </si>
  <si>
    <t>IOFD - CRA Processing System v4</t>
  </si>
  <si>
    <t>CRA_DC</t>
  </si>
  <si>
    <t>StatCan-59501</t>
  </si>
  <si>
    <t>IOFD - Fiscal Arrangements Processing System v4</t>
  </si>
  <si>
    <t>FA_PS</t>
  </si>
  <si>
    <t>StatCan-59502</t>
  </si>
  <si>
    <t>IOFD - Financial Data Capture and Analysis System v4</t>
  </si>
  <si>
    <t>FDAC</t>
  </si>
  <si>
    <t>StatCan-59503</t>
  </si>
  <si>
    <t>IOFD - Frame Improvement Team Action Request Tool v4</t>
  </si>
  <si>
    <t>FITART</t>
  </si>
  <si>
    <t>StatCan-59517</t>
  </si>
  <si>
    <t>IOFD - QSFS Processing System v4</t>
  </si>
  <si>
    <t>QFS_PR</t>
  </si>
  <si>
    <t>StatCan-59524</t>
  </si>
  <si>
    <t>IATD - Export Operational v2.01</t>
  </si>
  <si>
    <t>ITD-EXP OP</t>
  </si>
  <si>
    <t>StatCan-59528</t>
  </si>
  <si>
    <t>IATD - Export Collection v1.08</t>
  </si>
  <si>
    <t>ITD-XCollection</t>
  </si>
  <si>
    <t>StatCan-59531</t>
  </si>
  <si>
    <t>IATD - Import Operational v3.2</t>
  </si>
  <si>
    <t>ITD-IMP OP</t>
  </si>
  <si>
    <t>StatCan-59535</t>
  </si>
  <si>
    <t>IATD - Trade Importer / Exporter Registers</t>
  </si>
  <si>
    <t>ITD-REG OP</t>
  </si>
  <si>
    <t>StatCan-59539</t>
  </si>
  <si>
    <t>IATD - Dissemination v1</t>
  </si>
  <si>
    <t>ITD-DISS</t>
  </si>
  <si>
    <t>StatCan-59540</t>
  </si>
  <si>
    <t>IATD - Administrative Entities v2.3</t>
  </si>
  <si>
    <t>ITD-AE</t>
  </si>
  <si>
    <t>StatCan-59541</t>
  </si>
  <si>
    <t>IATD - Job Submission Facility v1.1</t>
  </si>
  <si>
    <t>ITD-IJS</t>
  </si>
  <si>
    <t>StatCan-59564</t>
  </si>
  <si>
    <t>Data Integration and Production Planning</t>
  </si>
  <si>
    <t>DIPP</t>
  </si>
  <si>
    <t>StatCan-59577</t>
  </si>
  <si>
    <t>ICN-RCI Internal Communications Network</t>
  </si>
  <si>
    <t>ICN</t>
  </si>
  <si>
    <t>StatCan-59585</t>
  </si>
  <si>
    <t>LSD - LFS Queue Manager (Qmanager)</t>
  </si>
  <si>
    <t>Qmanager</t>
  </si>
  <si>
    <t>StatCan-59592</t>
  </si>
  <si>
    <t>LSD - LFS CODCO</t>
  </si>
  <si>
    <t>CODCO</t>
  </si>
  <si>
    <t>StatCan-59611</t>
  </si>
  <si>
    <t>Smart Daily v1.0.0.85</t>
  </si>
  <si>
    <t>SmartDaily</t>
  </si>
  <si>
    <t>StatCan-59622</t>
  </si>
  <si>
    <t>PeopleSoft Client Relation Management System (CRMS) v9.1</t>
  </si>
  <si>
    <t>StatCan-59666</t>
  </si>
  <si>
    <t>Online catalogue of product and services</t>
  </si>
  <si>
    <t>Web base application used by external clients that allows them to view the list of STC publications.</t>
  </si>
  <si>
    <t>StatCan-59668</t>
  </si>
  <si>
    <t>Canadian International Merchandise Trade</t>
  </si>
  <si>
    <t>CIMT</t>
  </si>
  <si>
    <t>Online database of detailed trade data at the 8- and 10-digit commodity level (Harmonized System). Results in value (dollars) are provided monthly for customized examination of trade trends with a particular foreign market or for a specific commodity.</t>
  </si>
  <si>
    <t>StatCan-59801</t>
  </si>
  <si>
    <t>HLM 6.0</t>
  </si>
  <si>
    <t>StatCan-59852</t>
  </si>
  <si>
    <t>ESHELF2006 v.2.2.0</t>
  </si>
  <si>
    <t>EHSELF</t>
  </si>
  <si>
    <t>StatCan-59865</t>
  </si>
  <si>
    <t>CCJS - Consolidated Address System (CAS)</t>
  </si>
  <si>
    <t>StatCan-59899</t>
  </si>
  <si>
    <t>ISD - Income Statistics Tabulation (ISDTAB) System v1.0</t>
  </si>
  <si>
    <t>StatCan-59911</t>
  </si>
  <si>
    <t>Management Information System for PASS v2006</t>
  </si>
  <si>
    <t>MISP</t>
  </si>
  <si>
    <t>StatCan-60069</t>
  </si>
  <si>
    <t>FIN - Salary Information Management System v2.2 (SIMS)</t>
  </si>
  <si>
    <t>Statistics Canada's corporate application to manage and forecast employees' salaries</t>
  </si>
  <si>
    <t>StatCan-60135</t>
  </si>
  <si>
    <t>FIN - Reference Table Management System v2.2.1 (RTMS)</t>
  </si>
  <si>
    <t>RTMS</t>
  </si>
  <si>
    <t>Statistics Canada's corporate application to manage all reference tables used by the administrative systems.</t>
  </si>
  <si>
    <t>StatCan-60140</t>
  </si>
  <si>
    <t>FIN - Time Management Systems v2.3 (TMS)</t>
  </si>
  <si>
    <t>Statistics Canada's corporate application to manage employee's time entries, schedule, leave request and overtime management system</t>
  </si>
  <si>
    <t>StatCan-60221</t>
  </si>
  <si>
    <t>IDEA v9.2</t>
  </si>
  <si>
    <t>IDEA can display, read, analyse, manipulate, sample, or extract data from almost any source, including reports printed to a file.  It is a computer-based file interrogation tool for use by auditors, accountants, investigators, and IT staff. It analyzes data in many ways and allows extraction, sampling, and manipulation of data in order to identify errors, problems, specific issues, and trends.</t>
  </si>
  <si>
    <t>CaseWare</t>
  </si>
  <si>
    <t>StatCan-60223</t>
  </si>
  <si>
    <t>FIN - Survey Cost Estimate System v1.03296 (SCES)</t>
  </si>
  <si>
    <t>SCES</t>
  </si>
  <si>
    <t>System that provides Survey Operations costing templates.</t>
  </si>
  <si>
    <t>StatCan-60224</t>
  </si>
  <si>
    <t>FIN - Delegation of Financial Signing Authorities v2.5 (DFSA)</t>
  </si>
  <si>
    <t>DFSA</t>
  </si>
  <si>
    <t>Application used to ensure that appropriate financial and management controls are applied to the decision-making process in spending public money. It also allows for the management of DFSA charts</t>
  </si>
  <si>
    <t>StatCan-60228</t>
  </si>
  <si>
    <t>FIN - Forms Catalogue v7.0</t>
  </si>
  <si>
    <t>Statistics Canada Electronic Forms Catalogue.</t>
  </si>
  <si>
    <t>Access FSA, LLC - formatta</t>
  </si>
  <si>
    <t>StatCan-60234</t>
  </si>
  <si>
    <t>PSSD - Liquor Control Boards System</t>
  </si>
  <si>
    <t>LCBS</t>
  </si>
  <si>
    <t>StatCan-60238</t>
  </si>
  <si>
    <t>PSSD - Census of Municipalities</t>
  </si>
  <si>
    <t>CoM</t>
  </si>
  <si>
    <t>StatCan-60242</t>
  </si>
  <si>
    <t>PSSD - PILODET</t>
  </si>
  <si>
    <t>PILODET</t>
  </si>
  <si>
    <t>StatCan-60243</t>
  </si>
  <si>
    <t>PSSD - Quarterly Survey of Local Government</t>
  </si>
  <si>
    <t>QSLOC</t>
  </si>
  <si>
    <t>StatCan-60337</t>
  </si>
  <si>
    <t>HSD - Canadian Community Health Survey (CCHS) Processing System</t>
  </si>
  <si>
    <t>CCHS - Processing</t>
  </si>
  <si>
    <t>StatCan-60344</t>
  </si>
  <si>
    <t>CCJS - Youth Custody and Community Services (YCCS) Survey</t>
  </si>
  <si>
    <t>YCCS</t>
  </si>
  <si>
    <t>StatCan-60480</t>
  </si>
  <si>
    <t>Sequencing 2011</t>
  </si>
  <si>
    <t>StatCan-60494</t>
  </si>
  <si>
    <t>Start Point Generation 2011</t>
  </si>
  <si>
    <t>StatCan-60495</t>
  </si>
  <si>
    <t>Attribute Update System (AUS)</t>
  </si>
  <si>
    <t>AUS</t>
  </si>
  <si>
    <t>StatCan-60498</t>
  </si>
  <si>
    <t>Custom Area Creation System (CACS)</t>
  </si>
  <si>
    <t>Esri ArcObjects SDK 10.3.x, for the Microsoft .NET Framework 3.5 Service Pack 1</t>
  </si>
  <si>
    <t>StatCan-60500</t>
  </si>
  <si>
    <t>ESRI ArcObjects</t>
  </si>
  <si>
    <t>StatCan-60501</t>
  </si>
  <si>
    <t>Postal Code Update System (PCUS)</t>
  </si>
  <si>
    <t>PCUS</t>
  </si>
  <si>
    <t>StatCan-60502</t>
  </si>
  <si>
    <t>Address Register Mapper v1</t>
  </si>
  <si>
    <t>StatCan-60543</t>
  </si>
  <si>
    <t>PCI Geomatica v10.x</t>
  </si>
  <si>
    <t>StatCan-60665</t>
  </si>
  <si>
    <t>Generalized Mapping System (GMS)</t>
  </si>
  <si>
    <t>StatCan-60738</t>
  </si>
  <si>
    <t>Laurence 3.7.4</t>
  </si>
  <si>
    <t>StatCan-60802</t>
  </si>
  <si>
    <t>HSD - Canadian Cancer Registry (CCR) System</t>
  </si>
  <si>
    <t>StatCan-60804</t>
  </si>
  <si>
    <t>HSD - Canadian Coroner and Medical Examiner Database (CCMED) Data Capture Tool</t>
  </si>
  <si>
    <t>CCMED - DCT</t>
  </si>
  <si>
    <t>StatCan-60805</t>
  </si>
  <si>
    <t>HSD - Canadian Coroner and Medical Examiner Database (CCMED) System</t>
  </si>
  <si>
    <t>CCMED - Processing</t>
  </si>
  <si>
    <t>StatCan-60810</t>
  </si>
  <si>
    <t>HSD - Derived Variable Documentation (DV Doc) Tool</t>
  </si>
  <si>
    <t>HSD-DvDoc</t>
  </si>
  <si>
    <t>StatCan-60815</t>
  </si>
  <si>
    <t>HSD - Health Surveys Coding Databases System</t>
  </si>
  <si>
    <t>HSD-CodingDB</t>
  </si>
  <si>
    <t>StatCan-60821</t>
  </si>
  <si>
    <t>HSD - National Routing System (NRS) STC Data Export Component v1.0</t>
  </si>
  <si>
    <t>NRS Export</t>
  </si>
  <si>
    <t>StatCan-60825</t>
  </si>
  <si>
    <t>HSD - Vital Statistics Validation Reports Application</t>
  </si>
  <si>
    <t>VS - Reports</t>
  </si>
  <si>
    <t>StatCan-60826</t>
  </si>
  <si>
    <t>CALURA v1.0</t>
  </si>
  <si>
    <t>CALURA</t>
  </si>
  <si>
    <t>StatCan-60827</t>
  </si>
  <si>
    <t>Statistics Canada Online Store v7.07 (AbleCommerce)</t>
  </si>
  <si>
    <t>Store</t>
  </si>
  <si>
    <t>AbleCommerce</t>
  </si>
  <si>
    <t>StatCan-60829</t>
  </si>
  <si>
    <t>DMC - File Classification Interface v1.0</t>
  </si>
  <si>
    <t>DMC</t>
  </si>
  <si>
    <t>StatCan-60831</t>
  </si>
  <si>
    <t>DMC - Quality Assurance application v1.0</t>
  </si>
  <si>
    <t>CMCQA</t>
  </si>
  <si>
    <t>StatCan-60833</t>
  </si>
  <si>
    <t>Personal Work Information v1.0</t>
  </si>
  <si>
    <t>PWI</t>
  </si>
  <si>
    <t>StatCan-60838</t>
  </si>
  <si>
    <t>Records Information Management Processing System v1.0</t>
  </si>
  <si>
    <t>RIMPS</t>
  </si>
  <si>
    <t>StatCan-60959</t>
  </si>
  <si>
    <t>HR - Master Process System v1.0 (MPS)</t>
  </si>
  <si>
    <t>StatCan-60965</t>
  </si>
  <si>
    <t>MEA - System of National Accounts Data Warehouse</t>
  </si>
  <si>
    <t>SNADW</t>
  </si>
  <si>
    <t>StatCan-60971</t>
  </si>
  <si>
    <t>IAD - Industries and Commodities (INDCOM)</t>
  </si>
  <si>
    <t>INDCOM</t>
  </si>
  <si>
    <t>StatCan-60972</t>
  </si>
  <si>
    <t>IAD - Confidential data for Provinces</t>
  </si>
  <si>
    <t>Dissemination</t>
  </si>
  <si>
    <t>StatCan-60984</t>
  </si>
  <si>
    <t>IAD - Public Sector - Taxes</t>
  </si>
  <si>
    <t>Taxes</t>
  </si>
  <si>
    <t>StatCan-60988</t>
  </si>
  <si>
    <t>IAD - Deflation</t>
  </si>
  <si>
    <t>Deflation</t>
  </si>
  <si>
    <t>StatCan-61017</t>
  </si>
  <si>
    <t>Synthetic Tables</t>
  </si>
  <si>
    <t>StatCan-61018</t>
  </si>
  <si>
    <t>IAD - SAS Confidentiality Files</t>
  </si>
  <si>
    <t>Confid</t>
  </si>
  <si>
    <t>StatCan-61019</t>
  </si>
  <si>
    <t>IAD - Input/Output Models</t>
  </si>
  <si>
    <t>I/O Models</t>
  </si>
  <si>
    <t>StatCan-61232</t>
  </si>
  <si>
    <t>Agriculture - Estimex</t>
  </si>
  <si>
    <t>ESTIMEX</t>
  </si>
  <si>
    <t>StatCan-61301</t>
  </si>
  <si>
    <t>The Industry Multifactor Productivity Program</t>
  </si>
  <si>
    <t>KLEMS</t>
  </si>
  <si>
    <t>StatCan-61319</t>
  </si>
  <si>
    <t>CPI - Autombile Insurance</t>
  </si>
  <si>
    <t>AutoInsurance</t>
  </si>
  <si>
    <t>StatCan-61322</t>
  </si>
  <si>
    <t>CPI - Home Owner Insurance</t>
  </si>
  <si>
    <t>HomeOwnerInsurance</t>
  </si>
  <si>
    <t>StatCan-61648</t>
  </si>
  <si>
    <t>SAS/AF v9.2</t>
  </si>
  <si>
    <t>SAS/AF</t>
  </si>
  <si>
    <t>StatCan-61674</t>
  </si>
  <si>
    <t>SAS Information Map Studio v4.2</t>
  </si>
  <si>
    <t>SAS Info Map Studio v4.2</t>
  </si>
  <si>
    <t>StatCan-61700</t>
  </si>
  <si>
    <t>SAS/CONNECT v9.2</t>
  </si>
  <si>
    <t>StatCan-61714</t>
  </si>
  <si>
    <t>SAS Foundation v9.2</t>
  </si>
  <si>
    <t>StatCan-61878</t>
  </si>
  <si>
    <t>.Net MAPI V2.0 by SoftGroup</t>
  </si>
  <si>
    <t>StatCan-61931</t>
  </si>
  <si>
    <t>DocLink's Interactive Verification Application (DIVA)</t>
  </si>
  <si>
    <t>DIVA</t>
  </si>
  <si>
    <t>StatCan-62067</t>
  </si>
  <si>
    <t>CCJS - Civil Court Survey (CCS)</t>
  </si>
  <si>
    <t>CCJS-CCS</t>
  </si>
  <si>
    <t>StatCan-62625</t>
  </si>
  <si>
    <t>IATD - Trade Measures</t>
  </si>
  <si>
    <t>ITD-TM OP</t>
  </si>
  <si>
    <t>StatCan-62692</t>
  </si>
  <si>
    <t>Quest Toad for Oracle Xpert Edition v11.x</t>
  </si>
  <si>
    <t>StatCan-62696</t>
  </si>
  <si>
    <t>Quest Toad Development Suite for Oracle v10.6.1</t>
  </si>
  <si>
    <t>StatCan-62697</t>
  </si>
  <si>
    <t>Quest Toad for Oracle DB Admin Module Add-On</t>
  </si>
  <si>
    <t>StatCan-64186</t>
  </si>
  <si>
    <t>HR - Klick</t>
  </si>
  <si>
    <t>Klick</t>
  </si>
  <si>
    <t>StatCan-64359</t>
  </si>
  <si>
    <t>CPI - Commodities in Excel</t>
  </si>
  <si>
    <t>CPI Excel</t>
  </si>
  <si>
    <t>StatCan-65371</t>
  </si>
  <si>
    <t>Service Request Management (SRM) System v3</t>
  </si>
  <si>
    <t>SRM - Portal</t>
  </si>
  <si>
    <t>Frontrange HEAT (backend)</t>
  </si>
  <si>
    <t>StatCan-66691</t>
  </si>
  <si>
    <t>IOFD - QFS EDR Application v4</t>
  </si>
  <si>
    <t>QFS_EDR</t>
  </si>
  <si>
    <t>StatCan-66695</t>
  </si>
  <si>
    <t>IOFD - EDIT Management System v4</t>
  </si>
  <si>
    <t>EDIT_MGT</t>
  </si>
  <si>
    <t>StatCan-73505</t>
  </si>
  <si>
    <t>Oracle MySql Admin Utility v1.2</t>
  </si>
  <si>
    <t>Mysql Admin</t>
  </si>
  <si>
    <t>StatCan-74095</t>
  </si>
  <si>
    <t>StatCan-74540</t>
  </si>
  <si>
    <t>Ishelf Replication Scripts v1.0</t>
  </si>
  <si>
    <t>IShelf Replication</t>
  </si>
  <si>
    <t>StatCan-74550</t>
  </si>
  <si>
    <t>Post-CAPSS processing sub-system v1.0</t>
  </si>
  <si>
    <t>Post-CAPSS</t>
  </si>
  <si>
    <t>StatCan-80723</t>
  </si>
  <si>
    <t>Common Object Registry</t>
  </si>
  <si>
    <t>StatCan-80780</t>
  </si>
  <si>
    <t>TOSS Annual v2009</t>
  </si>
  <si>
    <t>TOSS Annual</t>
  </si>
  <si>
    <t>StatCan-81220</t>
  </si>
  <si>
    <t>HAD - Postal Code Conversion File Plus (PCCF+)</t>
  </si>
  <si>
    <t>PCCF+</t>
  </si>
  <si>
    <t>The Postal CodeOM Conversion File Plus (PCCF+) is a SAS© control program and set of associated datasets derived from the Postal CodeOM Conversion File (PCCF), a postal code population weight file, the Geographic Attribute File, Health Region boundary files, and other supplementary data. PCCF+ automatically assigns a range of Statistics Canada standard geographic areas and other geographic identifiers based on postal codes. PCCF+ differs from the PCCF in that it uses population-weighted random allocation for many postal codes that link to more than one geographic area. Options are available for institutional postal codes and for postal codes in British Columbia moved by Canada Post Corporation. Procedures are included to link partial postal codes to geo</t>
  </si>
  <si>
    <t>StatCan-81253</t>
  </si>
  <si>
    <t>HSD - Canadian Health Measures Survey (CHMS) Barcode Printer Application</t>
  </si>
  <si>
    <t>CHMS-Barcode</t>
  </si>
  <si>
    <t>StatCan-81256</t>
  </si>
  <si>
    <t>HSD - Canadian Health Measures Survey (CHMS) Hematology Data Retrieval Applicati</t>
  </si>
  <si>
    <t>CHMS-Coulter</t>
  </si>
  <si>
    <t>StatCan-81257</t>
  </si>
  <si>
    <t>HSD - Canadian Health Measures Survey (CHMS) HealthListener Application</t>
  </si>
  <si>
    <t>CHMS-HealthListener</t>
  </si>
  <si>
    <t>StatCan-81259</t>
  </si>
  <si>
    <t>HSD - Canadian Health Measures Survey (CHMS) Tracking System</t>
  </si>
  <si>
    <t>CHMS - Tracking</t>
  </si>
  <si>
    <t>StatCan-84151</t>
  </si>
  <si>
    <t>HR - Staffing Activity Management System v2.0 (SAMS)</t>
  </si>
  <si>
    <t>StatCan-87092</t>
  </si>
  <si>
    <t>GeoSearch v2006</t>
  </si>
  <si>
    <t>Web Mapping application - Geographic Search tool for dissemination of 2006 Census</t>
  </si>
  <si>
    <t>StatCan-87116</t>
  </si>
  <si>
    <t>CANCEIS V 2011</t>
  </si>
  <si>
    <t>CANCEIS</t>
  </si>
  <si>
    <t>StatCan-89083</t>
  </si>
  <si>
    <t>ISB - Industry Statistics Branch Monthly Surveys Systems (ISBMSS)</t>
  </si>
  <si>
    <t>ISBMSS</t>
  </si>
  <si>
    <t>StatCan-95611</t>
  </si>
  <si>
    <t>PRICES - Generic Processing System</t>
  </si>
  <si>
    <t>PPD-GPS</t>
  </si>
  <si>
    <t>StatCan-95824</t>
  </si>
  <si>
    <t>IBSP - Integrated Business Statistics Program Processing System</t>
  </si>
  <si>
    <t>IBSPPS</t>
  </si>
  <si>
    <t>StatCan-96996</t>
  </si>
  <si>
    <t>Apache Maven v3</t>
  </si>
  <si>
    <t>Apache Maven</t>
  </si>
  <si>
    <t>StatCan-97125</t>
  </si>
  <si>
    <t>Redgate SQL Toolbelt</t>
  </si>
  <si>
    <t>StatCan-97126</t>
  </si>
  <si>
    <t>SAS Information Map Studio v4.3</t>
  </si>
  <si>
    <t>SAS Info Map Studio v4.3</t>
  </si>
  <si>
    <t>StatCan-97127</t>
  </si>
  <si>
    <t>SAS Enterprise Guide v4.3</t>
  </si>
  <si>
    <t>StatCan-97128</t>
  </si>
  <si>
    <t>SAS Data Integration Studio v4.3</t>
  </si>
  <si>
    <t>SAS DI Studio v4.3</t>
  </si>
  <si>
    <t>StatCan-98285</t>
  </si>
  <si>
    <t>Oracle Enterprise Manager (OEM) v11gR2</t>
  </si>
  <si>
    <t>StatCan-9900001</t>
  </si>
  <si>
    <t>Pulsar</t>
  </si>
  <si>
    <t>StatCan-9900002</t>
  </si>
  <si>
    <t>Geography Address Web services</t>
  </si>
  <si>
    <t>GeoAS</t>
  </si>
  <si>
    <t>StatCan-9900003</t>
  </si>
  <si>
    <t>Open Government Web services</t>
  </si>
  <si>
    <t>Open Government Web services used to create, update and delete record from the registry.</t>
  </si>
  <si>
    <t>StatCan-9900004</t>
  </si>
  <si>
    <t>G-Code Web Service</t>
  </si>
  <si>
    <t>GCodeWeb</t>
  </si>
  <si>
    <t>StatCan-9900005</t>
  </si>
  <si>
    <t>ICOS Web services</t>
  </si>
  <si>
    <t>ICOSWeb</t>
  </si>
  <si>
    <t>StatCan-9900006</t>
  </si>
  <si>
    <t>Security Hub</t>
  </si>
  <si>
    <t>Security-Hub</t>
  </si>
  <si>
    <t>This solution is a set of micro services helping system applications comply to a certain number of ITSG-33 controls</t>
  </si>
  <si>
    <t>Status of Women Canada</t>
  </si>
  <si>
    <t>APP-01891</t>
  </si>
  <si>
    <t>Privasoft AccessPro Case Management</t>
  </si>
  <si>
    <t>APP-01907</t>
  </si>
  <si>
    <t>Sophos Enterprise</t>
  </si>
  <si>
    <t>Sophos</t>
  </si>
  <si>
    <t>Sophos Enterprise Server</t>
  </si>
  <si>
    <t>APP-01893</t>
  </si>
  <si>
    <t>Backup Exec 2015</t>
  </si>
  <si>
    <t>Symantec Backup Exec</t>
  </si>
  <si>
    <t>APP-01895</t>
  </si>
  <si>
    <t>BlackBerry Enterprise Server 5</t>
  </si>
  <si>
    <t>APP-01897</t>
  </si>
  <si>
    <t>BlackBerry Enterprise Server 10</t>
  </si>
  <si>
    <t>APP-01923</t>
  </si>
  <si>
    <t>APP-01929</t>
  </si>
  <si>
    <t>CCM Workflow Service</t>
  </si>
  <si>
    <t>Provides workflow notifications to CCM users. Installed on a different server than CCM Mercury.</t>
  </si>
  <si>
    <t>APP-01899</t>
  </si>
  <si>
    <t>Primary Domain Controller</t>
  </si>
  <si>
    <t>Primary Domain Controller (all roles), DNS, DHCP, and Certificate Authority.</t>
  </si>
  <si>
    <t>SERVERS POOL</t>
  </si>
  <si>
    <t>APP-01937</t>
  </si>
  <si>
    <t>Backup Domain Controller</t>
  </si>
  <si>
    <t>Backup Domain Controller. Also running IAS (Internet Authentication Services) used for enterprise WiFi authentication.</t>
  </si>
  <si>
    <t>APP-01915</t>
  </si>
  <si>
    <t>eDocs DM (RDIMS)</t>
  </si>
  <si>
    <t>eDocs DM 5.3 (RDIMS)</t>
  </si>
  <si>
    <t>APP-01901</t>
  </si>
  <si>
    <t>XWALL</t>
  </si>
  <si>
    <t>DataEnter</t>
  </si>
  <si>
    <t>Anti-Spam and Anti-Virus email filter</t>
  </si>
  <si>
    <t>APP-01884</t>
  </si>
  <si>
    <t>Freebalance 6.5e</t>
  </si>
  <si>
    <t>APP-01939</t>
  </si>
  <si>
    <t>File and Print</t>
  </si>
  <si>
    <t>File and print server.</t>
  </si>
  <si>
    <t>APP-01925</t>
  </si>
  <si>
    <t>EUREKA</t>
  </si>
  <si>
    <t>Grants and Contributions Management System. SQL Server backup with MS Access front end.</t>
  </si>
  <si>
    <t>APP-01889</t>
  </si>
  <si>
    <t>HRIS 3.6</t>
  </si>
  <si>
    <t>APP-01921</t>
  </si>
  <si>
    <t>Paper Records Management System</t>
  </si>
  <si>
    <t>iRIMS 7</t>
  </si>
  <si>
    <t>APP-01903</t>
  </si>
  <si>
    <t>MS Lync 2010</t>
  </si>
  <si>
    <t>Microsofot</t>
  </si>
  <si>
    <t>Lync Server 2010</t>
  </si>
  <si>
    <t>APP-01905</t>
  </si>
  <si>
    <t>MS Exchange 2007</t>
  </si>
  <si>
    <t>Exchange Server Standard 2007</t>
  </si>
  <si>
    <t>APP-01913</t>
  </si>
  <si>
    <t>MSFT server used to securely send and receive files to/from PWGSC</t>
  </si>
  <si>
    <t>APP-01933</t>
  </si>
  <si>
    <t>Proactive Disclosure Reporting Tools</t>
  </si>
  <si>
    <t>Web based tools used for data entry and file generation for proactive disclosures of Contracts, G&amp;Cs, and Travel/Hosp. Expenses.</t>
  </si>
  <si>
    <t>APP-01943</t>
  </si>
  <si>
    <t>eDocs RM</t>
  </si>
  <si>
    <t>eDocs RM server used in conjunction with eDocs DM server.</t>
  </si>
  <si>
    <t>eDocs RM 5.3</t>
  </si>
  <si>
    <t>APP-01917</t>
  </si>
  <si>
    <t>McAfee Security Management Center</t>
  </si>
  <si>
    <t>Management console to manage corporate Stonesoft firewall (McAfee Next Generation Firewall)</t>
  </si>
  <si>
    <t>Firewall Enterprise</t>
  </si>
  <si>
    <t>APP-01919</t>
  </si>
  <si>
    <t>APP-01935</t>
  </si>
  <si>
    <t>Internal Survey Tool</t>
  </si>
  <si>
    <t>Web-based tool used to create and administer internal surveys.</t>
  </si>
  <si>
    <t>APP-01911</t>
  </si>
  <si>
    <t>Numara Track-It</t>
  </si>
  <si>
    <t>Numara</t>
  </si>
  <si>
    <t>Help Desk and IT Asset Management System</t>
  </si>
  <si>
    <t>Track-It 9</t>
  </si>
  <si>
    <t>APP-01887</t>
  </si>
  <si>
    <t>Multi-Trans 5</t>
  </si>
  <si>
    <t>Translation Management System</t>
  </si>
  <si>
    <t>APP-01941</t>
  </si>
  <si>
    <t>Local Update Publisher</t>
  </si>
  <si>
    <t>Software used in conjunction with WSUS to publish/push non-MS software and updates.</t>
  </si>
  <si>
    <t>APP-01927</t>
  </si>
  <si>
    <t>Vmware vCenter</t>
  </si>
  <si>
    <t>vCenter Server 5 Standard for</t>
  </si>
  <si>
    <t>APP-01931</t>
  </si>
  <si>
    <t>Internal Web server used for dev. Contains Apache 2.2, Tomcat 4.1, MySQL 5.6, Active Perl 5.10, PHP5, and WordPress.</t>
  </si>
  <si>
    <t>APP-01909</t>
  </si>
  <si>
    <t>Windows Update Server</t>
  </si>
  <si>
    <t>Windows Server Update Server</t>
  </si>
  <si>
    <t>APP-01945</t>
  </si>
  <si>
    <t>XWALL addon for Exchange</t>
  </si>
  <si>
    <t>XWALL Exchange addon to manage Junk-E-Mail Folder.</t>
  </si>
  <si>
    <t>TC-101</t>
  </si>
  <si>
    <t>ccmMercury - - Correspondance and Tracking system</t>
  </si>
  <si>
    <t>CCMMERCURY</t>
  </si>
  <si>
    <t>P 4.1 Internal Services</t>
  </si>
  <si>
    <t>This is the replacement  COTS  software product for CCM Plus - now ccmMercury.</t>
  </si>
  <si>
    <t>TC-1016</t>
  </si>
  <si>
    <t>Vehicles Admissible from the United States</t>
  </si>
  <si>
    <t>VAFUS</t>
  </si>
  <si>
    <t>P 3.4 Motor Vehicle Safety</t>
  </si>
  <si>
    <t>This application provides Canadians with a list of vehicles they are permitted to import from the United States and lists which modifications are required to have them match Canadian safety standards.</t>
  </si>
  <si>
    <t>ASCENT</t>
  </si>
  <si>
    <t>P 1.1 Transportation Marketplace Frameworks</t>
  </si>
  <si>
    <t>TC-107</t>
  </si>
  <si>
    <t>External Forms Catalogue</t>
  </si>
  <si>
    <t>EXTFCAT</t>
  </si>
  <si>
    <t>The External Forms Catalogue provides access to electronic PDF forms that need to be made available to the general public.</t>
  </si>
  <si>
    <t>TC-1076</t>
  </si>
  <si>
    <t>Civil Aviation Integrated Management System</t>
  </si>
  <si>
    <t>CAIMS</t>
  </si>
  <si>
    <t>P 3.1 Aviation Safety</t>
  </si>
  <si>
    <t>The Civil Aviation Integrated Management System (CAIMS) is defined as all the interrelated Civil Aviation activities necessary to manage and conduct the Civil Aviation Program. IMS is an initiative arising from Civil Aviation Directive (CAD) 37 - Civil Av</t>
  </si>
  <si>
    <t>TC-1077</t>
  </si>
  <si>
    <t>FlightPak</t>
  </si>
  <si>
    <t>FPAK</t>
  </si>
  <si>
    <t>FlightPak is used by Aircraft Services nationally for flight scheduling, crew management and reporting for the purposes of client billing and capturing flying hours.</t>
  </si>
  <si>
    <t>Universal Weather and Aviation Inc</t>
  </si>
  <si>
    <t>TC-109</t>
  </si>
  <si>
    <t>Forms Catalogue</t>
  </si>
  <si>
    <t>FORMCAT</t>
  </si>
  <si>
    <t>The Forms Catalogue web application provides access to all electronic forms to all TC users.</t>
  </si>
  <si>
    <t>TC-1099</t>
  </si>
  <si>
    <t>Video Logging Database</t>
  </si>
  <si>
    <t>VLD</t>
  </si>
  <si>
    <t>Creation of a Video Tape Logging Catalog using Microsoft Access.  The application will be used to log / catalogue information from Camera Original Videotapes.</t>
  </si>
  <si>
    <t>TC-110</t>
  </si>
  <si>
    <t>Forms Management System</t>
  </si>
  <si>
    <t>This application allows Forms Management Group to update the Forms Catalogue data.</t>
  </si>
  <si>
    <t>TC-114</t>
  </si>
  <si>
    <t>HR Management Advisories</t>
  </si>
  <si>
    <t>The HR Management Advisories application (a.k.a. “HR Triggers”), is an Intranet application (GOL#126) where key HR events are monitored (via Oracle triggers on the Corporate HR Database), and, upon their occurrence, generate advisory messages which are displayed for the line managers concerned. While architecture has not yet been confirmed, e-mail has generally (if not conclusively), been dismissed (due to mail burden), as an appropriate means of delivery and it appears far more likely that a “manager’s dashboard” model, Web-based, will be used instead.</t>
  </si>
  <si>
    <t>TC-115</t>
  </si>
  <si>
    <t>IDEA is a read-only software developed by the Office of the Auditor General and permits statistical sampling of transactions in a database.  Accounting Offices are the primary departmental users of the system.</t>
  </si>
  <si>
    <t>Caseware IDEA</t>
  </si>
  <si>
    <t>P 3.3 Rail Safety</t>
  </si>
  <si>
    <t>TC-1194</t>
  </si>
  <si>
    <t>ccmMercury - EDM Tracking System</t>
  </si>
  <si>
    <t>EDMTS</t>
  </si>
  <si>
    <t>The ccmMercury - EDM Tracking System (EDMTS) is used to track tasks, initiatives, change requests, and other assignments within the Electronic Document Management division of Transport Canada, as well as producing reports on status and performance management.</t>
  </si>
  <si>
    <t>TC-12</t>
  </si>
  <si>
    <t>TRAINING</t>
  </si>
  <si>
    <t>Training database.</t>
  </si>
  <si>
    <t>TC-1211</t>
  </si>
  <si>
    <t>Delegates Conference Registration Application Internal</t>
  </si>
  <si>
    <t>DCRA Admin</t>
  </si>
  <si>
    <t>An online registration form for the Delegates Conference 2006. TC employees and TC Business Partners will be provided the URL with their invitation to the conference and those who wish to participate will use this registration page to indicate their inten</t>
  </si>
  <si>
    <t>TC-125</t>
  </si>
  <si>
    <t>MACROSCOPE - ProductivityCentre and Management Suite</t>
  </si>
  <si>
    <t>MACROSCOPE</t>
  </si>
  <si>
    <t>The Macroscope Productivity Centre/ Management Suite V4.5 is a COTS SDLC methology software. The software is comprised of both a Web and a client/server component. The client/server component provides access to Productivity Center / Management Suite's tools and deliverable templates</t>
  </si>
  <si>
    <t>Fujitsu, Macroscope</t>
  </si>
  <si>
    <t>TC-127</t>
  </si>
  <si>
    <t>Oracle Financials Version 12.2.5</t>
  </si>
  <si>
    <t>ORACLE R12</t>
  </si>
  <si>
    <t>Financial Management Services,Information Management Services,Real Property Services,Travel and Other Administrative Services</t>
  </si>
  <si>
    <t>Oracle Financials 11i is a fully bilingual Integrated Departmental Financial and Materiel Management System designed to reflect and respect federal government financial and materiel management  business rules. It includes the following modules: Accounts Payable(AP), Accounts Receivable(AR), General Ledger(GL), Inventory(INV), Order Management(OM), Purchasing(PO), iProcurement(ICX),  Fixed Assets(FA), Applications Desktop Integrator(ADI), Customer Online(OCO), Combined Basis Accounting(CBA), iPayment(IBY), Advanced Pricing(QP), iReceivables(OIR)/Transact, iStore(IBE)/Transact,  Transport Canada Billing System(TCBS), iTravel(XXITR), Contract Tracking System(XXCTS), National sampling Plan(XXNSP), Learning Activity Requests(LAR), Cluster group FIS applicat</t>
  </si>
  <si>
    <t>TC-1271</t>
  </si>
  <si>
    <t>National Environmental Assessment Tracking System</t>
  </si>
  <si>
    <t>NEATS</t>
  </si>
  <si>
    <t>P 2.3 Environmental Stewardship of Transportation</t>
  </si>
  <si>
    <t>This application is used to track and manage TC's environmental assessment projects which are required under the Canadian Environmental Assessment Act.</t>
  </si>
  <si>
    <t>TC-138</t>
  </si>
  <si>
    <t>Records Information Management System (Livelink RS)</t>
  </si>
  <si>
    <t>Records Managament application to replace RMIS.  This application is part of the RDIMS suite.  This is the records management component of RDIMS and is also used to manage and enable access to the department's paper records including those related to safety and security of the travelling public.</t>
  </si>
  <si>
    <t>TC-140</t>
  </si>
  <si>
    <t>Records, Document &amp; Information Management System</t>
  </si>
  <si>
    <t>An Electronic Document Management System is an automated solution for managing information objects (i.e. text, spreadsheets, images, e-mail messages, etc.) throughout the Information Life Cycle.  There are both full desktop and thin client versions available.</t>
  </si>
  <si>
    <t>P 3.2 Marine Safety</t>
  </si>
  <si>
    <t>TC-144</t>
  </si>
  <si>
    <t>RMIS (WEB) INQUIRY</t>
  </si>
  <si>
    <t>RMIS WEB</t>
  </si>
  <si>
    <t>RMIS web Inquiry replaces its mainframe predecessor, ARMIS.</t>
  </si>
  <si>
    <t>TC-148</t>
  </si>
  <si>
    <t>Self-Service Portal</t>
  </si>
  <si>
    <t>ESS Portal</t>
  </si>
  <si>
    <t>TC-1493</t>
  </si>
  <si>
    <t>Master Minimum Equipment List</t>
  </si>
  <si>
    <t>MMEL</t>
  </si>
  <si>
    <t>This application is a repository for the Master Minimum Equipment List used by Headquarters, Regional and Industry personnel and contains all the relevant information with respect to the philosophy, development and approval of MMELs along with current app</t>
  </si>
  <si>
    <t>TC-1551</t>
  </si>
  <si>
    <t>Canadian Port State Control System Web</t>
  </si>
  <si>
    <t>CPSCSWEB</t>
  </si>
  <si>
    <t>The Canadian Port State Control System Web (CPSCSWEB) is used internally by Transport Canada Marine Safety Port State Control (PSC) officers to record the inspections of foreign vessels which are under the auspices of the Canadian PSC program. The applica</t>
  </si>
  <si>
    <t>TC-158</t>
  </si>
  <si>
    <t>TIPS Base Pay</t>
  </si>
  <si>
    <t>TIPS_BP</t>
  </si>
  <si>
    <t>TC-159</t>
  </si>
  <si>
    <t>TIPS Classification</t>
  </si>
  <si>
    <t>TIPS_CLASS</t>
  </si>
  <si>
    <t>TC-160</t>
  </si>
  <si>
    <t>TIPS Corporate Interface</t>
  </si>
  <si>
    <t>TIPS_CORP_INT</t>
  </si>
  <si>
    <t>TC-162</t>
  </si>
  <si>
    <t>TIPS Employment Equity</t>
  </si>
  <si>
    <t>EE</t>
  </si>
  <si>
    <t>TC-163</t>
  </si>
  <si>
    <t>TIPS Inquiry</t>
  </si>
  <si>
    <t>TIPS_INQY</t>
  </si>
  <si>
    <t>TC-1631</t>
  </si>
  <si>
    <t>Environment Information System</t>
  </si>
  <si>
    <t>Information Management Services,Management and Oversight Services,Real Property Services</t>
  </si>
  <si>
    <t>This application provides users access to various Environmental Programs data through a web-type interface supported by a GIS (Geographical Information System)</t>
  </si>
  <si>
    <t>TC-164</t>
  </si>
  <si>
    <t>TIPS Leave &amp; Extra Duty (LEX_Web)</t>
  </si>
  <si>
    <t>TC-165</t>
  </si>
  <si>
    <t>TIPS LEX Administration Module</t>
  </si>
  <si>
    <t>LEX ADMIN</t>
  </si>
  <si>
    <t>TC-1651</t>
  </si>
  <si>
    <t>Collision Investigation Reporting System</t>
  </si>
  <si>
    <t>CIRS</t>
  </si>
  <si>
    <t>This system collects information, images and data with regards to Collision Investigations commissioned by TC.</t>
  </si>
  <si>
    <t>TC-166</t>
  </si>
  <si>
    <t>TIPS Occupational Health &amp; Safety</t>
  </si>
  <si>
    <t>OSH</t>
  </si>
  <si>
    <t>TC-167</t>
  </si>
  <si>
    <t>TIPS Official Languages</t>
  </si>
  <si>
    <t>OL</t>
  </si>
  <si>
    <t>Process support for identifying position language requirements and profiles, scheduling SLEs and recording employee language proficiencies and administering the Bilingualism Bonus.</t>
  </si>
  <si>
    <t>Phoenix Interface Application</t>
  </si>
  <si>
    <t>TC-1691</t>
  </si>
  <si>
    <t>ccmMercury - Project Information Management System</t>
  </si>
  <si>
    <t>The ccmMercury - Project Information Management System (PIMS) is a database for capturing information to track and report on Departmental Evaluation Services’ projects and activities, and also for producing reports.</t>
  </si>
  <si>
    <t>TC-170</t>
  </si>
  <si>
    <t>TIPS Report Access Catalogue</t>
  </si>
  <si>
    <t>TC-171</t>
  </si>
  <si>
    <t>TIPS Security &amp; Error Correction</t>
  </si>
  <si>
    <t>TIPS_SEC_ERR</t>
  </si>
  <si>
    <t>TC-172</t>
  </si>
  <si>
    <t>TIPS Labour Relations</t>
  </si>
  <si>
    <t>TIPS_LR</t>
  </si>
  <si>
    <t>TC-173</t>
  </si>
  <si>
    <t>TIPS Staffing</t>
  </si>
  <si>
    <t>TIPS_STFG</t>
  </si>
  <si>
    <t>TC-174</t>
  </si>
  <si>
    <t>TIPS Staffing Priorities</t>
  </si>
  <si>
    <t>TIPS_STFPRI</t>
  </si>
  <si>
    <t>TC-175</t>
  </si>
  <si>
    <t>TIPS Temporary Assignments</t>
  </si>
  <si>
    <t>TIPS_TMPASS</t>
  </si>
  <si>
    <t>TC-176</t>
  </si>
  <si>
    <t>TIPS UCS Evaluation</t>
  </si>
  <si>
    <t>Process support for capturing UCS ratings, applying generic evaluations and modeling conversion scenarios.</t>
  </si>
  <si>
    <t>TC-1792</t>
  </si>
  <si>
    <t>Security Regulatory Advisory System</t>
  </si>
  <si>
    <t>SRAS</t>
  </si>
  <si>
    <t>P 3.6 Aviation Security</t>
  </si>
  <si>
    <t>TC-1831</t>
  </si>
  <si>
    <t>ccmMercury - Road Safety Call Log System</t>
  </si>
  <si>
    <t>RSCLS</t>
  </si>
  <si>
    <t>The ccmMercury - Road Safety Call Log System (RSCLS) is used by the Road Safety group of Transport Canada to monitor and follow-up on requests submitted via e-mail or telephone.</t>
  </si>
  <si>
    <t>TC-1852</t>
  </si>
  <si>
    <t>Ship Inspection Reporting System</t>
  </si>
  <si>
    <t>SIRS database stores information related to vessel inspection and oversight activities providing Marine Safety and Security inspectors, TC delegated authorities, Department of Fisheries and Oceans and the Transportation Safety Board the most up to date sa</t>
  </si>
  <si>
    <t>TC-1853</t>
  </si>
  <si>
    <t>Ship Registry Computer System</t>
  </si>
  <si>
    <t>SRCS</t>
  </si>
  <si>
    <t>SRCS is the legislated system used to identify Canadian registered vessels and provides vessel tombstone information such as type, tonnage, length etc, to marine inspectors and law enforcement agencies to support their operational activities.</t>
  </si>
  <si>
    <t>TC-189</t>
  </si>
  <si>
    <t>ACA Entrust Security Application</t>
  </si>
  <si>
    <t>ACA_ESA</t>
  </si>
  <si>
    <t>P 1.4 Transportation Analysis and Innovation</t>
  </si>
  <si>
    <t>TC-191</t>
  </si>
  <si>
    <t>Air Carrier Database</t>
  </si>
  <si>
    <t>ACDB</t>
  </si>
  <si>
    <t>TC-1911</t>
  </si>
  <si>
    <t>Public Complaints Database</t>
  </si>
  <si>
    <t>PCDB-Web</t>
  </si>
  <si>
    <t>Database of vehicle complaints received from the public.  This web-based version will replace the older PC version (WINPCS).</t>
  </si>
  <si>
    <t>TC-1951</t>
  </si>
  <si>
    <t>Fleet and Test Management System</t>
  </si>
  <si>
    <t>FTMS</t>
  </si>
  <si>
    <t>This Road Safety application is used to manage the purchasing, component testing and reservations for a fleet of TC vehicles.</t>
  </si>
  <si>
    <t>TC-1971</t>
  </si>
  <si>
    <t>Civil Aviation Issues Reporting System Internal</t>
  </si>
  <si>
    <t>CAIRS Int</t>
  </si>
  <si>
    <t>The CAIRS provides Transport Canada employees with a means to raise issues (concerns, complaints, compliments, and suggestions for improvement), and identify hazards to management. External stakeholders may also raise issues with Transport Canada through</t>
  </si>
  <si>
    <t>TC-198</t>
  </si>
  <si>
    <t>ccmMercury - Cabinet Document Tracking System (Stand Alone 28th Floor)</t>
  </si>
  <si>
    <t>TC-199</t>
  </si>
  <si>
    <t>Canadian Shipowners Mutual Assurance Association</t>
  </si>
  <si>
    <t>CSMAA</t>
  </si>
  <si>
    <t>TC-1991</t>
  </si>
  <si>
    <t>Communication User Survey (Click &amp; Tell)</t>
  </si>
  <si>
    <t>CUS</t>
  </si>
  <si>
    <t>Survey of internal communications questions for Transport Canada employees, available on the intranet.  The questionnnaire changes weekly.  Questions are stored in an Oracle 11g database.  The application has a C#.NET front end.</t>
  </si>
  <si>
    <t>TC-203</t>
  </si>
  <si>
    <t>Distance Network Routine</t>
  </si>
  <si>
    <t>MG_DNR</t>
  </si>
  <si>
    <t>TC-2031</t>
  </si>
  <si>
    <t>CommPort is a bilingual web application used for sharing and tracking key Communications activities between Communications, Regions, MO, and DMO staff at Transport Canada. The application is written in VB.NET and uses Oracle 11g as back-end.</t>
  </si>
  <si>
    <t>TC-2051</t>
  </si>
  <si>
    <t>Transportation Security Clearance On-Line Application Form</t>
  </si>
  <si>
    <t>TSC On-Line Application</t>
  </si>
  <si>
    <t>P 3.9 Multimodal Safety and Security</t>
  </si>
  <si>
    <t>This web application executes on the user’s computer (client) to prepare the TSC Application form for employment requiring a TC clearance utilizing logic (via a “wizard”) to ensure the printed output (the TSC form) contains all the required personal information covering specific date parameters determined by the business rules.  No data is transmitted to the server or retained by this application.  The output provided by the application (i.e.  the completed TSC form) will be signed at the Airport Pass Control Office (APCO) by the TC representative and forwarded to ABB as per the current standard.  The prime purpose of this initiative is to provide a legible document containing all the required information in order to accelerate the clearance process av</t>
  </si>
  <si>
    <t>TC-210</t>
  </si>
  <si>
    <t>MapInfo Version 8.0</t>
  </si>
  <si>
    <t>TC-212</t>
  </si>
  <si>
    <t>Marine Origin Destination DB 2</t>
  </si>
  <si>
    <t>M_MODS2</t>
  </si>
  <si>
    <t>This application works with a redesigned database design by Statistics Canada.  It is a complete redesign and the old application is still in use so not merely a new version of the application.</t>
  </si>
  <si>
    <t>TC-2151</t>
  </si>
  <si>
    <t>Problem Isolation Utility</t>
  </si>
  <si>
    <t>PIU</t>
  </si>
  <si>
    <t>The Problem Isolation Utility (PIU), also known as “SC Demo”, is a web-based utility to be used for troubleshooting when Secure Channel problems are reported in relation to an application. PIU will help the web infrastructure team determine if the problem comes from the application, one of the components of our own infrastructure, the firewall, the Secure Channel infrastructure, etc… The tool allows the user to invoke each Secure Channel service, and to receive a response or error message.  There isn't any data associated with this application.</t>
  </si>
  <si>
    <t>TC-2153</t>
  </si>
  <si>
    <t>National Awards Application</t>
  </si>
  <si>
    <t>NAA</t>
  </si>
  <si>
    <t>The National Award Application is a web-based application, accessed via the HR Self Service Portal, that provides full process support to its user base of awards coordinators across Canada. This application facilitates the ongoing monitoring and effectiveness of the Awards Program by allowing coordinators to track awards in one central database. This application will be used primarily to record awards granted to Transport Canada employees including long service awards, retirement certificates, appreciation awards, TC awards of excellence, and awards from other organizations.</t>
  </si>
  <si>
    <t>TC-217</t>
  </si>
  <si>
    <t>Passenger Origin-Destination Model</t>
  </si>
  <si>
    <t>PODM</t>
  </si>
  <si>
    <t>TC-2171</t>
  </si>
  <si>
    <t>Ballast Water Database</t>
  </si>
  <si>
    <t>BWD</t>
  </si>
  <si>
    <t>TC-218</t>
  </si>
  <si>
    <t>Passenger Traffic Allocation Model</t>
  </si>
  <si>
    <t>PTAM</t>
  </si>
  <si>
    <t>TC-220</t>
  </si>
  <si>
    <t>Rail Annual Report DB</t>
  </si>
  <si>
    <t>R_RARD</t>
  </si>
  <si>
    <t>Routine to query Annual Report submissions by Class I and Class II carriers and ability to aggregate the values.</t>
  </si>
  <si>
    <t>TC-222</t>
  </si>
  <si>
    <t>Rail Origin Destination DB</t>
  </si>
  <si>
    <t>R_RODS</t>
  </si>
  <si>
    <t>TC-2231</t>
  </si>
  <si>
    <t>FLT DUTY XLS</t>
  </si>
  <si>
    <t>The FLT Duty XLS software was developed by a pilot to help rotary wing pilots meet Canadian flight duty requirements.FLT Duty XLS is written in VB and accesses text files (not Excel despite its name)</t>
  </si>
  <si>
    <t>TC-227</t>
  </si>
  <si>
    <t>Trade Application</t>
  </si>
  <si>
    <t>TRADE APPLICATION</t>
  </si>
  <si>
    <t>This application allows users access to Trade data holding information about the Origin, Destination, Border crossing (some restrictions on import) and Commodity for Imports and Exports.</t>
  </si>
  <si>
    <t>TC-228</t>
  </si>
  <si>
    <t>Traffic Analysis and Forecasting System</t>
  </si>
  <si>
    <t>O_TAF</t>
  </si>
  <si>
    <t>TC-230</t>
  </si>
  <si>
    <t>Truck National Roadside Survey</t>
  </si>
  <si>
    <t>TRUCKNRS</t>
  </si>
  <si>
    <t>TC-2331</t>
  </si>
  <si>
    <t>General Aviation Licensing and Registration On-line External</t>
  </si>
  <si>
    <t>GALRO</t>
  </si>
  <si>
    <t>TC-2412</t>
  </si>
  <si>
    <t>Radio Inspection Database Management System</t>
  </si>
  <si>
    <t>RIDMS</t>
  </si>
  <si>
    <t>The Radio Inspection Database Management System is a collaborative inspective system on the Internet between DFO and TC.</t>
  </si>
  <si>
    <t>TC-247</t>
  </si>
  <si>
    <t>Activity Reporting and Standards System</t>
  </si>
  <si>
    <t>ARASS</t>
  </si>
  <si>
    <t>ARASS is a computerized management information system used to provide Civil Aviation management with a comprehensive resource management tool, recognized throughout the department to justify the existing resource base as well as new program resources. The</t>
  </si>
  <si>
    <t>TC-250</t>
  </si>
  <si>
    <t>National Aerodrome Safety Database - NET</t>
  </si>
  <si>
    <t>NASD-NET</t>
  </si>
  <si>
    <t>Addition to the NASD application. Enables airport site operators to respond to audit finding online and to create and record self-inspection checklists.</t>
  </si>
  <si>
    <t>TC-2511</t>
  </si>
  <si>
    <t>Transport Canada Network Computer Inventory</t>
  </si>
  <si>
    <t>TCNCI</t>
  </si>
  <si>
    <t>Transport Canada Network Computer Inventory (TCNCI) provides an automated and centralized solution in which the status of all Windows-x86 hardware and software systems is updated nationally on a daily basis. The system has a user base of around 200 persons who are located in the NCR and in the regions. Upon machine startup, workstations execute a script that is contained within a Group Policy, commonly applied to all workstations. This script instructs workstations to query themselves for hardware and software information. The information collected is then transferred to an Oracle 10G database Server.</t>
  </si>
  <si>
    <t>TC-256</t>
  </si>
  <si>
    <t>Aircraft Maintenance Engineer System</t>
  </si>
  <si>
    <t>AMES</t>
  </si>
  <si>
    <t>TC-2571</t>
  </si>
  <si>
    <t>Civil Aviation Medical Examiner Search</t>
  </si>
  <si>
    <t>CAME SEARCH</t>
  </si>
  <si>
    <t>This online application allows internal and external users to search for Civil Aviation Medical Examiners by location.</t>
  </si>
  <si>
    <t>TC-26</t>
  </si>
  <si>
    <t>My Corporate Training</t>
  </si>
  <si>
    <t>MYCT</t>
  </si>
  <si>
    <t>This application, allows Ontario Region employees to apply, manage, cancel, view training application offered through the TC Learning Center.</t>
  </si>
  <si>
    <t>Legacy Non-End State</t>
  </si>
  <si>
    <t>TC-260</t>
  </si>
  <si>
    <t>Approved and Accepted Organizations</t>
  </si>
  <si>
    <t>APPORG</t>
  </si>
  <si>
    <t>Transport Canada Approved Organization website for Maintenance, Manufacturing, Distributors, JAR 145 and Bilateral Arrangements</t>
  </si>
  <si>
    <t>TC-261</t>
  </si>
  <si>
    <t>Approved Products Catalogue Index</t>
  </si>
  <si>
    <t>APCI</t>
  </si>
  <si>
    <t>Database compilation of Marine Safety product approvals.  Includes: approved &amp; registered diesel engines and gear, lifesaving equipment, structural fire prevention, approved electrical cables, doors &amp; hatches, Pollution Prevention Equipment etc.</t>
  </si>
  <si>
    <t>TC-262</t>
  </si>
  <si>
    <t>Automated Certification Examination System</t>
  </si>
  <si>
    <t>ACES is an administrative tool of the Transport Canada Ship Inspection Directorate. It processes all seafarer identity, training, examination and certification transactions.This is a national system with regional access and input.</t>
  </si>
  <si>
    <t>TC-263</t>
  </si>
  <si>
    <t>Automated Emergency Response Assistance Plan</t>
  </si>
  <si>
    <t>ASD-AERAP</t>
  </si>
  <si>
    <t>P 3.5 Transportation of Dangerous Goods</t>
  </si>
  <si>
    <t>Automated tracking and reporting mechanism for Emergency Response Plans filed with the TDG Directorate</t>
  </si>
  <si>
    <t>TC-2631</t>
  </si>
  <si>
    <t>TIPS Training and Profiles</t>
  </si>
  <si>
    <t>The TIPS Training and Profiles application supports the PSMA requirements for the maintenance, monitoring and reporting of training and profile related information for both employees and positions. Once training and profile information is established for a position, processes in TIPS provide reporting and workflows to the appropriate authorities such as learning coordinators, indicating when employees do not fully meet the requirements of the positions they occupy. These requirements can be specific to a certain position or type of position such as Financial or Staffing Delegation for a managerial position; to a specific employee such as an Orientation to the Public Service course for a first appointment in the Public Service; or can be generic to all</t>
  </si>
  <si>
    <t>TC-266</t>
  </si>
  <si>
    <t>Aviation Forecast Program</t>
  </si>
  <si>
    <t>TC-267</t>
  </si>
  <si>
    <t>Aviation Incident Reporting &amp; Admin (Internal/External)</t>
  </si>
  <si>
    <t>AIRA Int</t>
  </si>
  <si>
    <t>This is a web based interface to an TC access data base for outside clients to report Aviation Incidents.</t>
  </si>
  <si>
    <t>TC-268</t>
  </si>
  <si>
    <t>Aviation Safety Response and Transmittal Action</t>
  </si>
  <si>
    <t>ASTRA</t>
  </si>
  <si>
    <t>Aviation Safety Response and Transmittal Action (ASTRA) is used by the Aviation Safety Intelligence group in Transport Canada to tracks safety activities implemented within Transport Canada to eliminate identified system deficiencies.</t>
  </si>
  <si>
    <t>TC-269</t>
  </si>
  <si>
    <t>Bird and Wildlife Strikes Information System Internal</t>
  </si>
  <si>
    <t>BSIS Int</t>
  </si>
  <si>
    <t>Provides inventory and analysis capability for the Canadian Bird Strike Database.</t>
  </si>
  <si>
    <t>TC-2691</t>
  </si>
  <si>
    <t>GCWCC TC Bay Online Auction</t>
  </si>
  <si>
    <t>GCWCC TCB</t>
  </si>
  <si>
    <t>This software is an online auction that is used during the GCWCC Campaign. The current production version is written in ASP .Net and it uses an Oracle database. Each year, the online auction runs for approximatively one month. The application is in both official languages and intended for use by NCR employees only. The application is in both offical languages and intended for use by NCR employees only.</t>
  </si>
  <si>
    <t>TC-2753</t>
  </si>
  <si>
    <t>Pleasure Craft Operators Competency Database System</t>
  </si>
  <si>
    <t>PCOCDS</t>
  </si>
  <si>
    <t>The Pleasure Craft Operators Competency Database System (PCOCDS) is needed to give Transport Canada the ability to meet the requirements of the Competency of Operators of Pleasure Craft Regulations. It will allow Transport Canada to centrally manage Pleas</t>
  </si>
  <si>
    <t>TC-276</t>
  </si>
  <si>
    <t>CCARCSE</t>
  </si>
  <si>
    <t>National system for registering aircraft, and maintaining and publishing the Canadian Civil Aviation Aircraft Register.</t>
  </si>
  <si>
    <t>TC-277</t>
  </si>
  <si>
    <t>Canadian Civil Aircraft Register Computer System Web</t>
  </si>
  <si>
    <t>CCARCS WEB</t>
  </si>
  <si>
    <t>NATIONAL SYSTEM WHICH PROVIDES AUTOMATED SYSTEM FOR REGISTERING AIRCRAFT, AND MAINTAINING AND PUBLISHING THE CANADIAN CIVIL AVIATION AIRCRAFT REGISTER.</t>
  </si>
  <si>
    <t>TC-278</t>
  </si>
  <si>
    <t>Canadian Port State Control System</t>
  </si>
  <si>
    <t>CPSCS</t>
  </si>
  <si>
    <t>The CPSCS is designed to work with similar international systems to identify, track and minimise deficient vessels, owners &amp; operators.  This new system is a secure client server application with accessibility nation wide, via the Internet.</t>
  </si>
  <si>
    <t>TC-281</t>
  </si>
  <si>
    <t>CANUTEC Registration System</t>
  </si>
  <si>
    <t>ASD-CRS</t>
  </si>
  <si>
    <t>The CRS is use 1] to process, index and manage material safety data sheets [MSDSs] maintained by CANUTEC, 2] to allow companies who register with CANUTEC to submit their registration information on-line, and 3]to manage emergency contact information</t>
  </si>
  <si>
    <t>TC-2811</t>
  </si>
  <si>
    <t>Transport Canada Internal Staff Directory</t>
  </si>
  <si>
    <t>TCISD</t>
  </si>
  <si>
    <t>The Transport Canada Internal Staff Directory is a web application that is available on the TC Intranet site. It displays a query form, queries the TCDirectory database and displays the results in html. This Web application allows users to look up TC staff or organizations using different search criteria, to navigate through the organization structure and to obtain organization information.</t>
  </si>
  <si>
    <t>TC-2831</t>
  </si>
  <si>
    <t>TP Numbering System</t>
  </si>
  <si>
    <t>TP NUMBERING</t>
  </si>
  <si>
    <t>Issuance of TP numbers for publications</t>
  </si>
  <si>
    <t>TC-285</t>
  </si>
  <si>
    <t>Civil Aviation Daily Occurrence Reporting System</t>
  </si>
  <si>
    <t>CADORS</t>
  </si>
  <si>
    <t>The CADORS system was established in 1985 to provide senior management with timely information concerning operational occurrences within the National Civil Air Transportation System. Occurrence information is captured on a daily basis by external entities</t>
  </si>
  <si>
    <t>TC-286</t>
  </si>
  <si>
    <t>Civil Aviation Medical Information System</t>
  </si>
  <si>
    <t>CAMIS</t>
  </si>
  <si>
    <t>TC-288</t>
  </si>
  <si>
    <t>Canadian Aviation Regulations Exemptions Database</t>
  </si>
  <si>
    <t>CARs Exemption</t>
  </si>
  <si>
    <t>Contains information regarding exemptions, requested by industry, from the CARs and is available on the Intranet/Internet.</t>
  </si>
  <si>
    <t>TC-289</t>
  </si>
  <si>
    <t>CARAC Activity Reporting System (Internal)</t>
  </si>
  <si>
    <t>CARAC NPA Int</t>
  </si>
  <si>
    <t>contains information regarding the status of proposed amendments to the CARs and is available to AARBH staff only</t>
  </si>
  <si>
    <t>TC-290</t>
  </si>
  <si>
    <t>Civil Aviation Terminology System</t>
  </si>
  <si>
    <t>Terminology bank for Civil Aviation.</t>
  </si>
  <si>
    <t>TC-294</t>
  </si>
  <si>
    <t>Compliance Audit Filing System</t>
  </si>
  <si>
    <t>CAFS</t>
  </si>
  <si>
    <t>The application is a tool used by Road Safety Enforcement Officers of ASFAB to track and record enforcement and compliance activities of more than 4000 automotive vehicle and tire manufacturers that import or manufacture products for consumption in Canada</t>
  </si>
  <si>
    <t>TC-297</t>
  </si>
  <si>
    <t>Contaminated Sites Management Database</t>
  </si>
  <si>
    <t>CSMD</t>
  </si>
  <si>
    <t>This application is designed to give users within Environmental Programs group the ability to collect and report to TBS on all data pertaining to Contaminated Sites.</t>
  </si>
  <si>
    <t>TC-2971</t>
  </si>
  <si>
    <t>Temporary Vehicle Importation System-Web</t>
  </si>
  <si>
    <t>TVIS-Web</t>
  </si>
  <si>
    <t>This system allows the Road Safety group to enter, track and search many documents they call the 'Schedule 7' forms also known as the 'Declaration of Importation of a Vehicle for Exhibition, Demonstration, Evaluation, Testing or Special Purposes' form.</t>
  </si>
  <si>
    <t>TC-3</t>
  </si>
  <si>
    <t>National Time and Activity Reporting Management System including Marine Safety D</t>
  </si>
  <si>
    <t>NTARS</t>
  </si>
  <si>
    <t>The system is used to track performance and activity information against all Marine Safety and Security related activities, generating service requests in order dispatch employees to conduct servcies on behalf of stakeholders.  The system is extended to a</t>
  </si>
  <si>
    <t>TC-302</t>
  </si>
  <si>
    <t>Dangerous Goods Accident Information System</t>
  </si>
  <si>
    <t>ASD-DGAIS</t>
  </si>
  <si>
    <t>The Dangerous Goods Accident Information System (DGAIS) was created in Clipper &amp; FoxPro in a DOSenvironment.  Accident information collected from TDG Dangerous Occurrence Reports [DORs]and a variety of other reports, is recorded in data files by year.</t>
  </si>
  <si>
    <t>TC-303</t>
  </si>
  <si>
    <t>Delegations Information System</t>
  </si>
  <si>
    <t>DIS V2</t>
  </si>
  <si>
    <t>The DIS V2 application will allow HQ and Regional Aircraft Certification staff to enter and edit information for their Delegates through the Web.  Statistical reports will also be produced from the application as well as some other delegate information.</t>
  </si>
  <si>
    <t>TC-3031</t>
  </si>
  <si>
    <t>AccessPro Case Management - Access to Information Database System</t>
  </si>
  <si>
    <t>CSDC, AccessPro Case Management</t>
  </si>
  <si>
    <t>TC-306</t>
  </si>
  <si>
    <t>Distributed Air Personnel Licensing System</t>
  </si>
  <si>
    <t>DAPLS</t>
  </si>
  <si>
    <t>TC-3071</t>
  </si>
  <si>
    <t>AccessPro Redaction - Access to Information Database System</t>
  </si>
  <si>
    <t>CSDC, AccessPro Redaction</t>
  </si>
  <si>
    <t>TC-3111</t>
  </si>
  <si>
    <t>Surface Infrastructure System</t>
  </si>
  <si>
    <t>P 1.3 Transportation Infrastructure</t>
  </si>
  <si>
    <t>This application is designed to manage contributions to surface program agreements throughout Canada.  It also tracks the financial data for each agreement between TC and its partners (Provinces &amp; Territories, Municipalities and other organizations).</t>
  </si>
  <si>
    <t>TC-312</t>
  </si>
  <si>
    <t>Family Orders and Agreements Enforcement</t>
  </si>
  <si>
    <t>TC-313</t>
  </si>
  <si>
    <t>Federal and Provincial Query System</t>
  </si>
  <si>
    <t>FEDPROV</t>
  </si>
  <si>
    <t>The application contain data relating to the most frequently asked queries and provide visitors access to railroad safety information including accidents and incidents and highway-rail crossing inventory data. From this site users can run dynamic queries,</t>
  </si>
  <si>
    <t>TC-3151</t>
  </si>
  <si>
    <t>ccmMercury - Web Services Tracking System</t>
  </si>
  <si>
    <t>WSTS</t>
  </si>
  <si>
    <t>The ccmMercury - Web Services Tracking System application allows Web Editors to track all their web work requests. This application is used by the Web Services group of Transport Canada.</t>
  </si>
  <si>
    <t>TC-316</t>
  </si>
  <si>
    <t>Flight Training and Aviation Education Web Search (PE Search)</t>
  </si>
  <si>
    <t>FTAE WEB</t>
  </si>
  <si>
    <t>Web search interface for the FTAE application.</t>
  </si>
  <si>
    <t>TC-3212</t>
  </si>
  <si>
    <t>Scheduled maintenance</t>
  </si>
  <si>
    <t>EPL</t>
  </si>
  <si>
    <t>Management system for scheduled maintenance of the office building.</t>
  </si>
  <si>
    <t>TC-3214</t>
  </si>
  <si>
    <t>Aviation Training</t>
  </si>
  <si>
    <t>FORMATION</t>
  </si>
  <si>
    <t>Training system for Aviation employees.</t>
  </si>
  <si>
    <t>TC-3222</t>
  </si>
  <si>
    <t>National Motor Vehicle Reservation System</t>
  </si>
  <si>
    <t>NMVRS</t>
  </si>
  <si>
    <t>The reservation System allows an employee to make a reservation of a departmental vehicle for business needs. After creating a reservation, they can change the reservation at any time until the vehicle is loaned to the user. When booking, several parameters are entered to lend a vehicle that meets their needs.</t>
  </si>
  <si>
    <t>TC-3232</t>
  </si>
  <si>
    <t>Staffing Activity Management System</t>
  </si>
  <si>
    <t>TC-3233</t>
  </si>
  <si>
    <t>Quebec Aboriginal Issues Management System</t>
  </si>
  <si>
    <t>QAIMS</t>
  </si>
  <si>
    <t>The Quebec Aboriginal Issue Management system aims to provide support to employees involved in the management of Aboriginal issues. Its ultimate objective is to ensure the department respect for aboriginal communities rights, good governance and an integrated and concerted approach.</t>
  </si>
  <si>
    <t>TC-324</t>
  </si>
  <si>
    <t>Inspector Designation and Training</t>
  </si>
  <si>
    <t>ASD-IDT</t>
  </si>
  <si>
    <t>This application contains a database of inspector designation and TDG course information and is used to generate TDG inspector ID cards and to produce reports related to training.</t>
  </si>
  <si>
    <t>TC-3271</t>
  </si>
  <si>
    <t>CDT-PLAN</t>
  </si>
  <si>
    <t>Plans management system.</t>
  </si>
  <si>
    <t>TC-3272</t>
  </si>
  <si>
    <t>COMMENCE</t>
  </si>
  <si>
    <t>Lease management system for ports.</t>
  </si>
  <si>
    <t>Commence Corporation</t>
  </si>
  <si>
    <t>TC-3275</t>
  </si>
  <si>
    <t>PROJETCERTI</t>
  </si>
  <si>
    <t>Project management system for Aircraft Certification.</t>
  </si>
  <si>
    <t>TC-3277</t>
  </si>
  <si>
    <t>Winter Navigation Database</t>
  </si>
  <si>
    <t>WND</t>
  </si>
  <si>
    <t>TC-3278</t>
  </si>
  <si>
    <t>Training NAX</t>
  </si>
  <si>
    <t>PROFIL-FORM-NAX</t>
  </si>
  <si>
    <t>Training system for Commercial and Business Aviation employees.</t>
  </si>
  <si>
    <t>TC-3291</t>
  </si>
  <si>
    <t>Aircraft Maintenance and Dispatch System</t>
  </si>
  <si>
    <t>AMDS</t>
  </si>
  <si>
    <t>Browser based system for aircraft maintenance and material management</t>
  </si>
  <si>
    <t>TC-330</t>
  </si>
  <si>
    <t>Organizations Providing Dangerous Goods Training</t>
  </si>
  <si>
    <t>Training Organizations</t>
  </si>
  <si>
    <t>The TDG Directorate maintains a listing of organizations that provide dangerous goods training.</t>
  </si>
  <si>
    <t>TC-3312</t>
  </si>
  <si>
    <t>TDG Buffet TMD</t>
  </si>
  <si>
    <t>ASD-BUFFET</t>
  </si>
  <si>
    <t>TC-3347</t>
  </si>
  <si>
    <t>ccmMercury - General Correspondence</t>
  </si>
  <si>
    <t>ccmMercury - General Correspondence (GC) tracks incoming and outgoing departmental correspondence at the Assistant Deputy Minister (ADM) level and below.</t>
  </si>
  <si>
    <t>TC-3348</t>
  </si>
  <si>
    <t>ccmMercury - Deputy Minister Correspondence Database</t>
  </si>
  <si>
    <t>DMCD</t>
  </si>
  <si>
    <t>The ccmMercury - Deputy Minister Correspondence Database (DMCD) is used by the Corporate Secretariat group of Transport Canada to track correspondence and other internal matters.</t>
  </si>
  <si>
    <t>TC-3349</t>
  </si>
  <si>
    <t>ccmMercury - Briefing Material Database</t>
  </si>
  <si>
    <t>BMDB</t>
  </si>
  <si>
    <t>The ccmMercury - Briefing Material Database (BMDB) is used by the Corporate Secretariat group of Transport Canada to track Deputy Minister briefing material requests from former transportation liaison office.</t>
  </si>
  <si>
    <t>TC-3350</t>
  </si>
  <si>
    <t>ccmMercury - Transport Dangerous Goods Permits Tracking</t>
  </si>
  <si>
    <t>ccmMercury - Transport Dangerous Goods Permits Tracking (ASD-TDGPT) is used by Transportation of Dangerous Goods (TDG) Directorateto of Transport Canada to  track information related to TDG Equivalency Certificates and Permits for Equivalent Level of Safe</t>
  </si>
  <si>
    <t>TC-3353</t>
  </si>
  <si>
    <t>ccmMercury - Executive Correspondence Database</t>
  </si>
  <si>
    <t>The ccmMercury - Executive Correspondence Database (ECD) is used by the Corporate Secretariat group of Transport Canada to track incoming and outgoing correspondence and all executive documents for the Minister and Deputy Minister.</t>
  </si>
  <si>
    <t>TC-3354</t>
  </si>
  <si>
    <t>ccmMercury - Crown Corporations Correspondence Database</t>
  </si>
  <si>
    <t>CCCD</t>
  </si>
  <si>
    <t>Tracks incoming and outgoing correspondence and all executive documents for the minister and deputy minister concerning non TC crown corporations.</t>
  </si>
  <si>
    <t>TC-3356</t>
  </si>
  <si>
    <t>ccmMercury - Infrastructure Correspondence Database</t>
  </si>
  <si>
    <t>Tracks incoming and outgoig correspondence and all executive documents for the minister and the deputy minister concerning the infrastructure and Communities portfolio.</t>
  </si>
  <si>
    <t>TC-3357</t>
  </si>
  <si>
    <t>ccmMercury - Pacific Gateway Correspondence Database</t>
  </si>
  <si>
    <t>PGCD</t>
  </si>
  <si>
    <t>Tracks incoming and outgoing correspondence and executive documents for the minister and deputy minister concerning the Pacific Gateway subject.</t>
  </si>
  <si>
    <t>TC-3359</t>
  </si>
  <si>
    <t>ccmMercury - Activity Tracking System</t>
  </si>
  <si>
    <t>The ccmMercury - Activity Tracking System (ATS) tracks and routes external Transport Canada Civil Aviation service related transactions, as well as internal administrative workflows within each Region and National Operations.</t>
  </si>
  <si>
    <t>TC-3362</t>
  </si>
  <si>
    <t>ccmMercury - Portfolio Appointments Management System</t>
  </si>
  <si>
    <t>The ccmMercury - Portfolio Appointments Management System (PAMS) tracks data for the board membership on over 330 appointments for 57 portfolio organizations within the Department's or Minister of Transport's responsibility.  The Minister's Office can also create reports on current vacancies and upcoming term expires in the portfolio.</t>
  </si>
  <si>
    <t>TC-3363</t>
  </si>
  <si>
    <t>ccmMercury - First Nations Agreement Database</t>
  </si>
  <si>
    <t>FNAD</t>
  </si>
  <si>
    <t>The ccmMercury - First Nations Agreement Database (FNAD) tracks correspondence and other documents concerning First Nations and their agreements within the department of Transport.</t>
  </si>
  <si>
    <t>TC-3364</t>
  </si>
  <si>
    <t>ccmMercury - Atlantic Gateway Correspondence Database</t>
  </si>
  <si>
    <t>AGCD</t>
  </si>
  <si>
    <t>Tracks incoming and outgoing correspondence and all executive documents for the minister and the deputy minister concerning the Atlantic Gateway subject. (uses ccmMercury)</t>
  </si>
  <si>
    <t>TC-3365</t>
  </si>
  <si>
    <t>Market Information and Research Application</t>
  </si>
  <si>
    <t>MIRA</t>
  </si>
  <si>
    <t>Communications and Marketing Group has developed a web-based system called the Market Information and Research Application (MIRA) to make it easier for employees to search and retrieve both public opinion research (POR), and other market information via a searchable database.</t>
  </si>
  <si>
    <t>TC-337</t>
  </si>
  <si>
    <t>Canadian Vehicle Specifications</t>
  </si>
  <si>
    <t>The Canadian Vehicle Specifications (CVS) is a database of vehicle measurements and weights maintained and used by the Collision Investigations and Research group of Transport Canada.</t>
  </si>
  <si>
    <t>Visual Basic 5</t>
  </si>
  <si>
    <t>TC-338</t>
  </si>
  <si>
    <t>NAPA Delegate Web Link</t>
  </si>
  <si>
    <t>NDWL</t>
  </si>
  <si>
    <t>The NAPA - Delegate link provides a working user interface for use by delegates to apply for, track, and issue Limited Supplemental Type Certificates, Repair Design Certificates and Parts Design Approvals. It also enables delegates to submit applications</t>
  </si>
  <si>
    <t>TC-3385</t>
  </si>
  <si>
    <t>E-Survey</t>
  </si>
  <si>
    <t>E-SURVEY_INT</t>
  </si>
  <si>
    <t>The purpose of the ESurvey is to provide a generic application for several clients, to assist them in assessing their own client’s satisfaction or opinions. It is used for surveys for the TC Compensation unit and the TIMSD Help Desk group.</t>
  </si>
  <si>
    <t>TC-339</t>
  </si>
  <si>
    <t>National Aerodromes Safety Database</t>
  </si>
  <si>
    <t>NASD</t>
  </si>
  <si>
    <t>Web based application linked to an Oracle database for the purpose of producing Inspection or Audit checklists and reports to be used by Aerodrome Safety inspectors.</t>
  </si>
  <si>
    <t>TC-34</t>
  </si>
  <si>
    <t>Western Grain System - Grain Rail Car system</t>
  </si>
  <si>
    <t>WGS</t>
  </si>
  <si>
    <t>Billing system for CNs use of hopper rail cars. Two databses, one tracking the rail car inventory, the other tracking and billing on lease of the hoppers to Canadian National Rail</t>
  </si>
  <si>
    <t>TC-340</t>
  </si>
  <si>
    <t>National Aeronautical Product Approval System</t>
  </si>
  <si>
    <t>NAPA</t>
  </si>
  <si>
    <t>NAPA assists in the process of aeronautical product approval. The system is used to record and track the approval of aeronautical products which include aircraft, engines, propellers, floats and other miscellaneous products.</t>
  </si>
  <si>
    <t>TC-3405</t>
  </si>
  <si>
    <t>Salary Management System is a COTS system used across TC to forecast salary expenses, with a user base of about 300.  This client/server application, which uses an Oracle database, was originally developed by Influatec Inc, but is now owned by FreeBalance.</t>
  </si>
  <si>
    <t>FreeBalance - Performance Budgeting for Human Capital</t>
  </si>
  <si>
    <t>TC-341</t>
  </si>
  <si>
    <t>National Aviation Company Information System</t>
  </si>
  <si>
    <t>NACIS</t>
  </si>
  <si>
    <t>TC-342</t>
  </si>
  <si>
    <t>National Collision Database Online</t>
  </si>
  <si>
    <t>NCDB ONLINE</t>
  </si>
  <si>
    <t>This system contains all road traffic collisions reported to TC by thirteen Canadian jurisdictions. It is used by the public to query data about fatal and injury road collisions and to create their own tables of data.</t>
  </si>
  <si>
    <t>TC-3425</t>
  </si>
  <si>
    <t>GCWCC Volunteers Application</t>
  </si>
  <si>
    <t>GCWCC VA</t>
  </si>
  <si>
    <t>This software is used during the GCWCC Campaign to manage some information about the GCWCC volunteers, to communicate information to these volunteers via emails and to produce reports for the GCWCC committee.</t>
  </si>
  <si>
    <t>TC-343</t>
  </si>
  <si>
    <t>Transport Canada Marine Dangerous Goods</t>
  </si>
  <si>
    <t>TCMDG</t>
  </si>
  <si>
    <t>Accumulates dangerous data regarding containers, portable tanks, ferry terminals, Board decision rulings pertaining to marine transportation of dangerous goods, corporate contacts, address information, and data regarding accidents related to dangerous goo</t>
  </si>
  <si>
    <t>TC-346</t>
  </si>
  <si>
    <t>Operator List Search</t>
  </si>
  <si>
    <t>Operator List Search, The Operator Search list is a web site which allows the users to view and print contact information from Approved Operators</t>
  </si>
  <si>
    <t>TC-348</t>
  </si>
  <si>
    <t>Pollution Incidents Database</t>
  </si>
  <si>
    <t>PID</t>
  </si>
  <si>
    <t>P 2.2 Clean Water from Transportation</t>
  </si>
  <si>
    <t>PID is used to track marine pollution incidents and identifies,  investigations, prosecutions, quantities polluted as well as the causes of pollution incidents.</t>
  </si>
  <si>
    <t>TC-35</t>
  </si>
  <si>
    <t>Aérodrome</t>
  </si>
  <si>
    <t>AÉRODROME</t>
  </si>
  <si>
    <t>DB for monitoring aerodrome certification inspections and managing obstacles to airport zoning.</t>
  </si>
  <si>
    <t>TC-3505</t>
  </si>
  <si>
    <t>GCWCC Search Canadian Registered Charities</t>
  </si>
  <si>
    <t>GCWCC SCRC</t>
  </si>
  <si>
    <t>In the past years, this software has been used on the Blitz day during the GCWCC Campaign to search for Canadian registered charities. The list of Canadian registered charities is obtained from the Canada Revenue Agency web site. The Search Canadian Registered Charities database is updated with new information prior to the start of the GCWCC Campaign. This application allows Transport Canada employees to search for registered charities when an employee wants to donate on blitz day.</t>
  </si>
  <si>
    <t>TC-351</t>
  </si>
  <si>
    <t>Rail Occurrence Follow-Up System</t>
  </si>
  <si>
    <t>ROFS</t>
  </si>
  <si>
    <t>Employees of Rail Safety nationally have access to occurrences that have been reported to the Transportation Safety Board and the TC Provincial Rail Occurrence System (PROS). The users of this system will enter information relating to non-compliance. From</t>
  </si>
  <si>
    <t>TC-352</t>
  </si>
  <si>
    <t>Rail Safety Integrated Gateway</t>
  </si>
  <si>
    <t>RSIG</t>
  </si>
  <si>
    <t>TC-353</t>
  </si>
  <si>
    <t>Vehicle Recalls Database - Web</t>
  </si>
  <si>
    <t>VRDB-Web</t>
  </si>
  <si>
    <t>Database of recalls of vehicles, tires and child restraints</t>
  </si>
  <si>
    <t>TC-3545</t>
  </si>
  <si>
    <t>Standards Project Planning Application</t>
  </si>
  <si>
    <t>SPPA</t>
  </si>
  <si>
    <t>This application allows the Civil Aviation Standards Branch to to plan and monitor the status of all branch projects and associated tasks.</t>
  </si>
  <si>
    <t>TC-3565</t>
  </si>
  <si>
    <t>Lenel OnGuard Card Access System</t>
  </si>
  <si>
    <t>LOGCAS</t>
  </si>
  <si>
    <t>This is the security system used to control access to T-58 and O-276.  This is a COTS product from Lenel</t>
  </si>
  <si>
    <t>Diebold Systems, Lenel OnGuard</t>
  </si>
  <si>
    <t>TC-361</t>
  </si>
  <si>
    <t>Security Reliability Clearance Control System</t>
  </si>
  <si>
    <t>SRCCS_OLD</t>
  </si>
  <si>
    <t>TC-3665</t>
  </si>
  <si>
    <t>Marine Insurance Unit System</t>
  </si>
  <si>
    <t>MIUS</t>
  </si>
  <si>
    <t>Foreign vessels traveling through Canadian waterways are required to provide proof of insurance to the Canadian Federal Government, indicating that they are insured against any pollution or oil damage that may occur within Canadian waterways on their voya</t>
  </si>
  <si>
    <t>TC-3666</t>
  </si>
  <si>
    <t>Marine Aerial Surveillance Information System</t>
  </si>
  <si>
    <t>MASIS</t>
  </si>
  <si>
    <t>Currently Transport Canada conducts flights over Canadian waterways with Environment Canada employees to monitor pollution incidents. All recorded data is tracked with the MS6000 surveillance systems which reside on board the aircraft. The data from these</t>
  </si>
  <si>
    <t>TC-3705</t>
  </si>
  <si>
    <t>National Aviation Safety Information Management System</t>
  </si>
  <si>
    <t>NASIMS</t>
  </si>
  <si>
    <t>Audit and inspection system for airspace and air navigation inspections and audits.</t>
  </si>
  <si>
    <t>TC-371</t>
  </si>
  <si>
    <t>Small Commercial Vessels Registration System</t>
  </si>
  <si>
    <t>SCVRS</t>
  </si>
  <si>
    <t>Secured Intranet .asp application that creates and manages small vessel license certificates.</t>
  </si>
  <si>
    <t>TC-372</t>
  </si>
  <si>
    <t>Standardized Cost Recovery and Activity Monitoring System</t>
  </si>
  <si>
    <t>SCRAM</t>
  </si>
  <si>
    <t>The Standardized Cost Recovery and Activity Monitoring System (SCRAM) Version 3.1 is a system used by identified Transport Canada staff to enter hours worked on projects. The time entered on these projects is gathered and submitted to ARASS. Time entered</t>
  </si>
  <si>
    <t>TC-3725</t>
  </si>
  <si>
    <t>Aircraft Certification Tracking System</t>
  </si>
  <si>
    <t>ACTS V2</t>
  </si>
  <si>
    <t>The ACTS application will be used by the Aircraft Certification Branch to manage their meetings with Regional Office, the FAA, and Aircraft Companies.  There is an MS Access component available to selected individuals in the Branch for entering data and p</t>
  </si>
  <si>
    <t>TC-373</t>
  </si>
  <si>
    <t>Security Sweeps Program</t>
  </si>
  <si>
    <t>SSP</t>
  </si>
  <si>
    <t>The chief, Corporate Security, uses this application to capture, manage and report on security infractions. It produces monthly reports which he distributes to Security Coordinators. This application stores all required information in order that it can produce each Security Coordinator's report.</t>
  </si>
  <si>
    <t>TC-374</t>
  </si>
  <si>
    <t>Facilities and Design Registration</t>
  </si>
  <si>
    <t>ASD-FDR</t>
  </si>
  <si>
    <t>Means of containment data consolidated into an Oracle database with a web-based interface for the Engineering Division, Regulatory Affairs Branch of the Transport Dangerous Goods Directorate.</t>
  </si>
  <si>
    <t>TC-3806</t>
  </si>
  <si>
    <t>Civil Aviation Integrated Business Plan System</t>
  </si>
  <si>
    <t>CAIBPS</t>
  </si>
  <si>
    <t>The Civil Aviation Integrated Business Plan System (CAIBPS) is the official tool used to conduct Civil Aviation Business Planning activities. It improves the documentation of planned actions, communication of these actions, and coordination of monitoring</t>
  </si>
  <si>
    <t>TC-3807</t>
  </si>
  <si>
    <t>Civil Aviation Surveillance Information Management System</t>
  </si>
  <si>
    <t>CASIMS</t>
  </si>
  <si>
    <t>CASIMS provides a mechanism for the storage and retrieval of data relating to Civil Aviation Document Holders in respect to SMS assessments, SMS assessments, Program Validation Inspections, Process Inspections, New entrants and the phased in implementatio</t>
  </si>
  <si>
    <t>TC-382</t>
  </si>
  <si>
    <t>Train Operations Monitoring</t>
  </si>
  <si>
    <t>TOM</t>
  </si>
  <si>
    <t>Rail Safety Equipment &amp; Operations (ASRC) Train Operations Monitoring program</t>
  </si>
  <si>
    <t>TC-3825</t>
  </si>
  <si>
    <t>Approved Aircraft Simulators and Flight Training Devices</t>
  </si>
  <si>
    <t>AASFTD</t>
  </si>
  <si>
    <t>The Transport Canada Approved Aircraft Simulators and Flight Training Devices (AASFTD) website contains information for Approved Full Flight Simulators and Approved Flight Training Devices. The Approved Aircraft Simulators and Flight Training Devices data</t>
  </si>
  <si>
    <t>TC-387</t>
  </si>
  <si>
    <t>Win Pak Pro Card Access System</t>
  </si>
  <si>
    <t>WIN PAK PRO ID</t>
  </si>
  <si>
    <t>The Win Pak Pro Card Access System (WIN PAK PRO ID) is a COTS (Commercial-off-the Shelf) Identification Card and Controlled Access System utilized to enhance security in Transport Canada headquarters and regional offices.</t>
  </si>
  <si>
    <t>Honeywell, WIN-PAK Pro</t>
  </si>
  <si>
    <t>TC-3887</t>
  </si>
  <si>
    <t>TRACE ME Software</t>
  </si>
  <si>
    <t>TRACE-ME</t>
  </si>
  <si>
    <t>TRACE ME is designed to manage simulator maintenance tasks and parts inventory while providing a common log book that tracks pilot and technician entries to serve as part of a Quality Management package for the Simulator training programs for the C-90A an</t>
  </si>
  <si>
    <t>CAE</t>
  </si>
  <si>
    <t>TC-3965</t>
  </si>
  <si>
    <t>Enquiries</t>
  </si>
  <si>
    <t>ENQUIRIES</t>
  </si>
  <si>
    <t>Used by civ av comm center to track phone, email and mail correspondence, uses ms access forms for data entry.</t>
  </si>
  <si>
    <t>TC-3985</t>
  </si>
  <si>
    <t>BIRM Portal</t>
  </si>
  <si>
    <t>BIRM Portal application including preferences for all Managers</t>
  </si>
  <si>
    <t>TC-4025</t>
  </si>
  <si>
    <t>Transportation Safety Board Multi-Modal Tracking System</t>
  </si>
  <si>
    <t>TSBL_MMS</t>
  </si>
  <si>
    <t>The Multi-Modal Safety Transmittal and Response Action System is a database tracking system that contains Transportation Safety Board (TSB) information related to transportation occurrences and investigations, as well as Transport Canada’s progress in responding to TSB recommendations, safety advisories and information letters.  Owner: Strategies and Integration Directorate.TSB ASIS reporting and tracking system.  Rail and Marine also have access to this system for TSB RODS and MARSIS information respectively.</t>
  </si>
  <si>
    <t>TC-4026</t>
  </si>
  <si>
    <t>Flight 2005</t>
  </si>
  <si>
    <t>FLIGHT 2005</t>
  </si>
  <si>
    <t>Flight 2005 (FLIGHT 2005) contains Business Objects reports based on Transportation Safety Board (TSB) accident data categorized by Civil Aviation Regulation (CAR).</t>
  </si>
  <si>
    <t>TC-4048</t>
  </si>
  <si>
    <t>SAP BusinessObjects Enterprise</t>
  </si>
  <si>
    <t>SAP-BI</t>
  </si>
  <si>
    <t>SAPSAP BusinessObjects BI Platform &amp; Crystal Reports</t>
  </si>
  <si>
    <t>TC-4050</t>
  </si>
  <si>
    <t>Decision Record</t>
  </si>
  <si>
    <t>Decision Records is a custom application integrates with Hyperion, Oracle Financials</t>
  </si>
  <si>
    <t>TC-4052</t>
  </si>
  <si>
    <t>Employee Contact Information</t>
  </si>
  <si>
    <t>ECI</t>
  </si>
  <si>
    <t>TC-4056</t>
  </si>
  <si>
    <t>FlightPak DND</t>
  </si>
  <si>
    <t>FPAK DND</t>
  </si>
  <si>
    <t>FlightPak is used by DND 412 squadron for flight scheduling, crew management and reporting.</t>
  </si>
  <si>
    <t>TC-4058</t>
  </si>
  <si>
    <t>HR Call Center</t>
  </si>
  <si>
    <t>HRSCC</t>
  </si>
  <si>
    <t>The HRSCC application is developed to modernize the existing manual paper-based process, thus improving quality of data, efficiency and user guidance through automation. This application will provide an electronic method of tracking all inquiries received by the HR Systems Help Desk, from the time each inquiry is received to its resolution, allowing cases to be transferred between users. The client support specialists using this application will be able to save frequently encountered problems/issues as well as their solutions/resolutions. This functionality will enhance knowledge transfer, cross-training as well as response time and will thus contribute to the unit’s contingency plan.</t>
  </si>
  <si>
    <t>TC-4060</t>
  </si>
  <si>
    <t>Human Resources Service Request</t>
  </si>
  <si>
    <t>HRSR</t>
  </si>
  <si>
    <t>The application is the central place in Transport Canada (TC) for Delegated Managers to initiate and authorize a service request for Staffing and Classification. The application guides users through the various request types and improves efficiency of HR processes and paves the way to a more environmentally sound request process. All information which was completed in the HRSR form is now captured and tracked electronically. The application and associated business processes support increased use of RDIMS to capture, retain and share supporting information.</t>
  </si>
  <si>
    <t>TC-4062</t>
  </si>
  <si>
    <t>Hyperion Financial Management</t>
  </si>
  <si>
    <t>Hyperion</t>
  </si>
  <si>
    <t>Oracle Planning COTS Planning and Budgeting which integrates with Oracle Financials, SMS and TC Data Warehouse.</t>
  </si>
  <si>
    <t>Hyperion Planning, Oracle Fusi</t>
  </si>
  <si>
    <t>TC-4086</t>
  </si>
  <si>
    <t>TC Data Warehouse</t>
  </si>
  <si>
    <t>Transport Canada Data Warehouse - financial information.</t>
  </si>
  <si>
    <t>TC-4088</t>
  </si>
  <si>
    <t>Transport Canada Automated Fingerprint Identification System</t>
  </si>
  <si>
    <t>TCAFIS</t>
  </si>
  <si>
    <t>Safran Group, MorphoTrak</t>
  </si>
  <si>
    <t>TC-4106</t>
  </si>
  <si>
    <t>Software Request Form</t>
  </si>
  <si>
    <t>The Software Request Form (SD) is a web based application used to submit requests to the Corporate Software Administrator for processing when a software or hardware product is not a Transport Canada standard as per the TC Software and Hardware Standards Database.</t>
  </si>
  <si>
    <t>TC-411</t>
  </si>
  <si>
    <t>COTS Product OpenText Web Site Management Server Version 10.1. (former RedDot WCMS) Manages web content, meta data and publishing process of web pages and assets for external tc.gc.ca site. Oracle 11g back-end.</t>
  </si>
  <si>
    <t>Open Text Management Server v10.1.2</t>
  </si>
  <si>
    <t>TC-4285</t>
  </si>
  <si>
    <t>Emergency Response Guide 2012 On-Line</t>
  </si>
  <si>
    <t>ASD-ERG2012</t>
  </si>
  <si>
    <t>ERG2012 On-line is the web version of the Emergency Response Guidebook 2012, published in 2012</t>
  </si>
  <si>
    <t>TC-4290</t>
  </si>
  <si>
    <t>Aircraft Registration - Manufacturer's Production Marks</t>
  </si>
  <si>
    <t>MPM</t>
  </si>
  <si>
    <t>The Manufacturer Production Marks (MPM) system is part of Transport Canada's Civil Aircraft Registration and Leasing system. It allows manufacturers who have an authorization permitting the operation of an aircraft that is not registered to: • Enter new a</t>
  </si>
  <si>
    <t>TC-4302</t>
  </si>
  <si>
    <t>Civil Aviation Distribution List Information System</t>
  </si>
  <si>
    <t>CADLIS</t>
  </si>
  <si>
    <t>The CADLIS application is a replacement for the AALS application which was on the Mainframe.  This application will be the central repository for Civil Aviation distribution lists.</t>
  </si>
  <si>
    <t>TC-4307</t>
  </si>
  <si>
    <t>Computerized Aircraft Maintenance Program</t>
  </si>
  <si>
    <t>Maintains airworthiness information on Aircraft Services’ fleet of aircraft for both fixed and rotary wing and the associated aircraft parts located on those aircraft.</t>
  </si>
  <si>
    <t>CAMP Systems http://www.campsystems.com/</t>
  </si>
  <si>
    <t>TC-4309</t>
  </si>
  <si>
    <t>ERWIN Data Modeller Tools</t>
  </si>
  <si>
    <t>ERWIN</t>
  </si>
  <si>
    <t>Is a Data Management application. DMI hosts, manages, and administers the ERwin Suite of products on behalf of the department as it is the departmental Data Modeling standard toolset.  The Erwin model repository is the corporate data model repository.</t>
  </si>
  <si>
    <t>ERwin Inc.Erwin Data Modeler</t>
  </si>
  <si>
    <t>TC-4311</t>
  </si>
  <si>
    <t>Filemaker Pro 11.0, FileMaker Advanced 11.0, Filemaker Server 11.0</t>
  </si>
  <si>
    <t>FileMaker Pro is an essential tool for the CANUTEC operations as it has been the application used over the past twenty years by the emergency response advisors to store, organize, relate and retrieve elements of CANUTEC’s extensive knowledge base.</t>
  </si>
  <si>
    <t>TC-4313</t>
  </si>
  <si>
    <t>Flight Training and Aviation Education II (FTAE everyday)</t>
  </si>
  <si>
    <t>FTAE II</t>
  </si>
  <si>
    <t>TC-4331</t>
  </si>
  <si>
    <t>Marine Safety Enforcement Management System</t>
  </si>
  <si>
    <t>The Marine Safety Enforcement Management System application provides up-to-date enforcement actions against vessels operating in Canadian waters.</t>
  </si>
  <si>
    <t>TC-4336</t>
  </si>
  <si>
    <t>MultiTrans 4.4</t>
  </si>
  <si>
    <t>MultiTrans 4 is an integrated and comprehensive suite of next-generation Computer Assisted Translation (CAT) capabilities that unlocks the value in your previously created content by putting relevant past translations and approved terminology at the fingertips of your language professionals. At the core of the MultiTrans solution are the TextBase, TermBase and Translation Agent: The TextBase and its Alignment Agent enable you to easily capture and organize all of the past human-generated translations that are scattered across your organization and beyond. The TermBase ensures consistent language use by providing a glossary of your pre-approved, standardized terms in multiple languages. The Translation Agent enables users within Microsoft Word or other</t>
  </si>
  <si>
    <t>MultiTrans Advanced Terminolog</t>
  </si>
  <si>
    <t>TC-4343</t>
  </si>
  <si>
    <t>ORG_PUB</t>
  </si>
  <si>
    <t>TC-4344</t>
  </si>
  <si>
    <t>Secure Supply Chain Information Management System client</t>
  </si>
  <si>
    <t>SSCIMSs</t>
  </si>
  <si>
    <t>TC-4365</t>
  </si>
  <si>
    <t>TDG Web Feedback</t>
  </si>
  <si>
    <t>The TDG web application is an intranet web application and will be used for Feedback on the National Activity Tracking Program (NATP). The web application is written in ASP.Net using .Net Framework 3.5 and CLF Page 4.0</t>
  </si>
  <si>
    <t>TC-4374</t>
  </si>
  <si>
    <t>Transport Publications Database</t>
  </si>
  <si>
    <t>TPD</t>
  </si>
  <si>
    <t>Other,Other,Other,Other,Other</t>
  </si>
  <si>
    <t>The Transport Publications Database (TPD) is a listing of all the Marine Safety Transport Canada Publications.</t>
  </si>
  <si>
    <t>Access 2007 Database</t>
  </si>
  <si>
    <t>TC-44</t>
  </si>
  <si>
    <t>CLÉAGE</t>
  </si>
  <si>
    <t>Inventory of keys in circulation</t>
  </si>
  <si>
    <t>TC-491</t>
  </si>
  <si>
    <t>Transport Canada Directory</t>
  </si>
  <si>
    <t>TCDIR</t>
  </si>
  <si>
    <t>Central directory system for managing information and services for all TC workers</t>
  </si>
  <si>
    <t>TC-5000</t>
  </si>
  <si>
    <t>ccmMercury - Aboriginal Consultation Tracking System</t>
  </si>
  <si>
    <t>ACTS</t>
  </si>
  <si>
    <t>The ccmMercury - Aboriginal Consultation Tracking System (ACTS) is used by the Aboriginal Consultation Unit of Transport Canada to track the project status, and all correspondence related to the aboriginal consultation process.</t>
  </si>
  <si>
    <t>TC-5002</t>
  </si>
  <si>
    <t>ccmMercury - Accommodations Request Tracking System (Facilities)</t>
  </si>
  <si>
    <t>The ccmMercury - Accommodations Request Tracking System [Facilities] (ARTS) tracks facility management requests, projects, and business deliverables. This applications is used by the Facility Management group of Transport Canada.</t>
  </si>
  <si>
    <t>TC-5003</t>
  </si>
  <si>
    <t>Approved Recognized Institutions</t>
  </si>
  <si>
    <t>The Approved Recognized Institutions (ARI) is an external query system, and internal maintenance system. This applications is used by the Marine Personnel Standards, Pilotage and Medicine group of Transport Canada.</t>
  </si>
  <si>
    <t>TC-5004</t>
  </si>
  <si>
    <t>TDG Approvals</t>
  </si>
  <si>
    <t>Web application to display list of valid Equivalency Certificates, display a specific Equivalency Certificate and to search valid Equivalency Certificates. Information is updated each month, generated from Word documents. Information is stored in XML and</t>
  </si>
  <si>
    <t>TC-5006</t>
  </si>
  <si>
    <t>Canadian Port State Control System - THETIS Web Service</t>
  </si>
  <si>
    <t>CPSCS-THETIS_WS</t>
  </si>
  <si>
    <t>Currently Transport Canada has a Memorandum of Understanding setup with Paris (PMOU) to upload specific vessel information to their SIReNaC system &amp; also accept downloads of specific vessel inspection information from their European database.</t>
  </si>
  <si>
    <t>TC-5007</t>
  </si>
  <si>
    <t>Canadian Port State Control System  - Detention List</t>
  </si>
  <si>
    <t>CPSCS-DET</t>
  </si>
  <si>
    <t>TC-5008</t>
  </si>
  <si>
    <t>Canadian Port State Control Web Query System</t>
  </si>
  <si>
    <t>CPSCWQS</t>
  </si>
  <si>
    <t>Web-based system to view data in CPSCS client/server system.</t>
  </si>
  <si>
    <t>TC-5012</t>
  </si>
  <si>
    <t>eCards</t>
  </si>
  <si>
    <t>The eCards application will allow anyone to send a pre-made electronic card to the person(s) of his or her choosing</t>
  </si>
  <si>
    <t>TC-5013</t>
  </si>
  <si>
    <t>Electronic Pre-Arrival Information Report System (Internal)</t>
  </si>
  <si>
    <t>E-PAIRS Int</t>
  </si>
  <si>
    <t>P 3.7 Marine Security</t>
  </si>
  <si>
    <t>The Electronic Pre-Arrival Information Report System  (E-PAIRS) is a web-based internet and intranet web application (ASP .NET 2.0)  with a MS SQL database. The application is Protected “A” and is secured via SSL encryption, login authentication and busin</t>
  </si>
  <si>
    <t>TC-5014</t>
  </si>
  <si>
    <t>ccmMercury - General Enquires Call Log</t>
  </si>
  <si>
    <t>GECL</t>
  </si>
  <si>
    <t>The ccmMercury - General Enquires Call Log (GECL) is used by the Corporate Systems Support Group of Transport Canada for tracking external and internal client requests.</t>
  </si>
  <si>
    <t>TC-5016</t>
  </si>
  <si>
    <t>Lobby Display Panel</t>
  </si>
  <si>
    <t>LDPS</t>
  </si>
  <si>
    <t>LDPS is the old ASP app that feeds the giant screen that you see at the escalators that go down to the food court and displays the current weather and news items.  Will be replaced by the new application this fiscal year.</t>
  </si>
  <si>
    <t>TC-5018</t>
  </si>
  <si>
    <t>Reference Center - Marine Inspector's Bookshelf</t>
  </si>
  <si>
    <t>MIB</t>
  </si>
  <si>
    <t>Marine INspectors bookshelf is a CD installation to the virtual library and Inspector laptops/workstations containing Acts/Regulations/TP's, available through the Verity Search Engine.  The CD's are compiled and produced twice a year (March and October)</t>
  </si>
  <si>
    <t>TC-5019</t>
  </si>
  <si>
    <t>ccmMercury - Marine Oil Spill Preparedness and Response Regime Review</t>
  </si>
  <si>
    <t>MOSPRRR</t>
  </si>
  <si>
    <t>The Marine Oil Spill Preparedness and Response Regime Review (MOSPRRR) is used by the Emergency Preparedness group of Transport Canada for information management and policy analysis of submissions to the Tanker Safety Expert Panel.</t>
  </si>
  <si>
    <t>TC-5021</t>
  </si>
  <si>
    <t>Multimodal Personnel Document Issuance System</t>
  </si>
  <si>
    <t>MPDIS</t>
  </si>
  <si>
    <t>The Multimodal Personnel Document Issuance System (MPDIS) is used directly by the Marine Personnel Standards, Pilotage &amp; Medicine branch of Marine Safety and Security as well as indirectly for it’s production capabilities by the Standards group within Civil Aviation.  It enables the process of issuing credentials to seafarers and flight crew in keeping with the  Standards of Training , Ceritifcation and Watchkeeping (STCW) as well as the requirements set forth by the International Civil Aviation Organization (ICAO).</t>
  </si>
  <si>
    <t>TC-5023</t>
  </si>
  <si>
    <t>ccmMercury - Multimedia Publishing Services Database</t>
  </si>
  <si>
    <t>ccmMercury is used to track MPS Pool of Equipment information, which contains an inventory of all digital devices, as well as kiosks and other miscellaneous equipment manged by multimedia Product and Services.</t>
  </si>
  <si>
    <t>TC-5025</t>
  </si>
  <si>
    <t>Marine Security Information System II</t>
  </si>
  <si>
    <t>MSIS II</t>
  </si>
  <si>
    <t>MSIS II is an integrated database to record and capture security inspection information for foreign/ Canadian vessels, Canadian Vessel plan approvals and Ports, Marine Facility inspections and plan approvals under the Inspection and Enforcement Regime. MS</t>
  </si>
  <si>
    <t>TC-5027</t>
  </si>
  <si>
    <t>Marine Technical Review Board Query System</t>
  </si>
  <si>
    <t>MTRBQ</t>
  </si>
  <si>
    <t>The Marine Technical Review Board Query System (MTRBQ) allows the general public, mainly Marine Safety and Security stakeholders, to search for exemptions, replacements, or equivalencies of requirements under Marine Safety and Security regulations.</t>
  </si>
  <si>
    <t>TC-5028</t>
  </si>
  <si>
    <t>Transport Canada Intranet site</t>
  </si>
  <si>
    <t>myTC</t>
  </si>
  <si>
    <t>Custom layer written in C#.NET to support Transport Canada intranet personalization, user profiles and custom settings. Site content is static and managed by the WCMS.</t>
  </si>
  <si>
    <t>TC-5029</t>
  </si>
  <si>
    <t>Aboriginal Consultation Database</t>
  </si>
  <si>
    <t>ACD</t>
  </si>
  <si>
    <t>Manages the consultation process that is initated when a project (usually, but not exclusively involving construction) could potentially impact or otherwise affect one or more Aboriginal groups.</t>
  </si>
  <si>
    <t>TC-5030</t>
  </si>
  <si>
    <t>ccmMercury - Office of Boating Safety - Information Management System</t>
  </si>
  <si>
    <t>The ccm Mercury - Office of Boating Safety - Information Management System (ccm Mercury - OBS-IMS) is a database allows for records to be sorted, organized, searched, saved, and for reports to be created in Word or PDF format. RDIMS documents may also be</t>
  </si>
  <si>
    <t>TC-5031</t>
  </si>
  <si>
    <t>Operations Checklist</t>
  </si>
  <si>
    <t>OPS_Checklist</t>
  </si>
  <si>
    <t>Inspection Checklist application for the Operations group</t>
  </si>
  <si>
    <t>TC-5032</t>
  </si>
  <si>
    <t>Pleasure Craft Operators Competency Database System Test Online</t>
  </si>
  <si>
    <t>PCOCDS-TO</t>
  </si>
  <si>
    <t>External ASP.Net application providing Transport Canada Marine Safety Pleasure Craft Operator online test to pre-authorized clients. </t>
  </si>
  <si>
    <t>TC-5033</t>
  </si>
  <si>
    <t>Pleasure Craft Operators Competency Database System Web Service</t>
  </si>
  <si>
    <t>PCOCDS-WS</t>
  </si>
  <si>
    <t>Provides to accredited online Course Provider web application, new authorization that the CP Web Application will provide to the external client, when this one is ready to take the test.  Standard for PCOC Testing over the Internet that Course Provider must compliant before getting the Online accreditation and accessing the PCOC Web Service.</t>
  </si>
  <si>
    <t>TC-5034</t>
  </si>
  <si>
    <t>ccmMercury - Parliamentary Quotes Tracking Database</t>
  </si>
  <si>
    <t>PQTS</t>
  </si>
  <si>
    <t>The ccmMercury - Parliamentary Quotes Tracking Database (PQTS) is used by the Corporate Secretariat group of Transport Canada. The application stores quotations from various sources (Members of Parliament, media, etc.) and produces reports on trends and categories that will help to reduce workload at the end of sessions.</t>
  </si>
  <si>
    <t>TC-5037</t>
  </si>
  <si>
    <t>Time tracking system</t>
  </si>
  <si>
    <t>TC-5049</t>
  </si>
  <si>
    <t>Small Vessel Compliance Program</t>
  </si>
  <si>
    <t>SVCP</t>
  </si>
  <si>
    <t>Small non-pleasure vessels are required to be registered with Transport Canada.  Through the SVCP interim solution, vessel owners are required to complete Compliance Reports.  Once reviewed by TCMS employees, the owner of the vessel will be issued a Blue</t>
  </si>
  <si>
    <t>TC-5050</t>
  </si>
  <si>
    <t>Safety and Quality Information Database</t>
  </si>
  <si>
    <t>SQID</t>
  </si>
  <si>
    <t>The implementation of a database will enable ASD to efficiently track, assess, manage, and report information that is relevant to complying with safety and/or other quality assurance requirements.  An SMS database will provide a more cost-effective means</t>
  </si>
  <si>
    <t>Intelex Technologies</t>
  </si>
  <si>
    <t>TC-5053</t>
  </si>
  <si>
    <t>Ship Safety Bulletins</t>
  </si>
  <si>
    <t>SSB</t>
  </si>
  <si>
    <t>Ship Safety Bulletins are a source of accurate and up-to-date ship safety information, paramount to the safety of life at sea and one of the important mechanisms for conveying timely information pertaining to safeguards against identified risks.  Ship Saf</t>
  </si>
  <si>
    <t>TC-5054</t>
  </si>
  <si>
    <t>Secure Supply Chain Information Management System - External</t>
  </si>
  <si>
    <t>SSCIMSe</t>
  </si>
  <si>
    <t>Secure Supply Chain Information Management System - external web application, used for initial enrollement to ACS program.</t>
  </si>
  <si>
    <t>TC-5055</t>
  </si>
  <si>
    <t>Secure Supply Chain Information Management System - Internal</t>
  </si>
  <si>
    <t>SSCIMSi</t>
  </si>
  <si>
    <t>TC-5056</t>
  </si>
  <si>
    <t>Internal Google Search Appliance</t>
  </si>
  <si>
    <t>GSA_INT</t>
  </si>
  <si>
    <t>The search engine currently in use for the Transport Canada public and intranet websites is a Google Search Appliance (GSA). TC owns two clustered environments to support pubic site search and intranet site search. Current license is valid until March 2015.</t>
  </si>
  <si>
    <t>TC-5058</t>
  </si>
  <si>
    <t>Inspection Information System</t>
  </si>
  <si>
    <t>TDG-IIS</t>
  </si>
  <si>
    <t>The IIS is a national application used to collect and manage information concerning Transport Dangerous Goods (TDG) inspections.</t>
  </si>
  <si>
    <t>TC-5059</t>
  </si>
  <si>
    <t>TRAIN</t>
  </si>
  <si>
    <t>National application designed to meet the inspection needs of the Equipment group in Rail Safety.</t>
  </si>
  <si>
    <t>TC-5060</t>
  </si>
  <si>
    <t>Transportation Security Information System</t>
  </si>
  <si>
    <t>TSIS</t>
  </si>
  <si>
    <t>TC-5061</t>
  </si>
  <si>
    <t>Vehicle Management System (VMS)</t>
  </si>
  <si>
    <t>This application is used by the ecoTechnology Vehicles (eTV) program to manage the purchasing, testing and reservations for a fleet of vehicles owned by Programs Group.</t>
  </si>
  <si>
    <t>TC-5062</t>
  </si>
  <si>
    <t>Vessel Registration Query System</t>
  </si>
  <si>
    <t>VRQS</t>
  </si>
  <si>
    <t>VRQS provides an internet search utility agains the Register of Canada Ships used by law, enforcement agencies, and financial instutions as well as the general public.</t>
  </si>
  <si>
    <t>TC-5063</t>
  </si>
  <si>
    <t>WebTrends  is a Custom, Off-the-Shelf software that collects and displays  statistics about visitors to  TC's many internet and intranet websites and sub-sites</t>
  </si>
  <si>
    <t>TC-5064</t>
  </si>
  <si>
    <t>Staffing Tribunal Automated Complaint Tracking System</t>
  </si>
  <si>
    <t>STACTS</t>
  </si>
  <si>
    <t>TC-5065</t>
  </si>
  <si>
    <t>TDG Schedules</t>
  </si>
  <si>
    <t>TDG-SCHEDULES</t>
  </si>
  <si>
    <t>The application allows users to enter, modify, display and print the TDG Schedules and amendments.  It includes a web module which allows users to query and print TDG Regulations Schedules 1, 2 and 3 on the TC website.</t>
  </si>
  <si>
    <t>TC-5066</t>
  </si>
  <si>
    <t>Transport Canada Inspector Database</t>
  </si>
  <si>
    <t>TCID</t>
  </si>
  <si>
    <t>TC-5067</t>
  </si>
  <si>
    <t>Business Intelligence Infrastructure</t>
  </si>
  <si>
    <t>BII</t>
  </si>
  <si>
    <t>The objective of the ABII (Aviation Business Intelligence Infrastructure) project is to put in place a means to capture all information relevant to the oversight of civil aviation safety in an integrated manner.  This will allow Civil Aviation to develop</t>
  </si>
  <si>
    <t>TC-5069</t>
  </si>
  <si>
    <t>Distributed Air Personnel Licensing System - Canadian Bank Note</t>
  </si>
  <si>
    <t>DAPLS-CBN</t>
  </si>
  <si>
    <t>TC-5104</t>
  </si>
  <si>
    <t>Neptune Software</t>
  </si>
  <si>
    <t>A commercial off-the-shelf (COTS) system that TC has purchased from Kongsberg Maritime.  We have purchased two Engine Room Simulation modules (MC90 and M22PC-IV) from them.  The modules are to be used to create scenarios to test seafarers as part of the E</t>
  </si>
  <si>
    <t>Kongsberg Martime, Neptune Instructor System</t>
  </si>
  <si>
    <t>TC-5106</t>
  </si>
  <si>
    <t>SVCP-Excel</t>
  </si>
  <si>
    <t>TC-5110</t>
  </si>
  <si>
    <t>Locomotive Emissions Information System</t>
  </si>
  <si>
    <t>LEIS</t>
  </si>
  <si>
    <t>TC-5112</t>
  </si>
  <si>
    <t>Maritime Examinations Database</t>
  </si>
  <si>
    <t>EXAMINER (XMNR)</t>
  </si>
  <si>
    <t>TC-5114</t>
  </si>
  <si>
    <t>Automated Emergency Notification Fan Out Service</t>
  </si>
  <si>
    <t>AENFOS</t>
  </si>
  <si>
    <t>Pursuant to Marine Transportation Security Act and the Marine Transportation Security Regulations (MTSR's) TCMS is responsible to immediately inform the marine industry of an event or a threat that may affect the security of the Canadian Marine transporta</t>
  </si>
  <si>
    <t>TC-5115</t>
  </si>
  <si>
    <t>Port State Control - Excel</t>
  </si>
  <si>
    <t>CPSCS-Excel</t>
  </si>
  <si>
    <t>TC-5116</t>
  </si>
  <si>
    <t>Système d'inventaire des véhicules du groupe programmes et cession</t>
  </si>
  <si>
    <t>SIVP</t>
  </si>
  <si>
    <t>TC-5118</t>
  </si>
  <si>
    <t>Application Performance Management Tool</t>
  </si>
  <si>
    <t>CA APM</t>
  </si>
  <si>
    <t>TC-5122</t>
  </si>
  <si>
    <t>National Activity Tracking Program</t>
  </si>
  <si>
    <t>NATP</t>
  </si>
  <si>
    <t>NATP records and tracks employees time estimates for programs/applications that they work on. Users are able to input their daily or monthly time estimates and managers can view/create reports based on this information to better help them make financial a</t>
  </si>
  <si>
    <t>TC-5123</t>
  </si>
  <si>
    <t>PitneyBowes Spectrum Technology Platform</t>
  </si>
  <si>
    <t>Pitney Bowes Spectrum</t>
  </si>
  <si>
    <t>Pitney Bowes Spectrum Technology Platform</t>
  </si>
  <si>
    <t>TC-5124</t>
  </si>
  <si>
    <t>Microsoft Visual Studio 2010 Team Foundation Server</t>
  </si>
  <si>
    <t>Application Source Control Repository and Application Lifecycle Management Tool</t>
  </si>
  <si>
    <t>TC-5126</t>
  </si>
  <si>
    <t>Sustainable Transportation Assessment Tool</t>
  </si>
  <si>
    <t>The Sustainable Transportation Assessment Tool (STAT) is a Microsoft Excel application used by the Environmental Programs group of Transport Canada that identifies and assesses potential effects in relation to the three pillars of sustainable development:</t>
  </si>
  <si>
    <t>TC-5127</t>
  </si>
  <si>
    <t>Aviation Incident Reporting and Admin External</t>
  </si>
  <si>
    <t>AIRA Ext</t>
  </si>
  <si>
    <t>The Aviation Incident Reporting and Admin (AIRA Ext) is a web based application that external clients can use to report aviation safety and security incidents. The information is used by the Civil Aviation Contingency Operations group in Transport Canada.</t>
  </si>
  <si>
    <t>TC-5128</t>
  </si>
  <si>
    <t>Bird and Wildlife Strikes Information System External</t>
  </si>
  <si>
    <t>BSIS</t>
  </si>
  <si>
    <t>The Bird and Wildlife Strikes Information System (BSIS) is web based application that allows the general public to report on information related to Bird Strike incidents. The application provides the Flight Standards group of Transport Canada inventory an</t>
  </si>
  <si>
    <t>TC-5129</t>
  </si>
  <si>
    <t>Civil Aviation Issues Reporting System External</t>
  </si>
  <si>
    <t>CAIRS Ext</t>
  </si>
  <si>
    <t>The Civil Aviation Issues Reporting System (CAIRS Ext) provides Transport Canada external stakeholders with a means to raise issues, concerns, and complaints.</t>
  </si>
  <si>
    <t>TC-5130</t>
  </si>
  <si>
    <t>CARAC Activity Reporting System (External)</t>
  </si>
  <si>
    <t>CARAC NPA Ext</t>
  </si>
  <si>
    <t>The CARAC Activity Reporting System (CARAC NPA Ext) [Canadian Aviation Regulation Advisory Council Notice of Proposed Amendments] contains information on CARAC regulatory activities including Preliminary Issue &amp; Consultation Assessment (PICA) and Notice o</t>
  </si>
  <si>
    <t>TC-5131</t>
  </si>
  <si>
    <t>Delegates Conference Registration Application External</t>
  </si>
  <si>
    <t>DCRA Ext</t>
  </si>
  <si>
    <t>The Delegates Conference Registration Application (DCRA Ext) is used by Transport Canada Business Partners to indicate their intention of attending the 2016 Delegates Conference via an on-line registration page.</t>
  </si>
  <si>
    <t>TC-5132</t>
  </si>
  <si>
    <t>Flight Training Refresher Courses</t>
  </si>
  <si>
    <t>FTAE Int</t>
  </si>
  <si>
    <t>TC-5133</t>
  </si>
  <si>
    <t>General Aviation Licensing and Registration On-line Internal</t>
  </si>
  <si>
    <t>GALRO Admin</t>
  </si>
  <si>
    <t>TC-5140</t>
  </si>
  <si>
    <t>Audit Occurrences</t>
  </si>
  <si>
    <t>AO</t>
  </si>
  <si>
    <t>The Audit Occurrences (AO) application tracks any discrepancies discovered during an audit and the subsequent rectifications. This application is used by the Aircraft Services Directorate of Transport Canada.</t>
  </si>
  <si>
    <t>TC-5141</t>
  </si>
  <si>
    <t>Maintenance Error Decision Aid</t>
  </si>
  <si>
    <t>MEDA</t>
  </si>
  <si>
    <t>The Maintenance Error Decision Aid (MEDA) is used by the Aircraft Services Directorate of Transport Canada to track the human factors involved when an accident or incident occurs.</t>
  </si>
  <si>
    <t>TC-5142</t>
  </si>
  <si>
    <t>Pilot Certifying Authority</t>
  </si>
  <si>
    <t>The Pilot Certifying Authority (PCA) is used by the Aircraft Services Directorate of Transport Canada to track the maintenance tasks a pilot has been checked out on.</t>
  </si>
  <si>
    <t>TC-5143</t>
  </si>
  <si>
    <t>Aircraft Maintenance Engineer Certification Renewal</t>
  </si>
  <si>
    <t>AMECR</t>
  </si>
  <si>
    <t>The Aircraft Maintenance Engineer Certification Renewal (AMECR) is an application that tracks the license expiry dates of Aircraft Maintenance Engineers of the Aircraft Services Directorate of Transport Canada..</t>
  </si>
  <si>
    <t>TC-5144</t>
  </si>
  <si>
    <t>Aircraft Services Document System</t>
  </si>
  <si>
    <t>ASADS</t>
  </si>
  <si>
    <t>The Aircraft Services Document System (ASADS) is used to track aircraft defects and component changes as part of the Reliability Reporting Program at Aircraft Services.  It is also used to log and track Aircraft Services’ Service Bulletins (ASSB's), Camp</t>
  </si>
  <si>
    <t>TC-5145</t>
  </si>
  <si>
    <t>Flight Engineers</t>
  </si>
  <si>
    <t>The Flight Engineers (FE) application is used by the Aircraft Services Direcorate of Transport Canada for flight engineers to track their flights utilizing Microsoft Access.</t>
  </si>
  <si>
    <t>TC-5146</t>
  </si>
  <si>
    <t>Daily Labour Distribution</t>
  </si>
  <si>
    <t>DLD</t>
  </si>
  <si>
    <t>The Daily Labour Distribution (DLD) is used by the Aircraft Services Directorate of Transport Canada to track aircraft maintenance work orders and the amount of man-hours expended against a work order.</t>
  </si>
  <si>
    <t>TC-5147</t>
  </si>
  <si>
    <t>Portable Audit Occurrences</t>
  </si>
  <si>
    <t>The Portable Audit Occurrences (PAO) is used by the Aircraft Services Directorate of Transport Canada. The application is the version of Audit Occurrences (AO) that can be loaded onto a portable laptop computer, enabling Inspectors to bring it with them for an on-site audit.</t>
  </si>
  <si>
    <t>TC-5148</t>
  </si>
  <si>
    <t>Regional Labour Distribution</t>
  </si>
  <si>
    <t>RLD</t>
  </si>
  <si>
    <t>The Regional Labour Distribution (RLD) is an application used by the Aircraft Services Directorate (ASD) that tracks man-hours expended on the maintenance of aircraft.</t>
  </si>
  <si>
    <t>TC-5149</t>
  </si>
  <si>
    <t>Serial Numbers</t>
  </si>
  <si>
    <t>SN</t>
  </si>
  <si>
    <t>The Serial Numbers (SN) is an application that tracks unique serial numbers generated for aircraft parts for the Aircraft Services Directorate of Transport Canada.</t>
  </si>
  <si>
    <t>TC-5150</t>
  </si>
  <si>
    <t>SNAGS</t>
  </si>
  <si>
    <t>The SNAGS (SNAGS) web application used by the Aircraft Services Directiorate of Transport Canada to  view  problems and solutions regarding aircraft maintenance issues entered in the Aircraft Services Document System(ASADS) database.</t>
  </si>
  <si>
    <t>TC-5151</t>
  </si>
  <si>
    <t>Strategic Environmental Assessment Database</t>
  </si>
  <si>
    <t>TC-5152</t>
  </si>
  <si>
    <t>Port Divestiture Program Database</t>
  </si>
  <si>
    <t>PDP</t>
  </si>
  <si>
    <t>TC-5153</t>
  </si>
  <si>
    <t>CANUTEC Registration System Web</t>
  </si>
  <si>
    <t>CRSWEB</t>
  </si>
  <si>
    <t>The CANUTEC Registration System Web (CRSWEB) is the new online system for companies wishing to register or renew their registrations with the Canadian Transport Emergency Centre (CANUTEC).   This system will address the increased volume of companies wishi</t>
  </si>
  <si>
    <t>TC-5155</t>
  </si>
  <si>
    <t>ccmMercury - Client Service Feedback System</t>
  </si>
  <si>
    <t>The Client Service Feedback System (CFS) is a department-wide Client Service Feedback System systematically collects and tracks data from external clients. This application is used  by the Corporate Services Group in the Ontario Region.</t>
  </si>
  <si>
    <t>TC-5156</t>
  </si>
  <si>
    <t>ccmMercury - Ministers Registry (Stand Alone 8th Floor - Secret Docs)</t>
  </si>
  <si>
    <t>Ministers Registry</t>
  </si>
  <si>
    <t>TC-5160</t>
  </si>
  <si>
    <t>Secure File Transfer Protected "A" - Internal Admin</t>
  </si>
  <si>
    <t>SFTA_INT</t>
  </si>
  <si>
    <t>Secure file transfer service for Protected A files.  This is the internal administration interface.</t>
  </si>
  <si>
    <t>TC-5162</t>
  </si>
  <si>
    <t>PRO-NAVIRE</t>
  </si>
  <si>
    <t>Billing system for ports.</t>
  </si>
  <si>
    <t>TC-5163</t>
  </si>
  <si>
    <t>Virtual Services Centre for Aviation</t>
  </si>
  <si>
    <t>CSVA</t>
  </si>
  <si>
    <t>Provides a range of online services for Quebec's 130 air operators external to TC. This improves request management by centralizing information in a database. This system monitors client files and actions taken in light of service standards and distributi</t>
  </si>
  <si>
    <t>TC-5165</t>
  </si>
  <si>
    <t>OBSTACLES</t>
  </si>
  <si>
    <t>Database for managing air zoning obstacles</t>
  </si>
  <si>
    <t>TC-5166</t>
  </si>
  <si>
    <t>Secure File Transfer Protected "B" - Internal TC user</t>
  </si>
  <si>
    <t>SFTB_INT</t>
  </si>
  <si>
    <t>TC-5172</t>
  </si>
  <si>
    <t>PUBLIC COMPLAINTS DATABASE - Windows</t>
  </si>
  <si>
    <t>PCDB-Win</t>
  </si>
  <si>
    <t>The PUBLIC COMPLAINTS DATABASE - Windows (PCDB-Win) is a client-server application used by the Transport Canada Defect Investigations group to review, analyze, create, and track the on-going investigation activities of complaints received through the PCDB</t>
  </si>
  <si>
    <t>TC-5173</t>
  </si>
  <si>
    <t>Vehicle Recalls Database - Windows</t>
  </si>
  <si>
    <t>VRDB-Win</t>
  </si>
  <si>
    <t>The Vehicle Recalls Database - Windows (VRDB-Win) allows Transport Canada Road Safety group to manage the database of vehicles, tires, and child restraints that are subject to a recall.</t>
  </si>
  <si>
    <t>TC-5174</t>
  </si>
  <si>
    <t>Temporary Vehicle Importation System - Windows</t>
  </si>
  <si>
    <t>TVIS-Win</t>
  </si>
  <si>
    <t>The Temporary Vehicle Importation System - Windows (TVIS-Win) is a client-server application allowing Transport Canada’s Import and Audit Inspection group to review, process, track, and search the Schedule VII requests received via the TVIS-Web Applicatio</t>
  </si>
  <si>
    <t>TC-5175</t>
  </si>
  <si>
    <t>HUMAN RESOURCES APPLICATION MANAGEMENT SYSTEM</t>
  </si>
  <si>
    <t>HR-AMS</t>
  </si>
  <si>
    <t>TC-5178</t>
  </si>
  <si>
    <t>EXCLUSIONS</t>
  </si>
  <si>
    <t>TIPS_EXCL</t>
  </si>
  <si>
    <t>TC-5184</t>
  </si>
  <si>
    <t>Pitney Bowes - Ascent</t>
  </si>
  <si>
    <t>TC-5185</t>
  </si>
  <si>
    <t>The SendSuite Tracking (SST) is an Intranet web-based data collection and tracking solution “Commercial-off-the Shelf” (COTS) product and the supplier is Pitney Bowes. It enables organizations to track high-priority items as they move throughout an organization. SST helps decrease internal delivery time, prevents lost items, increases employee accountability and alerts the receiver when an item arrives.</t>
  </si>
  <si>
    <t>Pitney Bowes - SendSuite</t>
  </si>
  <si>
    <t>TC-5187</t>
  </si>
  <si>
    <t>Examiner (Quebec Region)</t>
  </si>
  <si>
    <t>Examiner (QUE)</t>
  </si>
  <si>
    <t>The Examiner Corporation</t>
  </si>
  <si>
    <t>TC-5193</t>
  </si>
  <si>
    <t>INVENTAIRE</t>
  </si>
  <si>
    <t>Tracking system of their equipment inventory  and equipment loans to employees.  Allows to keep track of items such as cameras, mobile phones, equipment parts, cards issued to employees. This database allows us to print reports of items given to employees and recover them when they leave the department.</t>
  </si>
  <si>
    <t>TC-5194</t>
  </si>
  <si>
    <t>Canto Cumulus</t>
  </si>
  <si>
    <t>CUMULUS</t>
  </si>
  <si>
    <t>Canto Cumulus provides a powerful tool for archiving, managing and marketing digital files. Cumulus can store any type of digital media assets, including all types of documents, images, audio, video, layouts from publishing programs, presentations and PDF files. The Cumulus Software Maintenance program provides free upgrades that Canto releases from time to time. We are currently using version 7.6. There have been 4 releases of newer versions since our last installation.  New features of enhancements to the software include: World metadata support, departmental user management, multi-lingual category trees, larger catalogue capability, improved metadata validation, water marking, language switching, and view permissions of fields.</t>
  </si>
  <si>
    <t>Cumulus by Canto</t>
  </si>
  <si>
    <t>TC-5196</t>
  </si>
  <si>
    <t>TeamMate is a GoC standard suite for audit and evaluation and is being used by many other departments for this function (approximately 27 departments).  Over the past year and a half, AR has been formalizing its practices and is now in a position to implement this software.   TeamMate will benefit the Branch by ensuring rigour in the application of defined practices and procedures.  It will also significantly improve overall efficiencies (e.g., a mature audit/evaluation function that has effectively implemented Teammate can apply the ‘sign-off’ feature, significantly saving time and creating efficiency in the review).</t>
  </si>
  <si>
    <t>TC-5198</t>
  </si>
  <si>
    <t>Briefing Note Template</t>
  </si>
  <si>
    <t>BNT</t>
  </si>
  <si>
    <t>The Briefing Note Template application will provide one central web–based location for Briefing Note template generation. This application will allow users to select various options from a web form which outputs a MS Word document. The application will provide administration interface where the business manager can manage the template’s values, and update them as needed.</t>
  </si>
  <si>
    <t>TC-5199</t>
  </si>
  <si>
    <t>TC Talent Network</t>
  </si>
  <si>
    <t>TCTN</t>
  </si>
  <si>
    <t>Throughout Safety and Security 2020 consultations, in particular the DM’s conversation throughout the department, the requirement for a Knowledge Transfer Program has been identified. DM tasked a Safety and Security 2020 team lead to design, develop and implement a TC Talent Network that will:  - Provide a process light, simple and easily accessible program for those who want in and those pulling from program. Process must be simple and clearly defined for all users. - Provide a Central repository, accessible to Managers and Oversight component to ensure appropriate use, uptake and value for money. - Align with Department’s current planning processes and tools, needs and gaps.</t>
  </si>
  <si>
    <t>TC-5200</t>
  </si>
  <si>
    <t>Marine Vessel Registration</t>
  </si>
  <si>
    <t>MVR</t>
  </si>
  <si>
    <t>Online app to order a vessel transcript with a checkout.</t>
  </si>
  <si>
    <t>TC-5209</t>
  </si>
  <si>
    <t>Database Inventory</t>
  </si>
  <si>
    <t>DBINV</t>
  </si>
  <si>
    <t>The Database Management group within the Technology and Information Management Services (TIMSD) has a requirement for an inventory of corporate databases under their management, to be able to effectively manage and support the entire portfolio.   A database is required to adequately represent the data relationships and enforce data integrity and validation constraints.   The system will replace the inventory spreadsheet RDIMS #36414.  The inventory will be maintained by the corporate Database Management group.   All changes to the Database Inventory will be associated with appropriate Change Management references.</t>
  </si>
  <si>
    <t>TC-5211</t>
  </si>
  <si>
    <t>Authorized Persons - Flight Crew Licensing</t>
  </si>
  <si>
    <t>AP FCL</t>
  </si>
  <si>
    <t>An AP FCL is a person who on behalf of Transport Canada Civil Aviation (TCCA), has been delegated to issue flight crew members temporary civil aviation licensing privileges or to administer English or French aviation language proficiency tests subject to the conditions listed on their “Accreditation Letter”. The AP FCL module of Civil Aviation Services (CAS) provides a search function to find these persons</t>
  </si>
  <si>
    <t>TC-5213</t>
  </si>
  <si>
    <t>Ballast Interventions</t>
  </si>
  <si>
    <t>BALLAST INTERVENTIONS</t>
  </si>
  <si>
    <t>Database for the management of ballast water tracking</t>
  </si>
  <si>
    <t>TC-5214</t>
  </si>
  <si>
    <t>Common Online Payment Service</t>
  </si>
  <si>
    <t>Web API and pages allowing integration with RGBB contractor (Moneris)</t>
  </si>
  <si>
    <t>TC-5218</t>
  </si>
  <si>
    <t>Incident Pollutions</t>
  </si>
  <si>
    <t>INC_POLL 2014</t>
  </si>
  <si>
    <t>Database for compilation of marine pollution reported by Canadian Coast Guard Réseau d’alerte (RAA)</t>
  </si>
  <si>
    <t>TC-5222</t>
  </si>
  <si>
    <t>Take-Off and Landings</t>
  </si>
  <si>
    <t>TO_LAND</t>
  </si>
  <si>
    <t>Calculator and database to count take-offs and landings as well as the 60 day Crew Currency.</t>
  </si>
  <si>
    <t>TC-5223</t>
  </si>
  <si>
    <t>Safety Reporting Database</t>
  </si>
  <si>
    <t>AAFS</t>
  </si>
  <si>
    <t>Safety Reporting Database (MS Access) records safety occurrence reports, investigations and actions taken for all reporting within ASD related to the aviation operations. As an aviation certificate holder, ASD is required to track occurrences and hazards</t>
  </si>
  <si>
    <t>TC-5226</t>
  </si>
  <si>
    <t>Workforce Planning Application</t>
  </si>
  <si>
    <t>WPA</t>
  </si>
  <si>
    <t>TC-5228</t>
  </si>
  <si>
    <t>NAPA Delegate Web Link - Emailer</t>
  </si>
  <si>
    <t>NDWL-Emailer</t>
  </si>
  <si>
    <t>PowerBuilder application that generates MS Word certificates for the NDWL web application and then emails those certificates to the delegates (NDWL users).  It also converts the MS Word certificates to PDF for NICO.</t>
  </si>
  <si>
    <t>TC-5240</t>
  </si>
  <si>
    <t>CANUTEC Application suite</t>
  </si>
  <si>
    <t>TDG-CS - TMD-CS</t>
  </si>
  <si>
    <t>CAS is an essential tool for the CANUTEC operations as it is the application used by the emergency response advisors to store, organize, relate and retrieve elements of CANUTEC’s extensive knowledge base.</t>
  </si>
  <si>
    <t>TC-5241</t>
  </si>
  <si>
    <t>Emergency Response Guide 2016 On-Line</t>
  </si>
  <si>
    <t>TDG-ERG2016</t>
  </si>
  <si>
    <t>ERG2016 On-line is the web version of the Emergency Response Guidebook 2016, published in 2016</t>
  </si>
  <si>
    <t>TC-5242</t>
  </si>
  <si>
    <t>Web Timesheet with Microsoft Project Integration</t>
  </si>
  <si>
    <t>WTS/MSPI</t>
  </si>
  <si>
    <t>Web TimeSheet/MS Project Integration is a web based (hosted) time tracking tool. Web TimeSheet's Integration Manager for MS Project Standard provides seamless integration between time and expense data in Web TimeSheet and MS Project. WTS/MSPI is used by ASD Engineering to support their initiative to better track project costs/expenses.</t>
  </si>
  <si>
    <t>TC-5243</t>
  </si>
  <si>
    <t>PIA</t>
  </si>
  <si>
    <t>TC-5245</t>
  </si>
  <si>
    <t>Ontario Region Inventory Dashboard</t>
  </si>
  <si>
    <t>ORID</t>
  </si>
  <si>
    <t>Provides a listing of select attractive assets ( i.e. Information Technology (IT) equipment, telecommunication devices, government vehicles, etc.) along with their present custodians within the Ontario Region.</t>
  </si>
  <si>
    <t>TC-5246</t>
  </si>
  <si>
    <t>Ontario Region Online Ordering System</t>
  </si>
  <si>
    <t>OROOS</t>
  </si>
  <si>
    <t>As part of the consolidation of Accounts Payable and Purchasing in the Ontario Region, this online form provides the mechanism for branches to request the purchase of goods and services. As well, it provides the mechanism to request that a Commitment be entered into the Oracle 11i financial system.</t>
  </si>
  <si>
    <t>TC-5248</t>
  </si>
  <si>
    <t>Online Payment Service</t>
  </si>
  <si>
    <t>OPS</t>
  </si>
  <si>
    <t>The request is for approval of an interim application that will develop and implement an integrated Receiver General Buy Button (RGBB) Hosted Check Out (HCO) solution to allow Civil Aviation clients to pay for 29 different Civil Aviation services (list of services can be found in Annex A). During F15/16, these services generated close to 42,000 transactions and collected 2.6 million dollars</t>
  </si>
  <si>
    <t>TC-5249</t>
  </si>
  <si>
    <t>Electronic Collection of Air Transportation Statistics - Customer Relationship M</t>
  </si>
  <si>
    <t>ECATS-CRM</t>
  </si>
  <si>
    <t>ECATS-CRM is a tool used by the Economic Analysis directorate with which all communications and some operational data concerning the ECATS and MODS programs (regulated data collection programs) are managed.  This tool should be considered separate from the ECATS-Collection and ECATS-Dissemination modules.</t>
  </si>
  <si>
    <t>TC-5251</t>
  </si>
  <si>
    <t>Two Factor Authentication</t>
  </si>
  <si>
    <t>2FA</t>
  </si>
  <si>
    <t>TC-5252</t>
  </si>
  <si>
    <t>Electronic Medical Examination Report (eMER)</t>
  </si>
  <si>
    <t>eMER</t>
  </si>
  <si>
    <t>TC-5253</t>
  </si>
  <si>
    <t>Transport Canada Operation Management System</t>
  </si>
  <si>
    <t>TCOMS</t>
  </si>
  <si>
    <t>There are three TC emergency operations centres located in National Headquarters: TC Situation Centre (TC SitCen), Canadian Transport Emergency Centre (CANUTEC) and Civil Aviation Contingency Operations (CACO); they have undergone several reviews over the last few years. CACO and SITCEN have been consolidated and CANUTEC is now co-locating. The goal of the new application is to streamline incident management activities, day to day information flow, and to employ consistent information management processes and procedures.</t>
  </si>
  <si>
    <t>TC-5254</t>
  </si>
  <si>
    <t>Emergency Response Guidebook Editor (ERG)</t>
  </si>
  <si>
    <t>TDG-ERG</t>
  </si>
  <si>
    <t>Serves as the single content editing platform for the ERG publication.  The ERG Editor streamlines the maintenance and publishing process of the ERG.</t>
  </si>
  <si>
    <t>TC-5255</t>
  </si>
  <si>
    <t>Two Factor Authentication Web Proxy</t>
  </si>
  <si>
    <t>2FA Web Proxy</t>
  </si>
  <si>
    <t>TC-5256</t>
  </si>
  <si>
    <t>AMAG Symmetry</t>
  </si>
  <si>
    <t>The Symmetry Card Access System is a COTS (Commercial-off-the Shelf) Identification Card and Controlled Access System from AMAG Technology that is utilized to enhance security in other federal government departments such as Department of National Defense (DND) and the Privy Council Office. It is an open system with many different options for combining security equipment and software into a single Security Management System which follows international standard for networking and integration. It expands beyond Access Control into a complete fully-featured Security Management System. It provides Access Management, Alarm Management &amp; System Monitoring and Integrated Video Management functionalities.  The AMAG Symmetry Card Access System is a Windows based</t>
  </si>
  <si>
    <t>AMAG, Symmetry</t>
  </si>
  <si>
    <t>TC-5257</t>
  </si>
  <si>
    <t>AMAG Symmetry SCIF</t>
  </si>
  <si>
    <t>ASAC-SCIF</t>
  </si>
  <si>
    <t>TC-5258</t>
  </si>
  <si>
    <t>ADOBE Livecycle</t>
  </si>
  <si>
    <t>Adobe® LiveCycle® Enterprise Suite 4 is an enterprise form platform that contains many fonctionalities. The only fonctionality that is currently used at Transport Canada is the Adobe LiveCycle Reader Extensions to enable some features in Acrobat Reader on a per-form PDF file basis. These are features otherwise found in the full licensed product Adobe Acrobat.  The Adobe Reader cannot normally save filled PDF forms. The LiveCycle Reader Extensions functionality can prepare PDF form files in order to save form content with the ADOBE Reader software. Several PDF forms at Transport Canada were prepared in such a fashion to enable the Save feature with ADOBE Reader.</t>
  </si>
  <si>
    <t>TC-5262</t>
  </si>
  <si>
    <t>Disclosure of Travel and Hospitality (Internal)</t>
  </si>
  <si>
    <t>DTH_INT - DVA_INT</t>
  </si>
  <si>
    <t>Internal data-entry application (Disclosure of Travel and Hospitality expenses)</t>
  </si>
  <si>
    <t>TC-5264</t>
  </si>
  <si>
    <t>Disclosure of Grants and Contributions (Internal)</t>
  </si>
  <si>
    <t>DGC_INT - DSC_INT</t>
  </si>
  <si>
    <t>The Disclosure of Grants and Contributions Tool will allow the general public to access information on grants and contributions over $25K awarded by the department in compliance with the government's transparency legislation. One section of this applicati</t>
  </si>
  <si>
    <t>TC-5265</t>
  </si>
  <si>
    <t>Flight Training and Aviation Education Computer Delivered Examinations Internal</t>
  </si>
  <si>
    <t>FTAE CDE Int</t>
  </si>
  <si>
    <t>TC-5266</t>
  </si>
  <si>
    <t>DB/Textworks 15.5</t>
  </si>
  <si>
    <t>INMAGICDB</t>
  </si>
  <si>
    <t>Vendor: Lucidea, Product: Inmagic DB/TextWorks</t>
  </si>
  <si>
    <t>TC-5267</t>
  </si>
  <si>
    <t>ccmMercury - Airports Ports Capital Projects Database</t>
  </si>
  <si>
    <t>APCP</t>
  </si>
  <si>
    <t>Tracking tool for capital projects over 1 million dollar</t>
  </si>
  <si>
    <t>TC-5268</t>
  </si>
  <si>
    <t>ccmMercury - AIRPORTS AND FERRIES CAPITAL TRACKING SYSTE</t>
  </si>
  <si>
    <t>AATD</t>
  </si>
  <si>
    <t>Tracking of airport activities in the Quebec region</t>
  </si>
  <si>
    <t>TC-5269</t>
  </si>
  <si>
    <t>ccmMercury - Deputy Minister’s Office Tasking</t>
  </si>
  <si>
    <t>DMOT</t>
  </si>
  <si>
    <t>Captures and track high volume of various type of requests for information being solicited from the department. The questions are to be entered into</t>
  </si>
  <si>
    <t>TC-5270</t>
  </si>
  <si>
    <t>ccmMercury - Security Incident Reporting</t>
  </si>
  <si>
    <t>Tracking and reporting of security incident</t>
  </si>
  <si>
    <t>TC-5271</t>
  </si>
  <si>
    <t>Electronic Pre-Arrival Information Report System (External)</t>
  </si>
  <si>
    <t>E-PAIRS Ext WS</t>
  </si>
  <si>
    <t>The Electronic Information Reporting System (EPAIRS) is a web application that allows for vessels to file their 96 Hour pre-arrival reports on-line, and to allow Transport Canada inspectors to review the submissions to ensure the vessels meet Transport Canada Regulatory Standards.  EPAIRS is used primarily by Marine Security Operations Centre (MSOC) staff to process 96-Hour Pre-Arrival Information Reports (PAIRs) received by vessels entering Canadian waters as per the Marine Security Regulations (MTSR Sec. 221).</t>
  </si>
  <si>
    <t>TC-5272</t>
  </si>
  <si>
    <t>PCDB Manufacturer Portal</t>
  </si>
  <si>
    <t>PCDB</t>
  </si>
  <si>
    <t>Provides regulated companies with access to complaint data regarding their vehicles and/or equipment as received by Transport Canada.</t>
  </si>
  <si>
    <t>TC-5273</t>
  </si>
  <si>
    <t>Corrective Action Plan Management System</t>
  </si>
  <si>
    <t>CAPMS</t>
  </si>
  <si>
    <t>The system allows users to enter assessments, corrective actions plans and corrective actions which can then be searched upon and reported against</t>
  </si>
  <si>
    <t>TC-5274</t>
  </si>
  <si>
    <t>LISTSERV (Frontend)</t>
  </si>
  <si>
    <t>LISTSERV_EXT</t>
  </si>
  <si>
    <t>LISTSERV email service software is used to distribute information about changes to our web sites, news releases, and other topics, in order to communicate with stakeholders (media, industry, public, government departments) who subscribe to distribution lists. External facing component.</t>
  </si>
  <si>
    <t>TC-5275</t>
  </si>
  <si>
    <t>TC Blogger</t>
  </si>
  <si>
    <t>TCBLOGGER</t>
  </si>
  <si>
    <t>A COTS product that allows users to create blogs and manage them.</t>
  </si>
  <si>
    <t>Hexamail Advanced Blog Server</t>
  </si>
  <si>
    <t>TC-5278</t>
  </si>
  <si>
    <t>Entrust GetAccess</t>
  </si>
  <si>
    <t>TC-5279</t>
  </si>
  <si>
    <t>Entrust TruePass</t>
  </si>
  <si>
    <t>TruePass</t>
  </si>
  <si>
    <t>TC-5284</t>
  </si>
  <si>
    <t>Canadian Port State Control System - APCIS Web Service</t>
  </si>
  <si>
    <t>CPSCS-APCIS_WS</t>
  </si>
  <si>
    <t>The Canadian Port State Control System - THETIS (CPSCS - THETIS) is used by the Marine Safety Group of Transport Canada and is a ship inspection reporting database related to vessel information.  Transport Canada has a Memorandum of Understanding (MOU) setup with European countries called Paris MOU (PMOU) to upload specific vessel information to their THETIS system, and also downloads of specific vessel inspection information from their database THETIS.</t>
  </si>
  <si>
    <t>TC-5285</t>
  </si>
  <si>
    <t>SASEG</t>
  </si>
  <si>
    <t>SAS Enterprise Guide is a point-and-click, menu- and wizard-driven tool that empowers users to analyze data and publish results. It provides fast-track learning for quick data analysis, generates code for productivity and speeds your ability to deploy analyses and forecasts in real time.</t>
  </si>
  <si>
    <t>SAS Base</t>
  </si>
  <si>
    <t>TC-5286</t>
  </si>
  <si>
    <t>Forms Catalogue Web Service</t>
  </si>
  <si>
    <t>FORMCAT_WS</t>
  </si>
  <si>
    <t>The Forms Catalogue web service provides forms information to other applications.</t>
  </si>
  <si>
    <t>TC-5287</t>
  </si>
  <si>
    <t>ANNEX10 Cross Validation Refresh Process</t>
  </si>
  <si>
    <t>A10CW Cross Validation Refresh Process</t>
  </si>
  <si>
    <t>A nightly batch process for the importing of Cross Validation rules from the Oracle Financials application into the Annex 10 application.</t>
  </si>
  <si>
    <t>TC-5288</t>
  </si>
  <si>
    <t>Address Label Processing Application Web service</t>
  </si>
  <si>
    <t>ALPS_WS</t>
  </si>
  <si>
    <t>The ALPS web service provides departmental mail stop information to other applications - in particular, the TC Directory ALPS batch process.</t>
  </si>
  <si>
    <t>TC-5289</t>
  </si>
  <si>
    <t>TC-5290</t>
  </si>
  <si>
    <t>E-Survey External</t>
  </si>
  <si>
    <t>E-SURVEY_EXT</t>
  </si>
  <si>
    <t>The purpose of the E-Survey is to provide a generic application for several clients, to assist them in assessing their own client’s satisfaction or opinions. For exemple, It is used for surveys for the TC Compensation unit and the TIMSD Help Desk group. If a Survey is defined as external then it could be filled by an external stakeholder.</t>
  </si>
  <si>
    <t>TC-5291</t>
  </si>
  <si>
    <t>GCWCC Auction Cleanup Process</t>
  </si>
  <si>
    <t>GCWCC TCB CP</t>
  </si>
  <si>
    <t>A nightly batch process for the retention and disposition of records.</t>
  </si>
  <si>
    <t>TC-5292</t>
  </si>
  <si>
    <t>SendSuite Tracking (Pitney Bowes) Admininstrator module (Web)</t>
  </si>
  <si>
    <t>The SendSuite Tracking (SST) is an Intranet web-based data collection and tracking solution “Commercial-off-the Shelf” (COTS) product and the supplier is Pitney Bowes. It enables organizations to track high-priority items as they move throughout an organization.</t>
  </si>
  <si>
    <t>TC-5293</t>
  </si>
  <si>
    <t>TCDirectory Web Service</t>
  </si>
  <si>
    <t>TCDirectory_WS</t>
  </si>
  <si>
    <t>The TC Directory web service provides departmental staff, building and organizational information to other applications.</t>
  </si>
  <si>
    <t>TC-5294</t>
  </si>
  <si>
    <t>Canada Post Address Validation_Web Service</t>
  </si>
  <si>
    <t>Canada Post Address Validation_WS</t>
  </si>
  <si>
    <t>The Canada Post Address Validation web service provides Address information to other applications.</t>
  </si>
  <si>
    <t>TC-5295</t>
  </si>
  <si>
    <t>Employee Data Export for SendSuite</t>
  </si>
  <si>
    <t>TCD_SST_Export</t>
  </si>
  <si>
    <t>Nightly batch job that exports staff contact data to be imported/refreshed in the Sendsuite application.</t>
  </si>
  <si>
    <t>TC-5296</t>
  </si>
  <si>
    <t>Employee Data Export for EasyLobby</t>
  </si>
  <si>
    <t>TCD_SVM_Export</t>
  </si>
  <si>
    <t>Nightly batch job that exports staff contact data to be imported/refreshed in the EasyLobby application.</t>
  </si>
  <si>
    <t>TC-5297</t>
  </si>
  <si>
    <t>TIPS Refresh Process</t>
  </si>
  <si>
    <t>TCD_TIPS Refresh Process</t>
  </si>
  <si>
    <t>Nightly batch job that imports employee’s employment position hierarchy, titles and employment status from the TIPS application into the TC Directory application.</t>
  </si>
  <si>
    <t>TC-5298</t>
  </si>
  <si>
    <t>GEDS Refresh Process</t>
  </si>
  <si>
    <t>TCD_GEDS Refresh Process</t>
  </si>
  <si>
    <t>Weekly batch job that sends staff contact data to be imported into the GEDS system.</t>
  </si>
  <si>
    <t>TC-5299</t>
  </si>
  <si>
    <t>ALPS Designator Refresh Process</t>
  </si>
  <si>
    <t>TCD_ALPS Designator Refresh Process</t>
  </si>
  <si>
    <t>Nightly process that refreshes designator codes from the ALPS application into the TC Directory application.</t>
  </si>
  <si>
    <t>TC-5300</t>
  </si>
  <si>
    <t>LastLogon Process</t>
  </si>
  <si>
    <t>TCD_LastLogon Process</t>
  </si>
  <si>
    <t>Nightly batch process that collects the last network account logon time to store in TC Directory application.</t>
  </si>
  <si>
    <t>TC-5301</t>
  </si>
  <si>
    <t>TCNCI Remove Old Data Process</t>
  </si>
  <si>
    <t>TC-5302</t>
  </si>
  <si>
    <t>TCNCI Script</t>
  </si>
  <si>
    <t>A data collection script gathering an inventory of TC software, workstations and servers.</t>
  </si>
  <si>
    <t>TC-5303</t>
  </si>
  <si>
    <t>TC Data Portal</t>
  </si>
  <si>
    <t>TCDP</t>
  </si>
  <si>
    <t>The TC Data Portal is a custom platform that exposes internal databases as API's externally to support Open Government Real-time data sets.</t>
  </si>
  <si>
    <t>TC-5305</t>
  </si>
  <si>
    <t>Stakeholder Consultations and Engagement Solution</t>
  </si>
  <si>
    <t>SCES-CRM</t>
  </si>
  <si>
    <t>Outreach and Creative Services</t>
  </si>
  <si>
    <t>The Stakeholder Consultations and Engagement Solution (SCES) supports tracking the state of consultations with external stakeholders, and facilitates submission of reports through the Open Government Registry.</t>
  </si>
  <si>
    <t>DYNAMICS CRM</t>
  </si>
  <si>
    <t>TC-5306</t>
  </si>
  <si>
    <t>Marine Safety and Security - National Oversight Plan</t>
  </si>
  <si>
    <t>MSSNOP</t>
  </si>
  <si>
    <t>Online tool to assist with the data needed to generate the National Oversight Plan and reports.</t>
  </si>
  <si>
    <t>TC-5307</t>
  </si>
  <si>
    <t>SWI_WS</t>
  </si>
  <si>
    <t>Creates a streamlined process for the electronic collection and dissemination of commericial import data between the Government of Canada and the import community (Canadian Border Services Agency, Registrar of Imported Vehicles).</t>
  </si>
  <si>
    <t>TC-5308</t>
  </si>
  <si>
    <t>My TC Oversight</t>
  </si>
  <si>
    <t>MTCO</t>
  </si>
  <si>
    <t>The MyTC Online Account (MTOA) Project will create a new service delivery channel for Transport Canada services by building a client-centric digital services platform that will enable Transport Canada (TC) external clients, delegates and internal employees to access and complete regulatory authorization services such as permits, certifications and licenses in a standard, consistent, reliable and secure manner (including Protected A and B services). The platform (or portal) will also provide self-serve access to near-time performance data including data on service standards, issue tracking and service enrollment status.</t>
  </si>
  <si>
    <t>TC-5309</t>
  </si>
  <si>
    <t>Rail Safety Improvement Program</t>
  </si>
  <si>
    <t>RSIP</t>
  </si>
  <si>
    <t>RSIP is a web based submission tool, allowing interested parties to submit funding applications for projects that improve rail safety.</t>
  </si>
  <si>
    <t>TC-5310</t>
  </si>
  <si>
    <t>Canadian Maritime Document Verification</t>
  </si>
  <si>
    <t>CMDV</t>
  </si>
  <si>
    <t>CMDV is a site that enables verification of Canadian Maritime Documents by foreign Marine Safety authorities and needs to be in place to meet the obligations of Transport Canada to the International Maritime Organization as signatory to the Standards of Training , Ceritifcation and Watchkeeping (STCW)</t>
  </si>
  <si>
    <t>TC-5311</t>
  </si>
  <si>
    <t>Small Vessel Declaration of Conformity Online Service</t>
  </si>
  <si>
    <t>MISV</t>
  </si>
  <si>
    <t>An online service allowing Small Vessel Manufacturers and/or Importers fill in Declarations of Conformity online and print the filled forms as ready-to-sign PDF documents.</t>
  </si>
  <si>
    <t>TC-5312</t>
  </si>
  <si>
    <t>Oceans Protection Plan Stakeholder Engagement System</t>
  </si>
  <si>
    <t>OPPSES</t>
  </si>
  <si>
    <t>The OPPSES solution includes data for all consultations and engagement activities with Indigenous groups and stakeholders, and can be linked to project leads, Indigenous counterpart, stakeholders, partners, initiatives and events. The system will also produce dashboards and reports, and will support a business requirement to report quarterly to senior management, key departmental partners and other partners.</t>
  </si>
  <si>
    <t>TC-5313</t>
  </si>
  <si>
    <t>TDG Business Number</t>
  </si>
  <si>
    <t>TDG-BN</t>
  </si>
  <si>
    <t>PILOT</t>
  </si>
  <si>
    <t>A web service to connect to CRA to extract and leverage business number information.</t>
  </si>
  <si>
    <t>TC-5314</t>
  </si>
  <si>
    <t>ACP/AQPE Monitoring Program</t>
  </si>
  <si>
    <t>AAMP</t>
  </si>
  <si>
    <t>An online form to submit results of Civil Aviation Delegate Monitor checks</t>
  </si>
  <si>
    <t>TC-5315</t>
  </si>
  <si>
    <t>Qualiware</t>
  </si>
  <si>
    <t>QEA</t>
  </si>
  <si>
    <t>Qualiware is a Commercial Off the Shelf (COTS) product from the company, Qualiware. Software support is provided by CloseReach, a Qualiware partner headquartered in Ottawa. Qualiware is a web application and it has both browser and desktop application clients. The Qualiware application could be used for the following functions: graphical modeling and simulation; management of the enterprise architecture templates, artifacts, methodological frameworks to assist with activities in visualizing, analyzing and optimizing the business, technical, systems and data architectures within TC.  This tool is planned to be used by the IM/IT Architecture and Planning Branch to organize, analyze, maintain and manage Enterprise Architecture artifacts associated with on</t>
  </si>
  <si>
    <t>Qualiware, Qualiware</t>
  </si>
  <si>
    <t>TC-5316</t>
  </si>
  <si>
    <t>Core Solution for the Dynamics CRM Platform</t>
  </si>
  <si>
    <t>CORE-CRM</t>
  </si>
  <si>
    <t>This is a reusable and essential “core” solution layer to be used by all other TC Dynamics solutions that come after it.  This solution layer contains common entities (i.e. employee info) and common functionalities (i.e. connectivity to RDIMS) that most CRM solutions will need to implement for their various business lines.</t>
  </si>
  <si>
    <t>TC-5317</t>
  </si>
  <si>
    <t>Secure File Transfer Protected "A" - External Main</t>
  </si>
  <si>
    <t>SFTA_EXT</t>
  </si>
  <si>
    <t>Secure file transfer service for Protected A files.  This is the main external interface for transferring files.</t>
  </si>
  <si>
    <t>TC-5318</t>
  </si>
  <si>
    <t>Secure File Transfer Protected "B" - External non-TC stakeholder</t>
  </si>
  <si>
    <t>SFTB_EXT</t>
  </si>
  <si>
    <t>TC-5319</t>
  </si>
  <si>
    <t>Security Screening Programs Request Tracking System</t>
  </si>
  <si>
    <t>SSPRTS-CRM</t>
  </si>
  <si>
    <t>The Security Screening Programs Request Tracking System (SSPRTS) will support the Security Screening Programs (SSP) Branch in tracking all personnel security screening requests, transportation security clearance (TSC) requests as well as all Director’s office requests (including but not limited to ATIP requests, ministerial correspondence, corporate reporting, etc.).</t>
  </si>
  <si>
    <t>TC-556</t>
  </si>
  <si>
    <t>Electronic Collection of Air Transportation Statistics</t>
  </si>
  <si>
    <t>ECATS</t>
  </si>
  <si>
    <t>TC-558</t>
  </si>
  <si>
    <t>Minister's Delegate - Maintenance</t>
  </si>
  <si>
    <t>MD-M</t>
  </si>
  <si>
    <t>This web site is used to query Minister’s Delegate – Maintenance. The Minister’s Delegate - Maintenance program was established to provide the aviation industry with a mechanism that allows qualified individuals, other than Civil Aviation Safety Inspector</t>
  </si>
  <si>
    <t>TC-56</t>
  </si>
  <si>
    <t>Small Fishing Vessel_Small Commercial Vessel</t>
  </si>
  <si>
    <t>SFV_SCV</t>
  </si>
  <si>
    <t>Inspection program for small fishing vessels under 15 gross tonnes</t>
  </si>
  <si>
    <t>TC-58</t>
  </si>
  <si>
    <t>Informatics Inventory</t>
  </si>
  <si>
    <t>INVENTR</t>
  </si>
  <si>
    <t>Maintains an up-to-date inventory of computer equipment. Contains detailed information on equipment, such as: brand, model, serial number, network card, network card address, etc.</t>
  </si>
  <si>
    <t>TC-582</t>
  </si>
  <si>
    <t>Flight Training and Aviaion Education Examination Computer Delivered Examination</t>
  </si>
  <si>
    <t>FTAE CDE Ext</t>
  </si>
  <si>
    <t>TC-584</t>
  </si>
  <si>
    <t>Video Conference Reservation Request</t>
  </si>
  <si>
    <t>VIDCR2</t>
  </si>
  <si>
    <t>TIMSD/Infrastructure Technology and Electronic Messaging Services provides Transport Canada staff across Canada, via Shared Services Canada, a Scheduled Video Conference service. The “Video Conference Reservation Request” VIDCR2 web-based ASP .Net application is an interim request submission form for Scheduled Video Conferences and it is available in both French and English. It consists of information elements to be entered by videoconferencing requestors which when completed and submitted are automatically forwarded via email. VIDCR2 on-screen links are provided to reference material such as videoconferencing options and videoconferencing site locations.</t>
  </si>
  <si>
    <t>TC-609</t>
  </si>
  <si>
    <t>Access to Travel</t>
  </si>
  <si>
    <t>This application provides information on accessible transportation and travel across Canada with the aim of making traveling an easier and more enjoyable experience for Canadians with disabilities.</t>
  </si>
  <si>
    <t>TC-629</t>
  </si>
  <si>
    <t>Continuing Airworthiness Web Information System</t>
  </si>
  <si>
    <t>CAWIS</t>
  </si>
  <si>
    <t>Continuing Airworthiness Web Information System - Aircraft Registry &amp; Airworthiness Directive database</t>
  </si>
  <si>
    <t>TC-63</t>
  </si>
  <si>
    <t>NOTAMS</t>
  </si>
  <si>
    <t>NOTAM receipt.</t>
  </si>
  <si>
    <t>TC-630</t>
  </si>
  <si>
    <t>Certificate of competency Issuing System</t>
  </si>
  <si>
    <t>TC-633</t>
  </si>
  <si>
    <t>Enforcement Management System</t>
  </si>
  <si>
    <t>TC-64</t>
  </si>
  <si>
    <t>Parking permit and Pass card system</t>
  </si>
  <si>
    <t>CARTES</t>
  </si>
  <si>
    <t>Manages access cards and parking permits for the Dorval regional office</t>
  </si>
  <si>
    <t>TC-649</t>
  </si>
  <si>
    <t>Marine Safety Consolidated Database</t>
  </si>
  <si>
    <t>This application is run once each month to gather information from five other marine databases and put them into one Oracle table, which can be queried rapidly.</t>
  </si>
  <si>
    <t>TC-65</t>
  </si>
  <si>
    <t>PLAINTE</t>
  </si>
  <si>
    <t>Monitors complaints/violations</t>
  </si>
  <si>
    <t>TC-650</t>
  </si>
  <si>
    <t>Intelligence Document Management System</t>
  </si>
  <si>
    <t>IDMSP</t>
  </si>
  <si>
    <t>TC-67</t>
  </si>
  <si>
    <t>Port Warden Services</t>
  </si>
  <si>
    <t>The data stored in the system for a particular vessel are as follows: - Details on the vessel (POR, GRT, DWT, DOB, previous name, Flag, IMO) - Details on the vessel's certificates (date issued, expiry date, endorsement), date of last PSC inspection - Deta</t>
  </si>
  <si>
    <t>TC-68</t>
  </si>
  <si>
    <t>PRÊT</t>
  </si>
  <si>
    <t>Computer equipment loan management</t>
  </si>
  <si>
    <t>TC-689</t>
  </si>
  <si>
    <t>Marine Medical Examiners</t>
  </si>
  <si>
    <t>MME (ACESM)</t>
  </si>
  <si>
    <t>When a seafarer needs a Marine Medical, he has to see a Transport Canada Designated Physician. This application will help seafarers across Canada find out where their closest MME is. It would also be used by marine inspectors in all of the regions to see</t>
  </si>
  <si>
    <t>TC-690</t>
  </si>
  <si>
    <t>TC Software and Hardware Standards Database</t>
  </si>
  <si>
    <t>SHSD</t>
  </si>
  <si>
    <t>Transport Canada's national IM/IT hardware and software product standards have been compiled in an Oracle database. It is an Intranet Web application and it is available for all TC employees using an ASP .Net front-end.</t>
  </si>
  <si>
    <t>TC-774</t>
  </si>
  <si>
    <t>Annex 10 Coding Wizard</t>
  </si>
  <si>
    <t>A10CW</t>
  </si>
  <si>
    <t>The Coding Wizard has been designed to help users find coding information related to the 9 segments of the Chart of Accounts quickly without browsing through endless pages or search results.</t>
  </si>
  <si>
    <t>TC-838</t>
  </si>
  <si>
    <t>Publications Corral</t>
  </si>
  <si>
    <t>CORRAL</t>
  </si>
  <si>
    <t>ASP web front-end and Access 97 back-end. TP Corral will be linked to iSTORE for pulling information regarding Civil Aviation Publications, Posters and Videos from the repository. Documents will be displayed in both official languages. Documents are also available in various downloadable formats, like pdf, txt, etc.</t>
  </si>
  <si>
    <t>TC-88</t>
  </si>
  <si>
    <t>LISTSERV(R) Lsoft</t>
  </si>
  <si>
    <t>This software is used to communicate with stakeholders (media, industry, public, gov't departments) who subscribe to the list serve. It will be used to disseminate information about changes to our web sites, news releases and other topics.</t>
  </si>
  <si>
    <t>LISTSERV® Email List Management Software</t>
  </si>
  <si>
    <t>TC-882</t>
  </si>
  <si>
    <t>Pre-Clearance List of Recognized Vehicle Importers</t>
  </si>
  <si>
    <t>PCL</t>
  </si>
  <si>
    <t>This web application provides a list which allows Canada Border agencies to screen commercial importers of new vehicles from the United States.</t>
  </si>
  <si>
    <t>TC-902</t>
  </si>
  <si>
    <t>Vehicle Manufacturers Registered with Transport Canada</t>
  </si>
  <si>
    <t>VMRTC</t>
  </si>
  <si>
    <t>To assist in the identification of companies that manufacture or import vehicle in conformity with the requirements of the Motor Vehicle Safety Act and the Motor Vehicle Safety Regulations, Transport Canada has compiled a list of those companies that have</t>
  </si>
  <si>
    <t>TC-92</t>
  </si>
  <si>
    <t>Address Label Processing Application</t>
  </si>
  <si>
    <t>ALPS-WEB</t>
  </si>
  <si>
    <t>The ALPS web application manages addresses, publications, routing symbols and subscriptions in order to produce reports and labels. Labels can be printed locally or ftp to an external site. It accesses the ALPS Oracle database in order to generate address Labels and reports.</t>
  </si>
  <si>
    <t>TC-924</t>
  </si>
  <si>
    <t>Urban Transit Application</t>
  </si>
  <si>
    <t>CUTA</t>
  </si>
  <si>
    <t>Data is received from Canadian Urban Transit Authorities for the different Transit Authorities across Canada (OC Transpo, Ottawa for instance). This application allows the user to query this data in aggregate or by individual Transit Authority and produce</t>
  </si>
  <si>
    <t>TC-973</t>
  </si>
  <si>
    <t>Navigable Waterways Database System</t>
  </si>
  <si>
    <t>NWDS</t>
  </si>
  <si>
    <t>The NWDS is a client-server based application designed to run in MS-Windows, on a networked PC connected to a central Oracle database running on a VAX / Open VMS computer in the NCR.The application client front-end was developed using Oracle Forms and Rep</t>
  </si>
  <si>
    <t>TC-993</t>
  </si>
  <si>
    <t>NAPA Issued Certificates Online</t>
  </si>
  <si>
    <t>NICO</t>
  </si>
  <si>
    <t>NICO is a query application that allows the general public to quewry/view NAPA certificates and approval information on-line via the internet.</t>
  </si>
  <si>
    <t>TC-994</t>
  </si>
  <si>
    <t>Small Vessels Manufacturers Monitoring System</t>
  </si>
  <si>
    <t>SVMMS</t>
  </si>
  <si>
    <t>Small Vessels Manufacturers Monitoring System (SVMMS formerly BIASS -Boat Identification and Safety System) is a Coast Guard application that has been integrated from DFO and installed on the 11th floor of Tower C. It is comprised of a dedicated server an</t>
  </si>
  <si>
    <t>Treasury Board of Canada Secretariat</t>
  </si>
  <si>
    <t>TBS-TBS0006</t>
  </si>
  <si>
    <t>Access Pro Case Management &amp; Redaction System (ATIP Office)</t>
  </si>
  <si>
    <t>APCMRS</t>
  </si>
  <si>
    <t>Strategic Communications and Ministerial Affairs office uses this to track ATIP requests and to provide redaction of the documents for the requests.  It is mission critical, as data entered, including scanned documents, would need to be accessed as quickly as possible, should a legislated due date be imminent.  Data is also used to prepare statistical reports which are used by senior management, Parliament and TBS, CIOB.  System needs to be available during working hours in order to respond to legislative due dates.  It is especially important to have the system available during April and May, when the annual statistics are being prepared for Parliament and TBS, CIOB.</t>
  </si>
  <si>
    <t>CSDC Access Pro Case Management and Redaction</t>
  </si>
  <si>
    <t>TBS-TBS0009</t>
  </si>
  <si>
    <t>Active Directory Migration Tool</t>
  </si>
  <si>
    <t>ADMT</t>
  </si>
  <si>
    <t>Used to update info  from peoplesoft into Active Directory</t>
  </si>
  <si>
    <t>TBS-TBS0030</t>
  </si>
  <si>
    <t>Audit and Evaluation Database</t>
  </si>
  <si>
    <t>AEDB</t>
  </si>
  <si>
    <t>The AEDB is primarily used by the CEE and the Office of the Comptroller General as both evaluation and internal audit policies require departments to submit approved evaluation and internal audit products to TBS.</t>
  </si>
  <si>
    <t>TBS-TBS0040</t>
  </si>
  <si>
    <t>BMC Service Desk Express (CAC-SS)</t>
  </si>
  <si>
    <t>BMC-CAC-SS</t>
  </si>
  <si>
    <t>CAC-SS uses it to track incidents about Peoplesoft and SAP.</t>
  </si>
  <si>
    <t>TBS-TBS0041</t>
  </si>
  <si>
    <t>BMC Service Desk Express (Solutions Centre)</t>
  </si>
  <si>
    <t>RJR Innovations Inc.</t>
  </si>
  <si>
    <t>IT Service Desk uses it to track Incidents, Service Requests, Change Requests and Hardware/Software requests.</t>
  </si>
  <si>
    <t>TBS-TBS0042</t>
  </si>
  <si>
    <t>BMC Service Desk Express (Strategic Communications)</t>
  </si>
  <si>
    <t>BMC-SC</t>
  </si>
  <si>
    <t>Strategic Communication uses it to track inquiries by the public via their external facing website.</t>
  </si>
  <si>
    <t>TBS-TBS0046</t>
  </si>
  <si>
    <t>Cabinet Document Tracking System</t>
  </si>
  <si>
    <t>CABDOC</t>
  </si>
  <si>
    <t>TBS-TBS0048</t>
  </si>
  <si>
    <t>Callipers - Callibrage</t>
  </si>
  <si>
    <t>Callipers</t>
  </si>
  <si>
    <t>Expenditure Management</t>
  </si>
  <si>
    <t>TBS-TBS0064</t>
  </si>
  <si>
    <t>ClassAds</t>
  </si>
  <si>
    <t>Infosite classified adds</t>
  </si>
  <si>
    <t>TBS-TBS0066</t>
  </si>
  <si>
    <t>TBS-TBS0067</t>
  </si>
  <si>
    <t>Collective Agreements Implementation Tracking System</t>
  </si>
  <si>
    <t>Pay90</t>
  </si>
  <si>
    <t>People Management</t>
  </si>
  <si>
    <t>It is an online tracking system that collects information on dates of different collective agreements.  It contains two portions.  One for the departments and a second app “Maintain contract information” used by administrators.</t>
  </si>
  <si>
    <t>TBS-TBS0068</t>
  </si>
  <si>
    <t>Communications Community Office (Website)</t>
  </si>
  <si>
    <t>CCO</t>
  </si>
  <si>
    <t>The Communications Community Office (CCO) is an interdepartmental initiative created by Directors General of Communications to promote professionalism and excellence in the community in order to help the government meet its objectives.</t>
  </si>
  <si>
    <t>TBS-TBS0071</t>
  </si>
  <si>
    <t>Contacts Database (for GC)</t>
  </si>
  <si>
    <t>Contact</t>
  </si>
  <si>
    <t>Manages Contacts, Committees, Departmental Security Officers (Lists), other member/contact lists across the TBS web site and Intranet.</t>
  </si>
  <si>
    <t>TBS-TBS0086</t>
  </si>
  <si>
    <t>Determining Linguistic Profile of Bilingual Positions (ABC Tool, OLLP)</t>
  </si>
  <si>
    <t>ABC Tool, OLLP</t>
  </si>
  <si>
    <t>This tool has been designed to help managers, as well as human resources and official languages specialists, identify the linguistic profiles of bilingual positions objectively and consistently, while applying the Qualification Standards in Relation to Official Languages. It does not replace the Standards but rather it helps the user apply them. The tool has two independent components: the general component for positions requiring language proficiency levels A, B and C, and the specialized component for positions requiring code P. Users are asked to answer a series of questions on the duties of the bilingual position that must be carried out in the second official language.  By using the tool, managers establish a linguistic profile in a manner that me</t>
  </si>
  <si>
    <t>TBS-TBS0088</t>
  </si>
  <si>
    <t>Determine Linguistic Profile of Bilingual positions - Technical or Special</t>
  </si>
  <si>
    <t>OLLPP</t>
  </si>
  <si>
    <t>TBS-TBS0092</t>
  </si>
  <si>
    <t>Directory of Federal Real Property</t>
  </si>
  <si>
    <t>DFRP</t>
  </si>
  <si>
    <t>TBS-TBS0095</t>
  </si>
  <si>
    <t>Distribution Lists and Publications Management System</t>
  </si>
  <si>
    <t>DLPMS</t>
  </si>
  <si>
    <t>Distributed lists &amp; publications management system (daily business of processing distribution lists and publication sales)</t>
  </si>
  <si>
    <t>TBS-TBS0115</t>
  </si>
  <si>
    <t>Essential Services System</t>
  </si>
  <si>
    <t>designed to compile data on public service positions that are essential to the safety and security of the public during legal strike action</t>
  </si>
  <si>
    <t>TBS-TBS0116</t>
  </si>
  <si>
    <t>Evaluation Web Tool</t>
  </si>
  <si>
    <t>EWT</t>
  </si>
  <si>
    <t>Tool used by the Centre of Excellence for Evaluation (CEE) to enter information about about evaluations and Horizontal Initiatives. Information is published to the general public through the Audit and Evaluation Database and the Horizontal Initiatives Database</t>
  </si>
  <si>
    <t>TBS-TBS0119</t>
  </si>
  <si>
    <t>Executive Talent Management System</t>
  </si>
  <si>
    <t>TBS-TBS0123</t>
  </si>
  <si>
    <t>Federal Contaminated Sites Inventory</t>
  </si>
  <si>
    <t>FCSI</t>
  </si>
  <si>
    <t>TBS-TBS0125</t>
  </si>
  <si>
    <t>Federal Identity Program (Registry of Applied Titles, Production Tool kit)</t>
  </si>
  <si>
    <t>TBS-TBS0127</t>
  </si>
  <si>
    <t>Coding manual reports for fund center, general ledger accounts, list of funds, list of functional activity codes, list of internal orders.  Also has link to list of governement departments and IS contacts (Central Accounting and Reporting Sector on Publiservice</t>
  </si>
  <si>
    <t>TBS-TBS0129</t>
  </si>
  <si>
    <t>In this database, we put all the Financial Signing Authority cards. This database is used to see who has signing authority for a fund centre and who is acting when the incumbent is away.</t>
  </si>
  <si>
    <t>TBS-TBS0142</t>
  </si>
  <si>
    <t>GCDocs  (Content Server 2010) - PB</t>
  </si>
  <si>
    <t>GCDocs - PB</t>
  </si>
  <si>
    <t>Document and Information Management System. (OpenText / LiveLink)</t>
  </si>
  <si>
    <t>OpenText Content Server 2010</t>
  </si>
  <si>
    <t>TBS-TBS0155</t>
  </si>
  <si>
    <t>Government On-line Portfolio Catalogue</t>
  </si>
  <si>
    <t>GDDB</t>
  </si>
  <si>
    <t>- Find detailed summary profiles for all 46 Crown corporations  - Generate program analyst reports  - Generate Crown corporation lists by ministerial portfolio C34</t>
  </si>
  <si>
    <t>TBS-TBS0156</t>
  </si>
  <si>
    <t>Grants &amp; Contributions Reform</t>
  </si>
  <si>
    <t>Gs&amp;CsReform</t>
  </si>
  <si>
    <t>Management Framework</t>
  </si>
  <si>
    <t>The goal of this tool is to track departmental as well as whole of government progress for the purposes of reporting internally and externally on elements such as: - Actions being taken - Results being produced - Impacts being made (i.e. number of Program</t>
  </si>
  <si>
    <t>TBS-TBS0158</t>
  </si>
  <si>
    <t>Grievance Tracking System -Classification</t>
  </si>
  <si>
    <t>This tracking system has been specifically designed to assist departments and agencies that are part of the Core Public Administration in managing their classification grievance cases and to ensure the uniform processing of classification grievances.  This site allows authorized users to directly enter specific case data while also populating fields with data received from the PCIS database.   The GTS also enables authorized users to create statistical reports for past and present classification grievance activities for their own department.</t>
  </si>
  <si>
    <t>TBS-TBS0164</t>
  </si>
  <si>
    <t>Horizontal Initiatives Database</t>
  </si>
  <si>
    <t>HID</t>
  </si>
  <si>
    <t>The objective of reporting on horizontal initiatives is to provide parliamentarians, the public and government with an overall picture of public expenditures, plans and performance for all major horizontal initiatives. The horizontal results database provides an electronic gateway to expenditure and performance information on the Government of Canada's horizontal initiatives.</t>
  </si>
  <si>
    <t>TBS-TBS0166</t>
  </si>
  <si>
    <t>Hydrae Local Exchange(HyLX)</t>
  </si>
  <si>
    <t>HYLX</t>
  </si>
  <si>
    <t>HYLX is a desktop application used by departments to prepare and communicate changes to their Program Alignment Architectures and Performance Management Frameworks. Once a year, departments wanting to make changes to their PAA/PMF receive an XML file exported from RMC, that is then imported into a local version of HYLX. HYLX is then used by the department to make changes to the PAA/PMF and an XML file is returned to TBS for processing.</t>
  </si>
  <si>
    <t>TBS-TBS0181</t>
  </si>
  <si>
    <t>In-House Courses/ On-Line Training Registration</t>
  </si>
  <si>
    <t>OnlineReg</t>
  </si>
  <si>
    <t>Display available in house course and used by employees to registered in house courses on TBS Infosite</t>
  </si>
  <si>
    <t>TBS-TBS0183</t>
  </si>
  <si>
    <t>Interchange Canada - Assignment Opportunities</t>
  </si>
  <si>
    <t>ICEC_AO-PA</t>
  </si>
  <si>
    <t>Post and view assignment opportunites</t>
  </si>
  <si>
    <t>TBS-TBS0184</t>
  </si>
  <si>
    <t>Interchange Canada - Liaison Officer Module</t>
  </si>
  <si>
    <t>ICEC_LO-AL</t>
  </si>
  <si>
    <t>secure login for liaison officers to manage administration of assignment opportunities</t>
  </si>
  <si>
    <t>TBS-TBS0185</t>
  </si>
  <si>
    <t>Interchange Canada - Resumes</t>
  </si>
  <si>
    <t>ICEC_PVR-AVCV</t>
  </si>
  <si>
    <t>post resumes and secure login  to view resumes</t>
  </si>
  <si>
    <t>TBS-TBS0190</t>
  </si>
  <si>
    <t>Application used to track change requests.</t>
  </si>
  <si>
    <t>TBS-TBS0214</t>
  </si>
  <si>
    <t>Management Accountability Framework Assessment Tool (OLD)</t>
  </si>
  <si>
    <t>TBS-TBS0219</t>
  </si>
  <si>
    <t>RPIS Map Navigator /viewer</t>
  </si>
  <si>
    <t>MapNav</t>
  </si>
  <si>
    <t>TBS-TBS0267</t>
  </si>
  <si>
    <t>Official Language Management Dashboard</t>
  </si>
  <si>
    <t>OLMD</t>
  </si>
  <si>
    <t>The Official Languages Management Dashboard (OLMD) is a Web-based tool that gives users a real-time snapshot of the official languages program within their institution (only those part of the Core Public Administration) via a series of quantitative and qualitative indicators users who can: assess their institution’s performance;  assess their institution’s progress over time; and,  easily identify trends.  By centralizing various sources of information, the dashboard puts key information at the user’s fingertips and streamlines activities such as: the annual review process, monitoring activities; and, identifying issues and taking action to resolve them.</t>
  </si>
  <si>
    <t>TBS-TBS0270</t>
  </si>
  <si>
    <t>Official Languages Burolis - Directory of Offices and Facilities</t>
  </si>
  <si>
    <t>Burolis</t>
  </si>
  <si>
    <t>BUROLIS is the Government of Canada's database that contains the offices of institutions subject to the Official Languages (Communications with and Services to the Public) Regulations (the Regulations). The Regulations specify the circumstances in which an institution's office has "significant demand" for services in both official languages and cases in which the "nature of the office" justifies the provision of bilingual services.   To provide a complete list of offices, in addition to offices subject to the Regulations, Burolis includes offices required to provide their services in both official languages pursuant to a provision of the Official Languages Act (OLA).</t>
  </si>
  <si>
    <t>TBS-TBS0272</t>
  </si>
  <si>
    <t>Official Languages Regulations Management System (OLRMS) Live</t>
  </si>
  <si>
    <t>OLRMS</t>
  </si>
  <si>
    <t>The Regulations Management System enables institutions subject to the Official Languages Act and Regulations to regularly update the list of their offices that provide service to and communicate with the public. Institutions are responsible for updating the data on their offices and service points in the Burolis. • Application [restricted access]</t>
  </si>
  <si>
    <t>TBS-TBS0280</t>
  </si>
  <si>
    <t>Oracle PeopleSoft</t>
  </si>
  <si>
    <t>PPLSFT</t>
  </si>
  <si>
    <t>TBS-TBS0286</t>
  </si>
  <si>
    <t>PCIS (Position and Classification Information System) Query Tool</t>
  </si>
  <si>
    <t>PCIS Query Tool</t>
  </si>
  <si>
    <t>This query tool has been specifically designed by the Treasury Board Secretariat to assist departments and agencies subject to Schedules I and IV of the Financial Administration Act in ensuring the uniform application of classification standards.</t>
  </si>
  <si>
    <t>TBS-TBS0288</t>
  </si>
  <si>
    <t>People Information Management Automated Request Tracker</t>
  </si>
  <si>
    <t>PIMART</t>
  </si>
  <si>
    <t>TBS-TBS0294</t>
  </si>
  <si>
    <t>Planning and Performance Gateway</t>
  </si>
  <si>
    <t>PPG</t>
  </si>
  <si>
    <t>Publicly accessible web portal for the data entered in through the SOWT.  It allows comparisons between a RPP and its DPR or an RPP with the previous year's.</t>
  </si>
  <si>
    <t>TBS-TBS0296</t>
  </si>
  <si>
    <t>Policy Suite (part of the TBS web site) and the Policy Management Database</t>
  </si>
  <si>
    <t>PolicySuite</t>
  </si>
  <si>
    <t>The Treasury Board Policy Suite provides access to all Treasury Board policies and related instruments.  A complete A to Z list of all current TB policies is also available as well as a list of recently rescinded policies.  Please note that the TB Policy Suite continues to undergo renewal. Learn more about the TB Policy Suite Renewal.</t>
  </si>
  <si>
    <t>TBS-TBS0298</t>
  </si>
  <si>
    <t>designed to compile data on public service positions that have been identified as managerial or confidential positions</t>
  </si>
  <si>
    <t>TBS-TBS0299</t>
  </si>
  <si>
    <t>Position Reclassification Data Capture (or PRDC or Reclass)</t>
  </si>
  <si>
    <t>PRDC</t>
  </si>
  <si>
    <t>TBS-TBS0304</t>
  </si>
  <si>
    <t>Proactive Disclosure - Contracts - Reporting</t>
  </si>
  <si>
    <t>G &amp; C</t>
  </si>
  <si>
    <t>list of disclosure of contracts over $10,000 - Reports by quarter</t>
  </si>
  <si>
    <t>TBS-TBS0305</t>
  </si>
  <si>
    <t>Proactive Disclosure – Grants &amp; Contributions (TBS)  - Reporting</t>
  </si>
  <si>
    <t>G &amp; C Rep</t>
  </si>
  <si>
    <t>disclosureList of disclosure of grant and contribution awards over $25,000 - Reports by quarter</t>
  </si>
  <si>
    <t>TBS-TBS0308</t>
  </si>
  <si>
    <t>Proactive Disclosure - Travel &amp; Hospitality Expenses - Reporting</t>
  </si>
  <si>
    <t>PD TravelHosp</t>
  </si>
  <si>
    <t>disclosureList of disclosure of travel and hospitality
- Reporting and Administration</t>
  </si>
  <si>
    <t>TBS-TBS0312</t>
  </si>
  <si>
    <t>Public Service Employee Survey 2011/14</t>
  </si>
  <si>
    <t>PSES2014</t>
  </si>
  <si>
    <t>Public Service Employee Survey 2011
Updated in 2014</t>
  </si>
  <si>
    <t>TBS-TBS0325</t>
  </si>
  <si>
    <t>Regulatory Submissions Tracking System</t>
  </si>
  <si>
    <t>TBS-TBS0331</t>
  </si>
  <si>
    <t>SAP (Hydrae)</t>
  </si>
  <si>
    <t>HYD</t>
  </si>
  <si>
    <t>TBS-TBS0333</t>
  </si>
  <si>
    <t>SAS (EMS)</t>
  </si>
  <si>
    <t>Scalable Performance Data Serv</t>
  </si>
  <si>
    <t>TBS-TBS0362</t>
  </si>
  <si>
    <t>Strategic Outcomes Web Tool</t>
  </si>
  <si>
    <t>OGSP</t>
  </si>
  <si>
    <t>Web tool used to enter data on DPR and RPP reports into the PPI database. This data is used by PPG to display statistics and comparisons to the general public. It is an internal only tool.</t>
  </si>
  <si>
    <t>TBS-TBS0365</t>
  </si>
  <si>
    <t>Strike Reporting</t>
  </si>
  <si>
    <t>Strikeman</t>
  </si>
  <si>
    <t>This application is only on Publiservice and password protected. ONLY used when there is a strike. 
It gathers info on strike situations such as # of people on strike, # of essential people still working, location of strike, etc.</t>
  </si>
  <si>
    <t>TBS-TBS0377</t>
  </si>
  <si>
    <t>TBS InfoSite</t>
  </si>
  <si>
    <t>InfoSite</t>
  </si>
  <si>
    <t>The database holds all of the TBS InfoSite pages</t>
  </si>
  <si>
    <t>TBS-TBS0378</t>
  </si>
  <si>
    <t>TBS Intranet</t>
  </si>
  <si>
    <t>IntaAdmin</t>
  </si>
  <si>
    <t>Control all things related to the TBS Intranet from this website</t>
  </si>
  <si>
    <t>TBS-TBS0379</t>
  </si>
  <si>
    <t>TBS Online Auction</t>
  </si>
  <si>
    <t>OnlineAuction</t>
  </si>
  <si>
    <t>Online auction application used primarily for the GCWCC campaign each fall.</t>
  </si>
  <si>
    <t>TBS-TBS0380</t>
  </si>
  <si>
    <t>TBS Talks</t>
  </si>
  <si>
    <t>TBSTalks</t>
  </si>
  <si>
    <t>Blog site - The management team of the Treasury Board of Canada Secretariat (TBS) is committed to sharing information with all employees in a timely and transparent way. We want to give you an opportunity to ask questions and share your thoughts and opinions on various work-related subjects. In short, we want to hear from you!  During the three month pilot phase of this blog, bloggers will include only members of the Senior Executive Committee</t>
  </si>
  <si>
    <t>TBS-TBS0385</t>
  </si>
  <si>
    <t>Telephone Directory</t>
  </si>
  <si>
    <t>Telephone</t>
  </si>
  <si>
    <t>TBS telephone directory</t>
  </si>
  <si>
    <t>TBS-TBS0396</t>
  </si>
  <si>
    <t>Translation Tracking System</t>
  </si>
  <si>
    <t>Translation</t>
  </si>
  <si>
    <t>keep track of translation request</t>
  </si>
  <si>
    <t>TBS-TBS0402</t>
  </si>
  <si>
    <t>GEDS -- Update500</t>
  </si>
  <si>
    <t>Update500</t>
  </si>
  <si>
    <t>extraction of the TBS phonebook to send to GEDS</t>
  </si>
  <si>
    <t>TBS-TBS0409</t>
  </si>
  <si>
    <t>What's New</t>
  </si>
  <si>
    <t>what'sNew</t>
  </si>
  <si>
    <t>New web pages are added to the cioweb database upon creation. These new pages are displayed on the what’s new pages as they are made live (published).
==&gt; will be decommissioned with move to Canada.ca</t>
  </si>
  <si>
    <t>TBS-TBS0422</t>
  </si>
  <si>
    <t>SAP (CAC-SS)</t>
  </si>
  <si>
    <t>CAC-SS</t>
  </si>
  <si>
    <t>TBS-TBS0423</t>
  </si>
  <si>
    <t>SAS (OCHRO)</t>
  </si>
  <si>
    <t>TBS-TBS0501</t>
  </si>
  <si>
    <t>Enterprise IT Portfolio Management (Clarity)</t>
  </si>
  <si>
    <t>Configured (Clarity) COTS product used by 45 departments to manage all  GoC application portfolio management and IT Plan information. It is also being used by CIOB-ITPROD to manage their project oversight dashboard information.</t>
  </si>
  <si>
    <t>CA technologies, Clarity</t>
  </si>
  <si>
    <t>TBS-TBS0502</t>
  </si>
  <si>
    <t>Client Request Management System</t>
  </si>
  <si>
    <t>Custom built Microsoft Access application used to track and manage Technology related enquiries, It is being used for managing TB submission (and associated documents: PCRA, Investment Plan) analysis information It is also used to manage other types of IT related enquiries (DGR, ARB, EXP (IT expenditure Reporting), ITP)</t>
  </si>
  <si>
    <t>TBS-TBS0504</t>
  </si>
  <si>
    <t>GCConnex</t>
  </si>
  <si>
    <t>GCCNX</t>
  </si>
  <si>
    <t>GC collaborative social networking platform.</t>
  </si>
  <si>
    <t>Open-Source Platform ELGG version 1.8  (www.ELGG.com)</t>
  </si>
  <si>
    <t>TBS-TBS0506</t>
  </si>
  <si>
    <t>GCPedia</t>
  </si>
  <si>
    <t>GCP</t>
  </si>
  <si>
    <t>GC discussion thread platform.</t>
  </si>
  <si>
    <t>Mediawiki version 1.18</t>
  </si>
  <si>
    <t>TBS-TBS0508</t>
  </si>
  <si>
    <t>Personal Information Banks Registration Database</t>
  </si>
  <si>
    <t>PIB Database</t>
  </si>
  <si>
    <t>Information Management, Access and Privacy</t>
  </si>
  <si>
    <t>Custom built web application and database used to track and report on all registered personal information banks that have been published in Info Source. The application is used to generate a registration number each time a government institution registers a new personal information bank. The assignation of a registration number to a personal information bank is a legislative responsibility, under section 71(1)(b) of the Privacy Act,  assigned to the President of the Treasury Board, as the designated minister for the Privacy Act (Order in Council P.C. 1983-1584). General oversight of personal information banks is also a legislative responsibility of the President of the Treasury Board under section 71(1)(a) Privacy Act. *** Version containing Mario's an</t>
  </si>
  <si>
    <t>TBS-TBS0509</t>
  </si>
  <si>
    <t>TB Submission Review System</t>
  </si>
  <si>
    <t>TBS-TBS0512</t>
  </si>
  <si>
    <t>GSA</t>
  </si>
  <si>
    <t>Performs search on departmental data repositories</t>
  </si>
  <si>
    <t>TBS-TBS0513</t>
  </si>
  <si>
    <t>LogiTerm</t>
  </si>
  <si>
    <t>LT</t>
  </si>
  <si>
    <t>Translation bilingual text.
This tool also uses an add-on called FlowFit.</t>
  </si>
  <si>
    <t>LogiTerm from Terminotix inc.</t>
  </si>
  <si>
    <t>APP-00293</t>
  </si>
  <si>
    <t>Public Service Performance Management</t>
  </si>
  <si>
    <t>APP-00902</t>
  </si>
  <si>
    <t>Public Service Management Dashboard</t>
  </si>
  <si>
    <t>PSMD</t>
  </si>
  <si>
    <t>APP-00906</t>
  </si>
  <si>
    <t>Common Human Resources Business Processes - Website</t>
  </si>
  <si>
    <t>CHRBP-Website</t>
  </si>
  <si>
    <t>The CHRBP is a standard for human resources services delivery across the GoC. 
The web application provides guidance, support and information on the implementation of the Common Human Resources Business process to the departments.</t>
  </si>
  <si>
    <t>APP-00909</t>
  </si>
  <si>
    <t>Common Human Resources Business Process - Tracking</t>
  </si>
  <si>
    <t>CHRBP-Tracking</t>
  </si>
  <si>
    <t>The Web Application is used by the CHRBP advisors to track information and produce executive reports on the departmental progress of the CHRBP Initiative</t>
  </si>
  <si>
    <t>Counter Soft</t>
  </si>
  <si>
    <t>APP-00919</t>
  </si>
  <si>
    <t>GEMINI  4.2</t>
  </si>
  <si>
    <t>GEMINI v4.2</t>
  </si>
  <si>
    <t>The IA team manages and supports its own tool for request management, Gemini(v.4.2.1) is a Commercial-Off-The-Shelf (COTS) application</t>
  </si>
  <si>
    <t>APP-00923</t>
  </si>
  <si>
    <t>Management Accountability Framework Assessment System 2.0</t>
  </si>
  <si>
    <t>MAF 2.0</t>
  </si>
  <si>
    <t>APP-00927</t>
  </si>
  <si>
    <t>Regulatory Data Management System</t>
  </si>
  <si>
    <t>APP-00984</t>
  </si>
  <si>
    <t>CSS - internal services</t>
  </si>
  <si>
    <t>CRM is a customer relationship management software package developed by Microsoft It is a platform and has been encouraging partners to use its proprietary (.NET based) framework to customize it.</t>
  </si>
  <si>
    <t>APP-00988</t>
  </si>
  <si>
    <t>Centralized Online Reporting System</t>
  </si>
  <si>
    <t>CORS</t>
  </si>
  <si>
    <t>APP-00996</t>
  </si>
  <si>
    <t>Inventory of Government of Canada Organizations</t>
  </si>
  <si>
    <t>IGOCO</t>
  </si>
  <si>
    <t>Reports extracted from ARTP (some static and some dynamic)
The Inventory of Government of Canada Organizations  which contains information on the current composition of the Government of Canada compiled pursuant to the Policy on Reporting of Federal Institutions and Corporate Interests to Treasury Board Secretariat as well as information on the businesses and activities of federal Crown corporations gathered pursuant to section 151 of the FAA</t>
  </si>
  <si>
    <t>APP-01000</t>
  </si>
  <si>
    <t>TBS Application Portal</t>
  </si>
  <si>
    <t>APP-01107</t>
  </si>
  <si>
    <t>Personnel Management Information System (Data)</t>
  </si>
  <si>
    <t>People Mgt.</t>
  </si>
  <si>
    <t>APP-01111</t>
  </si>
  <si>
    <t>TBS Contact Network</t>
  </si>
  <si>
    <t>TBS ConNet</t>
  </si>
  <si>
    <t>Allows users to find contacts or content experts associated with specific issues; to help route info requests throughout Secretariat; to help improve response times for ministerial correspondence, ATIP requests, media and public enquiries; to establish an authoritative list of issues and contacts within TBS; and, to consolidate internal contact lists into one user-friendly tool.</t>
  </si>
  <si>
    <t>APP-01115</t>
  </si>
  <si>
    <t>TBS Web Site</t>
  </si>
  <si>
    <t>TBS Web</t>
  </si>
  <si>
    <t>Corporate Website used to share knowledge, guidance, announcements and information to the public service and to the public.</t>
  </si>
  <si>
    <t>APP-01117</t>
  </si>
  <si>
    <t>ATIP Coordinators Administration</t>
  </si>
  <si>
    <t>ATIP Coord</t>
  </si>
  <si>
    <t>Enables staff to perform contact management of ATIP Coordinators in 255 GC institutions.
It is managed by the Contact List application</t>
  </si>
  <si>
    <t>APP-01128</t>
  </si>
  <si>
    <t>DB-backed subsite of TBS Website that is tied to 'MakeFiles'.
Used by SCMA web masters.  It holds all the resource info for all the TBS website pages.</t>
  </si>
  <si>
    <t>APP-01226</t>
  </si>
  <si>
    <t>ATIP Stats</t>
  </si>
  <si>
    <t>ATIP 2015</t>
  </si>
  <si>
    <t>Allow IPPD, CIOB to streamline the ATIP statistics collection process. The Statistical Reports provide annual statistics on the application of the legislation, which will enable the Treasury Board Secretariat to analyze trends. 
(</t>
  </si>
  <si>
    <t>APP-01229</t>
  </si>
  <si>
    <t>Media Call Logging</t>
  </si>
  <si>
    <t>Enables the logging of media calls to TBS. All details of the media call, such as media outlet, journalist name and contact details, date/time received, questions asked, etc., captured and stored in a database.</t>
  </si>
  <si>
    <t>APP-01634</t>
  </si>
  <si>
    <t>Grievance Tracking System - Collective Agreement</t>
  </si>
  <si>
    <t>GTS-CA</t>
  </si>
  <si>
    <t>Redesign of an MS Access system for GTS related to collective agreements.  The new solution utillzes a COTS product (JIRA).
This application keeps track of the collective agreement grievances made by employees.</t>
  </si>
  <si>
    <t>APP-02212</t>
  </si>
  <si>
    <t>ACL - Audit Compliance</t>
  </si>
  <si>
    <t>APP-02214</t>
  </si>
  <si>
    <t>Annual Report To Parliament</t>
  </si>
  <si>
    <t>ARTP</t>
  </si>
  <si>
    <t>Decision Makin Support and Oversight</t>
  </si>
  <si>
    <t>client used app to capture departmental profiles:
The ARTP is a Web Base Reporting tool use to collect data from the 275 federal entities and store this data in a scalable enterprise environment.  This would facilitate the publication of the Inventory of Government of Canada Organizations Report and the Annual Report to Parliament on the Tabling of Crown Corporations’ Reports. 
Governance Operations Division (GOD) currently prepares the following annual reports on behalf of the President which provide a unique source of information on the composition of government and the structure, operations and holdings of federal Crown corporations</t>
  </si>
  <si>
    <t>APP-02222</t>
  </si>
  <si>
    <t>MakeFiles</t>
  </si>
  <si>
    <t>Used by TBS Web site to manage the creation of required files
Allows web master to select what part of the site it is going to update and creates the physical files.</t>
  </si>
  <si>
    <t>APP-02228</t>
  </si>
  <si>
    <t>Stationary &amp; Printed Forms</t>
  </si>
  <si>
    <t>Forms Ordering</t>
  </si>
  <si>
    <t>Web form that allows users to ask for brochures and other printed materials.</t>
  </si>
  <si>
    <t>APP-02232</t>
  </si>
  <si>
    <t>Replication tool</t>
  </si>
  <si>
    <t>Application handles the publishing of files from development to production for the  TBS Website.</t>
  </si>
  <si>
    <t>APP-02243</t>
  </si>
  <si>
    <t>TB Submission Tracking System</t>
  </si>
  <si>
    <t>TB STS</t>
  </si>
  <si>
    <t>Mgt &amp; Oversight</t>
  </si>
  <si>
    <t>APP-02245</t>
  </si>
  <si>
    <t>Visitor Registration</t>
  </si>
  <si>
    <t>Visit</t>
  </si>
  <si>
    <t>APP-02351</t>
  </si>
  <si>
    <t>LoginPopUp</t>
  </si>
  <si>
    <t>LPU</t>
  </si>
  <si>
    <t>unified pop up that replaces the old 'Acceptable Use Policy' and 'Values and Ethics' pop-ups and runs on all user’s workstations. The main purpose of this program is to enforce the policies to ensure that without accepting the policy a workstation becomes unusable.</t>
  </si>
  <si>
    <t>APP-02361</t>
  </si>
  <si>
    <t>Contract Request and Status System</t>
  </si>
  <si>
    <t>CRSS</t>
  </si>
  <si>
    <t>Automate the paper forms used to initiate procurement of goods or services. Provide online utility for FCM to obtain status of their procurement requests.</t>
  </si>
  <si>
    <t>APP-02726</t>
  </si>
  <si>
    <t>Library of Audit Recruitment Activities (formerly ACRDS)</t>
  </si>
  <si>
    <t>LARA</t>
  </si>
  <si>
    <t>Audit Committee Dev. Recruitment</t>
  </si>
  <si>
    <t>APP-02838</t>
  </si>
  <si>
    <t>Caseware Analytics</t>
  </si>
  <si>
    <t>IDEA Data Analysis</t>
  </si>
  <si>
    <t>APP-02842</t>
  </si>
  <si>
    <t>Max Quality Data Analytics</t>
  </si>
  <si>
    <t>MaxQDA</t>
  </si>
  <si>
    <t>CleverBridge / MaxQDA</t>
  </si>
  <si>
    <t>APP-02844</t>
  </si>
  <si>
    <t>Wolters Kluwer Audit, Risk &amp; Compliance</t>
  </si>
  <si>
    <t>APP-02849</t>
  </si>
  <si>
    <t>Sharpe Decisions Executive Workshop</t>
  </si>
  <si>
    <t>Vote</t>
  </si>
  <si>
    <t>Sharpe Decisons Inc.</t>
  </si>
  <si>
    <t>Stand-alone PC with  95 click-pads that allow audiences to provide instantaneous feedback through a voting technology.</t>
  </si>
  <si>
    <t>Sharpe Decisons Executive Workshop</t>
  </si>
  <si>
    <t>APP-02862</t>
  </si>
  <si>
    <t>Microsoft SharePoint Server</t>
  </si>
  <si>
    <t>MS SharePoint Svr</t>
  </si>
  <si>
    <t>SharePoint is a web application platform in the Microsoft Office server suite. SharePoint combines various functions which are separate applications: intranet, extranet, content management, document management, personal cloud, enterprise social networking, enterprise search, business intelligence, workflow management, web content management, and an enterprise application store. TBS uses SharePoint servers with SharePoint CAL's.</t>
  </si>
  <si>
    <t>APP-02866</t>
  </si>
  <si>
    <t>Microsoft MSDN Premium with Visual Studio</t>
  </si>
  <si>
    <t>MS VSPremwMSDN</t>
  </si>
  <si>
    <t>MSDN is a collection of sites for the developer community that provide information, documentation, and discussion that is authored both by Microsoft and by the community at large. MSDN is purchases as a subscription package whereby developers have access and licenses to use nearly all Microsoft software that has ever been released to the public. Subscriptions are sold on an annual basis Although the software itself functions exactly like the full product the MSDN end-user license agreement prohibits use of the software in a business production environment</t>
  </si>
  <si>
    <t>APP-02869</t>
  </si>
  <si>
    <t>Microsoft MSDN Professional with Visual Studio</t>
  </si>
  <si>
    <t>MS VSProwMSDN</t>
  </si>
  <si>
    <t>APP-02871</t>
  </si>
  <si>
    <t>Microsoft MSDN Ultimate with Visual Studio</t>
  </si>
  <si>
    <t>MS VSUltwMSDN</t>
  </si>
  <si>
    <t>APP-02873</t>
  </si>
  <si>
    <t>Microsoft SQL Server Enterprise Core</t>
  </si>
  <si>
    <t>MS SQLSvrEntCore</t>
  </si>
  <si>
    <t>Microsoft SQL Server is a relational database management system. As a database server, it is a software product with the primary function of storing and retrieving data as requested by other software applications which may run either on the same computer or on another computer across a network</t>
  </si>
  <si>
    <t>SQL Server 2012 Enterprise Cor</t>
  </si>
  <si>
    <t>APP-02875</t>
  </si>
  <si>
    <t>Microsoft SQL Server Standard Core</t>
  </si>
  <si>
    <t>MS SQLSvrStdCore</t>
  </si>
  <si>
    <t>APP-02877</t>
  </si>
  <si>
    <t>Microsoft Azure</t>
  </si>
  <si>
    <t>Microsoft Azure is a cloud computing platform and infrastructure for building, deploying, and managing applications and services through a global network of Microsoft-managed data centers.
It provides both PaaS and IaaS services and supports many different programming languages, tools and frameworks, including both Microsoft-specific and third-party software and systems.</t>
  </si>
  <si>
    <t>Windows Azure Services</t>
  </si>
  <si>
    <t>APP-03178</t>
  </si>
  <si>
    <t>Position Classification Information System Plus</t>
  </si>
  <si>
    <t>PCIS+</t>
  </si>
  <si>
    <t>APP-03219</t>
  </si>
  <si>
    <t>Erwin Data Modeller</t>
  </si>
  <si>
    <t>Sandhill Consultants Canada Inc.</t>
  </si>
  <si>
    <t>ERwin Data Modeling provides a collaborative data modeling environment to manage enterprise data through an intuitive, graphical interface. With a centralized view of key data definitions, you can have a better understanding of corporate data, managed in a more efficient and cost-effective way.</t>
  </si>
  <si>
    <t>Erwin Data Modeler (CA)</t>
  </si>
  <si>
    <t>APP-03319</t>
  </si>
  <si>
    <t>TBS InfoSite eCalendar</t>
  </si>
  <si>
    <t>eCal</t>
  </si>
  <si>
    <t>enhance existing calendar on infosite to allow SCMA admin to add TBS events.</t>
  </si>
  <si>
    <t>APP-03448</t>
  </si>
  <si>
    <t>Record Keeping Assessment Tool</t>
  </si>
  <si>
    <t>RKAT</t>
  </si>
  <si>
    <t>The RKAT is primarily used as a self-assessment checklist to track progress towards compliance with the Directive on Recordkeeping . The tool can be used for planning, monitoring, recording notes/documenting, reporting, and communicating results on the management of recordkeeping.</t>
  </si>
  <si>
    <t>APP-03486</t>
  </si>
  <si>
    <t>InfoBase a searchable online database providing financial and human resources information on government operations.</t>
  </si>
  <si>
    <t>APP-03603</t>
  </si>
  <si>
    <t>Policy Interpretation - Relocation</t>
  </si>
  <si>
    <t>Relocation</t>
  </si>
  <si>
    <t>The CRM - Relocation application will be used by Relocation CLR users to track their interactions with clients. They will track relocation policy interpretation emails from departments, business cases that are submitted to TBS by departments that are exceptional cases not covered by the Relocation policy and asking for a decision.</t>
  </si>
  <si>
    <t>APP-03641</t>
  </si>
  <si>
    <t>Analytical Capabilities Expansion</t>
  </si>
  <si>
    <t>Expanding the analytical capabilities of TBS analyst by providing reporting access to the full hydrae data set through toolset available in CORS. This will allow more in depth analytics by allowing against Expenditure Management (Estimates, Supply, Reference Levels etc) and Results Management datasets (PAA, performance metrics). Additional licenses for CORS will also be purchased for a broader access and SAP training will be provided to SMEs to allow in depth use of available toolset.</t>
  </si>
  <si>
    <t>APP-03643</t>
  </si>
  <si>
    <t>ATIP Request Portal</t>
  </si>
  <si>
    <t>ATIP Portal</t>
  </si>
  <si>
    <t>Central website to make it easier for Canadians to submit personal information requests under the Privacy Act and information requests under the Access to Information Act, contributing to a more open and accessible government.</t>
  </si>
  <si>
    <t>APP-03645</t>
  </si>
  <si>
    <t>Azure Dev-Test Cloud Initiative (Pathfinder Project)</t>
  </si>
  <si>
    <t>Explore the capabilities of using Azure cloud for system development and testing.</t>
  </si>
  <si>
    <t>APP-03652</t>
  </si>
  <si>
    <t>Collective Agreement Mobile Applicaton</t>
  </si>
  <si>
    <t>CAMA</t>
  </si>
  <si>
    <t>SCMA and CLR would like to have a mobile application that allows people to search for and read all Collective Agreements (27)</t>
  </si>
  <si>
    <t>APP-03656</t>
  </si>
  <si>
    <t>Event Planning</t>
  </si>
  <si>
    <t>Event</t>
  </si>
  <si>
    <t>Investment in an IT-enabled solution to not only improve staff efficiency but also reduce the risk of non-compliance with the TB Directive on Travel, Hospitality, Conference and Event Expenditures</t>
  </si>
  <si>
    <t>APP-03658</t>
  </si>
  <si>
    <t>Fed Infrastructure Initiative Process</t>
  </si>
  <si>
    <t>FII</t>
  </si>
  <si>
    <t>Department of Finance asked TBS to lead a call out for proposals for Budget 2016 Federal Infrastructure Initiative. Building on the success of this initiative, TBS is proposing to develop an automated system that will allow: 1) federal organizations to submit proposed projects via TBS applications portal (or online); 2) TBS program sector to assess those projects using an online tool; 3) Assistant Secretaries to sign off electronically on those assessments; 4) Analysis to be conducted on the initiatives as a whole or for individual projects; 4) federal organizations department to report on the progress of these projects; and 5) TBS to conduct analysis on those reports.</t>
  </si>
  <si>
    <t>APP-03681</t>
  </si>
  <si>
    <t>Claims Office</t>
  </si>
  <si>
    <t>Claims</t>
  </si>
  <si>
    <t>APP-03699</t>
  </si>
  <si>
    <t>GC Docs (Content Server 2010) - Secret</t>
  </si>
  <si>
    <t>GC Docs - Secret</t>
  </si>
  <si>
    <t>APP-03701</t>
  </si>
  <si>
    <t>GC Docs (Content Server 2010) - DMZ</t>
  </si>
  <si>
    <t>GC Docs - DMZ</t>
  </si>
  <si>
    <t>APP-04159</t>
  </si>
  <si>
    <t>Citrix (Management Zone)</t>
  </si>
  <si>
    <t>CITRX-MGTZN</t>
  </si>
  <si>
    <t>APP-04161</t>
  </si>
  <si>
    <t>Cisco AnyConnect</t>
  </si>
  <si>
    <t>This allows remote connectivity to the TBS PB network.</t>
  </si>
  <si>
    <t>Veterans Affairs Canada</t>
  </si>
  <si>
    <t>VAC-APP-001</t>
  </si>
  <si>
    <t>Client Service Delivery Network</t>
  </si>
  <si>
    <t>CSDN</t>
  </si>
  <si>
    <t>Disability and Death Compensation, Financial Support, Health Care Program and Re-establishment Services</t>
  </si>
  <si>
    <t>VAC-APP-004</t>
  </si>
  <si>
    <t>Benefits and Health Services OnLine</t>
  </si>
  <si>
    <t>BHSOL</t>
  </si>
  <si>
    <t>VAC-APP-020</t>
  </si>
  <si>
    <t>Human Resources Management Dashboard</t>
  </si>
  <si>
    <t>HRMD</t>
  </si>
  <si>
    <t>VAC-APP-025</t>
  </si>
  <si>
    <t>Registry Support System / Service Health Records</t>
  </si>
  <si>
    <t>RSS/SHR</t>
  </si>
  <si>
    <t>Disability Benefits, Health Care Program and Re-establishment Services</t>
  </si>
  <si>
    <t>VAC-APP-026</t>
  </si>
  <si>
    <t>Digital Imaging</t>
  </si>
  <si>
    <t>DIGIMG</t>
  </si>
  <si>
    <t>VAC-APP-035</t>
  </si>
  <si>
    <t>Automated Materials Mgmt Information System</t>
  </si>
  <si>
    <t>The Automated Materials Management System (AMMIS) allows departmental Responsibility Centre staff to control assets and inventory.  It provides complete and accurate data on assets, including the location of the asset, date of purchase, warranty, repairs and all pertinent disposal information, such as the disposal date, the proceeds and any gain or loss.  An annual review of assets is conducted using this system of record.</t>
  </si>
  <si>
    <t>Unknown (Defunct), Automated Materials Management System</t>
  </si>
  <si>
    <t>VAC-APP-037</t>
  </si>
  <si>
    <t>Canada Remembers Online Ordering System</t>
  </si>
  <si>
    <t>CROOS</t>
  </si>
  <si>
    <t>Canada Remembers Program</t>
  </si>
  <si>
    <t>The Canada Remembers Online Ordering System (CROOS) is an online ordering system for Commemoration products for external users.  It has an external public facing site  and an internal administration site.  It also allows users to complete product evaluation forms.</t>
  </si>
  <si>
    <t>VAC-APP-038</t>
  </si>
  <si>
    <t>Canada Remembers Graves Tracking</t>
  </si>
  <si>
    <t>CRGT</t>
  </si>
  <si>
    <t>VAC-APP-039</t>
  </si>
  <si>
    <t>Electronic Menu System</t>
  </si>
  <si>
    <t>The Electronic Menu System is a menu system for VAC forms.</t>
  </si>
  <si>
    <t>VAC-APP-041</t>
  </si>
  <si>
    <t>VAC-APP-043</t>
  </si>
  <si>
    <t>Grants &amp; Contributions Management Program</t>
  </si>
  <si>
    <t>GCMP</t>
  </si>
  <si>
    <t>Canada Remembers</t>
  </si>
  <si>
    <t>VAC-APP-045</t>
  </si>
  <si>
    <t>My VAC Account</t>
  </si>
  <si>
    <t>MVA</t>
  </si>
  <si>
    <t>Disability and Death Compensation</t>
  </si>
  <si>
    <t>VAC-APP-054</t>
  </si>
  <si>
    <t>FreeBalance, Performance Budgeting for Human Capital</t>
  </si>
  <si>
    <t>VAC-APP-055</t>
  </si>
  <si>
    <t>Residential Care Support System</t>
  </si>
  <si>
    <t>RCSS</t>
  </si>
  <si>
    <t>Health Care Program and Re-establishment Services</t>
  </si>
  <si>
    <t>VAC-APP-056</t>
  </si>
  <si>
    <t>Stores Inventory Control</t>
  </si>
  <si>
    <t>The Stores Inventory Control system is used to provide inventory control for stores items.</t>
  </si>
  <si>
    <t>VAC-APP-106</t>
  </si>
  <si>
    <t>Trust Acct Admin System</t>
  </si>
  <si>
    <t>TAAS</t>
  </si>
  <si>
    <t>VAC-APP-140</t>
  </si>
  <si>
    <t>Federal Records Inventory Control System</t>
  </si>
  <si>
    <t>FRICS</t>
  </si>
  <si>
    <t>VAC-APP-201</t>
  </si>
  <si>
    <t>Assyst.</t>
  </si>
  <si>
    <t>VAC-APP-202</t>
  </si>
  <si>
    <t>Correspondence Control Manager</t>
  </si>
  <si>
    <t>VAC-APP-203</t>
  </si>
  <si>
    <t>AccessPro-CM</t>
  </si>
  <si>
    <t>Access to Information and Privacy (ATIP)</t>
  </si>
  <si>
    <t>CSDC Systems Inc. - AccessPro Case Management</t>
  </si>
  <si>
    <t>APP-04185</t>
  </si>
  <si>
    <t>Ministers office Stakeholder System</t>
  </si>
  <si>
    <t>MOSS</t>
  </si>
  <si>
    <t>APP-04197</t>
  </si>
  <si>
    <t>HR Policy Interpretation</t>
  </si>
  <si>
    <t>HRPI</t>
  </si>
  <si>
    <t>APP-04199</t>
  </si>
  <si>
    <t>Career Transition Services - Education and Training Benefits</t>
  </si>
  <si>
    <t>CTS-ETB</t>
  </si>
  <si>
    <t>APP-04188</t>
  </si>
  <si>
    <t>Human Resources- Complaint System</t>
  </si>
  <si>
    <t>HR-Complaint</t>
  </si>
  <si>
    <t>APP-04225</t>
  </si>
  <si>
    <t>VAC External Web Site</t>
  </si>
  <si>
    <t>VAC External Web site</t>
  </si>
  <si>
    <t>This the main external website for Veterans Affairs Canada</t>
  </si>
  <si>
    <t>APP-04221</t>
  </si>
  <si>
    <t>Veterans Family Well Being Fund</t>
  </si>
  <si>
    <t>VFWBF</t>
  </si>
  <si>
    <t>VAC-APP-301</t>
  </si>
  <si>
    <t>VAC Website Portal - E-Postcards for Peace</t>
  </si>
  <si>
    <t>E-Postcards for Pease is a Canada Remembers online application that lets individuals connect on a personal basis to send and receive peaceful messages using known e-mail addresses.</t>
  </si>
  <si>
    <t>VAC-APP-303</t>
  </si>
  <si>
    <t>VAC Website Portal - Heroes Remember</t>
  </si>
  <si>
    <t>HREM</t>
  </si>
  <si>
    <t>The Heroes Remember website presents the personal recollections of ordinary Canadians who became heroes when confronted with extraordinary circumstances.</t>
  </si>
  <si>
    <t>VAC-APP-304</t>
  </si>
  <si>
    <t>VAC Website Portal - Bomber Command Bar</t>
  </si>
  <si>
    <t>BCB</t>
  </si>
  <si>
    <t>Bomber Command Bar is an online form that allows living Veterans and eligible next of kin to apply for the honour.</t>
  </si>
  <si>
    <t>VAC-APP-305</t>
  </si>
  <si>
    <t>VAC Website Portal - Korean War Armistice Certificate of Recognition</t>
  </si>
  <si>
    <t>KWACR</t>
  </si>
  <si>
    <t>The Korean War Armistice Certificate of Recognition is an online form for Canadian Veterans of the Korean War to apply for a special certificate of recognition.  This web form is brought online only during the event.</t>
  </si>
  <si>
    <t>VAC-APP-306</t>
  </si>
  <si>
    <t>VAC Website Portal - Canadian Virtual War Memorial</t>
  </si>
  <si>
    <t>CVWM</t>
  </si>
  <si>
    <t>The Canadian Virtual War Memorial is a site that contains a registry of information about the graves and memorials of more than 118,000 Canadians and Newfoundlanders who served valiantly and gave their lives for their country. Included on this site are the memorials of more than 1,700 soldiers who died in service to Canada since the Korean War, including peacekeeping and other operations. The site also contains digital images of photographs and personal memorabilia about individual Canadians. The purpose of the Canadian Virtual War Memorial is to recognize and keep alive the memory of the achievements and sacrifices made by those who served Canada in the defence of freedom and so have contributed to the development of Canada as a nation.</t>
  </si>
  <si>
    <t>VAC-APP-401</t>
  </si>
  <si>
    <t>Enterprise Reporting Database</t>
  </si>
  <si>
    <t>RDB</t>
  </si>
  <si>
    <t>VAC-APP-402</t>
  </si>
  <si>
    <t>Adobe LiveCycle -  Letters Application Integration Module</t>
  </si>
  <si>
    <t>LAIM</t>
  </si>
  <si>
    <t>VAC-APP-403</t>
  </si>
  <si>
    <t>Adobe LiveCycle - Adobe Correspondence Management (CMS) Solution</t>
  </si>
  <si>
    <t>Correspondence Management</t>
  </si>
  <si>
    <t>VAC-APP-404</t>
  </si>
  <si>
    <t>Adobe LiveCycle - Adobe Experience Manager (AEM)</t>
  </si>
  <si>
    <t>AEM</t>
  </si>
  <si>
    <t>VAC-APP-405</t>
  </si>
  <si>
    <t>Adobe LiveCycle - Forms Application Integration Module</t>
  </si>
  <si>
    <t>FAIM</t>
  </si>
  <si>
    <t>VAC-APP-406</t>
  </si>
  <si>
    <t>Adobe LiveCycle - PDF Generator</t>
  </si>
  <si>
    <t>PDFGen</t>
  </si>
  <si>
    <t>LC PDF Generator</t>
  </si>
  <si>
    <t>VAC-APP-407</t>
  </si>
  <si>
    <t>BDS Calc</t>
  </si>
  <si>
    <t>BDSCALC</t>
  </si>
  <si>
    <t>VAC-APP-409</t>
  </si>
  <si>
    <t>Cognos Framework Manager</t>
  </si>
  <si>
    <t>IBM Cognos Framework Manager</t>
  </si>
  <si>
    <t>VAC-APP-410</t>
  </si>
  <si>
    <t>CPP</t>
  </si>
  <si>
    <t>IBM Cognos Powerplay</t>
  </si>
  <si>
    <t>VAC-APP-411</t>
  </si>
  <si>
    <t>Cognos Transformer</t>
  </si>
  <si>
    <t>IBM Cognos Transformer</t>
  </si>
  <si>
    <t>VAC-APP-412</t>
  </si>
  <si>
    <t>Common Look &amp; Feel</t>
  </si>
  <si>
    <t>CLF</t>
  </si>
  <si>
    <t>Common Look and Feel is a web application used to support government wide standards across all VAC web applications developed within VAC.</t>
  </si>
  <si>
    <t>VAC-APP-413</t>
  </si>
  <si>
    <t>Configuration Manager</t>
  </si>
  <si>
    <t>Configuration Manager provides remote control, patch management, software distribution, OS deployment and hardware\software inventory.</t>
  </si>
  <si>
    <t>VAC-APP-414</t>
  </si>
  <si>
    <t>CSDN Client Search</t>
  </si>
  <si>
    <t>FIND</t>
  </si>
  <si>
    <t>CSDN Client Search is a java version of CSDN's "Find Client" process. DIGIMG uses it as a back door to access client info when running in stand-alone mode - as opposed to accessing via CSDN.</t>
  </si>
  <si>
    <t>VAC-APP-415</t>
  </si>
  <si>
    <t>CSDN Web Application Launching</t>
  </si>
  <si>
    <t>WEBLAUNCH</t>
  </si>
  <si>
    <t>CSDN Web Application Launching is a java utility used primarily to allow CSDN users to access web applications without leaving CSDN.  This utility can also be used independently of CSDN. (i.e. VRAB Scheduler uses this utility to link thru to DIGIMG application).</t>
  </si>
  <si>
    <t>VAC-APP-416</t>
  </si>
  <si>
    <t>Data Dispostion Application</t>
  </si>
  <si>
    <t>Financial Management Services,Information Management Services,Information Technology Services,Other,Other</t>
  </si>
  <si>
    <t>VAC-APP-417</t>
  </si>
  <si>
    <t>Disability Application Calculator</t>
  </si>
  <si>
    <t>DAPPC</t>
  </si>
  <si>
    <t>VAC-APP-418</t>
  </si>
  <si>
    <t>Federal Health Claims Processing System - Real Time Data Transfer Web Services t</t>
  </si>
  <si>
    <t>RTDT</t>
  </si>
  <si>
    <t>Health Care Program</t>
  </si>
  <si>
    <t>VAC-APP-419</t>
  </si>
  <si>
    <t>Honours and Awards</t>
  </si>
  <si>
    <t>HAA</t>
  </si>
  <si>
    <t>VAC-APP-420</t>
  </si>
  <si>
    <t>IBM Cognos Business Intelligence  - VAC Enterprise Data Report Portal</t>
  </si>
  <si>
    <t>BIPortal</t>
  </si>
  <si>
    <t>APP-03761</t>
  </si>
  <si>
    <t>ICEBar</t>
  </si>
  <si>
    <t>Bell / CompuTalks</t>
  </si>
  <si>
    <t>ICE Bar</t>
  </si>
  <si>
    <t>VAC-APP-423</t>
  </si>
  <si>
    <t>Motio</t>
  </si>
  <si>
    <t>Motio CI</t>
  </si>
  <si>
    <t>VAC-APP-424</t>
  </si>
  <si>
    <t>MoveIT</t>
  </si>
  <si>
    <t>MOVEIT</t>
  </si>
  <si>
    <t>IPSwitch, MoveIT</t>
  </si>
  <si>
    <t>Veterans Ombudsman</t>
  </si>
  <si>
    <t>VAC-APP-426</t>
  </si>
  <si>
    <t>Ombudsman Online Complaint Submission System</t>
  </si>
  <si>
    <t>OOCSS</t>
  </si>
  <si>
    <t>VAC-APP-427</t>
  </si>
  <si>
    <t>Confluence Enterprise Wiki</t>
  </si>
  <si>
    <t>Confluence Enterprise Wiki is an in-house intranet collaboration tool for the Office of the Veterans Ombudsman, Royal Canadian Legion, Veterans Affairs and Veterans Review and Appeal Board.</t>
  </si>
  <si>
    <t>VAC-APP-428</t>
  </si>
  <si>
    <t>Personnel Record Inventory System</t>
  </si>
  <si>
    <t>VAC-APP-430</t>
  </si>
  <si>
    <t>PTSD Coach Canada</t>
  </si>
  <si>
    <t>PTSDCC</t>
  </si>
  <si>
    <t>The PTSD Coach Canada app can help Veterans learn about and manage symptoms that can occur after trauma. Features include: Reliable information on PTSD and treatments that work; Tools for screening and tracking symptoms; Convenient, easy-to-use tools to help handle stress symptoms; and Direct links to support and help.</t>
  </si>
  <si>
    <t>VAC-APP-432</t>
  </si>
  <si>
    <t>Retired Soldiers Insurance</t>
  </si>
  <si>
    <t>RSI</t>
  </si>
  <si>
    <t>Retired Soldiers Insurance is a standalone Web application used to manage clients entitled to benefits under the Returned Soldiers' Insurance Act (for WWI clients) and the Veterans Insurance Act (for WWII clients).</t>
  </si>
  <si>
    <t>VAC-APP-434</t>
  </si>
  <si>
    <t>System User Access Tool</t>
  </si>
  <si>
    <t>SUAT</t>
  </si>
  <si>
    <t>Internal Service</t>
  </si>
  <si>
    <t>VAC-APP-436</t>
  </si>
  <si>
    <t>Utilities</t>
  </si>
  <si>
    <t>VAC-APP-439</t>
  </si>
  <si>
    <t>VAC Web Services</t>
  </si>
  <si>
    <t>VACWS</t>
  </si>
  <si>
    <t>VAC-APP-441</t>
  </si>
  <si>
    <t>VRAB Scheduler</t>
  </si>
  <si>
    <t>VSA (VRAB) VSCH</t>
  </si>
  <si>
    <t>Information Management Services,Management and Oversight Services,Travel and Other Administrative Services</t>
  </si>
  <si>
    <t>VAC-APP-443</t>
  </si>
  <si>
    <t>VAC/DND Interoperability - Real Time Data Transfer Web Services</t>
  </si>
  <si>
    <t>DIOS</t>
  </si>
  <si>
    <t>APP-03767</t>
  </si>
  <si>
    <t>IBM Watson</t>
  </si>
  <si>
    <t>APP-03769</t>
  </si>
  <si>
    <t>TeamMate Software Solutions</t>
  </si>
  <si>
    <t>Audit Management Software</t>
  </si>
  <si>
    <t>APP-03771</t>
  </si>
  <si>
    <t>My VAC App</t>
  </si>
  <si>
    <t>Cell phone app version of My VAC Account</t>
  </si>
  <si>
    <t>VAC-APP-448</t>
  </si>
  <si>
    <t>Forms Catalog</t>
  </si>
  <si>
    <t>FormsCat</t>
  </si>
  <si>
    <t>new webapp to replace the old Electronic Forms menu system for searching and launching internal forms.</t>
  </si>
  <si>
    <t>VAC-APP-449</t>
  </si>
  <si>
    <t>Veterans Matters Appplication</t>
  </si>
  <si>
    <t>VMA</t>
  </si>
  <si>
    <t>The  Veterans Matter device specficic downloadable application, enables Veterans and the General public to: access information about the services and benefits offered by VAC; find an event or ceremony; explore the Canadian Virtual War Memorial and Find a Memorial (in Canada) applications; locate the nearest VAC Office or IPSC, Service Canada Centre, BPA office or OSI clinic and other VAC contact information; stay connected on social media with access to VAC’s Facebook, Twitter, Instagram and YouTube accounts; and have easy access to My VAC Account via a link to the MVA landing page</t>
  </si>
  <si>
    <t>VAC-APP-450</t>
  </si>
  <si>
    <t>Ombudsman File Tracking System</t>
  </si>
  <si>
    <t>OFTS</t>
  </si>
  <si>
    <t>VAC-APP-451</t>
  </si>
  <si>
    <t>VAC Website Portal -National Inventory of Canadian Military Memorials</t>
  </si>
  <si>
    <t>NICMM</t>
  </si>
  <si>
    <t>This website is a repository of memorials and monuments located in communities across the country. Currently, more than 7,500 memorials are posted on our website. This site is regularly updated as we continue to receive information on Canadian military memorials. Canadians are invited to submit memorials dedicated to the memory of Canada’s brave fallen.</t>
  </si>
  <si>
    <t>VAC-APP-453</t>
  </si>
  <si>
    <t>VAC Website Portal - Subscription services</t>
  </si>
  <si>
    <t>SubServ</t>
  </si>
  <si>
    <t>This subscription service wil deliver important Veterans Affairs Canada information to your inbox and make it easier for you to find the information you need</t>
  </si>
  <si>
    <t>VAC-APP-454</t>
  </si>
  <si>
    <t>VAC Website Portal - Calendar of Events</t>
  </si>
  <si>
    <t>CoE</t>
  </si>
  <si>
    <t>The purpose of this calendar is to highlight national events of interest to Veterans, those with a connection to Canada’s military, past or present, and the Canadian public-at-large.</t>
  </si>
  <si>
    <t>VAC-APP-455</t>
  </si>
  <si>
    <t>VAC Website Portal - Have your say</t>
  </si>
  <si>
    <t>HYS</t>
  </si>
  <si>
    <t>Add your voice to the advisory group’s discussions</t>
  </si>
  <si>
    <t>VAC-APP-456</t>
  </si>
  <si>
    <t>VAC Website Portal - Contact the minister</t>
  </si>
  <si>
    <t>Contact the minister</t>
  </si>
  <si>
    <t>VAC-APP-457</t>
  </si>
  <si>
    <t>VAC Website Portal - Video Gallery</t>
  </si>
  <si>
    <t>VG</t>
  </si>
  <si>
    <t>Video Gallery</t>
  </si>
  <si>
    <t>VAC-APP-458</t>
  </si>
  <si>
    <t>Veterans in the Public Service Unit</t>
  </si>
  <si>
    <t>VPSU</t>
  </si>
  <si>
    <t>Health Care Program and Re-Establishment Services</t>
  </si>
  <si>
    <t>Windows 7 Desktop</t>
  </si>
  <si>
    <t>VAC-DSK-001</t>
  </si>
  <si>
    <t>ACLWIN</t>
  </si>
  <si>
    <t>ACL; ACL Analytics (ACLWIN)</t>
  </si>
  <si>
    <t>VAC-DSK-002</t>
  </si>
  <si>
    <t>Adobe LiveCycle Workbench AEM</t>
  </si>
  <si>
    <t>Adobe LiveCycle Workbench AEM software is an integrated development environment (IDE) that allows developers, designers, and business analysts to work together collaboratively to develop forms, documents, and business processes.</t>
  </si>
  <si>
    <t>VAC-DSK-003</t>
  </si>
  <si>
    <t>Adobe RoboHelp 11</t>
  </si>
  <si>
    <t>Adobe RoboHelp 11 is a Help Authoring Tool (HAT) software program used by technical writers to create online help systems, e-learning content, policies and procedures and knowledge bases.  At VAC, this is used for the help content within CSDN.</t>
  </si>
  <si>
    <t>VAC-DSK-006</t>
  </si>
  <si>
    <t>Avocent DSView</t>
  </si>
  <si>
    <t>Emerson Network Power; Avocent DSView</t>
  </si>
  <si>
    <t>VAC-DSK-009</t>
  </si>
  <si>
    <t>Exceed 2007</t>
  </si>
  <si>
    <t>Exceed 2007 is a open source connectivity Secure Shell (CSS) add-on product that provides SSH2 support for secure access to Unix remote hosts.</t>
  </si>
  <si>
    <t>OpenText formally called Hummingbird Ltd.; Hummingbird Exceed now called OpenText Exceed</t>
  </si>
  <si>
    <t>VAC-DSK-011</t>
  </si>
  <si>
    <t>Formflow 99 Designer</t>
  </si>
  <si>
    <t>Formflow 99 Designer is an XML-based product used to create electronic forms designed from scratch or based on a pre-existing form.</t>
  </si>
  <si>
    <t>FormFlow 99</t>
  </si>
  <si>
    <t>VAC-DSK-012</t>
  </si>
  <si>
    <t>Host Explorer</t>
  </si>
  <si>
    <t>Host Explorer is used for connecting to the UNIX environment for batch development and support.</t>
  </si>
  <si>
    <t>OpenText formally called Hummingbird Ltd.; Hummingbird Host Explorer now called OpenText Host Explorer</t>
  </si>
  <si>
    <t>VAC-DSK-013</t>
  </si>
  <si>
    <t>IMPORT Explorer - Freebalance 6.5</t>
  </si>
  <si>
    <t>FreeBalance Inc.; Import Explorer</t>
  </si>
  <si>
    <t>VAC-DSK-015</t>
  </si>
  <si>
    <t>Oracle SQL Developer is a free integrated development environment that simplifies the development and management of Oracle Database in both traditional and Cloud deployments. SQL Developer offers complete end-to-end development of your PL/SQL applications, a worksheet for running queries and scripts, a DBA console for managing the database, a reports interface, a complete data modeling solution, and a migration platform for moving your 3rd party databases to Oracle.</t>
  </si>
  <si>
    <t>VAC-DSK-016</t>
  </si>
  <si>
    <t>OrgPlus is used for organizational planning and charting.  A nightly extract from the PeopleSoft production environment produces a table for OrgPlus to use.  Only specific VAC users (e.g. Classification) use the product.</t>
  </si>
  <si>
    <t>Insperity; OrgPlus</t>
  </si>
  <si>
    <t>VAC-DSK-020</t>
  </si>
  <si>
    <t>Philips Executive Transcription</t>
  </si>
  <si>
    <t>Philips Executive Transcription is transcription software.</t>
  </si>
  <si>
    <t>Speech Processing Solutions Inc; Philips Executive Transcription</t>
  </si>
  <si>
    <t>VAC-DSK-021</t>
  </si>
  <si>
    <t>Philips DPM Player</t>
  </si>
  <si>
    <t>PhillipsDPMPlayer</t>
  </si>
  <si>
    <t>Philips DPM Player is digital speech processing software.</t>
  </si>
  <si>
    <t>Speech Processing Solutions Inc; Philips DPM Player</t>
  </si>
  <si>
    <t>VAC-DSK-022</t>
  </si>
  <si>
    <t>PL/SQL Developer 10</t>
  </si>
  <si>
    <t>PLSQLDEV10</t>
  </si>
  <si>
    <t>PL/SQL Developer is an integrated development environment for developing, testing, debugging, and optimizing Oracle PL/SQL stored-program units such as packages, and triggers.  The program features context-sensitive help and database-object descriptions.  Also includes a full-featured integrated debugger, a multi-session or multi-threaded environment, a code assistant, a template library, a macro library, and a command window.</t>
  </si>
  <si>
    <t>Allround Automations; PL/SQL Developer</t>
  </si>
  <si>
    <t>VAC-DSK-023</t>
  </si>
  <si>
    <t>Powerbuilder 12.5</t>
  </si>
  <si>
    <t>Powerbuilder is an integrated development environment.  Powerbuilder is used to develop and maintain CSDN functionality.</t>
  </si>
  <si>
    <t>SAP; SAP Powerbuilder</t>
  </si>
  <si>
    <t>VAC-DSK-024</t>
  </si>
  <si>
    <t>PowerMapper</t>
  </si>
  <si>
    <t>PowerMapper software makes simple tools for website mapping and testing web sites for accessibility, broken links, browser compatibility and errors.  At VAC, it is mainly used to check websites for broken links.</t>
  </si>
  <si>
    <t>PowerMapper Software; PowerMapper</t>
  </si>
  <si>
    <t>VAC-DSK-026</t>
  </si>
  <si>
    <t>ProDiff</t>
  </si>
  <si>
    <t>ProDiff for PowerBuilder is a comparison/diff tool for PowerBuilder developers.</t>
  </si>
  <si>
    <t>PBDR Limited</t>
  </si>
  <si>
    <t>VAC-DSK-027</t>
  </si>
  <si>
    <t>Putty is an open-source SSH and telnet client for the Windows platform.  It is used at VAC to access server logs.</t>
  </si>
  <si>
    <t>Open Source software.</t>
  </si>
  <si>
    <t>VAC-DSK-028</t>
  </si>
  <si>
    <t>PVCS Version Manager is an application used for version control of documents and software within Application Management Division.</t>
  </si>
  <si>
    <t>Serena Software Inc.; PVCS Version Manager</t>
  </si>
  <si>
    <t>VAC-DSK-032</t>
  </si>
  <si>
    <t>Smart Notebook 11.2</t>
  </si>
  <si>
    <t>SMART Notebook software is used for creating, delivering and managing interactive lessons within a single application. It allows a user to combine their favorite tools in SMART Notebook software with their favorite tools from the Web.  At VAC, it is used with Smart Boards to create an interactive whiteboard.  It aids in the development of learning materials for the VAC website and it is used as a mechanism to speed up communication between VAC Web Developers and Commemoration's staff.  On rare occasions, it may be used during presentations with other government departments.</t>
  </si>
  <si>
    <t>SMART Technologies; Smart Notebook</t>
  </si>
  <si>
    <t>VAC-DSK-034</t>
  </si>
  <si>
    <t>SQL Server Report Builder</t>
  </si>
  <si>
    <t>SQL Server Report Builder is a productive report-authoring environment for IT professionals and power users.  AT VAC, it is used for statistical purposes within the Statistics Directorate.</t>
  </si>
  <si>
    <t>VAC-DSK-035</t>
  </si>
  <si>
    <t>Stata 13</t>
  </si>
  <si>
    <t>Internal Services; Canada Remembers Program</t>
  </si>
  <si>
    <t>Stata is a statistical package for managing, analyzing, and graphing data.  At VAC, STATA is used to analyze Veteran data from the Life After Service Studies (LASS) performed by Statistics Canada on a 3-year cycle.  Statistics Canada sends VAC a flat data file containing the survey results using their secure electronic file transfer protocol.  The data is then loaded into Stata 13.  The information is analyzed and used to support policy development or other overarching goals of the department.  It is also used to produce research papers that get published in journals and/or presented at conferences.</t>
  </si>
  <si>
    <t>StataCorp LP; Stata</t>
  </si>
  <si>
    <t>VAC-DSK-039</t>
  </si>
  <si>
    <t>VMWare Workstation Player</t>
  </si>
  <si>
    <t>VMWare Workstation Player is an application used to manage AMD VMware images.</t>
  </si>
  <si>
    <t>VM Workstation Player</t>
  </si>
  <si>
    <t>VAC-DSK-042</t>
  </si>
  <si>
    <t>WinRAS</t>
  </si>
  <si>
    <t>WinRAS is an application used to  calculate Quebec income tax and payroll calculations (source deductions of Québec income tax, contributions to the Québec Pension Plan, contributions to the Québec parental insurance plan; employer contributions to the Québec Pension Plan, the Québec parental insurance plan, and the health services fund.).  At VAC, it is used to verify CSDN, PayDirt and RISB tax calculations for Quebec residents.  Each year it is downloaded to obtain the current year's tax amounts.</t>
  </si>
  <si>
    <t>Revenu Quebec; WinRAS</t>
  </si>
  <si>
    <t>VAC-DSK-043</t>
  </si>
  <si>
    <t>IBM SPSS Statistics &amp; Complex Samples 23</t>
  </si>
  <si>
    <t>SPSS is used to analyze statistical data and interpret survey results from complex samples.  At VAC, it is mainly used to analyze information used to support policy development or other overarching goals of the department.</t>
  </si>
  <si>
    <t>IBM; IBM SPSS Statistics &amp; Complex Samples 23</t>
  </si>
  <si>
    <t>VAC-DSK-044</t>
  </si>
  <si>
    <t>AdminStudio 11.5</t>
  </si>
  <si>
    <t>AdminStudio provides enterprise IT teams with the most advanced application packaging tools to efficiently prepare reliable application packages for software deployment with a complete set of automated MSI packaging, customization, testing and reporting capabilities.</t>
  </si>
  <si>
    <t>VAC-DSK-045</t>
  </si>
  <si>
    <t>VMWare Vsphere Client</t>
  </si>
  <si>
    <t>Allows users to remotely connect to ESXi or vCenter Server from any Windows PC</t>
  </si>
  <si>
    <t>APP-03756</t>
  </si>
  <si>
    <t>GroupWise</t>
  </si>
  <si>
    <t>GW</t>
  </si>
  <si>
    <t>Email software</t>
  </si>
  <si>
    <t>Novell Groupwise 2014</t>
  </si>
  <si>
    <t>APP-03758</t>
  </si>
  <si>
    <t>GroupWise Messenger</t>
  </si>
  <si>
    <t>GWMess</t>
  </si>
  <si>
    <t>Instant messaging sofware</t>
  </si>
  <si>
    <t>APP-03763</t>
  </si>
  <si>
    <t>MSLync</t>
  </si>
  <si>
    <t>Lync 2013</t>
  </si>
  <si>
    <t>VAC-USR-002</t>
  </si>
  <si>
    <t>Adobe LiveCycle Designer AEM</t>
  </si>
  <si>
    <t>Designer AEM</t>
  </si>
  <si>
    <t>Adobe LiveCycle Designer AEM software is a comprehensive design tool that helps you create form and document templates combining high-fidelity dynamic presentation with sophisticated XML data handling. LiveCycle Designer AEM provides an intuitive, drag-and-drop user interface that makes it easy to create and deploy templates without deep technical knowledge.</t>
  </si>
  <si>
    <t>LiveCycle Designer AEM</t>
  </si>
  <si>
    <t>VAC-USR-004</t>
  </si>
  <si>
    <t>Archi 3.3.1</t>
  </si>
  <si>
    <t>Archi 3.3.1 is used for viewing and maintaining architecture diagrams.</t>
  </si>
  <si>
    <t>Open Source Product</t>
  </si>
  <si>
    <t>VAC-USR-006</t>
  </si>
  <si>
    <t>BitKinex</t>
  </si>
  <si>
    <t>File transfer software for accessing LiveCycle files through WebDAV (essential software)</t>
  </si>
  <si>
    <t>Barad-Dur - BitKinex</t>
  </si>
  <si>
    <t>VAC-USR-007</t>
  </si>
  <si>
    <t>Blackberry Link</t>
  </si>
  <si>
    <t>Blackberry Link - For testing BB devices, as well as moving files to / from BB.</t>
  </si>
  <si>
    <t>BlackBerry - Link</t>
  </si>
  <si>
    <t>Mobile Operating System Software</t>
  </si>
  <si>
    <t>VAC-USR-008</t>
  </si>
  <si>
    <t>Blancco Configuration Tool</t>
  </si>
  <si>
    <t>Blancco_Canada</t>
  </si>
  <si>
    <t>Blancco Configuration Tool: This is used to configure our Blancco ISO's for media sanitization.</t>
  </si>
  <si>
    <t>Blancco Config Tool</t>
  </si>
  <si>
    <t>VAC-USR-009</t>
  </si>
  <si>
    <t>cavJ </t>
  </si>
  <si>
    <t>java compiler</t>
  </si>
  <si>
    <t>Sureshot - cavaJ</t>
  </si>
  <si>
    <t>VAC-USR-011</t>
  </si>
  <si>
    <t>Cordova</t>
  </si>
  <si>
    <t>Platform for build and running mobile apps</t>
  </si>
  <si>
    <t>VAC-USR-012</t>
  </si>
  <si>
    <t>CSVed</t>
  </si>
  <si>
    <t>used to compare CSV files used in RFT - automated test cases</t>
  </si>
  <si>
    <t>Thius - CSVed</t>
  </si>
  <si>
    <t>VAC-USR-016</t>
  </si>
  <si>
    <t>Deploy.exe</t>
  </si>
  <si>
    <t>Deploy.exe - used to aid in the deployment of CSDN builds</t>
  </si>
  <si>
    <t>VAC-USR-020</t>
  </si>
  <si>
    <t>GitLab</t>
  </si>
  <si>
    <t>GitLab - Source Control Product
It is the leading integrated product for modern software development. Connecting issue management, version control, code review, CI, CD, and monitoring</t>
  </si>
  <si>
    <t>VAC-USR-021</t>
  </si>
  <si>
    <t>IBM Installation Manager</t>
  </si>
  <si>
    <t>Managing IBM software installations</t>
  </si>
  <si>
    <t>IBM - Installation Manager</t>
  </si>
  <si>
    <t>VAC-USR-022</t>
  </si>
  <si>
    <t>IBM License Key Administrator</t>
  </si>
  <si>
    <t>Managing License keys for installed IBM Software</t>
  </si>
  <si>
    <t>IBM - License Key Administrator</t>
  </si>
  <si>
    <t>VAC-USR-023</t>
  </si>
  <si>
    <t>IBM Rational Application Developer</t>
  </si>
  <si>
    <t>System development for Java EE VAC enterprise systems.</t>
  </si>
  <si>
    <t>IBM - Rational Application Developer</t>
  </si>
  <si>
    <t>VAC-USR-024</t>
  </si>
  <si>
    <t>IBM Rational Functional Tester</t>
  </si>
  <si>
    <t>This is the main IFT testing application</t>
  </si>
  <si>
    <t>IBM - Rational Functional Tester</t>
  </si>
  <si>
    <t>VAC-USR-025</t>
  </si>
  <si>
    <t>IBM Rational Performance Tester</t>
  </si>
  <si>
    <t>Load Testing for applications</t>
  </si>
  <si>
    <t>IBM - Rational Performance Tester</t>
  </si>
  <si>
    <t>VAC-USR-026</t>
  </si>
  <si>
    <t>IBM Rational Quality Manager</t>
  </si>
  <si>
    <t>IBM® Rational® Quality Manager is a collaborative, web-based tool that offers test planning, test construction, and test artifact management functions throughout the software development lifecycle.</t>
  </si>
  <si>
    <t>IBM - Rational Quality Manager</t>
  </si>
  <si>
    <t>VAC-USR-027</t>
  </si>
  <si>
    <t>IBM Rational Robot</t>
  </si>
  <si>
    <t>Rational Robot is a complete set of components for automating the testing of Microsoft Windows client/server, Internet applications and ERP applications running under Windows NT 4.0, Windows XP, Windows 2000, Windows 98, and Windows Me.</t>
  </si>
  <si>
    <t>IBM - Rational Robot</t>
  </si>
  <si>
    <t>VAC-USR-029</t>
  </si>
  <si>
    <t>jsdoc</t>
  </si>
  <si>
    <t>jsdoc (open source JavaScript documentation generator)</t>
  </si>
  <si>
    <t>VAC-USR-030</t>
  </si>
  <si>
    <t>Nessus</t>
  </si>
  <si>
    <t>Nessus is a remote security scanning tool, which scans a computer and raises an alert if it discovers any vulnerabilities that malicious hackers could use to gain access to any computer you have connected to a network.</t>
  </si>
  <si>
    <t>Tenable Network Security - Nessus</t>
  </si>
  <si>
    <t>VAC-USR-031</t>
  </si>
  <si>
    <t>Node.js</t>
  </si>
  <si>
    <t>Node.js is an open-source, cross-platform runtime environment for developing server-side Web applications.</t>
  </si>
  <si>
    <t>VAC-USR-032</t>
  </si>
  <si>
    <t>Oracle Java SDK</t>
  </si>
  <si>
    <t>Software Development toolkit</t>
  </si>
  <si>
    <t>Java Platform Enterprise Editi</t>
  </si>
  <si>
    <t>VAC-USR-033</t>
  </si>
  <si>
    <t>Passware</t>
  </si>
  <si>
    <t>VAC Procured software to recover Password locked files</t>
  </si>
  <si>
    <t>Passware - Kit Forensic</t>
  </si>
  <si>
    <t>VAC-USR-034</t>
  </si>
  <si>
    <t>Rstudio</t>
  </si>
  <si>
    <t>VAC Procured software for forensic file recovery (i.e. accidentally deleted files and forensic investigations).</t>
  </si>
  <si>
    <t>R-Tools Technology Inc - R-Studio</t>
  </si>
  <si>
    <t>VAC-USR-036</t>
  </si>
  <si>
    <t>SourceTree - Git repository management</t>
  </si>
  <si>
    <t>Atlassian - SourceTree</t>
  </si>
  <si>
    <t>VAC-USR-037</t>
  </si>
  <si>
    <t>StreetPerfect is updated monthly from Canada Post. It is used to identify broken or odd addresses. The appropriate staff then investigate and correct the noted addresses. This is used for both clients and vendors.</t>
  </si>
  <si>
    <t>Sun Media - StreetPerfect</t>
  </si>
  <si>
    <t>VAC-USR-039</t>
  </si>
  <si>
    <t>Universal Extractor</t>
  </si>
  <si>
    <t>Universal Extractor is a program designed to decompress and extract files from any type of archive or installer, such as ZIP or RAR files, self-extracting EXE files, application installers, etc.</t>
  </si>
  <si>
    <t>Legroom - Universal Extractor</t>
  </si>
  <si>
    <t>VAC-USR-040</t>
  </si>
  <si>
    <t>Version.exe</t>
  </si>
  <si>
    <t>Version.exe - used to simplify the versioning process of CSDN code</t>
  </si>
  <si>
    <t>VAC-USR-041</t>
  </si>
  <si>
    <t>System development for Windows applications and Microsoft CRM.  Microsoft Visual Studio Express is a set of integrated development environments (IDEs) developed by Microsoft as a freeware and registerware function-limited version of the non-free Microsoft Visual Studio. Express editions started with Visual Studio 2005.</t>
  </si>
  <si>
    <t>VAC-USR-042</t>
  </si>
  <si>
    <t>Visual Studio Code</t>
  </si>
  <si>
    <t>Visual Studio Code is a source code editor developed by Microsoft for Windows, Linux and macOS. It includes support for debugging, embedded Git control, syntax highlighting, intelligent code completion, snippets, and code refactoring</t>
  </si>
  <si>
    <t>Studio Code</t>
  </si>
  <si>
    <t>VAC-USR-044</t>
  </si>
  <si>
    <t>VNC Viewer and Server</t>
  </si>
  <si>
    <t>VNC Viewer and Server - Used to remotely manage Departmental MAC computers, as well as to remote Desktop computer from VPN laptop.</t>
  </si>
  <si>
    <t>RealVNC</t>
  </si>
  <si>
    <t>VAC-USR-047</t>
  </si>
  <si>
    <t>WinSCP version 5.1.4</t>
  </si>
  <si>
    <t>WinSCP version 5.1.4 is a free and open-source SFTP, FTP, WebDAV and SCP client for Microsoft Windows. Its main function is secure file transfer between a local and a remote computer</t>
  </si>
  <si>
    <t>VAC-USR-048</t>
  </si>
  <si>
    <t>WordPerfect</t>
  </si>
  <si>
    <t>This is generate CSDN letters until Adobe/LAIM replaces all letters.</t>
  </si>
  <si>
    <t>WordPerfect Standard</t>
  </si>
  <si>
    <t>VAC-USR-049</t>
  </si>
  <si>
    <t>WS_FTP</t>
  </si>
  <si>
    <t>ftp client (WS_FTP LE) edition</t>
  </si>
  <si>
    <t>Ipswitch Inc - WS_FTP</t>
  </si>
  <si>
    <t>VAC-USR-050</t>
  </si>
  <si>
    <t>xRebel (Zero Turnaround)</t>
  </si>
  <si>
    <t>xRebel</t>
  </si>
  <si>
    <t>XRebel is a browser widget that profiles your application server in real time. It raises issues with slow requests and excessive IO, allowing you to quickly find the root cause.</t>
  </si>
  <si>
    <t>Zero Turnaround - xRebel</t>
  </si>
  <si>
    <t>VAC-USR-051</t>
  </si>
  <si>
    <t>Adobe Flash Builder 4.5</t>
  </si>
  <si>
    <t>Flash Builder</t>
  </si>
  <si>
    <t>Adobe Flash Builder is an integrated development environment built on the Eclipse platform that speeds development of rich Internet applications and cross-platform desktop applications, particularly for the Adobe AIR platform. Used at VAC to modify and build the current Adobe CMS Letter Solution.</t>
  </si>
  <si>
    <t>VAC-USR-052</t>
  </si>
  <si>
    <t>Andriod Studios</t>
  </si>
  <si>
    <t>Android Studios</t>
  </si>
  <si>
    <t>Android Studio is the official integrated development environment (IDE) for Google's Android operating system,</t>
  </si>
  <si>
    <t>Freeware</t>
  </si>
  <si>
    <t>VAC-USR-053</t>
  </si>
  <si>
    <t>Atom</t>
  </si>
  <si>
    <t>Atom (text editor) Atom is a free and open-source text and source code editor for macOS, Linux, and Microsoft Windows with support for plug-ins written in Node.js, and embedded Git Control, developed by GitHub. Atom is a desktop application built using web technologies.</t>
  </si>
  <si>
    <t>VAC-USR-054</t>
  </si>
  <si>
    <t>Mirosoft Dynamics sure step 2010</t>
  </si>
  <si>
    <t>Mirosoft Dynamics Sure Step 2010</t>
  </si>
  <si>
    <t>Microsoft Dynamics Sure Step is a software tool that provides complete methodologies for the management, deployment, migration, configuration, and upgrading of Microsoft Dynamics products.</t>
  </si>
  <si>
    <t>VAC-USR-055</t>
  </si>
  <si>
    <t>Reactotron</t>
  </si>
  <si>
    <t>Reactotron is a free desktop application that allows you to effortlessly inspect your React and React Native apps on macOS, Windows, and Linux.</t>
  </si>
  <si>
    <t>VAC-USR-056</t>
  </si>
  <si>
    <t>SQLNav</t>
  </si>
  <si>
    <t>Oracle SQL Query and SQL Tuning tool</t>
  </si>
  <si>
    <t>Dell (Quest) - SQL Navigator</t>
  </si>
  <si>
    <t>VAC-USR-057</t>
  </si>
  <si>
    <t>Oracle Database Admin Tool</t>
  </si>
  <si>
    <t>Dell (Quest) - Toad for Oracle</t>
  </si>
  <si>
    <t>VAC-USR-058</t>
  </si>
  <si>
    <t>Xcode</t>
  </si>
  <si>
    <t>Xcode is an integrated development environment for macOS containing a suite of software development tools developed by Apple for developing software for macOS, iOS, watchOS and tvOS</t>
  </si>
  <si>
    <t>VAC-USR-059</t>
  </si>
  <si>
    <t>XRM Toolbox</t>
  </si>
  <si>
    <t>XRM</t>
  </si>
  <si>
    <t>Set of open source tools to assist in Dynamics CRM devleopment</t>
  </si>
  <si>
    <t>VAC-USR-061</t>
  </si>
  <si>
    <t>Structured Query Report Writer</t>
  </si>
  <si>
    <t>SQRW</t>
  </si>
  <si>
    <t>Sturcture Query Report Writing tool</t>
  </si>
  <si>
    <t>VAC-USR-062</t>
  </si>
  <si>
    <t>Expo XDE</t>
  </si>
  <si>
    <t>XDE</t>
  </si>
  <si>
    <t>IDE for mobile development</t>
  </si>
  <si>
    <t>Expo</t>
  </si>
  <si>
    <t>APP-04308</t>
  </si>
  <si>
    <t>VAC Website Portal - My VAC Book</t>
  </si>
  <si>
    <t>MVB</t>
  </si>
  <si>
    <t>Build your own pdf of VAC programs and services</t>
  </si>
  <si>
    <t>Western Economic Diversification Canada</t>
  </si>
  <si>
    <t>WD-WD-DEO-001</t>
  </si>
  <si>
    <t>Exchange Email (ETI)</t>
  </si>
  <si>
    <t>U/K</t>
  </si>
  <si>
    <t>WD-WD-DEO-002</t>
  </si>
  <si>
    <t>Remote Access (VPN)</t>
  </si>
  <si>
    <t>Remote VPN</t>
  </si>
  <si>
    <t>Secure Remote Access to core WD applications</t>
  </si>
  <si>
    <t>WD-WD-DEO-003</t>
  </si>
  <si>
    <t>Content Server (GCDocs)</t>
  </si>
  <si>
    <t>OpenText - Content Server 2010 (GcDocs)</t>
  </si>
  <si>
    <t>WD-WD-DEO-004</t>
  </si>
  <si>
    <t>GX (Financial Systems)</t>
  </si>
  <si>
    <t>Cluster Group Financial System with G&amp;C module.</t>
  </si>
  <si>
    <t>WD-WD-DEO-005</t>
  </si>
  <si>
    <t>Reporting Centre</t>
  </si>
  <si>
    <t>Departmental Reporting System</t>
  </si>
  <si>
    <t>Microsoft - Reporting Services</t>
  </si>
  <si>
    <t>WD-WD-DEO-006</t>
  </si>
  <si>
    <t>Custom Grants and Contribution system</t>
  </si>
  <si>
    <t>WD-WD-DEO-008</t>
  </si>
  <si>
    <t>ATIP system</t>
  </si>
  <si>
    <t>Richo - Laserfiche</t>
  </si>
  <si>
    <t>WD-WD-DEO-009</t>
  </si>
  <si>
    <t>WD-WD-DEO-010</t>
  </si>
  <si>
    <t>Customer relationship management / Integration with G&amp;C's</t>
  </si>
  <si>
    <t>Dynamics CRM On-Premise</t>
  </si>
  <si>
    <t>WD-WD-DEO-011</t>
  </si>
  <si>
    <t>WD Portal / GCKey</t>
  </si>
  <si>
    <t>WD Portal</t>
  </si>
  <si>
    <t>External Client Portal</t>
  </si>
  <si>
    <t>Microsoft IIS - ADXStudio - SharePoint 2010</t>
  </si>
  <si>
    <t>WD-WD-DEO-012</t>
  </si>
  <si>
    <t>Internal Helpdesk</t>
  </si>
  <si>
    <t>BMC Software - BMC Service Desk Express</t>
  </si>
  <si>
    <t>WD-WD-DEO-013</t>
  </si>
  <si>
    <t>OpenText Web Content Management System</t>
  </si>
  <si>
    <t>WD-WD-DEO-014</t>
  </si>
  <si>
    <t>Software distribution for the desktop</t>
  </si>
  <si>
    <t>Microsoft SCCM</t>
  </si>
  <si>
    <t>WD-WD-DEO-015</t>
  </si>
  <si>
    <t>LYNC</t>
  </si>
  <si>
    <t>Screen Sharing, IM and Video Conferencing Integration</t>
  </si>
  <si>
    <t>Lync 2010</t>
  </si>
  <si>
    <t>APP-01809</t>
  </si>
  <si>
    <t>Public Website</t>
  </si>
  <si>
    <t>www.wd-deo.gc.ca</t>
  </si>
  <si>
    <t>WWW (IIS Website)</t>
  </si>
  <si>
    <t>Row Labels</t>
  </si>
  <si>
    <t>Grand Total</t>
  </si>
  <si>
    <t>(All)</t>
  </si>
  <si>
    <t>Description</t>
  </si>
  <si>
    <t>Oracle DB, Tomcat, LUA, SMTP, BIRT, JBOSS, PHPTomcatArchitecture seems reasonably robust but our installation has been customized.  Although vendor support is likely good we do not plan to continue to update and enhance the product as it should be replaced when the Workplace Technology Devices (WTD) initiative amalgamates all the service desks.Oracle database backendOracle LinuxOracleOracle DB, Tomcat, LUA, SMTP, BIRT, JBOSS, PHPApache</t>
  </si>
  <si>
    <t>SSC GCKey, database, JEE infrastructure, messaging infrastructure, samba file share, email infrastructureWeblogicApplication is fully compliant with departmental standards and direction.Oracle 11gLinux RHEL x86OracleSSC GCKey, database, JEE infrastructure, messaging infrastructure, samba file share, email infrastructureApache</t>
  </si>
  <si>
    <t>GCCF, SAML, Entrust Certificates, AD Service Accounts, Active Directory, WebLogic, JavaTomcat,WeblogicThe ESAS platform is over engineered for it''s current usage.Linux RHEL x86OracleGCCF, SAML, Entrust Certificates, AD Service Accounts, Active Directory, WebLogic, JavaWe are planning a complete update of software and OS to current supported versions April 2017Apache</t>
  </si>
  <si>
    <t>Red Hat LinuxWeblogicScore 2 due to lack of data modelsLinux RHEL x86OracleRed Hat LinuxOracle AS and uses Oracle Forms and ReportsApache</t>
  </si>
  <si>
    <t>Red Hat LinuxWeblogicLinux RHEL x86OracleRed Hat LinuxOracle AS and uses Oracle Forms and ReportsApache</t>
  </si>
  <si>
    <t>Red Hat LinuxWeblogic0 due to non-standard (oracle forms) and lack of extensibility2 due to lack of data modelsLinux RHEL x86OracleRed Hat LinuxOracle AS and uses Oracle Forms and ReportsApache</t>
  </si>
  <si>
    <t>Red Hat LinuxWeblogicOracle Forms and ReportsCurrent Oracle database on HP/UXLinux RHEL x86OracleRed Hat LinuxOracle AS and uses Oracle Forms and ReportsApache</t>
  </si>
  <si>
    <t>Red Hat LinuxWeblogicNon Standard and cannot be easily extended so rates 0Linux RHEL x86OracleRed Hat LinuxOracle AS and uses Oracle Forms and ReportsApache</t>
  </si>
  <si>
    <t>Oracle, Red Hat LinuxWeblogicOracle Forms and ReportsCurrent Oracle database on HP/UXLinux RHEL x86OracleOracle, Red Hat LinuxOracle AS and uses Oracle Forms and ReportsApache</t>
  </si>
  <si>
    <t>Oracle, Red Hat Linux, HPUXWeblogic2 due to lack of data modelsLinux RHEL x86OracleOracle, Red Hat Linux, HPUXOracle AS and uses Oracle Forms and ReportsApache</t>
  </si>
  <si>
    <t>JEE infrastructure, Spring, Hibernate, JSF, JMS, email infrastructureWeblogicHPUXOracleJEE infrastructure, Spring, Hibernate, JSF, JMS, email infrastructureApache</t>
  </si>
  <si>
    <t>Red Hat LinuxWeblogicDoes not comply with standards and is not extensible.Rating of 2 due to lack of data modelsLinux RHEL x86OracleRed Hat LinuxOracle AS and uses Oracle Forms and ReportsApache</t>
  </si>
  <si>
    <t>Red Hat LinuxWeblogicNot standard and not extensible2 because there are no data modelsLinux RHEL x86OracleRed Hat LinuxOracle AS and uses Oracle Forms and ReportsApache</t>
  </si>
  <si>
    <t>database, cognos sdk, javaWeblogicJSF may not completely be able to meet WCAG needsOracle 11g - fully documentedLinux RHEL x86Oracledatabase, cognos sdk, javaApache</t>
  </si>
  <si>
    <t>.Net.NetApplication is built in .NET and although the O/S information has not been entered, I am 99% sure that this application is deployed on IIS.  Therefore, this application is considered non-standard and has been given a very poor rating from an architectural perspective.WindowsOracle.NetMS IIS</t>
  </si>
  <si>
    <t>Oracle, Red Hat Linux, HPUXWeblogiczero due to non-standard oracle forms and the app being not easily extensible2 due to lack of data modelsLinux RHEL x86OracleOracle, Red Hat Linux, HPUXWeb Logic AS and uses Oracle Forms with OraFormsFacesApache</t>
  </si>
  <si>
    <t>SSC GCKey, database, JEE infrastructure, email infrastructureWeblogicApplication is fully compliant with departmental standards and direction.Oracle 11gLinux RHEL x86OracleSSC GCKey, database, JEE infrastructure, email infrastructureRedhat EL (RHEL)Apache</t>
  </si>
  <si>
    <t>Spring, Hibernate, BIRT Reporting, QuartzWeblogicDatabase 11g in Linux box which is the latest version AAFC is usingLinux RHEL x86OracleSpring, Hibernate, BIRT Reporting, QuartzApache</t>
  </si>
  <si>
    <t>bootstrap, Site Mess, JSF, Spring, Hibernate, CSS, ajaxWeblogicOracle 11gOracle LinuxOraclebootstrap, Site Mess, JSF, Spring, Hibernate, CSS, ajaxRHEL is enterprise standard.  Might not be current versionApache</t>
  </si>
  <si>
    <t>Red Hat LinuxWeblogiczero score due to non-standard technologies (Oracle forms) and the application not being extensible.Received a lower score (2) because there are no documented data models.Linux RHEL x86OracleRed Hat LinuxOracle AS and uses Oracle Forms and ReportsApache</t>
  </si>
  <si>
    <t>WeblogicOracle 11gLinux RHEL x86OracleRed Hat Linux 5.1Apache</t>
  </si>
  <si>
    <t>Spring, Hibernate, Jasper ReportsWeblogicDatabase 11g in Linux box which is the latest version AAFC is usingWindowsOracleSpring, Hibernate, Jasper ReportsWindows 2008 R2 (3 servers), Windows 2012 (1 server)Apache</t>
  </si>
  <si>
    <t>BIRT for reportingWeblogicOracle 11g databaseLinux RHEL x86OracleBIRT for reportingApache</t>
  </si>
  <si>
    <t>Java, OracleTomcatScored with significant benefit of the doubt. Might be worth looking into.No evidence here that there is any data model at all.WindowsOracleJava, OracleApache</t>
  </si>
  <si>
    <t>WeblogicDatabase 11gLinux RHEL x86OracleRHEL LinuxApache</t>
  </si>
  <si>
    <t>Java, Web Logic, Red Hat Linux, Oracle (10/11)WeblogicJava follows J2EE Reference Architecture, but contains an old version of the shell.Current Oracle database on HP/UXLinux RHEL x86OracleJava, Web Logic, Red Hat Linux, Oracle (10/11)Apache</t>
  </si>
  <si>
    <t>Form Viewer utility, TeamSite (CMS)WeblogicLinux RHEL x86Form Viewer utility, TeamSite (CMS)Linux</t>
  </si>
  <si>
    <t>Java, OracleWeblogicHPUXOracleJava, OracleApache</t>
  </si>
  <si>
    <t>SSC GCKey, database, JEE infrastructure, email infrastructureWeblogicLinux RHEL x86OracleSSC GCKey, database, JEE infrastructure, email infrastructureApache</t>
  </si>
  <si>
    <t>Oracle 11g, AAFC Online Wrapper, Email, Agrisource wrapperWeblogicOracle 11gLinux RHEL x86OracleOracle 11g, AAFC Online Wrapper, Email, Agrisource wrapperApache</t>
  </si>
  <si>
    <t>JEE Infrastructure, Spring MVCWeblogicHPUXOracleJEE Infrastructure, Spring MVCApache</t>
  </si>
  <si>
    <t>secure interfaces, special hardware Scanner, database oracle, directory or authentication layer, certificates, restriction such as a version compatability..NetWindowsOraclesecure interfaces, special hardware Scanner, database oracle, directory or authentication layer, certificates, restriction such as a version compatability.MS IIS</t>
  </si>
  <si>
    <t>secure interfaces, special hardware Scanner, database oracle, directory or authentication layer, certificates,  such as a version compatability..NetOracle LinuxOraclesecure interfaces, special hardware Scanner, database oracle, directory or authentication layer, certificates,  such as a version compatability.MS IIS</t>
  </si>
  <si>
    <t>Windows server, IIS, SQL Server DB, .NET AAFC Active Directory.NetThis one is difficult.  We''re not able to easily find good documentation on the current/future architecture platforms, but the fact the application is sitting on windows server 2008 which is an old platform does not bode well for its level of "current technological relevance"WindowsMS/SQL Server,MS/SQL ServerWindows server, IIS, SQL Server DB, .NET AAFC Active DirectoryMS IIS</t>
  </si>
  <si>
    <t>Can access server and online versions for different needsCan access server and online versions for different needs</t>
  </si>
  <si>
    <t>.NetWindowsMS/SQL Server,MS/SQL ServerMS IIS</t>
  </si>
  <si>
    <t>WeblogicThe architecture should allow the provision of changing functional requirements. Has a system architecture document and:• Leverage existing technical infrastructure.• Deliver a J2EE compliant architecture.• Use service oriented architecture (SOA) principles where applicable.• Adhere to the AAFC J2EE Application Reference Architecture.• Produce a solution architecture that will be flexible enough to support future enhancements.Linux RHEL x86OracleApache</t>
  </si>
  <si>
    <t>AAFC wrapper, New Intellij IDE for Grails developmentWeblogicLinux RHEL x86OracleAAFC wrapper, New Intellij IDE for Grails developmentApache</t>
  </si>
  <si>
    <t>none2 because data models are not documented and data not easily accessibleWindowsMS/SQL Server,MS/SQL Servernone</t>
  </si>
  <si>
    <t>Spring, Hibernate, PrimeFacesWeblogicLinux RHEL x86OracleSpring, Hibernate, PrimeFacesApache</t>
  </si>
  <si>
    <t>MS-OfficeMS-Office</t>
  </si>
  <si>
    <t>MS OfficeOracle LinuxOracleMS Office</t>
  </si>
  <si>
    <t>MS AccessOracle LinuxOracleMS Access</t>
  </si>
  <si>
    <t>SSC GCKey, database, JEE infrastructureWeblogicHPUXOracleSSC GCKey, database, JEE infrastructureApache</t>
  </si>
  <si>
    <t>JSF, Spring, HibernateWeblogicHPUXOracleJSF, Spring, HibernateApache</t>
  </si>
  <si>
    <t>JEE Infrastructure, Spring, JSF, Hibernate, JMS, email infrastructureWeblogicHPUXOracleJEE Infrastructure, Spring, JSF, Hibernate, JMS, email infrastructureApache</t>
  </si>
  <si>
    <t>WindowsThis is a desktop application.</t>
  </si>
  <si>
    <t>ESRI ArcGIS Server, ESRI Geoportal, ArcGIS OnlineWeblogicRated 4 just due to the JavaScript focusHPUXOracleESRI ArcGIS Server, ESRI Geoportal, ArcGIS OnlineEMAF consists of three (3) different environments (DEV, TST and PRD) with eight (8) servers and one (1) database in each environment.
All the environments share a single CIFS server.Apache</t>
  </si>
  <si>
    <t>Oracle, Sybase, AIX, JavaAIXOracle,SybaseOracle, Sybase, AIX, Java</t>
  </si>
  <si>
    <t>Red Hat LinuxWeblogic2 due to lack of data modelsLinux RHEL x86OracleRed Hat LinuxApache</t>
  </si>
  <si>
    <t>Tamara RounceTamara Rounce</t>
  </si>
  <si>
    <t>HPUXOracle</t>
  </si>
  <si>
    <t>noneWindowsOraclenoneMS IIS</t>
  </si>
  <si>
    <t>Citrix servers hosting the application.HPUXOracleCitrix servers hosting the application.</t>
  </si>
  <si>
    <t>SSC GCKey, database, JEE infrastructure, email infrastructure, SAPWeblogicHPUXOracleSSC GCKey, database, JEE infrastructure, email infrastructure, SAPApache</t>
  </si>
  <si>
    <t>AAFC''s ESASHPUXOracleAAFC''s ESAS</t>
  </si>
  <si>
    <t>GrailsTomcatLinux RHEL x86OracleGrailsApache</t>
  </si>
  <si>
    <t>Oracle LinuxOracle</t>
  </si>
  <si>
    <t>Grails, SpringWeblogicLinux RHEL x86OracleGrails, SpringApache</t>
  </si>
  <si>
    <t>?.NetWindowsMS/SQL Server,MS/SQL Server?MS IIS</t>
  </si>
  <si>
    <t>WindowsMS/SQL Server,MS/SQL Server</t>
  </si>
  <si>
    <t>.NetWindowsMySQLMS IIS</t>
  </si>
  <si>
    <t>WebsphereWeb applicationWindowsDB2eBCIeBCIMS IIS</t>
  </si>
  <si>
    <t>Not fully compliantSybase &lt; 16WindowsSybaseDistributed Windows, MS Server 64 bit, Client 32 bitWindows Server 2008 R2, Windows Desktop V7MS IIS</t>
  </si>
  <si>
    <t>WebsphereDoes not use B2B for publishing data to Open Government Portal
Uses B2B to transmit data from POEs that publish automated BWT data to CBSA.
Uses some components that are non-standard – DB2 User profilesDB2 , BWT Data Model is documented and is currentWindowsSybaseMainframe (zOS)z/OS for applications Is in containment therefore score is reduced to 4MS IIS</t>
  </si>
  <si>
    <t>DBArtisan 9.2, Java SE 6 (Java v1.6 ),  Eclipse version 3.7.2 or higher, - Doc-to-help, - TortoiseSVN v 1.6.16.21511, - Citrix, - Crystal Reports 2008Client\Server (Citrix)Sybase 15.3 (no Erwin)WindowsSybaseDBArtisan 9.2, Java SE 6 (Java v1.6 ),  Eclipse version 3.7.2 or higher, - Doc-to-help, - TortoiseSVN v 1.6.16.21511, - Citrix, - Crystal Reports 2008VMWare x86/64-bitWindows Server 2008MS IIS</t>
  </si>
  <si>
    <t>Client/Server Architecture (Desktop applications)IBM DB2 Z/OS V11Microsof Windows  x86/64-bit Platform (Windows 10)Microsoft Windows (desktop) V10</t>
  </si>
  <si>
    <t>WebsphereWEB ApplicationDB2z/OSDB2MainframeZ/OSApache</t>
  </si>
  <si>
    <t>Runs Progress Programs and DOS filesWindowsRuns on older Non Win 10 desktop platforms for Client App
DB Runs on Win 2008 Server. Adjustment of -1: Win 2008 Server is not current from vendor for at least 2 yearsDB server is on Win 2008 Server</t>
  </si>
  <si>
    <t>Webspheresoftware as a serviceData Model is documented and current. Uses DB2z/OSDB2Mainframez/OS USS - z/OS for applications Is in containment therefore score is reducedApache</t>
  </si>
  <si>
    <t>DB2 c/w Erwin modelsMainframe (zOS)z/os</t>
  </si>
  <si>
    <t>WebspherePC Does not conform to SOA Architecture standards to provide loosely coupled, service based interface
PCS does provide service interfaceDB2, Data Model is documented and currentmainframez/OS USS - z/OS for applications Is in containment therefore score is reduced</t>
  </si>
  <si>
    <t>Web Services (SOAP, REST)DB2IBM zSeries Mainframe PlatformsIBM System Z mainframe</t>
  </si>
  <si>
    <t>DB2 c/w Erwin modelsMainframe (zOS)z/0S</t>
  </si>
  <si>
    <t>EBCI - SolarisEBCI - Solaris</t>
  </si>
  <si>
    <t>.NetWindows Server 2008, IIS 7SQL Server 2005WindowsMS/SQL Server,MS/SQL Server,MS/SQL Server,MS/SQL Serverx86Windows Server 2008MS IIS</t>
  </si>
  <si>
    <t>Web applicationMS SQL Server 2008WindowsMS/SQL Server,MS/SQL Server,MS/SQL Server,MS/SQL ServerLinux x86/64-bitWindows Server 2008MS IIS</t>
  </si>
  <si>
    <t>Web ApplicationMS SQL Server 2008WindowsMS/SQL Server,MS/SQL Server,MS/SQL Server,MS/SQL ServerMicrosof Windows  x86/64-bit Platform &lt; Windows 10Windows Server 2008MS IIS</t>
  </si>
  <si>
    <t>WebsphereJ2EE with JMS, REST, clustered, load-balancedDB2, Data Model is documented and currentz/OSDB2mainframez/OS USS - z/OS for applications Is in containment therefore score is reducedApache</t>
  </si>
  <si>
    <t>Web based (Atlas) -- IIS, Windows Serverx86Windows ( on Kastor, pollux and atlas)</t>
  </si>
  <si>
    <t>WebsphereWEB ApplicationDB2z/OSDB2MainframeZ/OS</t>
  </si>
  <si>
    <t>WebsphereDB2z/OSDB2z/OSz/OS USSApache</t>
  </si>
  <si>
    <t>DB2 c/w Erwin modelsMainframe (zOS)z/OS</t>
  </si>
  <si>
    <t>SOA Development Architecture, Web Services (SOAP, REST)IBM DB2 Z/OS V12IBM zSeries Mainframe Platformsz/OS</t>
  </si>
  <si>
    <t>Web servicesDB2MainframeZ/OS</t>
  </si>
  <si>
    <t>WebsphereGEC Data Model is documented and current as of R201.  DB2z/OSDB2mainframez/OS USS - z/OS for applications Is in containment therefore score is reduced</t>
  </si>
  <si>
    <t>Internet exploroer
Opentext content server
MS SQL Server
Outlook
Powerpoint
Visio
Word
ExcelWeb based with desktop componentSQL ServerInternet exploroer
Opentext content server
MS SQL Server
Outlook
Powerpoint
Visio
Word
ExcelVMWare x86/64-bitWindows Server 2008,
Windows 7 &amp; 10</t>
  </si>
  <si>
    <t>WebsphereSOA Development Architecture, Web Services (SOAP, REST)IBM DB2 Z/OS V11z/OSDB2IBM zSeries Mainframe Platforms, SPARCz/OS, SolarisApache</t>
  </si>
  <si>
    <t>WebsphereWeb servicesDB2MainframeZ/OS</t>
  </si>
  <si>
    <t>CA Siteminder, CA Identity ManagerDB2 c/w Erwin modelsCA Siteminder, CA Identity ManagerMainframe (zOS)z/0S</t>
  </si>
  <si>
    <t>Web app, RESTIBM DB2 z/OS V11IBM zseries Mainframez/OS</t>
  </si>
  <si>
    <t>Web Services (SOAP, REST)DB2Mainframez/OS</t>
  </si>
  <si>
    <t>Weblogic,WebsphereSOA Development Architecture, Web Services (SOAP,REST)IBM DB2 Z/OS V11z/OSDB2IBM zSeries Mainframe Platforms, SPARCz/OS, Solaris</t>
  </si>
  <si>
    <t>SOA Development Architecture, Web Services (SOAP,REST)IBM DB2 Z/OS V11IBM zSeries Mainframe Platformsz/OS</t>
  </si>
  <si>
    <t>SOA Development Architecture, Web Services (REST)IBM zSeries Mainframe Platformsz/OS</t>
  </si>
  <si>
    <t>WebsphereSOADB2z/OSDB2mainframez/OS for applications Is in containment therefore score is reduced to 4Apache</t>
  </si>
  <si>
    <t>SQL Server 2012WindowsMS/SQL Server,MS/SQL ServertVMWare x86/64-bitMicrosoft Windows Server 2008 Std R2MS IIS</t>
  </si>
  <si>
    <t>DB2 9.7VMWare x86/64-bitWindows Server 2008</t>
  </si>
  <si>
    <t>Sybase 16VMWare x86/64-bitWindows Server 2008</t>
  </si>
  <si>
    <t>Web Services (SOAP, REST)MainframeZ/OS</t>
  </si>
  <si>
    <t>Motorola hand heldConforms to SOA architecture and uses loosely coupled services.  .NET platform is non standard for CBSA but is driven by Device and COTS architecture and is therefore assessed at 5Uses passage database and ICS database in DB2, no database of its own . Passage DB model is documented and current.Motorola hand heldMotorola MC75a (mobile device)
Mainframe. MC75a is planned for sunsetWindows Mobile 6.5 (mobile app)
zOS/mainframe - z/OS for applications Is in containment therefore score is reduced</t>
  </si>
  <si>
    <t>Drupal as a "COTS"PostgresSQL v9.2.4, (-1: not easily accessible, requires Drupal knowledge)Linux - run on VM hosted at SSC.Linux - run on VM hosted at SSC.</t>
  </si>
  <si>
    <t>SOA (SOAP Web Service)DB2HP Blades ServerLinux</t>
  </si>
  <si>
    <t>Conforms to architecture standards which are in containment (Google Web toolkit, runs on z/OS, Java 1.6, etc.) but widely in use (except GWT)DB2, Data Model is documented and currentz/OSDB2mainframez/OS USS - z/OS for applications Is in containment therefore score is reduced</t>
  </si>
  <si>
    <t>Web based (Atlas) -- IIS, Windows ServerVMWare x86/64-bitWindows Server 2008</t>
  </si>
  <si>
    <t>JMS,XMLDB2Mainframez/OS</t>
  </si>
  <si>
    <t>CobolDB2MainframeZ/OS</t>
  </si>
  <si>
    <t>Web ServicesDB2MainframeZ/OS</t>
  </si>
  <si>
    <t>DB2 c/w Erwin modelsz/OSDB2Mainframe (zOS)z/0SMS IIS</t>
  </si>
  <si>
    <t>concerns re extensibilityMS Access 2013x86Windows Desktop</t>
  </si>
  <si>
    <t>SOADB2Mainframez/OS for applications Is in containment therefore score is reduced to 4</t>
  </si>
  <si>
    <t>SOADB2mainframez/OS for applications Is in containment therefore score is reduced to 4</t>
  </si>
  <si>
    <t>SOADB2 LUW &lt; 11LinuxSolaris</t>
  </si>
  <si>
    <t>Web Services (SOAP, REST)DB2 LUW &lt; 11 for metadata onlyMainframeZ/OS</t>
  </si>
  <si>
    <t>SSAName3IBM zSeries Mainframe Platforms
Microsof Windows  x86/64-bit Platform &lt; Windows 10
Sun/Oracle SPARC platformz/OS - Standalone SSA servers
Solaris - SSA is embedded in GQC for Titan
Windows Server 2008 - SSA is embedded in ICES, IMS, GQC, IMRS, STS-Secure</t>
  </si>
  <si>
    <t>COBOLIBM DB2 V11MainframeZ/OS</t>
  </si>
  <si>
    <t>z/OS, USS, WAS, Javaz/OSDB2z/OS, USS, WAS, Javaz/OS for applications Is in containment therefore score is reduced to 4</t>
  </si>
  <si>
    <t>WebspherePCS does provide service interfaceDB2, Data Model is documented and currentz/OSDB2mainframez/OS USS - z/OS for applications Is in containment therefore score is reduced</t>
  </si>
  <si>
    <t>epassport validationWebsphereDB2, Data Model documented Erwinz/OSDB2epassport validationMainframez/Os mainframeApache</t>
  </si>
  <si>
    <t>Self Service KiosksWebsphereDB2, Data Model documented Erwinz/OSDB2Self Service KiosksMainframez/Os mainframeApache</t>
  </si>
  <si>
    <t>WebsphereDB2, Data Model documented Erwinz/OSDB2Mainframez/Os mainframeApache</t>
  </si>
  <si>
    <t>.NetWindowsOracleMS IIS</t>
  </si>
  <si>
    <t>WindowsOracle</t>
  </si>
  <si>
    <t>TomcatWindowsOracleApache</t>
  </si>
  <si>
    <t>Apache HTTP Server; CVS; Struts;WeblogicSolaris SparcDB2Apache HTTP Server; CVS; Struts;Apache</t>
  </si>
  <si>
    <t>Struts;Weblogicz/OSDB2Struts;Apache</t>
  </si>
  <si>
    <t>AD; Axis; LDAP; POI; SMTP; Struts2; Web Experience Toolkit (WET);WebsphereSolaris SparcDB2AD; Axis; LDAP; POI; SMTP; Struts2; Web Experience Toolkit (WET);Apache</t>
  </si>
  <si>
    <t>Struts2; Web Experience Toolkit (WET);Weblogicz/OSDB2Struts2; Web Experience Toolkit (WET);Apache</t>
  </si>
  <si>
    <t>Struts2;Weblogicz/OSDB2Struts2;Apache</t>
  </si>
  <si>
    <t>JavaScript;TomcatLinux RHEL x86OracleJavaScript;Apache</t>
  </si>
  <si>
    <t>AD; Apache HTTP Server; FTP; JavaMail; JavaScript; LDAP; SMTP; Struts2; Web Experience Toolkit (WET);WeblogicSolaris SparcDB2AD; Apache HTTP Server; FTP; JavaMail; JavaScript; LDAP; SMTP; Struts2; Web Experience Toolkit (WET);Apache</t>
  </si>
  <si>
    <t>CVS; iText; JASPER Reports; Struts2; Web Experience Toolkit (WET);WeblogicLinux on Z RHELDB2CVS; iText; JASPER Reports; Struts2; Web Experience Toolkit (WET);Apache</t>
  </si>
  <si>
    <t>Apache HTTP Server; CVS; FTP; LDAP; SOAP;Weblogicz/OSDB2Apache HTTP Server; CVS; FTP; LDAP; SOAP;Apache</t>
  </si>
  <si>
    <t>Apache HTTP Server; CVS; LDAP;Weblogicz/OSDB2Apache HTTP Server; CVS; LDAP;Apache</t>
  </si>
  <si>
    <t>ASP.NET;.NetWindowsMS/SQL Server,MS/SQL ServerASP.NET;MS IIS</t>
  </si>
  <si>
    <t>Apache HTTP Server; JavaScript; LDAP; SOAP;TomcatLinux on Z RHELDB2Apache HTTP Server; JavaScript; LDAP; SOAP;Apache</t>
  </si>
  <si>
    <t>Apache HTTP Server; CVS; JavaScript; Struts;Weblogicz/OSDB2Apache HTTP Server; CVS; JavaScript; Struts;Apache</t>
  </si>
  <si>
    <t>Axis; Struts;Weblogicz/OSDB2Axis; Struts;Apache</t>
  </si>
  <si>
    <t>FTP;Weblogicz/OSDB2FTP;Apache</t>
  </si>
  <si>
    <t>Struts; Web Experience Toolkit (WET);Weblogicz/OSDB2Struts; Web Experience Toolkit (WET);Apache</t>
  </si>
  <si>
    <t>CVS; iText; Struts2; Web Experience Toolkit (WET);Weblogicz/OSDB2CVS; iText; Struts2; Web Experience Toolkit (WET);Apache</t>
  </si>
  <si>
    <t>Struts;WeblogicOracle LinuxDB2Struts;Apache</t>
  </si>
  <si>
    <t>FTP;Tomcat,WebsphereHPUXDB2FTP;Apache</t>
  </si>
  <si>
    <t>Apache HTTP Server; CVS; FTP; iText; Struts2; Web Experience Toolkit (WET);Weblogicz/OSDB2Apache HTTP Server; CVS; FTP; iText; Struts2; Web Experience Toolkit (WET);Apache</t>
  </si>
  <si>
    <t>CVS; Struts;WeblogicSolaris SparcDB2CVS; Struts;Apache</t>
  </si>
  <si>
    <t>iText;Weblogicz/OSDB2iText;Apache</t>
  </si>
  <si>
    <t>Struts2;WeblogicSolaris SparcDB2Struts2;Apache</t>
  </si>
  <si>
    <t>FTP; Struts;Weblogicz/OSDB2FTP; Struts;MS IIS</t>
  </si>
  <si>
    <t>Apache HTTP Server; Axis; JavaScript; Struts;Weblogicz/OSDB2Apache HTTP Server; Axis; JavaScript; Struts;Apache</t>
  </si>
  <si>
    <t>CVS; JavaScript; SMTP; Struts2; Web Experience Toolkit (WET);WeblogicSolaris SparcDB2CVS; JavaScript; SMTP; Struts2; Web Experience Toolkit (WET);Apache</t>
  </si>
  <si>
    <t>iText; Struts2; Web Experience Toolkit (WET);WeblogicOracle LinuxDB2iText; Struts2; Web Experience Toolkit (WET);Apache</t>
  </si>
  <si>
    <t>Web Experience Toolkit (WET);WeblogicSolaris SparcDB2Web Experience Toolkit (WET);Apache</t>
  </si>
  <si>
    <t>FTP; LDAP; Struts2;Weblogicz/OSDB2FTP; LDAP; Struts2;Apache</t>
  </si>
  <si>
    <t>ASP.NET; LDAP;TomcatWindowsMS/SQL Server,MS/SQL ServerASP.NET; LDAP;Apache</t>
  </si>
  <si>
    <t>Windows 2008 server and up,Linux, HP-Ux, solaris, JBOX, Crystal reports and DBWebsphereClusters JEELinux RHEL x86OracleWindows 2008 server and up,Linux, HP-Ux, solaris, JBOX, Crystal reports and DBApache,MS IIS</t>
  </si>
  <si>
    <t>SaaS applicationSaaS application following main stream standardsSaaS application</t>
  </si>
  <si>
    <t>Open SourceOpen Source</t>
  </si>
  <si>
    <t>.NetWindowsMS/SQL Server,MS/SQL Server</t>
  </si>
  <si>
    <t>Linux RHEL x86Oracle</t>
  </si>
  <si>
    <t>TomcatWindowsMS/SQL Server,MS/SQL Server</t>
  </si>
  <si>
    <t>Linux RHEL x86MySQL</t>
  </si>
  <si>
    <t>TomcatLinux RHEL x86MySQLApache</t>
  </si>
  <si>
    <t>Active Directory, RDIMS, Adobe, GCKey Secure Key, LOUIS, Identity Management, Portal..NetWindowsMS/SQL Server,MS/SQL Server,SybaseActive Directory, RDIMS, Adobe, GCKey Secure Key, LOUIS, Identity Management, Portal.MS IIS</t>
  </si>
  <si>
    <t>Active Directory, RDIMS.NetWindowsMS/SQL Server,MS/SQL ServerActive Directory, RDIMSMS IIS</t>
  </si>
  <si>
    <t>Dynamics CRMDynamics CRM</t>
  </si>
  <si>
    <t>Active Directory.NetWindowsMS/SQL Server,MS/SQL ServerActive DirectoryMS IIS</t>
  </si>
  <si>
    <t>RDIMS.NetWindowsMS/SQL Server,MS/SQL ServerRDIMSMS IIS</t>
  </si>
  <si>
    <t>Active Directory, MessagingActive Directory, Messaging</t>
  </si>
  <si>
    <t>Portal, ID Management, GCKey Secure Key,.NetWindowsMS/SQL Server,MS/SQL ServerPortal, ID Management, GCKey Secure Key,MS IIS</t>
  </si>
  <si>
    <t>GCKey Secure Key.NetWindowsMS/SQL Server,MS/SQL Server,SybaseGCKey Secure KeyMS IIS</t>
  </si>
  <si>
    <t>RDMIS, Active Directory, Identity Management, LOUIS, HRIS.NetWindowsMS/SQL Server,MS/SQL ServerRDMIS, Active Directory, Identity Management, LOUIS, HRISMS IIS</t>
  </si>
  <si>
    <t>Portal, ID Management, GCKey Secure Key, RDIMS, LOUIS.NetWindowsSybasePortal, ID Management, GCKey Secure Key, RDIMS, LOUISMS IIS</t>
  </si>
  <si>
    <t>WeblogicLinux RHEL x86OracleApache</t>
  </si>
  <si>
    <t>Ms OfficeWeblogicLinux RHEL x86OracleMs OfficeApache</t>
  </si>
  <si>
    <t>.NetLinux RHEL x86OracleMS IIS</t>
  </si>
  <si>
    <t>TomcatLinux RHEL x86OracleApache</t>
  </si>
  <si>
    <t>Oracle 10WindowsOracleX86-64Windows 2008R2</t>
  </si>
  <si>
    <t>X86-64Windows 2008R2</t>
  </si>
  <si>
    <t>.NetSQL Server 2012WindowsMS/SQL Server,MS/SQL ServerX86-64Windows 2008R2MS IIS</t>
  </si>
  <si>
    <t>TomcatWindowsOracleX86-64Windows 2008 R2Apache</t>
  </si>
  <si>
    <t>Oracle 11gR2X86-64Windows 2008R2</t>
  </si>
  <si>
    <t>.NetOracle 11gR2WindowsOracleX86-64windows 2008R2</t>
  </si>
  <si>
    <t>Tomcat (bundled for intellishare) 6.0.1.8, IIS.Net,TomcatSQL Server 2008WindowsMS/SQL Server,MS/SQL ServerTomcat (bundled for intellishare) 6.0.1.8, IISX86-64Windows 2008R2MS IIS</t>
  </si>
  <si>
    <t>Microsoft Visual Studio 2010 Ultimate, Jazz 6.1, Oracle SQL Developer, Active Directory Web Service, Active Directory Window Service, Oracle 11g, IIS 7TomcatOracle 11gR2WindowsOracleMicrosoft Visual Studio 2010 Ultimate, Jazz 6.1, Oracle SQL Developer, Active Directory Web Service, Active Directory Window Service, Oracle 11g, IIS 7X86-64Windows 2008R2MS IIS</t>
  </si>
  <si>
    <t>.NetWeb  accessWindowsMS/SQL Server,MS/SQL ServerX86-64windows 2008 R2MS IIS</t>
  </si>
  <si>
    <t>.NetMySQL 5.4.xWindowsMySQLX86-64Windows 2008R2MS IIS</t>
  </si>
  <si>
    <t>TomcatOracle 12c R1WindowsOracleX86-64windows 2008R2</t>
  </si>
  <si>
    <t>.NetSQL Server 2008 R2(SP2)WindowsMS/SQL Server,MS/SQL ServerX86-64windows 2008R2MS IIS</t>
  </si>
  <si>
    <t>.NetSQL Server 2008WindowsMS/SQL Server,MS/SQL ServerX86-64Windows 2008R2MS IIS</t>
  </si>
  <si>
    <t>.NetWindowsMS/SQL Server,MS/SQL ServerX86-64Windows 2008R2MS IIS</t>
  </si>
  <si>
    <t>WebsphereOracle 11gR2HPUXOracleX86-64Windows 2008R2MS IIS</t>
  </si>
  <si>
    <t>Visual Studio; SQL Developper; IIS;Javascript;VBScript; ASP3.0;.NetOracle 12CHPUXOracleVisual Studio; SQL Developper; IIS;Javascript;VBScript; ASP3.0;X86-64 et ItaniumWindows 2008R2MS IIS</t>
  </si>
  <si>
    <t>.NetSQL Server 2008WindowsMS/SQL Server,MS/SQL ServerX86-64Windows 2008 R2MS IIS</t>
  </si>
  <si>
    <t>DOSDOSX86-64Windows 2008R2</t>
  </si>
  <si>
    <t>Oracle 11G, IIS7, Discoverer,WebsphereOracle 11gR2WindowsOracleOracle 11G, IIS7, Discoverer,X86-64windows 2008 R2MS IIS</t>
  </si>
  <si>
    <t>.NetSQL Server 2008 R2 (SP2)WindowsMS/SQL Server,MS/SQL ServerX86-64windows 2008R2MS IIS</t>
  </si>
  <si>
    <t>Tomcat 9.0.1, Oracle 11gR2, Java, active directoryTomcatOracle 11gR2WindowsOracleTomcat 9.0.1, Oracle 11gR2, Java, active directoryX86-64Windows 2008R2Apache</t>
  </si>
  <si>
    <t>.NetOracle 11gR2WindowsOracleX86-64windows 2008 R2MS IIS</t>
  </si>
  <si>
    <t>Oracle URM/UCM/IBR; Flip Factory; Oracle WeblogicOracle 12cR1HPUXOracleOracle URM/UCM/IBR; Flip Factory; Oracle WeblogicX86-64Windows 2008R2</t>
  </si>
  <si>
    <t>Oracle Streams.NetOracle 11gR2HPUXOracleOracle StreamsX86-64;#Itanium (HP-UX)Windows 2008R2MS IIS</t>
  </si>
  <si>
    <t>Oracle Streams, Citrix.NetOracle 11gR2WindowsOracleOracle Streams, CitrixX86-64Windows 2008 R2MS IIS</t>
  </si>
  <si>
    <t>Oracle 11gR2HPUXOracleX86-64;#Itanium (HP-UX)Windows 2008R2</t>
  </si>
  <si>
    <t>.NetOracle 11gR2HPUXOracleX86-64;#Itanium (HP-UX)Windows 2008R2MS IIS</t>
  </si>
  <si>
    <t>currently use virtual servers loaded with: Windows 2003, IIS, MS/SQL Server 2005, ASP, Office Web Components, MS Excel  (Plan is to move to Windows 2008 (64bit), IIS, MS/SQL Server 2008/2012, ASP, MS-Excel).NetSQL Server 2012WindowsMS/SQL Server,MS/SQL Servercurrently use virtual servers loaded with: Windows 2003, IIS, MS/SQL Server 2005, ASP, Office Web Components, MS Excel  (Plan is to move to Windows 2008 (64bit), IIS, MS/SQL Server 2008/2012, ASP, MS-Excel)X86-64Windows 2008R2MS IIS</t>
  </si>
  <si>
    <t>.NetSQL Server 2008WindowsMS/SQL Server,MS/SQL ServerX86-64windows 2008 R2MS IIS</t>
  </si>
  <si>
    <t>Citrix.NetOracle11gR2Linux RHEL x86OracleCitrixX86-64 (app &amp; db server)Windows 2008R2 (app server) ;#RedHat6 (database server)MS IIS</t>
  </si>
  <si>
    <t>Scheduler.NetOracle 11Gr2WindowsOracleSchedulerX86-64Windows 2008R2MS IIS</t>
  </si>
  <si>
    <t>Sharepoint 2013, SQL Server 2008.NetSQL Server 2008WindowsMS/SQL Server,MS/SQL ServerSharepoint 2013, SQL Server 2008X86-64Windows 2008R2MS IIS</t>
  </si>
  <si>
    <t>ASP classic.NetMySQL 5.4.xWindowsMySQLASP classicX86-64Windows 2008R2MS IIS</t>
  </si>
  <si>
    <t>ASP classic.NetSQL Server 2012WindowsMS/SQL Server,MS/SQL ServerASP classicX86-64Windows 2008R2MS IIS</t>
  </si>
  <si>
    <t>CRM 2015,  Scribe, SQL Server 2012, IIS 8.5.NetSQL Server 2012WindowsMS/SQL Server,MS/SQL ServerCRM 2015,  Scribe, SQL Server 2012, IIS 8.5X86-64Windows 2012R2MS IIS</t>
  </si>
  <si>
    <t>.NetWindowsMS/SQL Server,MS/SQL ServerX86-64Windows 2008 R2MS IIS</t>
  </si>
  <si>
    <t>Eclipse Java EE IDEWeblogicOracle 12CHPUXOracleEclipse Java EE IDEX86-64;#Itanium (HP-UX)Windows 2008R2 / HP-UX 11iMS IIS</t>
  </si>
  <si>
    <t>.NetSQL Server 2014 (SP1-GDR)WindowsMS/SQL Server,MS/SQL ServerX86-64windows 2008R2MS IIS</t>
  </si>
  <si>
    <t>Windows RDP.NetBorland Database Engine (BDE)WindowsMySQLWindows RDPX86-64</t>
  </si>
  <si>
    <t>.NetMy SQL 5.6.xWindowsMySQLX86-64windows 2008 R2MS IIS</t>
  </si>
  <si>
    <t>.NetMySQL 5.6.xWindowsMySQLX86-64Windows 2008R2MS IIS</t>
  </si>
  <si>
    <t>AD.NetSQL Server 2008WindowsMS/SQL Server,MS/SQL ServerADX86-64Windows 2008R2MS IIS</t>
  </si>
  <si>
    <t>Telnet.NetSQL Server 2008WindowsMS/SQL Server,MS/SQL ServerTelnetX86-64Windows 2008R2MS IIS</t>
  </si>
  <si>
    <t>Microsoft Visual Studio Ultimate v2012; Eclipse (Juno &amp; Mars); Virtual Box; IBM Rational Team Concert v6; Oracle SQL Developer;Tomcat v8;MySQL v5; Active Report v6;MySQL workbench;WebsphereMySQL 5.6.xLinux RHEL x86MySQLMicrosoft Visual Studio Ultimate v2012; Eclipse (Juno &amp; Mars); Virtual Box; IBM Rational Team Concert v6; Oracle SQL Developer;Tomcat v8;MySQL v5; Active Report v6;MySQL workbench;X86-64Linux REHL6-64bitsApache</t>
  </si>
  <si>
    <t>WebsphereOracle 12cWindowsOracleX86-64Windows 2008R2MS IIS</t>
  </si>
  <si>
    <t>Win2008R2Win2008R2X86-64Windows 2008R2</t>
  </si>
  <si>
    <t>Win2008R2.NetHPUXOracleWin2008R2X86-64Windows 2008R2MS IIS</t>
  </si>
  <si>
    <t>JSP, Java Server Faces (JSF 2.1.29), Tomcat 6.0.35 on a MS WIN 2008 R2 SP1 OS,  JDK 1.8, J2EE 6.0, Ant 1.9.2, Spring 4.2.2, Tomcat TOMEE Plume 1.7.2, Jasper Reports 6.2.0, SQL Developer, IE..NetOracle 12gHPUXOracleJSP, Java Server Faces (JSF 2.1.29), Tomcat 6.0.35 on a MS WIN 2008 R2 SP1 OS,  JDK 1.8, J2EE 6.0, Ant 1.9.2, Spring 4.2.2, Tomcat TOMEE Plume 1.7.2, Jasper Reports 6.2.0, SQL Developer, IE.X86-64;#Itanium (HP-UX)Windows 2008R2; #HP-UXMS IIS</t>
  </si>
  <si>
    <t>JSP, Java Server Faces (JSF 2.1.29), Tomcat 6.0.35 on a MS WIN 2008 R2 SP1 OS,  JDK 1.8, J2EE 6.0, Ant 1.9.2, Spring 4.2.2, Tomcat TOMEE Plume 1.7.2, Jasper Reports 6.2.0, SQL Developer, IE.TomcatRITA’s DB is Oracle 12CWindowsOracleJSP, Java Server Faces (JSF 2.1.29), Tomcat 6.0.35 on a MS WIN 2008 R2 SP1 OS,  JDK 1.8, J2EE 6.0, Ant 1.9.2, Spring 4.2.2, Tomcat TOMEE Plume 1.7.2, Jasper Reports 6.2.0, SQL Developer, IE.X86-64Windows 2008R2MS IIS</t>
  </si>
  <si>
    <t>.NetSQL Server 2012WindowsMS/SQL Server,MS/SQL ServerX86-64Windows 2008 R2MS IIS</t>
  </si>
  <si>
    <t>WindowsMS/SQL Server,MS/SQL ServerX86-64Windows 2008R2</t>
  </si>
  <si>
    <t>X86-64Windows 7</t>
  </si>
  <si>
    <t>Sahrepoint 2013.NetWindowsMS/SQL Server,MS/SQL ServerSahrepoint 2013MS IIS</t>
  </si>
  <si>
    <t>Sahrepoint 2013.NetSQL Server 2008WindowsMS/SQL Server,MS/SQL ServerSahrepoint 2013X86-64Windows 2008R2MS IIS</t>
  </si>
  <si>
    <t>TomcatWindowsMySQLX86-64Windows 2008R2</t>
  </si>
  <si>
    <t>TomcatMySQL5.6.xWindowsMySQLX86-64Windows 2008R2Apache</t>
  </si>
  <si>
    <t>Oracle11gR2;MySQL5.6.xWindowsMySQLX86-64Windows 2008R2Apache</t>
  </si>
  <si>
    <t>.NetOracle 11g R2X86-64windows 2008 R2MS IIS</t>
  </si>
  <si>
    <t>PHP 5.6.22NTFS, MySQL, IIS, PHP with a couple of COTS apps: Wowza for streaming and Sorenson Squeeze for transcoding.MSSQLWindowsMySQLPHP 5.6.22X86-64Windows 2008R2</t>
  </si>
  <si>
    <t>Sharepoint 2013.NetSQL Server 2012WindowsMS/SQL Server,MS/SQL ServerSharepoint 2013X86-64Windows 2008R2MS IIS</t>
  </si>
  <si>
    <t>.NetMSSQL 2008R2WindowsMS/SQL Server,MS/SQL ServerX86-64Windows 2008R2MS IIS</t>
  </si>
  <si>
    <t>WindowsOracleX86-64Windows Server 2003</t>
  </si>
  <si>
    <t>.NetMySQL 5.6.xWindowsMySQLX86-64Windows 2012R2MS IIS</t>
  </si>
  <si>
    <t>Oracle 12, Oracle12cR1X86-64Windows 2008R2</t>
  </si>
  <si>
    <t>Browser, JAZZMostly on the data modelBrowser, JAZZ</t>
  </si>
  <si>
    <t>X86-64Windows 2008 R2</t>
  </si>
  <si>
    <t>RZ-PSPSQL01
RZ-PSPSQL02WindowsMS/SQL Server,MS/SQL ServerRZ-PSPSQL01
RZ-PSPSQL02</t>
  </si>
  <si>
    <t>.NetMS IIS</t>
  </si>
  <si>
    <t>WindowsMS/SQL Server,MS/SQL ServerAssigned 4 because it is runing on server as a batch job.</t>
  </si>
  <si>
    <t>.Net MS SQL.NetWindowsMS/SQL Server,MS/SQL Server.Net MS SQLMS IIS</t>
  </si>
  <si>
    <t>COTS.NetWindowsMS/SQL Server,MS/SQL ServerCOTSMS IIS</t>
  </si>
  <si>
    <t>Microsoft SharePoint.NetWindowsMS/SQL Server,MS/SQL ServerMicrosoft SharePointMS IIS</t>
  </si>
  <si>
    <t>DB ProfileDB Profile</t>
  </si>
  <si>
    <t>SQL Server and all underlying networks, server, storage infrastructure.NetWindowsMS/SQL Server,MS/SQL ServerSQL Server and all underlying networks, server, storage infrastructureMS IIS</t>
  </si>
  <si>
    <t>Cost Recovery is done with integration with IFMS (SAP); The records management is done with integration of iCase with GCDocs.  The files are genered of of file numbers opened in GCDocs and the records disposition life cycle is controlled by GCDocs.  Documents are stored on file servers which are in turn distributed across all regions. Integration with Outlook for email import as a document type.  Integration with Office 2013 suite for templating.  Reporting with SQL Server SRSS..NetWindowsMS/SQL Server,MS/SQL ServerCost Recovery is done with integration with IFMS (SAP); The records management is done with integration of iCase with GCDocs.  The files are genered of of file numbers opened in GCDocs and the records disposition life cycle is controlled by GCDocs.  Documents are stored on file servers which are in turn distributed across all regions. Integration with Outlook for email import as a document type.  Integration with Office 2013 suite for templating.  Reporting with SQL Server SRSS.MS IIS</t>
  </si>
  <si>
    <t>COTSWeblogicWindowsMS/SQL Server,MS/SQL ServerCOTSMS IIS</t>
  </si>
  <si>
    <t>MS IIS, MS SQL Server, aspx.net.NetWindowsMS/SQL Server,MS/SQL ServerMS IIS, MS SQL Server, aspx.netMS IIS</t>
  </si>
  <si>
    <t>Custom flat-file and XML FTP, custom RTF documents, SSRS, Exchange (EWS), exports to IFMS, Entrust, SQL, Storage, IVR (telephone access to system informaiton is availlable to the public), MSFT..NetSQL Server 2008 / Data model not documentedWindowsMS/SQL Server,MS/SQL ServerCustom flat-file and XML FTP, custom RTF documents, SSRS, Exchange (EWS), exports to IFMS, Entrust, SQL, Storage, IVR (telephone access to system informaiton is availlable to the public), MSFT.Windows Server 2008 and Windows Server 2012MS IIS</t>
  </si>
  <si>
    <t>SSC basic infrastructure services including Database, FTP, and Firewall Secure Services..NetWindowsMS/SQL Server,MS/SQL ServerSSC basic infrastructure services including Database, FTP, and Firewall Secure Services.MS IIS</t>
  </si>
  <si>
    <t>COTS, Java, apache-tomcat-6.0.48.NetWindowsMS/SQL Server,MS/SQL ServerCOTS, Java, apache-tomcat-6.0.48MS IIS</t>
  </si>
  <si>
    <t>.Net.NetWindowsMS/SQL Server,MS/SQL Server.NetMS IIS</t>
  </si>
  <si>
    <t>Active Directory, SQL express, Excel, IIS, .Net, Crystal Reports.NetWindowsMS/SQL Server,MS/SQL ServerActive Directory, SQL express, Excel, IIS, .Net, Crystal ReportsMS IIS</t>
  </si>
  <si>
    <t>Drupal, MySql.NetWindowsMS/SQL Server,MS/SQL ServerDrupal, MySqlMS IIS</t>
  </si>
  <si>
    <t>mainframemainframe</t>
  </si>
  <si>
    <t>.NET.NET</t>
  </si>
  <si>
    <t>.Net
OracleDataAccess
Angular, JavaScript
CDTS.NetAIXOracle.Net
OracleDataAccess
Angular, JavaScript
CDTSMS IIS</t>
  </si>
  <si>
    <t>StreetPerfect.NetStreetPerfect</t>
  </si>
  <si>
    <t>Unisys MCP, DMSII, EDS, Opcon, QuantaUnisys MCP, DMSII, EDS, Opcon, Quanta</t>
  </si>
  <si>
    <t>IIS 7.5
Framework 4.5.2IIS 7.5
Framework 4.5.2</t>
  </si>
  <si>
    <t>II7.5    and Framework 4.5.2  and Oracle Web Logic.  ( for the dynamic parts ).  The static site parts can work without these.II7.5    and Framework 4.5.2  and Oracle Web Logic.  ( for the dynamic parts ).  The static site parts can work without these.</t>
  </si>
  <si>
    <t>critically dependent of Active Directory for authentification of users.NetAIXOraclecritically dependent of Active Directory for authentification of usersMS IIS</t>
  </si>
  <si>
    <t>Internet Explorer, cron jobs, Oracle database, FTP processesInternet Explorer, cron jobs, Oracle database, FTP processes</t>
  </si>
  <si>
    <t>CSM (Client Server Messaging)
ADABAS
IDMS
MSFTCSM (Client Server Messaging)
ADABAS
IDMS
MSFT</t>
  </si>
  <si>
    <t>Connection to SYBASE databaseConnection to SYBASE database</t>
  </si>
  <si>
    <t>Active directory, Java, OpCon (scheduler).NetActive directory, Java, OpCon (scheduler)</t>
  </si>
  <si>
    <t>IIS.NetAIXOracleIISMS IIS</t>
  </si>
  <si>
    <t>Oracle DB
Web BrowserOracle DB
Web Browser</t>
  </si>
  <si>
    <t>MainframeMainframe</t>
  </si>
  <si>
    <t>Windows server, Secure Interface, Database Oracle,.NetAIXOracleWindows server, Secure Interface, Database Oracle,MS IIS</t>
  </si>
  <si>
    <t>oracle DB, OpCon, Web Services, Locum (authentication), Mainframe - Unisys, CCT - EngageOneoracle DB, OpCon, Web Services, Locum (authentication), Mainframe - Unisys, CCT - EngageOne</t>
  </si>
  <si>
    <t>mainframe (NIIS)
oracle database
web browsermainframe (NIIS)
oracle database
web browser</t>
  </si>
  <si>
    <t>Adobe Reader X+
ITRDS Web ServicesAdobe Reader X+
ITRDS Web Services</t>
  </si>
  <si>
    <t>Oracle Database
Active Directory
Cognos Servers
Web ServersOracle Database
Active Directory
Cognos Servers
Web Servers</t>
  </si>
  <si>
    <t>Oracle DB, SQL Server DB, .Net.NetAIX,WindowsMS/SQL Server,MS/SQL Server,OracleOracle DB, SQL Server DB, .Net</t>
  </si>
  <si>
    <t>WSEDWSED</t>
  </si>
  <si>
    <t>Application Scheduling
File Transfer
Application Messaging
Authentication Layer
Database
Active Directory.NetAIXOracleApplication Scheduling
File Transfer
Application Messaging
Authentication Layer
Database
Active DirectoryApache</t>
  </si>
  <si>
    <t>PowerBuilderPowerBuilder</t>
  </si>
  <si>
    <t>SYBASE
Network accessSYBASE
Network access</t>
  </si>
  <si>
    <t>.NET; Telerik RadWare; Oracle Client.NetOracle LinuxOracle.NET; Telerik RadWare; Oracle ClientMS IIS</t>
  </si>
  <si>
    <t>Web server, IIS, HTTP, Oracle DBWeb server, IIS, HTTP, Oracle DB</t>
  </si>
  <si>
    <t>  </t>
  </si>
  <si>
    <t>Unisys MCP, DMSII, EDS, Opcon, Quanta, LOCUMUnisys MCP, DMSII, EDS, Opcon, Quanta, LOCUM</t>
  </si>
  <si>
    <t>Unisys MCP, DMSII, Opcon, Quanta, LocumUnisys MCP, DMSII, Opcon, Quanta, Locum</t>
  </si>
  <si>
    <t>.net framework
ClickOnce Manifest signing 
Active Directory authentication
FTP
OPCON
Unisys mainframe
Oracle database.net framework
ClickOnce Manifest signing 
Active Directory authentication
FTP
OPCON
Unisys mainframe
Oracle database</t>
  </si>
  <si>
    <t>Unisys MCP, DMSIIUnisys MCP, DMSII</t>
  </si>
  <si>
    <t>.NetAIXOracleMS IIS</t>
  </si>
  <si>
    <t>Unisys MainframeUnisys Mainframe</t>
  </si>
  <si>
    <t>Oracle DatabaseOracle Database</t>
  </si>
  <si>
    <t>Oracle Database
Internet Explorer 11 (on the client machine)
Session State Server
Load Balancer.NetAIXOracleOracle Database
Internet Explorer 11 (on the client machine)
Session State Server
Load BalancerMS IIS</t>
  </si>
  <si>
    <t>ROES Oracle database
MSCBA Web Services
ROE Printing Services
Internet explorer
WSEMail 
WSED
MS Excel
Acrobat readerROES Oracle database
MSCBA Web Services
ROE Printing Services
Internet explorer
WSEMail 
WSED
MS Excel
Acrobat reader</t>
  </si>
  <si>
    <t>MSCBA, ECAS: authentication
Oracle Database
.Net Framework.NetAIXOracleMSCBA, ECAS: authentication
Oracle Database
.Net FrameworkMS IIS</t>
  </si>
  <si>
    <t>Oracle Weblogic
WSED
Active DirectoryOracle Weblogic
WSED
Active Directory</t>
  </si>
  <si>
    <t> Oracle DB Oracle DB</t>
  </si>
  <si>
    <t>IIS 7.5 runs the framework 4.5.2 for the cgi-bin attached to the website.IIS 7.5 runs the framework 4.5.2 for the cgi-bin attached to the website.</t>
  </si>
  <si>
    <t>.net framework
ClickOnce manifest signing
Active Directory authentication
FTP
OPCON
Unisys mainframe
Oracle database.net framework
ClickOnce manifest signing
Active Directory authentication
FTP
OPCON
Unisys mainframe
Oracle database</t>
  </si>
  <si>
    <t>Microfocus Cobol; .Net;Microfocus Cobol; .Net;</t>
  </si>
  <si>
    <t>Unisys MCP, DMSII, EDS, Opcon, Quanta, Locum, V2Channel, Oracle DBUnisys MCP, DMSII, EDS, Opcon, Quanta, Locum, V2Channel, Oracle DB</t>
  </si>
  <si>
    <t>.Net.Net.Net</t>
  </si>
  <si>
    <t>Unisys MCP, DMSII, EDS, Opcon, Quanta, LOCUMAIXOracleUnisys MCP, DMSII, EDS, Opcon, Quanta, LOCUM</t>
  </si>
  <si>
    <t>PKI certificates, .NET Framework, SQL Server, Windows.NetWindowsMS/SQL Server,MS/SQL ServerPKI certificates, .NET Framework, SQL Server, Windows</t>
  </si>
  <si>
    <t>Unisys MCP, DMSII, MSFT, EDS, Opcon, Quanta, LocumUnisys MCP, DMSII, MSFT, EDS, Opcon, Quanta, Locum</t>
  </si>
  <si>
    <t>.NetOracleMS IIS</t>
  </si>
  <si>
    <t>Directory authentication
DatabaseAIXOracleDirectory authentication
Database</t>
  </si>
  <si>
    <t>Oracle DbOracle Db</t>
  </si>
  <si>
    <t>Oracle DB, IIS, RGBB.NetOracle LinuxOracleOracle DB, IIS, RGBBMS IIS</t>
  </si>
  <si>
    <t>HTTP, web server, web services, Unisys mainframeHTTP, web server, web services, Unisys mainframe</t>
  </si>
  <si>
    <t>Oracle Database.NetOracleOracle Database</t>
  </si>
  <si>
    <t>Build using EWCMS (HP/OpenText Teamsite).  All reports are coded within Teamsite.WeblogicMS/SQL Server,MS/SQL ServerBuild using EWCMS (HP/OpenText Teamsite).  All reports are coded within Teamsite.</t>
  </si>
  <si>
    <t>Oracle DB, IIS.NetAIXOracleOracle DB, IISMS IIS</t>
  </si>
  <si>
    <t>Protected B network.
Active Directory
FTP
Different versions can coexist on the same machine, however have to be installed in order, older ones first, then newer ones.Protected B network.
Active Directory
FTP
Different versions can coexist on the same machine, however have to be installed in order, older ones first, then newer ones.</t>
  </si>
  <si>
    <t>active directoryactive directory</t>
  </si>
  <si>
    <t>Database
SSL Certificates, Active Directory
File Transfer PWGSCDatabase
SSL Certificates, Active Directory
File Transfer PWGSC</t>
  </si>
  <si>
    <t>SSL certificates
Oracle Database 11g
Java 
Oracle Applcation Server 10g, win2003SSL certificates
Oracle Database 11g
Java 
Oracle Applcation Server 10g, win2003</t>
  </si>
  <si>
    <t>Entrust Security Certificate.                  SQL Server database, SMTP relayserver.  Self-Contained 3rd party Jar files within the application package: Tinymce, JFreeChart, jtds, JasperReports.Entrust Security Certificate.                  SQL Server database, SMTP relayserver.  Self-Contained 3rd party Jar files within the application package: Tinymce, JFreeChart, jtds, JasperReports.</t>
  </si>
  <si>
    <t>SMPT mailSMPT mail</t>
  </si>
  <si>
    <t>Build using EWCMS (HP/OpenText Teamsite).WeblogicWindowsMS/SQL Server,MS/SQL ServerBuild using EWCMS (HP/OpenText Teamsite).</t>
  </si>
  <si>
    <t>Active Directory, Oracle Database.NetAIXOracleActive Directory, Oracle Database</t>
  </si>
  <si>
    <t>Active Directory, Oracle Databases.NetActive Directory, Oracle Databases</t>
  </si>
  <si>
    <t>Active Directory.NetActive Directory</t>
  </si>
  <si>
    <t>Unisys Mainframe/MLAMP conversion.NetOracleUnisys Mainframe/MLAMP conversion</t>
  </si>
  <si>
    <t>Cognos Server
Oracle Database
Active Directory
Web ServicesOracleCognos Server
Oracle Database
Active Directory
Web Services</t>
  </si>
  <si>
    <t>Telephony.Telephony.</t>
  </si>
  <si>
    <t>OPCON scheduler, file transfer, secure interface with SIR, secure interface with CRA benefits, secure interface with CRA-RPDOPCON scheduler, file transfer, secure interface with SIR, secure interface with CRA benefits, secure interface with CRA-RPD</t>
  </si>
  <si>
    <t>EI PaymentsEI Payments</t>
  </si>
  <si>
    <t>Unisys MCP, DMSII, EDS, Opcon, Quanta, LOCUM.NetOracleUnisys MCP, DMSII, EDS, Opcon, Quanta, LOCUM</t>
  </si>
  <si>
    <t>Opcon
FTP
mailxWeblogicAIXOracleOpcon
FTP
mailxApache</t>
  </si>
  <si>
    <t>Sybase ASE DBMS.NetSybase ASE DBMS</t>
  </si>
  <si>
    <t>EWCMSWeblogicAIXOracleEWCMSMS IIS</t>
  </si>
  <si>
    <t>OPCON scheduler, file transfer, certificates, secure interface with SIR, secure interface with CRA, mailxWeblogicAIXOracleOPCON scheduler, file transfer, certificates, secure interface with SIR, secure interface with CRA, mailxApache</t>
  </si>
  <si>
    <t>SharepointSharepoint</t>
  </si>
  <si>
    <t>Active Directory
SMTP.NetActive Directory
SMTP</t>
  </si>
  <si>
    <t>Cognos Platform and IRM DB.Cognos Platform and IRM DB.</t>
  </si>
  <si>
    <t> WeblogicAIXOracle MS IIS</t>
  </si>
  <si>
    <t>- Software Licensing Certificates ; licenses are registered to only work for Server IP &amp; Server Name that we provide to vendor 
- Load balancing is not supported
- Web Browser (Internet Explorer 11)
- MS SQL Server 2008 R2
- Windows Server 2008 R2 / IIS 7.5
- Web Server File Storage Drive 2.0 TB (minimum) or greater for scanned images &amp; files.NetWindowsMS/SQL Server,MS/SQL Server- Software Licensing Certificates ; licenses are registered to only work for Server IP &amp; Server Name that we provide to vendor 
- Load balancing is not supported
- Web Browser (Internet Explorer 11)
- MS SQL Server 2008 R2
- Windows Server 2008 R2 / IIS 7.5
- Web Server File Storage Drive 2.0 TB (minimum) or greater for scanned images &amp; filesMS IIS</t>
  </si>
  <si>
    <t>OPCON
WEBLOGIC
ORACLE DB
SQL SERVER
ACTIVE DIRECTORYOPCON
WEBLOGIC
ORACLE DB
SQL SERVER
ACTIVE DIRECTORY</t>
  </si>
  <si>
    <t>Oracle Database
Web Browser
MS Office (Excel)AIXOracleOracle Database
Web Browser
MS Office (Excel)</t>
  </si>
  <si>
    <t>Unisys MCP, DMSII, FTP, EDS, Opcon, QuantaUnisys MCP, DMSII, FTP, EDS, Opcon, Quanta</t>
  </si>
  <si>
    <t>Microsoft Office (MS Access) &amp; Active DirectoryMicrosoft Office (MS Access) &amp; Active Directory</t>
  </si>
  <si>
    <t>DSB, IBM Power 7 frames, Oracle 12c, SQL Server 2008R2, Windows Server 2008R2, SSC network infrastructure.DSB, IBM Power 7 frames, Oracle 12c, SQL Server 2008R2, Windows Server 2008R2, SSC network infrastructure.</t>
  </si>
  <si>
    <t>LDAP authentication, SSL enabled, application messaging, file transfer, certificates,LDAP authentication, SSL enabled, application messaging, file transfer, certificates,</t>
  </si>
  <si>
    <t>mainframe, certificates, critically dependent on MGSWebmainframe, certificates, critically dependent on MGSWeb</t>
  </si>
  <si>
    <t>FTP
MSFT
GTIS
Opcon
GnetAIXOracleFTP
MSFT
GTIS
Opcon
Gnet</t>
  </si>
  <si>
    <t>Active directory for authentication, OPCON scheduling, QUANTA for balancing jobs,.NetOracleActive directory for authentication, OPCON scheduling, QUANTA for balancing jobs,MS IIS</t>
  </si>
  <si>
    <t>database
intranet
browserdatabase
intranet
browser</t>
  </si>
  <si>
    <t>Active Directory
Protected B networkActive Directory
Protected B network</t>
  </si>
  <si>
    <t>DOSDOS</t>
  </si>
  <si>
    <t>MSCBA, AD, CSGCMSCBA, AD, CSGC</t>
  </si>
  <si>
    <t>Oracle Database
SQL Session State Server
jqueryOracle Database
SQL Session State Server
jquery</t>
  </si>
  <si>
    <t>Mail service dependantMail service dependant</t>
  </si>
  <si>
    <t>WSED.NetAIXOracleWSEDMS IIS</t>
  </si>
  <si>
    <t>WSEmail, WSEdWSEmail, WSEd</t>
  </si>
  <si>
    <t>Oracle Database
.NET Framework
State Server
Load BalancedOracle Database
.NET Framework
State Server
Load Balanced</t>
  </si>
  <si>
    <t>Windows Server
SQL Server
Lan/Wan
AD
Load Balancer
ADRMS ServerWindows Server
SQL Server
Lan/Wan
AD
Load Balancer
ADRMS Server</t>
  </si>
  <si>
    <t>secure interface.NetWindowsOraclesecure interface</t>
  </si>
  <si>
    <t>WSED
Active Directory
GoC Wet 4.0.NetAIXOracleWSED
Active Directory
GoC Wet 4.0MS IIS</t>
  </si>
  <si>
    <t>WsEmail
WsED
DSBWsEmail
WsED
DSB</t>
  </si>
  <si>
    <t>NICS/WICSOracleNICS/WICS</t>
  </si>
  <si>
    <t>Microsoft .NET 4.5, BizTalk Server 2013 R2, SQL Server 2012Microsoft .NET 4.5, BizTalk Server 2013 R2, SQL Server 2012</t>
  </si>
  <si>
    <t>Cognos Server
Oracle Database
Active Directory
Web Services
Entrust certificatesCognos Server
Oracle Database
Active Directory
Web Services
Entrust certificates</t>
  </si>
  <si>
    <t>Microsoft .NET 4.5, BizTalk 2013R2, SQL Server 2012, Oracle client 11gMicrosoft .NET 4.5, BizTalk 2013R2, SQL Server 2012, Oracle client 11g</t>
  </si>
  <si>
    <t>Microsoft .NET 4.5, Biztalk 2013R2, SQL Server 2012, Hermes Messaging Gateway, Apache Tomcat 7.0, Postgres 8.4Microsoft .NET 4.5, Biztalk 2013R2, SQL Server 2012, Hermes Messaging Gateway, Apache Tomcat 7.0, Postgres 8.4</t>
  </si>
  <si>
    <t>Web Browser
Oracle DB
WSED (Active Directory)Web Browser
Oracle DB
WSED (Active Directory)</t>
  </si>
  <si>
    <t>GCKey, SecureKey, SIN/SIR, MSCA Database,IFFS, ACP, DAF, IMCEE.NetAIXOracleGCKey, SecureKey, SIN/SIR, MSCA Database,IFFS, ACP, DAF, IMCEEMS IIS</t>
  </si>
  <si>
    <t>SQL Server Database 
Active Directory
E-Mail.NetMS/SQL Server,MS/SQL ServerSQL Server Database 
Active Directory
E-Mail</t>
  </si>
  <si>
    <t>wsemail
wsedwsemail
wsed</t>
  </si>
  <si>
    <t>Cognos Server
Oracle Database
Active Directory
Web ServicesCognos Server
Oracle Database
Active Directory
Web Services</t>
  </si>
  <si>
    <t>oracle databaseoracle database</t>
  </si>
  <si>
    <t>MPS1000 servers
T1 phone linesMPS1000 servers
T1 phone lines</t>
  </si>
  <si>
    <t>Oracle WebCenter Portal, SSL Security, ECAS authentication, CRA PortageurOracle WebCenter Portal, SSL Security, ECAS authentication, CRA Portageur</t>
  </si>
  <si>
    <t>.NET framework 4.5.2
Internet explorer
MSCBA web services
BUS Oracle database
Microsoft Active Directory 2008
Microsoft Windows 2008 Server R2 installed with IIS
HTML, XML, JavaScript, and JQuery.NET framework 4.5.2
Internet explorer
MSCBA web services
BUS Oracle database
Microsoft Active Directory 2008
Microsoft Windows 2008 Server R2 installed with IIS
HTML, XML, JavaScript, and JQuery</t>
  </si>
  <si>
    <t>web experience toolkit
microsoft .net 4
oracle 11gweb experience toolkit
microsoft .net 4
oracle 11g</t>
  </si>
  <si>
    <t>.Net Framework
Oracle DB.NetAIXOracle.Net Framework
Oracle DBMS IIS</t>
  </si>
  <si>
    <t>Unisys Mainframe, DMSII, LOCUM, COMSUnisys Mainframe, DMSII, LOCUM, COMS</t>
  </si>
  <si>
    <t>Web browser
SQL Server database
mainframe file (SM5480)Web browser
SQL Server database
mainframe file (SM5480)</t>
  </si>
  <si>
    <t>Active Directory for authentication.NetAIXOracleActive Directory for authenticationMS IIS</t>
  </si>
  <si>
    <t>Windows client, Active Directory, MS AccessWindows client, Active Directory, MS Access</t>
  </si>
  <si>
    <t>Windows 2008/2012
Java 7
Microsoft SQL 
Active DirectoryWindows 2008/2012
Java 7
Microsoft SQL 
Active Directory</t>
  </si>
  <si>
    <t>Central license manager hosted on a server.Central license manager hosted on a server.</t>
  </si>
  <si>
    <t>Windows 2008 server 64-bit (R2 supported) with User Access Control (UAC) disabled;
Microsoft SQL Server 2008;
IIS installed on the server;
Microsoft .Net Framework 4.0 or higher;
Internet Access for license activation;Windows 2008 server 64-bit (R2 supported) with User Access Control (UAC) disabled;
Microsoft SQL Server 2008;
IIS installed on the server;
Microsoft .Net Framework 4.0 or higher;
Internet Access for license activation;</t>
  </si>
  <si>
    <t>Cognos Platform and LWR  DBCognos Platform and LWR  DB</t>
  </si>
  <si>
    <t>Appgate, Biztalk, IIS,  Oracle db, OLIS MF, WECS, Corp Table, F5 Load Balancer, Session State Server, WsEmail, Wet CDTS.NetAIXOracleAppgate, Biztalk, IIS,  Oracle db, OLIS MF, WECS, Corp Table, F5 Load Balancer, Session State Server, WsEmail, Wet CDTSMS IIS</t>
  </si>
  <si>
    <t>NoneNone</t>
  </si>
  <si>
    <t>network
database
certificates
directory
application messaging
secure interfaces
file transfernetwork
database
certificates
directory
application messaging
secure interfaces
file transfer</t>
  </si>
  <si>
    <t>Not technicalNot technical</t>
  </si>
  <si>
    <t>R&amp;A database.NetR&amp;A databaseApache,MS IIS</t>
  </si>
  <si>
    <t>SQL Server database, SMTP relayserver.  Self-Contained 3rd party Jar files within the application package: Tinymce, JFreeChart, jtds, JasperReports.SQL Server database, SMTP relayserver.  Self-Contained 3rd party Jar files within the application package: Tinymce, JFreeChart, jtds, JasperReports.</t>
  </si>
  <si>
    <t>DARS DatabaseDARS Database</t>
  </si>
  <si>
    <t>Database
Network
secure interfaces
directory
certificates
application messaging
file transferDatabase
Network
secure interfaces
directory
certificates
application messaging
file transfer</t>
  </si>
  <si>
    <t>ITRDS, Oracle DatabaseITRDS, Oracle Database</t>
  </si>
  <si>
    <t>Windows Server Task Scheduler; Windows Server 2008 R2 / IIS 7.5; Active Directory Authentication; SQL Server Database 2008 R8; Web Browser (Internet Explorer); SMTPWindows Server Task Scheduler; Windows Server 2008 R2 / IIS 7.5; Active Directory Authentication; SQL Server Database 2008 R8; Web Browser (Internet Explorer); SMTP</t>
  </si>
  <si>
    <t>Active Directory; SQL Database; Web Server; Email SMTP;Active Directory; SQL Database; Web Server; Email SMTP;</t>
  </si>
  <si>
    <t>ITRDS WS, Banctec Imaging front end.ITRDS WS, Banctec Imaging front end.</t>
  </si>
  <si>
    <t>Windows client, Active DirectoryWindows client, Active Directory</t>
  </si>
  <si>
    <t>Sql Server
Active DirectorySql Server
Active Directory</t>
  </si>
  <si>
    <t>IIS, .Net 4.0 framework, MS SQL, WebServicesIIS, .Net 4.0 framework, MS SQL, WebServices</t>
  </si>
  <si>
    <t>IIS, .Net 4.0 Framework, MS SQL 2008IIS, .Net 4.0 Framework, MS SQL 2008</t>
  </si>
  <si>
    <t>oracle database (NWS &amp; NPMT)
active directory
web browser
Cognos(IRIS)oracle database (NWS &amp; NPMT)
active directory
web browser
Cognos(IRIS)</t>
  </si>
  <si>
    <t>FMCSIS DB, Cognos platform.FMCSIS DB, Cognos platform.</t>
  </si>
  <si>
    <t>Cognos Platform, LMDA DW DB.Cognos Platform, LMDA DW DB.</t>
  </si>
  <si>
    <t>SharePoint et ses composantes tierses.SharePoint et ses composantes tierses.</t>
  </si>
  <si>
    <t>.NET 4.5.2.NET 4.5.2</t>
  </si>
  <si>
    <t>PowerBuilder (12.5), Internet Explorer, Visual Studio 2012 C++PowerBuilder (12.5), Internet Explorer, Visual Studio 2012 C++</t>
  </si>
  <si>
    <t>IIS, .net 4.0 Framework, MS SQLIIS, .net 4.0 Framework, MS SQL</t>
  </si>
  <si>
    <t>IIs, .net 4.0 Framework, MS SQLIIs, .net 4.0 Framework, MS SQL</t>
  </si>
  <si>
    <t>IIS. .Net 4.0 Framework, MS SQLIIS. .Net 4.0 Framework, MS SQL</t>
  </si>
  <si>
    <t>IIS, ASP.net, SQLIIS, ASP.net, SQL</t>
  </si>
  <si>
    <t>IIS 7.5, .Net2.0 Framework, MS SQL 2008,IIS 7.5, .Net2.0 Framework, MS SQL 2008,</t>
  </si>
  <si>
    <t>IIS, .Net 4.0 Framework, MS SQLIIS, .Net 4.0 Framework, MS SQL</t>
  </si>
  <si>
    <t>Active DirectoryActive Directory</t>
  </si>
  <si>
    <t>Oracle RDBMS
Oracle ODI
Cognos PlatformOracle RDBMS
Oracle ODI
Cognos Platform</t>
  </si>
  <si>
    <t>x.25 Link to Bell Canada Centrex Switch, LINUX Operating System, Nortel ARNx.25 Link to Bell Canada Centrex Switch, LINUX Operating System, Nortel ARN</t>
  </si>
  <si>
    <t>login interface, java 1.61; I.E. v8login interface, java 1.61; I.E. v8</t>
  </si>
  <si>
    <t>interval data from MIS directly form the Centrex switchinterval data from MIS directly form the Centrex switch</t>
  </si>
  <si>
    <t>Bell Megalink - PIKA PrimeNet voice boardBell Megalink - PIKA PrimeNet voice board</t>
  </si>
  <si>
    <t>IIS Web server, ASP Classic, SQLIIS Web server, ASP Classic, SQL</t>
  </si>
  <si>
    <t>Windows client, Internet Explorer, Active DirectoryWindows client, Internet Explorer, Active Directory</t>
  </si>
  <si>
    <t>Oracle DB, JavaOracle DB, Java</t>
  </si>
  <si>
    <t>MPS 1000 Servers
T1 Phone LInesMPS 1000 Servers
T1 Phone LInes</t>
  </si>
  <si>
    <t>ITRDSITRDS</t>
  </si>
  <si>
    <t>T1 Lines
MPS 1000 ServersT1 Lines
MPS 1000 Servers</t>
  </si>
  <si>
    <t>T1 Lines
MPS 1000 Servers
MS SQL DatabaseT1 Lines
MPS 1000 Servers
MS SQL Database</t>
  </si>
  <si>
    <t>Active directory authentication
SQL databaseActive directory authentication
SQL database</t>
  </si>
  <si>
    <t>Cognos Plateform and HERIN DBCognos Plateform and HERIN DB</t>
  </si>
  <si>
    <t>Active Directory
Exchange
IISActive Directory
Exchange
IIS</t>
  </si>
  <si>
    <t>Active directory, Java, OpCon (scheduler)Active directory, Java, OpCon (scheduler)</t>
  </si>
  <si>
    <t>Internet Explorer 11.0
CRM Server 2013
SQL Server 2012Internet Explorer 11.0
CRM Server 2013
SQL Server 2012</t>
  </si>
  <si>
    <t>server, database, file transfer and engineer desktopsserver, database, file transfer and engineer desktops</t>
  </si>
  <si>
    <t>Interwoven OpenDeploy is required on the CADE web server as well as a client component of this on each hosting server in SADE.
The current version of CADE runs on .NET.Interwoven OpenDeploy is required on the CADE web server as well as a client component of this on each hosting server in SADE.
The current version of CADE runs on .NET.</t>
  </si>
  <si>
    <t>SharePoint, e-mailSharePoint, e-mail</t>
  </si>
  <si>
    <t>Server hosted license manager and user active directory group.Server hosted license manager and user active directory group.</t>
  </si>
  <si>
    <t>BlackBerryBlackBerry</t>
  </si>
  <si>
    <t>Oracle DB, AIX UnixOracle DB, AIX Unix</t>
  </si>
  <si>
    <t>Cognos Platform and CMS A&amp;D DBCognos Platform and CMS A&amp;D DB</t>
  </si>
  <si>
    <t>SCCM (System Center Configuration Manager)
.NET Framework 4.5
Active Directory AuthenticationSCCM (System Center Configuration Manager)
.NET Framework 4.5
Active Directory Authentication</t>
  </si>
  <si>
    <t>Microsoft Office
Microsoft SharePoint
Microsoft SQL Server
Microsoft Windows / Windows ServerMicrosoft Office
Microsoft SharePoint
Microsoft SQL Server
Microsoft Windows / Windows Server</t>
  </si>
  <si>
    <t>Internet Explorer 11.0
CRM Server 2016
SQL Server 2012Internet Explorer 11.0
CRM Server 2016
SQL Server 2012</t>
  </si>
  <si>
    <t>DB, ADDB, AD</t>
  </si>
  <si>
    <t>Web Browser
Oracle Database
Unisys MainframeWeb Browser
Oracle Database
Unisys Mainframe</t>
  </si>
  <si>
    <t>Application Scheduling (Opcon)
File Transfer protocol
Application Messaging
Database
Certificates (SSL)
Goc Wet 4.0.NetAIXOracleApplication Scheduling (Opcon)
File Transfer protocol
Application Messaging
Database
Certificates (SSL)
Goc Wet 4.0MS IIS</t>
  </si>
  <si>
    <t>Unisys Mainframe, DMSII, LOCUMUnisys Mainframe, DMSII, LOCUM</t>
  </si>
  <si>
    <t>firewall, oracle database, WET template.NetAIXOraclefirewall, oracle database, WET templateMS IIS</t>
  </si>
  <si>
    <t>Oracle database (CCIS,EA)
Web Browser
Active Directory Web-service.NetAIXOracleOracle database (CCIS,EA)
Web Browser
Active Directory Web-serviceMS IIS</t>
  </si>
  <si>
    <t>mainframe.Netmainframe</t>
  </si>
  <si>
    <t>MS .Net, MS Office 2010.NetMS SQL Server 2012WindowsMS/SQL Server,MS/SQL Server,MS/SQL Server,MS/SQL ServerMS .Net, MS Office 2010Windows 2008 R2MS IIS</t>
  </si>
  <si>
    <t>EC Net, Exchange Server, VM, MS SQL Server, EC Active Directory.NetMS SQL Server 2012WindowsMS/SQL Server,MS/SQL Server,MS/SQL Server,MS/SQL ServerEC Net, Exchange Server, VM, MS SQL Server, EC Active DirectorySNCR01WBEXPRD4Windows 2008 R2MS IIS</t>
  </si>
  <si>
    <t>EC Net, Exchange Server, VM, MS SQL Server.NetMS SQL Server 2005WindowsMS/SQL Server,MS/SQL Server,MS/SQL Server,MS/SQL ServerEC Net, Exchange Server, VM, MS SQL ServerSNCR01WBINPRD2; SNCRWBINDEV1Windows 2008 R2MS IIS</t>
  </si>
  <si>
    <t>EC Net, Exchange Server, VM, MS SQL Server, EC Active Directory.NetWindowsMS/SQL Server,MS/SQL Server,MS/SQL Server,MS/SQL ServerEC Net, Exchange Server, VM, MS SQL Server, EC Active DirectoryMS IIS</t>
  </si>
  <si>
    <t>EC Net, Exchange Server, VM, MS SQL Server.NetWindowsMS/SQL Server,MS/SQL Server,MS/SQL Server,MS/SQL ServerEC Net, Exchange Server, VM, MS SQL ServerSNCR01WBINDEV2; SNCR01WBEXPRD4; SNCR01WBEXPRD5Windows 2008 R2MS IIS</t>
  </si>
  <si>
    <t>WindowsMS/SQL Server,MS/SQL Server,MS/SQL Server,MS/SQL ServerMS IIS</t>
  </si>
  <si>
    <t>.Net.NET 4.6MS SQL ServerWindowsMS/SQL Server,MS/SQL Server,MS/SQL Server,MS/SQL ServerMS Windows 2008 R2MS IIS</t>
  </si>
  <si>
    <t>CMS, Exchange Server, MS SQL Server, .NET.NetMS SQL Server 2005WindowsMS/SQL Server,MS/SQL Server,MS/SQL Server,MS/SQL ServerCMS, Exchange Server, MS SQL Server, .NETMS IIS</t>
  </si>
  <si>
    <t>NET 4.5, SQL, JAVA SEWindows Server 2012</t>
  </si>
  <si>
    <t>.NET 4.6MS SQL Server 2012MS Windows 2008 R2</t>
  </si>
  <si>
    <t>MS SQL Server 2012MS Windows 2008</t>
  </si>
  <si>
    <t>.NET 3.5, Microsoft Access 2002-2003Microsoft Access 2002-2003Windows 7, Windows Server 2008 R2 Datacenter, Windows Server 2008 R2 Enterprise, Windows Server 2008 R2 Standard</t>
  </si>
  <si>
    <t>MS SQL Server 2012Currently: Win2K8R2             In the process of upgrading to Win2k12R2</t>
  </si>
  <si>
    <t>MS SQL Server 2012MS Windows 2008 R2</t>
  </si>
  <si>
    <t>local sys DB, not SQLMS Windows 2008 R2</t>
  </si>
  <si>
    <t>WindowsWindows</t>
  </si>
  <si>
    <t>.net, SQL Server, Oracle Database.NetOracle Linux,WindowsMS/SQL Server,MS/SQL Server,MS/SQL Server,MS/SQL Server,Oracle.net, SQL Server, Oracle DatabaseMS Windows 2008 R2MS IIS</t>
  </si>
  <si>
    <t>Microsoft .Net, Windows IIS, Oracle Database &amp; RAC.NetOracle LinuxOracleMicrosoft .Net, Windows IIS, Oracle Database &amp; RACMS IIS</t>
  </si>
  <si>
    <t>Microsoft .Net, Windows IIS, Oracle Database &amp; RAC.NetOracle 12cOracle LinuxOracleMicrosoft .Net, Windows IIS, Oracle Database &amp; RACWindows 2008 R2MS IIS</t>
  </si>
  <si>
    <t>.Net, SQL Server.NetWindowsMS/SQL Server,MS/SQL Server,MS/SQL Server,MS/SQL Server.Net, SQL ServerMS Windows 2008MS IIS</t>
  </si>
  <si>
    <t>IIS. SQL Server, Web Browser.NetMS SQL Server 2005WindowsMS/SQL Server,MS/SQL Server,MS/SQL Server,MS/SQL ServerIIS. SQL Server, Web BrowserMS Windows 2008 R2MS IIS</t>
  </si>
  <si>
    <t>IDOL 7 or SQL Server 2012MS Windows 2008</t>
  </si>
  <si>
    <t>.Net, SQL Server.NetMS SQL Server 2005WindowsMS/SQL Server,MS/SQL Server,MS/SQL Server,MS/SQL Server.Net, SQL ServerMS Windows 2008 R2MS IIS</t>
  </si>
  <si>
    <t>.NetMigration to SQL Server 2012 anticipatedWindowsMS/SQL Server,MS/SQL Server,MS/SQL Server,MS/SQL ServerConfirm; HP DL585 G6 was not a listed platformMS Windows 2008 R2.  OS for web server is scored, not DBMS IIS</t>
  </si>
  <si>
    <t>ArcGIS Server, ASP.NET and MS IIS.NetUses the ArcGIS 10 server environment.ask mike weechWindowsMS/SQL Server,MS/SQL Server,MS/SQL Server,MS/SQL ServerArcGIS Server, ASP.NET and MS IISMS Windows 2008 R2MS IIS</t>
  </si>
  <si>
    <t>ESRIESRIWindows 2003 server. Planned to migrate.</t>
  </si>
  <si>
    <t>ESRIESRIWindows 2003</t>
  </si>
  <si>
    <t>.NET 4.6.1Dell T7500Windows 7 (64 bit)</t>
  </si>
  <si>
    <t>GC KEY, Asp.Net, IIS, Ms SQL, Ms.Net.NetMS SQL Server 2012WindowsMS/SQL Server,MS/SQL Server,MS/SQL Server,MS/SQL ServerGC KEY, Asp.Net, IIS, Ms SQL, Ms.NetConfirm; HP DL585 G6 was not a listed platformMS Windows 2008 R2MS IIS</t>
  </si>
  <si>
    <t>Windows Server, ASP.NET, MVC 4, SQL Server 2012, IIS7 - Web Application.NetWindowsMS/SQL Server,MS/SQL Server,MS/SQL Server,MS/SQL ServerWindows Server, ASP.NET, MVC 4, SQL Server 2012, IIS7 - Web ApplicationMS IIS</t>
  </si>
  <si>
    <t>Custom applicationFormat most appropriate for these data users is not a database.Ubuntu 12.04 LTS</t>
  </si>
  <si>
    <t>IIS, SQL Server, .Net Framework.NetMS SQL 2005WindowsMS/SQL Server,MS/SQL Server,MS/SQL Server,MS/SQL ServerIIS, SQL Server, .Net FrameworkMS Windows 2008 R2MS IIS</t>
  </si>
  <si>
    <t>MS Dynamics CRMMS SQL Server 2012</t>
  </si>
  <si>
    <t>C# .net interface to 2012 sql server database.NetMS.NETSQL 2008WindowsMS/SQL Server,MS/SQL ServerC# .net interface to 2012 sql server databaseMigrating to 2008R2 in 2-3 weeksMS IIS</t>
  </si>
  <si>
    <t>stand alone windows service accessing web services and writing to sql server database.NetMS.NETSQL 2008WindowsMS/SQL Server,MS/SQL Serverstand alone windows service accessing web services and writing to sql server databaseMigrating to 2008R2 in 2-3 weeksMS IIS</t>
  </si>
  <si>
    <t>connecting to sql server 2012 database and producing kml file..NetMS.NETSQL 2008WindowsMS/SQL Server,MS/SQL Serverconnecting to sql server 2012 database and producing kml file.Migrating to 2008R2 in 2-3 weeksMS IIS</t>
  </si>
  <si>
    <t>ESRIESRI</t>
  </si>
  <si>
    <t>Uses Oracle RDBMS. It is developed by EC but relies on licenses from ESRI ArcInfo and Leica Imagine to process proprietary data types. Tools are VB6 applications.Uses Oracle RDBMS. It is developed by EC but relies on licenses from ESRI ArcInfo and Leica Imagine to process proprietary data types. Tools are VB6 applications.</t>
  </si>
  <si>
    <t>Service feeds into water quality web service.NetWindowsMS/SQL Server,MS/SQL ServerService feeds into water quality web serviceMS IIS</t>
  </si>
  <si>
    <t>MS .NET / MS Entity Framwork / MS SQL SERVER / SEAS SWIM / TLS / MS IIS / SMTP.NetWindowsMS/SQL Server,MS/SQL Server,MS/SQL Server,MS/SQL ServerMS .NET / MS Entity Framwork / MS SQL SERVER / SEAS SWIM / TLS / MS IIS / SMTPMS Windows 2008 R2MS IIS</t>
  </si>
  <si>
    <t>.NetMS SQL Server 2005WindowsMS/SQL Server,MS/SQL Server,MS/SQL Server,MS/SQL ServerSNCR01WBEXPRD1; SNCR01WBEXPRD2MS Windows 2008 R2MS IIS</t>
  </si>
  <si>
    <t>Single Window.NetWindowsMS/SQL Server,MS/SQL Server,MS/SQL Server,MS/SQL ServerSingle WindowMS Windows 2008 R2MS IIS</t>
  </si>
  <si>
    <t>Microsoft Internet Information Server (with SSL Certificate), Entrust GetAccess, Government of Canada Credential Federation, Environment Canada''s Shared Enterprise Application Services.NetWindowsMS/SQL Server,MS/SQL Server,MS/SQL Server,MS/SQL ServerMicrosoft Internet Information Server (with SSL Certificate), Entrust GetAccess, Government of Canada Credential Federation, Environment Canada''s Shared Enterprise Application ServicesMS Windows 2008MS IIS</t>
  </si>
  <si>
    <t>EC Net, Exchange Server, VM, MS SQL Server, EC Active Directory, SFTP.NetMS SQL Server 2005WindowsMS/SQL Server,MS/SQL Server,MS/SQL Server,MS/SQL ServerEC Net, Exchange Server, VM, MS SQL Server, EC Active Directory, SFTPSNCR01WBINPRD2; SNCRWBINDEV1Windows 2008 R2MS IIS</t>
  </si>
  <si>
    <t>.NetMS SQL Server 2012WindowsMS/SQL Server,MS/SQL Server,MS/SQL Server,MS/SQL ServerSNCR01WBEXPRD1, SNCR01WBEXPRD2MS Windows 2008 R2MS IIS</t>
  </si>
  <si>
    <t>Windows Server, ASP.NET, SQL Server 2012, IIS6 - Web Application.NetWindowsMS/SQL Server,MS/SQL Server,MS/SQL Server,MS/SQL ServerWindows Server, ASP.NET, SQL Server 2012, IIS6 - Web ApplicationMS IIS</t>
  </si>
  <si>
    <t>ATIP RequestsWindowsMS/SQL Server,MS/SQL Server,MS/SQL Server,MS/SQL ServerATIP Requests</t>
  </si>
  <si>
    <t>JRETomcatLinux RHEL x86OracleJREApache</t>
  </si>
  <si>
    <t>MS SQL Server 2005MS Windows 2008 R2</t>
  </si>
  <si>
    <t>Database; Java, Microsoft SQL network client,.NetSQL server: natsqlapps3ncr.ncr.int.ec.gc.caWindowsMS/SQL Server,MS/SQL Server,MS/SQL Server,MS/SQL ServerDatabase; Java, Microsoft SQL network client,MS IIS</t>
  </si>
  <si>
    <t>Database; IIS.NetWindowsMS/SQL Server,MS/SQL Server,MS/SQL Server,MS/SQL ServerDatabase; IISMS IIS</t>
  </si>
  <si>
    <t>.NET 3.5, Microsoft Access 2002-2003Microsoft Access 2002-2003Windows on x64 (Intel)Windows 7</t>
  </si>
  <si>
    <t>databaseTomcatData model / Documentation not available at allWindowsMS/SQL Server,MS/SQL ServerdatabaseMS IIS</t>
  </si>
  <si>
    <t>J2EE, databaseTomcatNot latest versionData model / Documentation not available at allHPUXOracleJ2EE, databaseApache</t>
  </si>
  <si>
    <t>database.NetcustomizedData model / Documentation not available at allWindowsMS/SQL Server,MS/SQL ServerdatabaseMS IIS</t>
  </si>
  <si>
    <t>database.Netheavily customizedData model / Documentation not available at allWindowsMS/SQL Server,MS/SQL ServerdatabaseMS IIS</t>
  </si>
  <si>
    <t>Batch, VB.NET.NetLinux RHEL x86OracleBatch, VB.NETApache</t>
  </si>
  <si>
    <t>SQL ServerTomcatLinux RHEL x86OracleSQL ServerWindows Server 2003Apache</t>
  </si>
  <si>
    <t>Fortran, openVMS, CONNX, Telnet, ASP, Web, OracleTomcatLinux RHEL x86OracleFortran, openVMS, CONNX, Telnet, ASP, Web, OracleIP 10.16.126.110openVMS, linuxApache</t>
  </si>
  <si>
    <t>JavaEE, Tomcat, Apache, Oracle, eAccess, WebSphereTomcat,WebsphereAIXOracleJavaEE, Tomcat, Apache, Oracle, eAccess, WebSphereApache</t>
  </si>
  <si>
    <t>Apache, PHP, MySQL, Open Web Framework 3TomcatMySQLLinux RHEL x86OracleApache, PHP, MySQL, Open Web Framework 3Windows Server 2003Apache</t>
  </si>
  <si>
    <t>Apache, PHP, MySQL, Open Web Framework 4TomcatMySQLLinux RHEL x86OracleApache, PHP, MySQL, Open Web Framework 4Windows Server 2003Apache</t>
  </si>
  <si>
    <t>Windows Server 2008, OracleTomcatLinux RHEL x86OracleWindows Server 2008, OracleApache</t>
  </si>
  <si>
    <t>OracleTomcatLinux RHEL x86OracleOracleApache</t>
  </si>
  <si>
    <t>COTSTomcatLinux RHEL x86OracleCOTSApache</t>
  </si>
  <si>
    <t>Linux ServerTomcatLinux RHEL x86OracleLinux ServerApache</t>
  </si>
  <si>
    <t>Oracle db, network connectivityTomcatOracle database is DFO standardLinux RHEL x86OracleOracle db, network connectivityutilizes DFO standardutilizes DFO standardApache</t>
  </si>
  <si>
    <t>Oracle db, web server, network connectivityTomcatOracle database is DFO standardLinux RHEL x86OracleOracle db, web server, network connectivityutilizes DFO standardutilizes DFO standardApache</t>
  </si>
  <si>
    <t>Oracle db, web server, network connectivityWeblogicutilizes application architecture that is unique within DFOOracle database is DFO standardAIXOracleOracle db, web server, network connectivityutilizes DFO standardutilizes DFO standardApache</t>
  </si>
  <si>
    <t>Oracle, Asp.Net (C#), PythonTomcatclient utilities applicationOracle database is DFO standardAIXOracleOracle, Asp.Net (C#), Pythonutilizes DFO standardutilizes DFO standardApache</t>
  </si>
  <si>
    <t>Oracle, ASP.NET (C#), HTML/JavascriptTomcatTypical web applicationOracle database is DFO standardAIXOracleOracle, ASP.NET (C#), HTML/Javascriptutilizes DFO standardutilizes DFO standardMS IIS</t>
  </si>
  <si>
    <t>network connectivityTomcatLinux RHEL x86Oraclenetwork connectivityWindows Server 2003Apache</t>
  </si>
  <si>
    <t>MS SQL Server, ASP.NET (C#), MS SilverlightTomcatLinux RHEL x86OracleMS SQL Server, ASP.NET (C#), MS SilverlightWindows Server 2003Apache</t>
  </si>
  <si>
    <t>C#, .net, OracleTomcatApplication assessment incompleteOracleLinux RHEL x86OracleC#, .net, OracleMigration off Win 2003 server completedApache</t>
  </si>
  <si>
    <t>IIS, ASP, OracleTomcatLinux RHEL x86OracleIIS, ASP, OracleWindows Server 2003Apache</t>
  </si>
  <si>
    <t>Oracle db, web server, network connectivityTomcatTypical web applicationOracle database is DFO standardAIXOracleOracle db, web server, network connectivityutilizes DFO standardMigration off Win 2003 server completedMS IIS</t>
  </si>
  <si>
    <t>C#, .net, OracleTomcatCapital Project defined for replacementOracleLinux RHEL x86OracleC#, .net, OracleAssumption this includes user PC as part of a Client Service Application.Windows Server 2003MS IIS</t>
  </si>
  <si>
    <t>Open Search Server, Apache TomcatTomcatMySQLLinux RHEL x86OracleOpen Search Server, Apache TomcatVirtual at SSCRHELApache</t>
  </si>
  <si>
    <t>Piwik, PHP, MySQLTomcatMySQLLinux RHEL x86OraclePiwik, PHP, MySQLVirtual at SSCRHELApache</t>
  </si>
  <si>
    <t>Apache, PHP, MySQL, eAccessTomcatMySQLLinux RHEL x86OracleApache, PHP, MySQL, eAccessVirtual at SSCRHELApache</t>
  </si>
  <si>
    <t>Apache, PHP, MySQL, Open Web Framework 5TomcatMySQLLinux RHEL x86OracleApache, PHP, MySQL, Open Web Framework 5Windows Server 2003Apache</t>
  </si>
  <si>
    <t>Windows Server 2003 relié au domaine ENT, Internet Information Services – IIS versions 6 et 7, service SMTP de IIS activé, Framework .net, versions 2, 3, 3.5 et 4, Base de données Oracle 10Gr2 (production) SQL*Net 10G, ODP.Net 2.102.2.20 (Oracle Data Provider for .net), Crystal Report for visual studio 2008 runtimes, ODBC – Oracle driver 10G, certificat SSL.NetOracleWindowsOracle,OracleWindows Server 2003 relié au domaine ENT, Internet Information Services – IIS versions 6 et 7, service SMTP de IIS activé, Framework .net, versions 2, 3, 3.5 et 4, Base de données Oracle 10Gr2 (production) SQL*Net 10G, ODP.Net 2.102.2.20 (Oracle Data Provider for .net), Crystal Report for visual studio 2008 runtimes, ODBC – Oracle driver 10G, certificat SSLWindows Server 2003MS IIS</t>
  </si>
  <si>
    <t>Windows Server 2003 relié au domaine ENT, Internet Information Services – IIS versions 6 et 7, service SMTP de IIS activé, Framework .net, versions 2, 3, 3.5 et 4, Base de données Oracle 10Gr2 (production) SQL*Net 10G, ODP.Net 2.102.2.20 (Oracle Data Provider for .net), Crystal Report for visual studio 2008 runtimes, ODBC – Oracle driver 10GTomcatOracleWindowsOracleWindows Server 2003 relié au domaine ENT, Internet Information Services – IIS versions 6 et 7, service SMTP de IIS activé, Framework .net, versions 2, 3, 3.5 et 4, Base de données Oracle 10Gr2 (production) SQL*Net 10G, ODP.Net 2.102.2.20 (Oracle Data Provider for .net), Crystal Report for visual studio 2008 runtimes, ODBC – Oracle driver 10GWindows Server 2003Apache</t>
  </si>
  <si>
    <t>Mapserver, tomcat, web server, java, python, C, terascan, linux, network connectvityTomcatLinux RHEL x86MySQLMapserver, tomcat, web server, java, python, C, terascan, linux, network connectvityApache</t>
  </si>
  <si>
    <t>Windows Server 2003 relié au domaine ENT,Framework .net, versions 4, Base de données Oracle 10Gr2 (production) SQL*Net 10G, ODP.Net 2.102.2.20 (Oracle Data Provider for .net), Lien avec Ms-Access-FranklinTomcatOracleLinux RHEL x86OracleWindows Server 2003 relié au domaine ENT,Framework .net, versions 4, Base de données Oracle 10Gr2 (production) SQL*Net 10G, ODP.Net 2.102.2.20 (Oracle Data Provider for .net), Lien avec Ms-Access-FranklinWindows Server 2003Apache</t>
  </si>
  <si>
    <t>C#, .net, Oracle.NetOracleAIXOracleC#, .net, OracleMS IIS</t>
  </si>
  <si>
    <t>C#, .net, OracleTomcatPHP and MySQL won''t be supported as a StandardLinux RHEL x86OracleC#, .net, OracleApache</t>
  </si>
  <si>
    <t>IIS, ASP, MS AccessTomcatLinux RHEL x86OracleIIS, ASP, MS AccessWindows Server 2003Apache</t>
  </si>
  <si>
    <t>Oracle db,  workstation running Xconnect by Sutron, network connectivityTomcatOracle database is DFO standardLinux RHEL x86OracleOracle db,  workstation running Xconnect by Sutron, network connectivityutilizes DFO standardWindows Server 2003Apache</t>
  </si>
  <si>
    <t>IIS, ASP, MS AccessTomcatLinux RHEL x86OracleIIS, ASP, MS AccessApache</t>
  </si>
  <si>
    <t>TomcatLinux RHEL x86OracleWindows Server 2003Apache</t>
  </si>
  <si>
    <t>.NetLinux RHEL x86OracleWindows Server 2003Apache</t>
  </si>
  <si>
    <t>Tomcat 7, Apache HTTPD, MapServer 6.0, Java 7, hdf5, Servlet, Axis 1.4, Shell scriptingTomcatLinux RHEL x86OracleTomcat 7, Apache HTTPD, MapServer 6.0, Java 7, hdf5, Servlet, Axis 1.4, Shell scriptingWindows Server 2003Apache</t>
  </si>
  <si>
    <t>Oracle db,  workstation running Xconnect by Sutron, network connectivityTomcatLinux RHEL x86OracleOracle db,  workstation running Xconnect by Sutron, network connectivityWindows Server 2003Apache</t>
  </si>
  <si>
    <t>ESRI ARCGIS Server, GeoCortex, OracleOracle LinuxOracleESRI ARCGIS Server, GeoCortex, OracleMS IIS</t>
  </si>
  <si>
    <t>Linux RHEL x86OracleApache</t>
  </si>
  <si>
    <t>VB.NET.NetLinux RHEL x86OracleVB.NET</t>
  </si>
  <si>
    <t>.NetMS/SQL Server,MS/SQL ServerMS IIS</t>
  </si>
  <si>
    <t>Java.NetSQL Server 2008 R2WindowsMS/SQL Server,MS/SQL ServerJavaIIS7.5Windows 2008 serversMS IIS</t>
  </si>
  <si>
    <t>.NET, C#, coldfusion 2016AIXOracle.NET, C#, coldfusion 2016</t>
  </si>
  <si>
    <t>.NET, SILVERLIGHT, ASP, C#, JAVASCRIPT.NetAIXOracle.NET, SILVERLIGHT, ASP, C#, JAVASCRIPTMS IIS</t>
  </si>
  <si>
    <t>Java,TomcatWindowsMS/SQL Server,MS/SQL ServerJava,Apache</t>
  </si>
  <si>
    <t>Cognos, .Net, Oracle.NetAIXOracleCognos, .Net, OracleMS IIS</t>
  </si>
  <si>
    <t>network connectivity.Netnetwork connectivityApache</t>
  </si>
  <si>
    <t>Oracle, .Net, IIS.NetOracle 10GAIXOracleOracle, .Net, IISWindows server 2008 R2MS IIS</t>
  </si>
  <si>
    <t>Java, OracleTomcatOracle - DDA groupOracleJava, OracleAPS HostedAPS hostedApache</t>
  </si>
  <si>
    <t>C#, Oracle.NetOracle - DDA groupOracleC#, OracleAPS HostedAPS hostedMS IIS</t>
  </si>
  <si>
    <t>Oracle db,  network connectivity.NetOracle database is DFO standardAIXOracleOracle db,  network connectivityutilizes DFO standardutilizes DFO standardApache</t>
  </si>
  <si>
    <t>.NetOracleAIXOracleMS IIS</t>
  </si>
  <si>
    <t>Database, ServerTomcatOracleLinux RHEL x86OracleDatabase, ServerApache</t>
  </si>
  <si>
    <t>Database, Server.NetOracleLinux RHEL x86OracleDatabase, ServerMS IIS</t>
  </si>
  <si>
    <t>.NetL''interface client est servie dans un conteneur SilverlightModèle de données à réviserWindowsOracleServeur virtuel (vsqcimlatlas01)Windows Server 2003MS IIS</t>
  </si>
  <si>
    <t>TomcatWindowsMS/SQL Server,MS/SQL ServerMigration off Win 2003 server completedApache</t>
  </si>
  <si>
    <t>Centura, Oracle Forms, Oracle dbORACLEAIXOracleCentura, Oracle Forms, Oracle db</t>
  </si>
  <si>
    <t>Windows OS, Microsoft .NET, Oracle Database, Internet Browsers.NetOracle database is DFO standardAIXOracleWindows OS, Microsoft .NET, Oracle Database, Internet Browsersutilizes DFO standardutilizes DFO standardMS IIS</t>
  </si>
  <si>
    <t>.NetER diagram available with links . Databse is in OracleLinux on Z RHELOracleWindows Server 2003MS IIS</t>
  </si>
  <si>
    <t>Oracle Database 10g,ArcIMS 9.3, WMS, WFS, Apache2,Tomcat 6, JRE1.5, Java Servlet and JSP, IMF (Internet Mapping Framework)TomcatTypical geospatial web applicationThe cuurent versionm of the database is Oracle 10g which is not supported by the vendorAIXOracle,OracleOracle Database 10g,ArcIMS 9.3, WMS, WFS, Apache2,Tomcat 6, JRE1.5, Java Servlet and JSP, IMF (Internet Mapping Framework)Windows Server 2003Apache</t>
  </si>
  <si>
    <t>Windows Server 2003 relié au domaine ENT, Internet Information Services – IIS versions 6 et 7, service SMTP de IIS activé, Framework .net, versions 2, 3, 3.5 et 4, Accès à l’Active Directory, Base de données Oracle 10Gr2 (production) SQL*Net 10G, ODP.Net 2.102.2.20 (Oracle Data Provider for .net), Crystal Report for visual studio 2008 runtimes, ODBC – Oracle driver 10G.NetORACLEWindowsOracleWindows Server 2003 relié au domaine ENT, Internet Information Services – IIS versions 6 et 7, service SMTP de IIS activé, Framework .net, versions 2, 3, 3.5 et 4, Accès à l’Active Directory, Base de données Oracle 10Gr2 (production) SQL*Net 10G, ODP.Net 2.102.2.20 (Oracle Data Provider for .net), Crystal Report for visual studio 2008 runtimes, ODBC – Oracle driver 10GMS IIS</t>
  </si>
  <si>
    <t>Database, Server.NetWindowsMS/SQL Server,MS/SQL ServerDatabase, ServerMigration off Win 2003 server completedMS IIS</t>
  </si>
  <si>
    <t>Windows Server 2003 relié au domaine ENT, Internet Information Services – IIS versions 6 et 7, service SMTP de IIS activé, Framework .net, versions 2, 3, 3.5 et 4, Accès à l’Active Directory, Base de données Oracle 10Gr2 (production) SQL*Net 10G, ODP.Net 2.102.2.20 (Oracle Data Provider for .net), Crystal Report for visual studio 2008 runtimes, ODBC – Oracle driver 10G.NetOracleWindowsOracleWindows Server 2003 relié au domaine ENT, Internet Information Services – IIS versions 6 et 7, service SMTP de IIS activé, Framework .net, versions 2, 3, 3.5 et 4, Accès à l’Active Directory, Base de données Oracle 10Gr2 (production) SQL*Net 10G, ODP.Net 2.102.2.20 (Oracle Data Provider for .net), Crystal Report for visual studio 2008 runtimes, ODBC – Oracle driver 10GWindows Server 2003MS IIS</t>
  </si>
  <si>
    <t>Database, Server, File Server.NetWindowsMS/SQL Server,MS/SQL ServerDatabase, Server, File ServerMigration off Win 2003 server completedMS IIS</t>
  </si>
  <si>
    <t>Windows Server 2003 relié au domaine ENT, Internet Information Services – IIS versions 6 et 7, service SMTP de IIS activé, Framework .net, versions 2,, BV 6, Base de données Oracle 10Gr2 (production) SQL*Net 10G, ODP.Net 2.102.2.20 (Oracle Data Provider for .net), Crystal Report for visual studio 2008 runtimes, ODBC – Oracle driver 10G.NetOracleWindowsOracleWindows Server 2003 relié au domaine ENT, Internet Information Services – IIS versions 6 et 7, service SMTP de IIS activé, Framework .net, versions 2,, BV 6, Base de données Oracle 10Gr2 (production) SQL*Net 10G, ODP.Net 2.102.2.20 (Oracle Data Provider for .net), Crystal Report for visual studio 2008 runtimes, ODBC – Oracle driver 10GWindows Server 2003MS IIS</t>
  </si>
  <si>
    <t>Java Tomcat, MySQLTomcatMySQLLinux RHEL x86MySQLJava Tomcat, MySQLApache</t>
  </si>
  <si>
    <t>Database, Server.NetSQLWindowsMS/SQL Server,MS/SQL ServerDatabase, ServerMigration off Win 2003 server completedMS IIS</t>
  </si>
  <si>
    <t>COTS, Java, OracleWebsphereArchitecture review in 2013-2014Oracle LinuxOracleCOTS, Java, OracleWindows Server 2003MS IIS</t>
  </si>
  <si>
    <t>Windows IIS, Windows Server, .NET 4.0 Framework, MVC 3.0, Oracle.NetAIX,WindowsOracle,OracleWindows IIS, Windows Server, .NET 4.0 Framework, MVC 3.0, OracleMS IIS</t>
  </si>
  <si>
    <t>Java, MySQL.NetLinux RHEL x86MySQLJava, MySQLApache</t>
  </si>
  <si>
    <t>Oracle Database 11g, Apache2, Tomcat 6, JRE1.5, Java Servlet and JSPTomcatTypical web applicationThe cuurent versionm of the database is Oracle 10g which is not supported by the vendorAIXOracle,OracleOracle Database 11g, Apache2, Tomcat 6, JRE1.5, Java Servlet and JSPWindows Server 2003Apache</t>
  </si>
  <si>
    <t>Oracle Database 11g,ArcIMS 9.3, WMS, WFS, Apache2,Tomcat 6, JRE1.5, Java Servlet and JSP, IMF (Internet Mapping Framework)TomcatTypical geospatial web applicationThe cuurent versionm of the database is Oracle 10g which is not supported by the vendorAIXOracle,OracleOracle Database 11g,ArcIMS 9.3, WMS, WFS, Apache2,Tomcat 6, JRE1.5, Java Servlet and JSP, IMF (Internet Mapping Framework)Windows Server 2003Apache</t>
  </si>
  <si>
    <t>Windows IIS, Adobe ColdFusion, Oracle Database, Internet Browsers.NetOracle database is DFO standardAIXOracleWindows IIS, Adobe ColdFusion, Oracle Database, Internet Browsersutilizes DFO standardutilizes DFO standardMS IIS</t>
  </si>
  <si>
    <t>Database, Server.Netnot a COTS so fully customizedOracleLinux RHEL x86OracleDatabase, ServerMigration off Win 2003 server completedMS IIS</t>
  </si>
  <si>
    <t>Windows Server, Microsoft .NET, Oracle Database, Internet Browser.NetOracle database is DFO standardAIXOracleWindows Server, Microsoft .NET, Oracle Database, Internet Browserutilizes DFO standardutilizes DFO standardMS IIS</t>
  </si>
  <si>
    <t>Database, ServerTomcatLinux RHEL x86OracleDatabase, ServerApache</t>
  </si>
  <si>
    <t>Oracle Database 11g,ArcIMS 9.3, WMS, WFS, Apache2,Tomcat 6, JRE1.5, Java Servlet and JSP, IMF (Internet Mapping Framework)TomcatTypical geospatial web applicationThe cuurent versionm of the database is Oracle 10g which is not supported by the vendorAIXOracleOracle Database 11g,ArcIMS 9.3, WMS, WFS, Apache2,Tomcat 6, JRE1.5, Java Servlet and JSP, IMF (Internet Mapping Framework)Windows Server 2003Apache</t>
  </si>
  <si>
    <t>Windows Server 2003 relié au domaine ENT, Internet Information Services – IIS versions 6 et 7, service SMTP de IIS activé, Framework .net, versions 2, 3, 3.5 et 4, Accès à l’Active Directory, Base de données Oracle 10Gr2 (production) SQL*Net 10G, ODP.Net 2.102.2.20 (Oracle Data Provider for .net), Crystal Report for visual studio 2008 runtimes, ODBC – Oracle driver 10G.NetOracleWindowsOracleWindows Server 2003 relié au domaine ENT, Internet Information Services – IIS versions 6 et 7, service SMTP de IIS activé, Framework .net, versions 2, 3, 3.5 et 4, Accès à l’Active Directory, Base de données Oracle 10Gr2 (production) SQL*Net 10G, ODP.Net 2.102.2.20 (Oracle Data Provider for .net), Crystal Report for visual studio 2008 runtimes, ODBC – Oracle driver 10GMigration off Win 2003 server completedMS IIS</t>
  </si>
  <si>
    <t>Windows Server 2003 relié au domaine ENT, Internet Information Services – IIS versions 6 et 7, service SMTP de IIS activé, Framework .net, versions 2, 3, 3.5 et 4, Accès à l’Active Directory, Base de données Oracle 10Gr2 (production) SQL*Net 10G, ODP.Net 2.102.2.20 (Oracle Data Provider for .net), Crystal Report for visual studio 2008 runtimes, ODBC – Oracle driver 10GTomcatOracleLinux RHEL x86OracleWindows Server 2003 relié au domaine ENT, Internet Information Services – IIS versions 6 et 7, service SMTP de IIS activé, Framework .net, versions 2, 3, 3.5 et 4, Accès à l’Active Directory, Base de données Oracle 10Gr2 (production) SQL*Net 10G, ODP.Net 2.102.2.20 (Oracle Data Provider for .net), Crystal Report for visual studio 2008 runtimes, ODBC – Oracle driver 10GMigration off Win 2003 server completedApache</t>
  </si>
  <si>
    <t>Apache, PHP, MySQL, Open Web Framework 3TomcatOracleLinux RHEL x86OracleApache, PHP, MySQL, Open Web Framework 3Windows Server 2003Apache</t>
  </si>
  <si>
    <t>Windows Server 2003 relié au domaine ENT, Internet Information Services – IIS versions 6 et 7, service SMTP de IIS activé, Framework .net, versions 2, 3, 3.5 et 4, Accès à l’Active Directory, Base de données Oracle 10Gr2 (production) SQL*Net 10G, ODP.Net 2.102.2.20 (Oracle Data Provider for .net), Crystal Report for visual studio 2008 runtimes, ODBC – Oracle driver 10GTomcatstand-alone desktop applicationLinux RHEL x86OracleWindows Server 2003 relié au domaine ENT, Internet Information Services – IIS versions 6 et 7, service SMTP de IIS activé, Framework .net, versions 2, 3, 3.5 et 4, Accès à l’Active Directory, Base de données Oracle 10Gr2 (production) SQL*Net 10G, ODP.Net 2.102.2.20 (Oracle Data Provider for .net), Crystal Report for visual studio 2008 runtimes, ODBC – Oracle driver 10GApache</t>
  </si>
  <si>
    <t>ASP.Net.NetAIXOracleASP.NetMS IIS</t>
  </si>
  <si>
    <t>ArcIMS 9.3, WMS, WFS, Apache2,Tomcat 6, JRE1.5, Java Servlet and JSP, IMF (Internet Mapping Framework)TomcatTypical geospatial web applicationLinux RHEL x86OracleArcIMS 9.3, WMS, WFS, Apache2,Tomcat 6, JRE1.5, Java Servlet and JSP, IMF (Internet Mapping Framework)Windows Server 2003Apache</t>
  </si>
  <si>
    <t>Oracle database on NATP71.NAT.DFO-MPO.CA
Access front-end interfaceTomcatLinux RHEL x86OracleOracle database on NATP71.NAT.DFO-MPO.CA
Access front-end interfaceWindows Server 2003Apache</t>
  </si>
  <si>
    <t>Oracle Database 11g, Apache2, Tomcat 6, JRE1.5, Java Servlet and JSPTomcatTypical web applicationThe cuurent versionm of the database is Oracle 10g which is not supported by the vendorAIXOracleOracle Database 11g, Apache2, Tomcat 6, JRE1.5, Java Servlet and JSPMigration off Win 2003 server completedApache</t>
  </si>
  <si>
    <t>WDS Framework, Java, Tomcat/Apache, MySQLTomcatLinux RHEL x86MySQLWDS Framework, Java, Tomcat/Apache, MySQLPas RHNApache</t>
  </si>
  <si>
    <t>WDS Framework, Java, Tomcat/Apache, MySQL, OneDTomcatLinux RHEL x86MySQLWDS Framework, Java, Tomcat/Apache, MySQL, OneDPas RHNApache</t>
  </si>
  <si>
    <t>C#, .net, OracleTomcatOracleLinux RHEL x86OracleC#, .net, OracleApache</t>
  </si>
  <si>
    <t>OracleTomcatOracleLinux RHEL x86OracleOracleManaged by IM&amp;TS data managementApplication is Oracle database (on Linux) with Cognos front-endApache</t>
  </si>
  <si>
    <t>ArcServer, Oracle, Asp.Net MVC.NetOracle 11g however data model is inefficient and does not scale well.Linux RHEL x86OracleArcServer, Oracle, Asp.Net MVCDev on Win 2003MS IIS</t>
  </si>
  <si>
    <t>Apache, PHP, MySQL, Open Web Framework 4TomcatOracleLinux RHEL x86OracleApache, PHP, MySQL, Open Web Framework 4Windows Server 2003Apache</t>
  </si>
  <si>
    <t>Application, database, serverTomcatLinux RHEL x86OracleApplication, database, serverApache</t>
  </si>
  <si>
    <t>Microsoft C++, C#, Fortran, JavaTomcatMost programs are written in .Net C++ or C#, whenever older programs in C++ are updated we move them into either C++ .Net C# .Net or Java.Linux RHEL x86OracleMicrosoft C++, C#, Fortran, JavaRuns on DFO Standard hardware.Runs on any version Windows from Windows XP and newer operating systems.Apache</t>
  </si>
  <si>
    <t>Apache, PHP, MySQL, Open Web Framework 5TomcatOracleLinux RHEL x86OracleApache, PHP, MySQL, Open Web Framework 5Apache</t>
  </si>
  <si>
    <t>.NetWindowsMS/SQL Server,MS/SQL Server,MS/SQL Server,MS/SQL ServerMS IIS</t>
  </si>
  <si>
    <t>AD.NetWindowsMS/SQL Server,MS/SQL Server,MS/SQL Server,MS/SQL ServerADMS IIS</t>
  </si>
  <si>
    <t>.NetWindowsMS/SQL Server,MS/SQL Server,MS/SQL Server,MS/SQL Server</t>
  </si>
  <si>
    <t>Interwoven Web Content Management Product.NetWindowsMS/SQL Server,MS/SQL Server,MS/SQL Server,MS/SQL ServerInterwoven Web Content Management ProductApache,MS IIS</t>
  </si>
  <si>
    <t>.NET; SQL.NetWindowsMS/SQL Server,MS/SQL Server.NET; SQL</t>
  </si>
  <si>
    <t>WindowsMS/SQL Server,MS/SQL Server,MS/SQL Server,MS/SQL Server</t>
  </si>
  <si>
    <t>.NetLinux RHEL x86MySQL</t>
  </si>
  <si>
    <t>MSSQL;.NET4.5; Web Services.NetWindowsMS/SQL Server,MS/SQL Server,MS/SQL Server,MS/SQL ServerMSSQL;.NET4.5; Web ServicesMS IIS</t>
  </si>
  <si>
    <t>MSSQL;.NET4.5; Web Services
Interwoven Web Content Management Products
Java/perl.NetWindowsMS/SQL Server,MS/SQL Server,MS/SQL Server,MS/SQL ServerMSSQL;.NET4.5; Web Services
Interwoven Web Content Management Products
Java/perlMS IIS</t>
  </si>
  <si>
    <t>.NET4.5; Web Services
Interwoven Web Content Management Products
Java/perl.NetWindowsMS/SQL Server,MS/SQL Server,MS/SQL Server,MS/SQL Server.NET4.5; Web Services
Interwoven Web Content Management Products
Java/perlMS IIS</t>
  </si>
  <si>
    <t>Lyris List Manager version 12.NetWindowsMS/SQL Server,MS/SQL Server,MS/SQL Server,MS/SQL ServerLyris List Manager version 12MS IIS</t>
  </si>
  <si>
    <t>YesYes</t>
  </si>
  <si>
    <t>WindowsMS/SQL Server,MS/SQL ServerMS IIS</t>
  </si>
  <si>
    <t>MS SQL Server
MS IIS
MS .Net.NetWindowsMS/SQL Server,MS/SQL ServerMS SQL Server
MS IIS
MS .NetMS IIS</t>
  </si>
  <si>
    <t>SSC ETI AI : Email integration = Not Applicable.NetWindowsMS/SQL Server,MS/SQL ServerSSC ETI AI : Email integration = Not ApplicableMS IIS</t>
  </si>
  <si>
    <t>SSC ETI AI : Email integration = SMTP Only application
---COTS (CSDC)TomcatSQL Server 2008WindowsMS/SQL Server,MS/SQL ServerSSC ETI AI : Email integration = SMTP Only application
---COTS (CSDC)Apache</t>
  </si>
  <si>
    <t>SSC ETI AI : Email integration = SMTP Only application
---SSC ETI AI : Email integration = Application with Mailboxes
---AwareTomcatSQL server 2012WindowsMySQLSSC ETI AI : Email integration = SMTP Only application
---SSC ETI AI : Email integration = Application with Mailboxes
---AwareApache</t>
  </si>
  <si>
    <t>C#.NetC#MS IIS</t>
  </si>
  <si>
    <t>SSC ETI AI : Email integration = SMTP Only application.NetWindowsMS/SQL Server,MS/SQL ServerSSC ETI AI : Email integration = SMTP Only applicationMS IIS</t>
  </si>
  <si>
    <t>SSC ETI AI : Email integration = SMTP Only application
---Aware
---Fujitsu products
---Open SourceTomcatMySQLLinux RHEL x86MySQLSSC ETI AI : Email integration = SMTP Only application
---Aware
---Fujitsu products
---Open SourceVM on ESX 4.1Linux</t>
  </si>
  <si>
    <t>SSC ETI AI : Email integration = SMTP Only application
---MediaWiki software
---Webtrends Analytics.NetMySQL
MS Access
SQL Server 2012 R2
XMLWindowsMS/SQL Server,MS/SQL ServerSSC ETI AI : Email integration = SMTP Only application
---MediaWiki software
---Webtrends AnalyticsWindows Server 2008 R2MS IIS</t>
  </si>
  <si>
    <t>.NetNot included in future application portfolio plans.WindowsMS/SQL Server,MS/SQL ServerMS IIS</t>
  </si>
  <si>
    <t>.NetWindowsMS/SQL Server,MS/SQL ServerWindows Server 2008 R2MS IIS</t>
  </si>
  <si>
    <t>SSC ETI AI : Email integration = SMTP Only applicationSQL Server 2008 R2SSC ETI AI : Email integration = SMTP Only applicationVM on ESX 4.1Windows Server 2008 R2</t>
  </si>
  <si>
    <t>SSC ETI AI : Email integration = Not Applicable.NetNot included in future application portfolio plans.WindowsMS/SQL Server,MS/SQL ServerSSC ETI AI : Email integration = Not ApplicableMS IIS</t>
  </si>
  <si>
    <t>.NetSQL ServerWindowsMS/SQL Server,MS/SQL ServerMS IIS</t>
  </si>
  <si>
    <t>SSC ETI AI : Email integration = Not Applicable
---Leadtools
---ezDICOM
---VDAR X-RAYSQL Server 2008 R2SSC ETI AI : Email integration = Not Applicable
---Leadtools
---ezDICOM
---VDAR X-RAYVM on ESX 4.1 / Dell PowerEdge 2850Windows Server 2000</t>
  </si>
  <si>
    <t>SSC ETI AI : Email integration = SMTP Only applicationSSC ETI AI : Email integration = SMTP Only application</t>
  </si>
  <si>
    <t>SSC ETI AI : Email integration = Not ApplicableSQL Server 2008 R2SSC ETI AI : Email integration = Not ApplicableDell PowerEdge 2850Windows Vista</t>
  </si>
  <si>
    <t>TomcatLinux RHEL x86MS/SQL Server,MS/SQL ServerApache</t>
  </si>
  <si>
    <t>SSC ETI AI : Email integration = SMTP Only application
---future document scanning appliance (aka. ScanEngine)Solaris Sparc,WindowsMS/SQL Server,MS/SQL Server,SybaseSSC ETI AI : Email integration = SMTP Only application
---future document scanning appliance (aka. ScanEngine)</t>
  </si>
  <si>
    <t>SSC ETI AI : Email integration = SMTP Only application.NetSolaris Sparc,WindowsMS/SQL Server,MS/SQL Server,SybaseSSC ETI AI : Email integration = SMTP Only applicationVM on ESX 4.1Windows server 2008 R2MS IIS</t>
  </si>
  <si>
    <t>SSC ETI AI : Email integration = SMTP Only application
---Erwin data modeller (All Fusion)
---Cognos
---Informatica.NetSQL Server 2008 R2WindowsSybaseSSC ETI AI : Email integration = SMTP Only application
---Erwin data modeller (All Fusion)
---Cognos
---InformaticaVM on ESX 4.1 / Dell PowerEdge R910Widows Server 2003MS IIS</t>
  </si>
  <si>
    <t>TomcatLinux SLES x86,WindowsMS/SQL Server,MS/SQL ServerApache</t>
  </si>
  <si>
    <t>SSC ETI AI : Email integration = SMTP Only application.NetSybase ASE 15.0.2WindowsSybaseSSC ETI AI : Email integration = SMTP Only applicationVM on ESX 4.1Windows Server 2003MS IIS</t>
  </si>
  <si>
    <t>SSC ETI AI : Email integration = Not Applicable
---Crystal Reports 8.5
---CES SDF Framework Tools.NetSybase ASE 15.0.3WindowsSybaseSSC ETI AI : Email integration = Not Applicable
---Crystal Reports 8.5
---CES SDF Framework ToolsVM on ESX 4.1Windows Server 2000MS IIS</t>
  </si>
  <si>
    <t>.NetSQL Server 2012WindowsMS/SQL Server,MS/SQL ServerWindows Server 2008 R2MS IIS</t>
  </si>
  <si>
    <t>SSC ETI AI : Email integration = Not ApplicableTomcatWindowsSybaseSSC ETI AI : Email integration = Not ApplicableWindows Server 2008 R2Apache</t>
  </si>
  <si>
    <t>SSC ETI AI : Email integration = Not Applicable
---Crystal Reports 8.5
---CES SDF Framework Tools.NetSybase ASE 15.0.2WindowsSybaseSSC ETI AI : Email integration = Not Applicable
---Crystal Reports 8.5
---CES SDF Framework ToolsVM on ESX 4.1Windows VistaMS IIS</t>
  </si>
  <si>
    <t>WebsphereDB2 Version 9.7WindowsDB2Windows 2008 R2 SP1Apache</t>
  </si>
  <si>
    <t>SSC ETI AI : Email integration = SMTP Only applicationSQL Server 2008 R2WindowsMS/SQL Server,MS/SQL ServerSSC ETI AI : Email integration = SMTP Only applicationWindows Server 2008 R2</t>
  </si>
  <si>
    <t>TomcatFor major issues, CBN is responsible
Daily activities for support, PP Program is responsibleLinux SLES x86OracleWindows Server 2003 R2 64 SP2Apache</t>
  </si>
  <si>
    <t>WindowsMySQLMS IIS</t>
  </si>
  <si>
    <t>SQL Server 2008 R2WindowsMS/SQL Server,MS/SQL ServerHP Proliant DLWindows Server 2008 R2 SP1 64Apache</t>
  </si>
  <si>
    <t>SSC ETI AI: Email integration =  SMTP and Email Web Services (EWS).NetSSC ETI AI: Email integration =  SMTP and Email Web Services (EWS)</t>
  </si>
  <si>
    <t>WindowsMS IIS</t>
  </si>
  <si>
    <t>SSC ETI AI : Email integration = Not ApplicableSQL Server 2008 R2WindowsMS/SQL Server,MS/SQL ServerSSC ETI AI : Email integration = Not ApplicableVM on ESX 4.1 / Dell PowerEdge 2850Windows Server 2000</t>
  </si>
  <si>
    <t>Unknown.NetWindowsOracleUnknownMS IIS</t>
  </si>
  <si>
    <t>Adobe Connect.NetAdobe ConnectMS IIS</t>
  </si>
  <si>
    <t>.NET.NetWindowsOracle.NETMS IIS</t>
  </si>
  <si>
    <t>UnknownTomcatWindowsOracleUnknownApache</t>
  </si>
  <si>
    <t>Cognos BI &amp; Planning - IBM InfoSphere/Datastage - IBM
Oracle DBTomcatWindowsOracleCognos BI &amp; Planning - IBM InfoSphere/Datastage - IBM
Oracle DBMS IIS</t>
  </si>
  <si>
    <t>UnknownWebsphereWindowsOracleUnknownMS IIS</t>
  </si>
  <si>
    <t>Cognos BI &amp; Planning - IBM InfoSphere/Datastage - Oracle dbTomcatWindowsOracleCognos BI &amp; Planning - IBM InfoSphere/Datastage - Oracle dbMS IIS</t>
  </si>
  <si>
    <t>Unknown.NetWindowsOracleUnknown</t>
  </si>
  <si>
    <t>Cognos BI &amp; Planning - IBM InfoSphere/Datastage - IBMTomcatWindowsOracleCognos BI &amp; Planning - IBM InfoSphere/Datastage - IBMMS IIS</t>
  </si>
  <si>
    <t>Oracle Spatial Data Ojbects.NetWindowsOracleOracle Spatial Data OjbectsMS IIS</t>
  </si>
  <si>
    <t>Unknown.NetWindowsMS/SQL Server,MS/SQL ServerUnknownMS IIS</t>
  </si>
  <si>
    <t>No.NetWindowsMySQLNoMS IIS</t>
  </si>
  <si>
    <t>No.NetWindowsOracleNoMS IIS</t>
  </si>
  <si>
    <t>Cloud SAASCloud SAAS</t>
  </si>
  <si>
    <t>TomcatWindowsMS/SQL Server,MS/SQL ServerApache</t>
  </si>
  <si>
    <t>WebsphereOracleAIXOracleVMApache</t>
  </si>
  <si>
    <t>scanning hardware, Outlook, MS Office, LDAP.NetWindowsMS/SQL Server,MS/SQL Serverscanning hardware, Outlook, MS Office, LDAPMS IIS</t>
  </si>
  <si>
    <t>LDAPWebsphereOracleAIXOracleLDAPVM, IBM Power SeriesApache</t>
  </si>
  <si>
    <t>WebsphereOracleApache</t>
  </si>
  <si>
    <t>RGBBWebsphereAIXOracleRGBBApache</t>
  </si>
  <si>
    <t>SSL certificates.NetWindowsMS/SQL Server,MS/SQL ServerSSL certificatesMS IIS</t>
  </si>
  <si>
    <t>WebsphereAIXOracleApache</t>
  </si>
  <si>
    <t>VerityWebsphereAIXOracleVerityApache</t>
  </si>
  <si>
    <t>Websphere Application Server, Java, oracleWebsphereAIXOracleWebsphere Application Server, Java, oracleApache</t>
  </si>
  <si>
    <t>Webspherez/OSDB2Apache</t>
  </si>
  <si>
    <t>MS/SQL ServerVM</t>
  </si>
  <si>
    <t>E-mail, EPIC, Verity, Entrust, FTP, scanning hardwareWebsphereAIXOracleE-mail, EPIC, Verity, Entrust, FTP, scanning hardwareApache</t>
  </si>
  <si>
    <t>The Nuans application interacts with a Solr cloud environmentWebsphereAIXOracleThe Nuans application interacts with a Solr cloud environmentApache</t>
  </si>
  <si>
    <t>VerityWebspherez/OSDB2VerityApache</t>
  </si>
  <si>
    <t>SMTP, Tomcat, API, OracleTomcatOracleAIXOracleSMTP, Tomcat, API, OracleVMApache</t>
  </si>
  <si>
    <t>Oracle, Websphere Application ServerWebsphereAIXOracleOracle, Websphere Application ServerApache</t>
  </si>
  <si>
    <t>OracleVM, IBM Power Series</t>
  </si>
  <si>
    <t>SMTP, API, MS Office, oracle, Apache, web-dav, Crowd, LDAP, JIRATomcatOracleAIXOracleSMTP, API, MS Office, oracle, Apache, web-dav, Crowd, LDAP, JIRAVMApache</t>
  </si>
  <si>
    <t>Email, MS-Office plugins..NetWindowsMS/SQL Server,MS/SQL ServerEmail, MS-Office plugins.MS IIS</t>
  </si>
  <si>
    <t>SMTP, Tomcat, API, Oracle, ApacheTomcatOracleAIXOracleSMTP, Tomcat, API, Oracle, ApacheVMApache</t>
  </si>
  <si>
    <t>Depends on an executable written in C to do the gravity calculation.WebsphereAIXOracleDepends on an executable written in C to do the gravity calculation.Apache</t>
  </si>
  <si>
    <t>Outlook OLE, Crystal ReportsWebsphereAIXOracleOutlook OLE, Crystal ReportsApache</t>
  </si>
  <si>
    <t>.NET, MSSQL.NetWindowsMS/SQL Server,MS/SQL Server.NET, MSSQLMS IIS</t>
  </si>
  <si>
    <t>Oracle, XML ReaderWebsphereAIXOracleOracle, XML ReaderApache</t>
  </si>
  <si>
    <t>RGBB Credit Card InterfaceWebsphereAIXOracleRGBB Credit Card InterfaceApache</t>
  </si>
  <si>
    <t>Interapp (db database), IC Registration- RGBB, FITT- CPC (“To-Be” only)- /sharedata- temp folder (file upload)-ECOM databasecipo_WebsphereInterapp (db database), IC Registration- RGBB, FITT- CPC (“To-Be” only)- /sharedata- temp folder (file upload)-ECOM databasecipo_Apache</t>
  </si>
  <si>
    <t>WebshereVM</t>
  </si>
  <si>
    <t>Google MapsWebsphereAIXOracleGoogle MapsApache</t>
  </si>
  <si>
    <t>EPIC, Verity, scanning hardware, OCR softwareWebsphereAIXOracleEPIC, Verity, scanning hardware, OCR softwareApache</t>
  </si>
  <si>
    <t>LDAPWebsphereAIXOracleLDAPApache</t>
  </si>
  <si>
    <t>OracleVM</t>
  </si>
  <si>
    <t>WebsphereOracleAIXOracleVM</t>
  </si>
  <si>
    <t>Outlook (CRC Only), LDAP.NetMS/SQL ServerWindowsMS/SQL Server,MS/SQL ServerOutlook (CRC Only), LDAPVMMS IIS</t>
  </si>
  <si>
    <t>E-mail.NetWindowsMS/SQL Server,MS/SQL ServerE-mailMS IIS</t>
  </si>
  <si>
    <t>.NET.NetWindowsMySQL.NETMS IIS</t>
  </si>
  <si>
    <t>Rochade.NetWindowsMS/SQL Server,MS/SQL ServerRochadeMS IIS</t>
  </si>
  <si>
    <t>JavaWebsphereAIXOracleJavaApache</t>
  </si>
  <si>
    <t>Java - Tomcat - Oracle 10iTomcatLinux SLES x86OracleJava - Tomcat - Oracle 10iProclu1, Alpha Compaq GS80True64Apache</t>
  </si>
  <si>
    <t>COTS.NetWindowsMS/SQL Server,MS/SQL ServerCOTSWindows server 2008 R2, Virtual machine ESX G7MS IIS</t>
  </si>
  <si>
    <t>COTSTomcatLinux SLES x86OracleCOTSWebapps  Virtual Machine EXS server, DB on HP integrity RX6600Apache</t>
  </si>
  <si>
    <t>Oracle, Java, SOLR LuceneTomcatLinux SLES x86OracleOracle, Java, SOLR LuceneApache</t>
  </si>
  <si>
    <t>COTSTomcatWindowsMS/SQL Server,MS/SQL ServerCOTSVirtual server ESX G7Windows server 2008 R2Apache</t>
  </si>
  <si>
    <t>Sharepoint - Internet  (WCMS).NetWindowsMS/SQL Server,MS/SQL ServerSharepoint - Internet  (WCMS)MS IIS</t>
  </si>
  <si>
    <t>External Collaboration.NetWindowsMS/SQL Server,MS/SQL ServerExternal CollaborationMS IIS</t>
  </si>
  <si>
    <t>Collaboration Portal.NetWindowsMS/SQL Server,MS/SQL ServerCollaboration PortalMS IIS</t>
  </si>
  <si>
    <t>Canadian Information Publication.NetWindowsMS/SQL Server,MS/SQL ServerCanadian Information PublicationMS IIS</t>
  </si>
  <si>
    <t>Query Management System.NetWindowsMS/SQL Server,MS/SQL ServerQuery Management SystemMS IIS</t>
  </si>
  <si>
    <t>Intranet.NetWindowsMS/SQL Server,MS/SQL ServerIntranetMS IIS</t>
  </si>
  <si>
    <t>COTS.NetMS/SQL Server,MS/SQL ServerCOTSMS IIS</t>
  </si>
  <si>
    <t>.NET, IIS.NetWindowsMS/SQL Server,MS/SQL Server.NET, IISMS IIS</t>
  </si>
  <si>
    <t>.NET, IIS.NetWindows.NET, IISMS IIS</t>
  </si>
  <si>
    <t>LAC Central.NetWindowsMS/SQL Server,MS/SQL ServerLAC CentralMS IIS</t>
  </si>
  <si>
    <t>répliquée (SQL Publisher) à un serveur de Borden et à un serveur d’Asticou (SQL Subscriber).  Transfert entre ALLIES et SIIEL est 100% automatisérépliquée (SQL Publisher) à un serveur de Borden et à un serveur d’Asticou (SQL Subscriber).  Transfert entre ALLIES et SIIEL est 100% automatisé</t>
  </si>
  <si>
    <t>Interaction est à sens unique avec HRMS.Interaction est à sens unique avec HRMS.</t>
  </si>
  <si>
    <t>Nominal Roll data provided by units.Nominal Roll data provided by units.</t>
  </si>
  <si>
    <t>C#.Net, MVC 5.23, .Net Framework 4.6, IIS 7.5 Visual Studio 2015, SQL Server 2012.Net.Net Framework 4.6SQL Server 2012WindowsMS/SQL Server,MS/SQL ServerC#.Net, MVC 5.23, .Net Framework 4.6, IIS 7.5 Visual Studio 2015, SQL Server 2012Windows 2008 R2MS IIS,MS IIS,MS IIS</t>
  </si>
  <si>
    <t>1473614736</t>
  </si>
  <si>
    <t>Multiple &amp; complex, contact technical OPI if importantMultiple &amp; complex, contact technical OPI if important</t>
  </si>
  <si>
    <t>MS/SQL Server,MS/SQL ServerMS IIS,MS IIS,MS IIS</t>
  </si>
  <si>
    <t>IIS 7.5, SQL Server 2012, C#.Net, MVC 5.23, .Net Framework 4.6, Visual Studio 2015.Net.Net Framework 4.6
Visual Studio 2015SQL Server 2012WindowsMS/SQL Server,MS/SQL ServerIIS 7.5, SQL Server 2012, C#.Net, MVC 5.23, .Net Framework 4.6, Visual Studio 2015Windows 2008 R2MS IIS,MS IIS,MS IIS</t>
  </si>
  <si>
    <t>WINDOWS, LINUXWINDOWS, LINUX</t>
  </si>
  <si>
    <t>Oracle,WINDOWSOracle,WINDOWS</t>
  </si>
  <si>
    <t>Creation tool runs on windows workstation; hosting tool runs on Windows IIS serverCreation tool runs on windows workstation; hosting tool runs on Windows IIS server</t>
  </si>
  <si>
    <t>Runs on windows serverRuns on windows server</t>
  </si>
  <si>
    <t>Underlying CSNI web technologies and apps.Underlying CSNI web technologies and apps.</t>
  </si>
  <si>
    <t>sql serversql server</t>
  </si>
  <si>
    <t>ORACLEORACLE</t>
  </si>
  <si>
    <t>SQLSQL</t>
  </si>
  <si>
    <t>Information updated in this application can also be updated via Tel Rep Application, Oracle products running on windows servers.Information updated in this application can also be updated via Tel Rep Application, Oracle products running on windows servers.</t>
  </si>
  <si>
    <t>Oracle products running on windows servers.    Visual Basic application installed on runs on local windows workstation.Oracle products running on windows servers.    Visual Basic application installed on runs on local windows workstation.</t>
  </si>
  <si>
    <t>Oracle hosted web pages.  Also has a Visual Basic component that runs on windows workstation.Oracle hosted web pages.  Also has a Visual Basic component that runs on windows workstation.</t>
  </si>
  <si>
    <t>Oracle and IIS hosted web pages.  Also has a Visual Basic component that runs on windows workstation.Oracle and IIS hosted web pages.  Also has a Visual Basic component that runs on windows workstation.</t>
  </si>
  <si>
    <t>Asp .net application hosted on a windows serverAsp .net application hosted on a windows server</t>
  </si>
  <si>
    <t>- SmartPlant Markup Plus (Viewer Software Component) - MicroStation V8 (Editor Component)- SmartPlant Markup Plus (Viewer Software Component) - MicroStation V8 (Editor Component)</t>
  </si>
  <si>
    <t>NoNo</t>
  </si>
  <si>
    <t>All data reported under Monitor MASSThe application suite is configured to be flexible and to integrate with all enterprise applications.Enterprise Industry standard Oracle DBMSAll data reported under Monitor MASSHardware configuration supports a robust Client Server application with 6,000 concurrent users across DND.</t>
  </si>
  <si>
    <t>.NET.NetWindowsOracle.NETMS IIS,MS IIS,MS IIS</t>
  </si>
  <si>
    <t>.Netsql server 2008WindowsMS/SQL Server,MS/SQL Serverwindows 7</t>
  </si>
  <si>
    <t>.Netsql 2008WindowsMS/SQL Server,MS/SQL Serverwindows 7</t>
  </si>
  <si>
    <t>.NetWindowsMS/SQL Server,MS/SQL ServerOperating system is Win7</t>
  </si>
  <si>
    <t>SQL Server, MS .NET 4 Framework, MS Message Queue, MS Scheduler.NetWindowsMS/SQL Server,MS/SQL ServerSQL Server, MS .NET 4 Framework, MS Message Queue, MS SchedulerMS IIS,MS IIS,MS IIS</t>
  </si>
  <si>
    <t>SQL Server, VSTS/TFS, IIS, Active Directory.NetSQL Server 2012 EnterpriseWindowsMS/SQL Server,MS/SQL ServerSQL Server, VSTS/TFS, IIS, Active DirectoryMicrosoft Windows Server 2008 R2 DataCenterMS IIS,MS IIS,MS IIS</t>
  </si>
  <si>
    <t>HRMS data extract, 1697(APS Opening)MS/SQL Server,MS/SQL ServerHRMS data extract, 1697(APS Opening)MS IIS,MS IIS,MS IIS</t>
  </si>
  <si>
    <t>All Costs are under Monitor MASSAll Costs are under Monitor MASS</t>
  </si>
  <si>
    <t>SESSES</t>
  </si>
  <si>
    <t>All data reported under Monitor MASSAll data reported under Monitor MASS</t>
  </si>
  <si>
    <t>Oracle 11G, Oracle 6i, MS.NET Framwork 4.0.WindowsOracleOracle 11G, Oracle 6i, MS.NET Framwork 4.0.</t>
  </si>
  <si>
    <t>Classic ASP, SQL Server 2012, IIS 7.5.Net.Net Framework 4.6
Visual Studio 2015SQL Server 2012WindowsMS/SQL Server,MS/SQL ServerClassic ASP, SQL Server 2012, IIS 7.5Windows 2008 R2MS IIS,MS IIS,MS IIS</t>
  </si>
  <si>
    <t>MSSQL 2008MSSQL 2008</t>
  </si>
  <si>
    <t>ASP.NET, SQL,  javascriptDB to be migrated in fall 2014WindowsMS/SQL Server,MS/SQL ServerASP.NET, SQL,  javascriptMS IIS,MS IIS,MS IIS</t>
  </si>
  <si>
    <t>ASP, ASP.NET, SQL.NetWindowsMS/SQL Server,MS/SQL ServerASP, ASP.NET, SQLMS IIS,MS IIS,MS IIS</t>
  </si>
  <si>
    <t>KONFIGTomcatAIXDB2,OracleKONFIGApache,Apache,Apache</t>
  </si>
  <si>
    <t>SMTP, SQL Server 2008, Active Directory, JDK, Perl, local Administrator access, TCP data transfer across networksTomcatWindowsMS/SQL Server,MS/SQL ServerSMTP, SQL Server 2008, Active Directory, JDK, Perl, local Administrator access, TCP data transfer across networksApplication/Web Server - as per APM Technical Assessment Guidelines
Tomcat 6 - Retirement
MySQL 2005 and 2008 - Retirement
Microsoft Windows Server 2008 R2 EnterpriseApache,Apache,Apache</t>
  </si>
  <si>
    <t>Active Directory.NetWindowsMS/SQL Server,MS/SQL ServerActive DirectoryMS IIS,MS IIS,MS IIS</t>
  </si>
  <si>
    <t>Oracle/Weblogic/Forms11g/JVMWeblogicWindowsOracleOracle/Weblogic/Forms11g/JVMApache,Apache,Apache</t>
  </si>
  <si>
    <t>.NetWindowsMS/SQL Server,MS/SQL ServerMS IIS,MS IIS,MS IIS</t>
  </si>
  <si>
    <t>.Net, MS SQL Server, MS ActiveSync/WMDC, Win Server 2012 R2,WindowsMS/SQL Server,MS/SQL Server.Net, MS SQL Server, MS ActiveSync/WMDC, Win Server 2012 R2,MS IIS,MS IIS,MS IIS</t>
  </si>
  <si>
    <t>Product Lifecycle Management (PLM).NetWindowsMS/SQL Server,MS/SQL ServerProduct Lifecycle Management (PLM)MS IIS,MS IIS,MS IIS</t>
  </si>
  <si>
    <t>IIS 6.5 .NET Framework 2.0 MSSQL 2008.NetWindowsMS/SQL Server,MS/SQL ServerIIS 6.5 .NET Framework 2.0 MSSQL 2008MS IIS,MS IIS,MS IIS</t>
  </si>
  <si>
    <t>Technical Document Management - Configuration Management.NetWindowsOracleTechnical Document Management - Configuration ManagementMS IIS,MS IIS,MS IIS</t>
  </si>
  <si>
    <t>IIS 7 SSL .NET Framework 4.0 LDAP Authentication MSSQL 2008.NetWindowsMS/SQL Server,MS/SQL ServerIIS 7 SSL .NET Framework 4.0 LDAP Authentication MSSQL 2008MS IIS,MS IIS,MS IIS</t>
  </si>
  <si>
    <t>MSSQL 2000 IIS 6.5WindowsMS/SQL Server,MS/SQL ServerMSSQL 2000 IIS 6.5MS IIS,MS IIS,MS IIS</t>
  </si>
  <si>
    <t>IIS, MS.NET 4, Oracel 11g, Crystal Reports.NetHPUXOracleIIS, MS.NET 4, Oracel 11g, Crystal ReportsMS IIS</t>
  </si>
  <si>
    <t>Win2008R2 ORACLE 11g Oracle Database, Active Directory, MS IIS, .NET framework.NetOracle 11g (11.2)WindowsOracleWin2008R2 ORACLE 11g Oracle Database, Active Directory, MS IIS, .NET frameworkMicrosoft Windows Server 2008 R2MS IIS,MS IIS,MS IIS</t>
  </si>
  <si>
    <t>ASP, javascriptWindowsMS/SQL Server,MS/SQL ServerASP, javascriptMS IIS,MS IIS,MS IIS</t>
  </si>
  <si>
    <t>Microsoft Internet Explorer 5.5 or higher with JavaScript and data binding enabled Adobe Acrobat Reader 8 or higher. DTSearch search engine.WebsphereWindowsMicrosoft Internet Explorer 5.5 or higher with JavaScript and data binding enabled Adobe Acrobat Reader 8 or higher. DTSearch search engine.MS IIS,MS IIS,MS IIS</t>
  </si>
  <si>
    <t>.NET 4.0 MSSQL 2008 Database IEWSS (in-house LDAP service).NetWindowsMS/SQL Server,MS/SQL Server.NET 4.0 MSSQL 2008 Database IEWSS (in-house LDAP service)MS IIS,MS IIS,MS IIS</t>
  </si>
  <si>
    <t>Database, Network.NetWindowsMySQLDatabase, NetworkMS IIS,MS IIS,MS IIS</t>
  </si>
  <si>
    <t>Sql Server 2008, .NET framework.NetSQL Server 2012WindowsMS/SQL Server,MS/SQL ServerSql Server 2008, .NET frameworkMicrosoft Windows Server 2008 R2MS IIS,MS IIS,MS IIS</t>
  </si>
  <si>
    <t>SQL Server 2008 R2Microsoft Windows Server 2008 R2 DataCenter</t>
  </si>
  <si>
    <t>.NET framework 4.6, IIS 7.5, SQL Server 2012, VB.Net, Visual Studio 2015.Net.Net Framework 4.6SQL Server 2012WindowsMS/SQL Server,MS/SQL Server.NET framework 4.6, IIS 7.5, SQL Server 2012, VB.Net, Visual Studio 2015Windows 2008 R2MS IIS,MS IIS,MS IIS</t>
  </si>
  <si>
    <t>Microsoft SQL Server.NetWindowsMS/SQL Server,MS/SQL ServerMicrosoft SQL ServerMS IIS,MS IIS,MS IIS</t>
  </si>
  <si>
    <t>.NET framework 4.6, MS IIS 7.5, SQL Server 2012, VB.Net, Visual Studio 2015.Net.Net Framework 4.6SQL Server 2012WindowsMS/SQL Server,MS/SQL Server.NET framework 4.6, MS IIS 7.5, SQL Server 2012, VB.Net, Visual Studio 2015Windows 2008 R2MS IIS,MS IIS,MS IIS</t>
  </si>
  <si>
    <t>SQL SERVERSQL SERVER</t>
  </si>
  <si>
    <t>SQL Server.NetWindowsMS/SQL Server,MS/SQL ServerSQL ServerMS IIS,MS IIS,MS IIS</t>
  </si>
  <si>
    <t>AIX 6.1, ORACLE 11g, ASP (Classic).NetWindowsOracleAIX 6.1, ORACLE 11g, ASP (Classic)MS IIS,MS IIS,MS IIS</t>
  </si>
  <si>
    <t>SQL Server 2008, SSL Certificate
Windows 2008 R2.NetSQL server 2012WindowsMS/SQL Server,MS/SQL ServerSQL Server 2008, SSL Certificate
Windows 2008 R2MS IIS,MS IIS,MS IIS</t>
  </si>
  <si>
    <t>SQL Server 2008, SSL Certificate.NetSQL Server 2008 R2WindowsMS/SQL Server,MS/SQL ServerSQL Server 2008, SSL CertificateMS IIS 7.0 with .Net 4.5.2Microsoft Windows Server 2008 R2 DataCenter
"IIS Server: Win Server 2008 R2
Database Server: Windows Server 2008 R2"MS IIS,MS IIS,MS IIS</t>
  </si>
  <si>
    <t>Oracle, RDIMS, PixTools, Vintasoft.NetAIXOracleOracle, RDIMS, PixTools, VintasoftMS IIS,MS IIS,MS IIS</t>
  </si>
  <si>
    <t>Z/Linux ORACLE 11g CGCS
SQL Server 2008, SSL Certificate.NetUses CGCS Database
Oracle 11GWindowsOracleZ/Linux ORACLE 11g CGCS
SQL Server 2008, SSL CertificateWindows Server 2008 R2
IIS 7.0MS IIS,MS IIS,MS IIS</t>
  </si>
  <si>
    <t>Oracle Database, Oracle Developer Suite (Forms and Reports)TomcatWindowsOracleOracle Database, Oracle Developer Suite (Forms and Reports)Apache,Apache,Apache</t>
  </si>
  <si>
    <t>Oracle database, SSL Certificate.NetOracle 11g (11.2)Linux SLES x86OracleOracle database, SSL Certificate"IIS Server: Win Server 2008 R2
Database Server: Linux V11"Microsoft Windows Server 2008 R2 DataCenterMS IIS,MS IIS,MS IIS</t>
  </si>
  <si>
    <t>noTomcatWindowsOraclenoApache,Apache,Apache</t>
  </si>
  <si>
    <t>Sql Server 2008, ASP (classic).NetWindowsMS/SQL Server,MS/SQL ServerSql Server 2008, ASP (classic)MS IIS,MS IIS,MS IIS</t>
  </si>
  <si>
    <t>Database, Email.NetWindowsMS/SQL Server,MS/SQL ServerDatabase, EmailMS IIS,MS IIS,MS IIS</t>
  </si>
  <si>
    <t>ASP.NET, MySQL.NetWindowsMySQLASP.NET, MySQLMS IIS,MS IIS,MS IIS</t>
  </si>
  <si>
    <t>FlexLM Licencing serverFlexLM Licencing server</t>
  </si>
  <si>
    <t>SSC MyKey PKI, ADFS (2 factor authentication), eCMS platform.NetWindowsMS/SQL Server,MS/SQL ServerSSC MyKey PKI, ADFS (2 factor authentication), eCMS platformMS IIS,MS IIS,MS IIS</t>
  </si>
  <si>
    <t>COTS - Konfig  Win2008R2 ORACLE 11gTomcatWindowsOracleCOTS - Konfig  Win2008R2 ORACLE 11gApache,Apache,Apache</t>
  </si>
  <si>
    <t>SQL Server.NetWindowsMS/SQL Server,MS/SQL ServerSQL ServerPDET mobile OS is not longer supported</t>
  </si>
  <si>
    <t>Oracle Database 11g, MS IIS 7.5, .NET framework 4.6, VB.Net, Visual Studio 2015.Net.Net Framework 4.6Oracle 11gLinux SLES x86OracleOracle Database 11g, MS IIS 7.5, .NET framework 4.6, VB.Net, Visual Studio 2015Windows 2008 R2MS IIS,MS IIS,MS IIS</t>
  </si>
  <si>
    <t>Oracle/PLSQL WebWeblogicWindowsOracleOracle/PLSQL WebApache,Apache,Apache</t>
  </si>
  <si>
    <t>Oracle/Weblogic/JVMWeblogicWindowsOracleOracle/Weblogic/JVMApache,Apache,Apache</t>
  </si>
  <si>
    <t>Oracle/Oracle*Forms/Oracle*APEX/EntrustWeblogicWindowsOracleOracle/Oracle*Forms/Oracle*APEX/EntrustMS IIS,MS IIS,MS IIS</t>
  </si>
  <si>
    <t>IIS 6.5 .NET Framework 4.5 MSSQL 2008.NetWindowsMS/SQL Server,MS/SQL ServerIIS 6.5 .NET Framework 4.5 MSSQL 2008MS IIS,MS IIS,MS IIS</t>
  </si>
  <si>
    <t>SQL Server.NetWindowsMS/SQL Server,MS/SQL ServerSQL Server</t>
  </si>
  <si>
    <t>TomcatLatest MySQLLinux RHEL x86MySQLVirtualized VMWare but in legacy environmentDeployed on RHEL 6.xApache</t>
  </si>
  <si>
    <t>.NetWindowsMS/SQL Server,MS/SQL ServerSSC CloudMS IIS</t>
  </si>
  <si>
    <t>SummonTomcatLinux RHEL x86OracleSummonApache</t>
  </si>
  <si>
    <t>Fedora and SolrTomcatLinux RHEL x86OracleFedora and SolrApache</t>
  </si>
  <si>
    <t>MS ExcelOracleMS Excel</t>
  </si>
  <si>
    <t>ColdFusion 7Linux RHEL x86OracleColdFusion 7MS IIS</t>
  </si>
  <si>
    <t>ColdFusion 9Linux RHEL x86OracleColdFusion 9MS IIS</t>
  </si>
  <si>
    <t>ColdFusion 9, LDAPLinux RHEL x86OracleColdFusion 9, LDAPMS IIS</t>
  </si>
  <si>
    <t>PHPLinux on Z RHELMySQLPHPApache</t>
  </si>
  <si>
    <t>ColdFusion 7, LDAPLinux RHEL x86OracleColdFusion 7, LDAPMS IIS</t>
  </si>
  <si>
    <t>Python 2.7.2, Django 1.3.1WindowsMySQLPython 2.7.2, Django 1.3.1</t>
  </si>
  <si>
    <t>Php, mediawikiLinux RHEL x86MySQLPhp, mediawikiApache</t>
  </si>
  <si>
    <t>Linux RHEL x86MS/SQL Server,MS/SQL ServerMS IIS</t>
  </si>
  <si>
    <t>FileMakerFileMakerMS IIS</t>
  </si>
  <si>
    <t>FileMakerOracleFileMaker</t>
  </si>
  <si>
    <t>Linux RHEL x86MS/SQL Server,MS/SQL Server</t>
  </si>
  <si>
    <t>FileMakerFileMaker</t>
  </si>
  <si>
    <t>Managed and controlled by ASP, ISP and GC program office for GCDOCSManaged and controlled by ASP, ISP and GC program office for GCDOCSLinux RHEL x86OracleManaged and controlled by ASP, ISP and GC program office for GCDOCSManaged and controlled by ASP, ISP and GC program office for GCDOCS</t>
  </si>
  <si>
    <t>Linux RHEL x86MySQLApache</t>
  </si>
  <si>
    <t>ColdFusion 7WindowsMS/SQL Server,MS/SQL ServerColdFusion 7MS IIS</t>
  </si>
  <si>
    <t>ColdFusion 9, Fusebox5Linux RHEL x86OracleColdFusion 9, Fusebox5MS IIS</t>
  </si>
  <si>
    <t>.Net 3.NetWindowsMS/SQL Server,MS/SQL Server.Net 3MS IIS</t>
  </si>
  <si>
    <t>ASP.NET.NetOracleASP.NETDell Server 610Windows Server 2008 R2 standard SP1MS IIS</t>
  </si>
  <si>
    <t>Java Librairies : Spring, Spring MVCTomcatJava Librairies : Spring, Spring MVCApache</t>
  </si>
  <si>
    <t>ArcGIS for Desktop Advanced.NetMS/SQL Server,MS/SQL ServerArcGIS for Desktop Advanced</t>
  </si>
  <si>
    <t>Microsoft SQL Server 2008 R2.NetWindowsMS/SQL Server,MS/SQL ServerMicrosoft SQL Server 2008 R2MS IIS</t>
  </si>
  <si>
    <t>System requirements:  AMD Athlon 64 with SSE2 technology, AMD Opteron processor with SSE2 technology, Intel Xeon processor with Intel EM64T support with SSE2 technology, or Pentium 4 with Intel EM64T support with SSE2 technology., 2 GB RAM, 4 GB free disk space for installation, 1024 x 768 VGA display with true color, Internet Explorer 7.0 or later.Software runs on Windows 8 and Windows 8.1 Standard, Enterprise, or Professional Edition, Windows 7 Enterprise, Ulitmate, Professional, or Home Premium edition, or Windows XP Professional (SP2 or later)</t>
  </si>
  <si>
    <t>FortranFortran</t>
  </si>
  <si>
    <t>Linux RHEL x86OracleMS IIS</t>
  </si>
  <si>
    <t>.NetLinux RHEL x86Oracle</t>
  </si>
  <si>
    <t>Visual Studio Ultimate 2012 with MSDN.NetApplication is not flexibleVisual Studio Ultimate 2012 with MSDNApplications are running on virtual servers.  Windows servers are the preferred platform to run ASP.NET applicationsCompliant with NRCan''''s web OSs.MS IIS</t>
  </si>
  <si>
    <t>.Net 4WindowsMS/SQL Server,MS/SQL Server.Net 4MS IIS</t>
  </si>
  <si>
    <t>.Net 4Linux RHEL x86MS/SQL Server,MS/SQL Server.Net 4MS IIS</t>
  </si>
  <si>
    <t>C#, .Net 4, PL/SQL, XSLT, XMLLinux RHEL x86OracleC#, .Net 4, PL/SQL, XSLT, XMLMS IIS</t>
  </si>
  <si>
    <t>ColdFusion 9ColdFusion 9MS IIS</t>
  </si>
  <si>
    <t>ColdFusion 9, Fusebox 5Linux RHEL x86OracleColdFusion 9, Fusebox 5MS IIS</t>
  </si>
  <si>
    <t>ColdFusion 9, Model Glue frameworkLinux RHEL x86OracleColdFusion 9, Model Glue frameworkMS IIS</t>
  </si>
  <si>
    <t>Fox ProFox Pro</t>
  </si>
  <si>
    <t>JavaScript, PHPSDE (Oracle)WindowsOracleJavaScript, PHPMS IIS</t>
  </si>
  <si>
    <t>Silverlight, .NET.NetData model created by someone who was lost through workforce adjustment before documenting the modelOracleSilverlight, .NETWindows Server 2008 R2MS IIS</t>
  </si>
  <si>
    <t>Minimal cost and effort to provide functionalityold Sun Sparc must goCentOS and Solaris are enterprise standards</t>
  </si>
  <si>
    <t>PHP, PostgresqlPHP, PostgresqlWindows 2008R2</t>
  </si>
  <si>
    <t>Messaging, EmailsLinux RHEL x86OracleMessaging, EmailsApache</t>
  </si>
  <si>
    <t>PHPLinux RHEL x86OraclePHPApache</t>
  </si>
  <si>
    <t>PHPLinux RHEL x86OraclePHP</t>
  </si>
  <si>
    <t>MatlabMatlab</t>
  </si>
  <si>
    <t>http (non-standard)http (non-standard)</t>
  </si>
  <si>
    <t>multicast, IP GRE tunellingmulticast, IP GRE tunelling</t>
  </si>
  <si>
    <t>Intel FortranIntel Fortran</t>
  </si>
  <si>
    <t>ArcGIS Server Standard 10.NetWindowsMS/SQL Server,MS/SQL ServerArcGIS Server Standard 10MS IIS</t>
  </si>
  <si>
    <t>WeblogicLinux RHEL x86Oracle</t>
  </si>
  <si>
    <t>JavaEELinux RHEL x86OracleJavaEE</t>
  </si>
  <si>
    <t>MySQLLinux RHEL x86MySQLApache</t>
  </si>
  <si>
    <t>Cold Fusion 7Linux RHEL x86OracleCold Fusion 7MS IIS</t>
  </si>
  <si>
    <t>ASPLinux RHEL x86MS/SQL Server,MS/SQL ServerASPMS IIS</t>
  </si>
  <si>
    <t>Java (JSP)Linux RHEL x86OracleJava (JSP)</t>
  </si>
  <si>
    <t>PHPMySQLPHP</t>
  </si>
  <si>
    <t>ColdFusion, Open BlueDragon, Tomcat, Apache, OracleTomcatLinux SLES x86OracleColdFusion, Open BlueDragon, Tomcat, Apache, OracleApache</t>
  </si>
  <si>
    <t>ColdFusion 9 , IIS6Linux RHEL x86OracleColdFusion 9 , IIS6MS IIS</t>
  </si>
  <si>
    <t>Apache subversion 1.8
TortosieSVN
PuttyLinux RHEL x86MySQLApache subversion 1.8
TortosieSVN
PuttyApache</t>
  </si>
  <si>
    <t>ASP.NetASPMS IIS</t>
  </si>
  <si>
    <t>MS Excel 2007MS Excel 2007</t>
  </si>
  <si>
    <t>Java, JavaScript, PostgreSQL, FMEJava, JavaScript, PostgreSQL, FMESystem lives in SSC EDC''s</t>
  </si>
  <si>
    <t>Java, Apache, OracleTomcatLinux RHEL x86OracleJava, Apache, OracleApache</t>
  </si>
  <si>
    <t>Access 2010Access 2010</t>
  </si>
  <si>
    <t>mySQL, Phyton, Javascript, htmlMySQLmySQL, Phyton, Javascript, html</t>
  </si>
  <si>
    <t>Archetecture is docker basedno dbIn a docker vmRuns off of docker.. So off any system that runs docker. https://github.com/canmet-energy/docker-adlmflexnetserver</t>
  </si>
  <si>
    <t>Webno dbIn a docker vmWeb based access, almost any OS will work</t>
  </si>
  <si>
    <t>VMno dbIn a docker vmRun on any OS. Mac, Win, linux</t>
  </si>
  <si>
    <t>Cloudno dbinvoked from a docker commitWeb based access, almost any OS will work</t>
  </si>
  <si>
    <t>VMno dbuses docker containers.Web based access, almost any OS will work</t>
  </si>
  <si>
    <t>Archetecture is docker basedno dbdecent video card.Windows</t>
  </si>
  <si>
    <t>Archetecture is docker basedno dball hardwareRuns off of docker.. So off any system that runs docker. https://github.com/canmet-energy/docker-adlmflexnetserver</t>
  </si>
  <si>
    <t>Webno dbweb serviceWeb based service</t>
  </si>
  <si>
    <t>COTS, architecture is current with modifications applied by COTSNew VMCentOS is enterprise standard and preferred OS by the COTS</t>
  </si>
  <si>
    <t>Minimal cost and effort to provide functionalityCentOS is enterprise standard and preferred OS by the COTS</t>
  </si>
  <si>
    <t>.Net 4.5.Net.Net 4.5</t>
  </si>
  <si>
    <t>The application connect the project hardware, insert the values in the DB and create custom reports and GUIMS SQL 2008 R2 STDVM server and Desktop applicationThe server was migrated from win 2003 to win 2012</t>
  </si>
  <si>
    <t>Linux RHEL x86MS/SQL Server,MS/SQL Server,Oracle</t>
  </si>
  <si>
    <t>Web based, any hardware will workWeb based access, almost any OS will work</t>
  </si>
  <si>
    <t>.Net framework
MS SQL Server.NetWindowsMS/SQL Server,MS/SQL Server.Net framework
MS SQL ServerMS IIS</t>
  </si>
  <si>
    <t>.Net Framework 3.5
MS SQL Server 2008 R2.NetSQL Server 2008 R2WindowsMS/SQL Server,MS/SQL Server.Net Framework 3.5
MS SQL Server 2008 R2Windows 2008MS IIS</t>
  </si>
  <si>
    <t>AchibusTomcatSQL Server 2008WindowsMS/SQL Server,MS/SQL ServerAchibusWindows 2008 R2Apache</t>
  </si>
  <si>
    <t>Windows 2008
MySQLMySQLWindowsMySQLWindows 2008
MySQLWindows 2008MS IIS</t>
  </si>
  <si>
    <t>.Net framework
MS SQL ServerSQL Server 2008WindowsMS/SQL Server,MS/SQL Server.Net framework
MS SQL ServerWindows 2003MS IIS</t>
  </si>
  <si>
    <t>.NetSQL Server 2008 R2WindowsMS/SQL Server,MS/SQL ServerWindows 2012MS IIS</t>
  </si>
  <si>
    <t>.NetSql server 2008 R2 SP1WindowsMS/SQL Server,MS/SQL ServerMS IIS</t>
  </si>
  <si>
    <t>.Net Framework
SQLServer.NetSql server 2008 R2WindowsMS/SQL Server,MS/SQL Server.Net Framework
SQLServerWindows 2008 R2</t>
  </si>
  <si>
    <t>SQL Server 2008WindowsMS/SQL Server,MS/SQL ServerWindows 2012MS IIS</t>
  </si>
  <si>
    <t>PHP, My SQLWindowsMySQLPHP, My SQLMS IIS</t>
  </si>
  <si>
    <t>ASP .NET
.net framework 4.0.NetWindowsMS/SQL Server,MS/SQL ServerASP .NET
.net framework 4.0MS IIS</t>
  </si>
  <si>
    <t>Sharepoint 2016
Windows 2012 R2
SQL Server 2014.NetSQL Server 2014WindowsMS/SQL Server,MS/SQL ServerSharepoint 2016
Windows 2012 R2
SQL Server 2014Windows 2012 R2MS IIS</t>
  </si>
  <si>
    <t>hosted by third party Njoyn/CGIhosted by third party Njoyn/CGI</t>
  </si>
  <si>
    <t>TomcatLinux on Z SLESOracleApache</t>
  </si>
  <si>
    <t>IIS, .NET, SQL Server, Active Directory.NetWindowsMS/SQL Server,MS/SQL ServerIIS, .NET, SQL Server, Active DirectoryMS IIS</t>
  </si>
  <si>
    <t>IIS, .NET, SQL Server.NetWindowsMS/SQL Server,MS/SQL ServerIIS, .NET, SQL ServerMS IIS</t>
  </si>
  <si>
    <t>IIS, .NET, SQL Server, SOLR.Net,TomcatWindowsMS/SQL Server,MS/SQL ServerIIS, .NET, SQL Server, SOLRApache,MS IIS</t>
  </si>
  <si>
    <t>IIS, .NET, SQL Server, Geoserver.NetWindowsMS/SQL Server,MS/SQL ServerIIS, .NET, SQL Server, GeoserverMS IIS</t>
  </si>
  <si>
    <t>J2EE, oracle, acrobat,ms-excel,audio filesWeblogicHPUXOracleJ2EE, oracle, acrobat,ms-excel,audio filesApache</t>
  </si>
  <si>
    <t>PHP,oracle,HPUXTomcatHPUXOraclePHP,oracle,HPUXApache</t>
  </si>
  <si>
    <t>J2EE, oracle, acrobat,ms-excel,xml, web servicesWeblogicHPUXOracleJ2EE, oracle, acrobat,ms-excel,xml, web servicesApache</t>
  </si>
  <si>
    <t>Dependent on SAS security (Meta-Data Server), AD (Active Directory) authentification dependentWeblogicHPUXOracleDependent on SAS security (Meta-Data Server), AD (Active Directory) authentification dependentApache</t>
  </si>
  <si>
    <t>Dependent on SAS BI ServerWeblogicHPUXOracleDependent on SAS BI ServerApache</t>
  </si>
  <si>
    <t>J2EE, oracle,acrobat, ms-excelWeblogicHPUXOracleJ2EE, oracle,acrobat, ms-excelApache</t>
  </si>
  <si>
    <t>J2EE, Oracle, acrobatWeblogicHPUXOracleJ2EE, Oracle, acrobatApache</t>
  </si>
  <si>
    <t>cgi-perl, oracleTomcatHPUXOraclecgi-perl, oracleApache</t>
  </si>
  <si>
    <t>LDAP,IIS, SMTP, Oracle DB,.NetHPUXOracleLDAP,IIS, SMTP, Oracle DB,MS IIS</t>
  </si>
  <si>
    <t>java, oracle, HPUX, acrobatWeblogicHPUXOraclejava, oracle, HPUX, acrobatApache</t>
  </si>
  <si>
    <t>Java, LDAP,IIS,crystal reports, SMTP, Oracle DB, App Server(Linux Suse)WeblogicHPUXOracleJava, LDAP,IIS,crystal reports, SMTP, Oracle DB, App Server(Linux Suse)Apache</t>
  </si>
  <si>
    <t>IIS, MS-SQL.NetWindowsMS/SQL Server,MS/SQL ServerIIS, MS-SQLMS IIS</t>
  </si>
  <si>
    <t>Oracle, .Net 4.0, LDAP, SMTP, Integrated Scheduler, integrate Office.NetHPUXOracleOracle, .Net 4.0, LDAP, SMTP, Integrated Scheduler, integrate OfficeMS IIS</t>
  </si>
  <si>
    <t>IIS,AD, MS SQL, .NETWeblogicWindowsMS/SQL Server,MS/SQL ServerIIS,AD, MS SQL, .NETMS IIS</t>
  </si>
  <si>
    <t>Java, JEE, Oracle, PL/SQLWeblogicHPUXOracleJava, JEE, Oracle, PL/SQL</t>
  </si>
  <si>
    <t>J2EE, oracle, acrobat,ms-excel,xml, web servicesWeblogicHPUXOracleJ2EE, oracle, acrobat,ms-excel,xml, web services</t>
  </si>
  <si>
    <t>Data Provided (Scored)Data Provided (Scored)</t>
  </si>
  <si>
    <t>Data Provided (Scored)Data Missing (Score of 0)</t>
  </si>
  <si>
    <t>Data Missing (Score of 0)Data Provided (Scored)</t>
  </si>
  <si>
    <t>Data Missing (Score of 0)Data Missing (Score of 0)</t>
  </si>
  <si>
    <t>WebLogic, Oracle DBWeblogicCommon Services Web (default)Linux SLES x86OracleWebLogic, Oracle DBApache</t>
  </si>
  <si>
    <t>Weblogic Common, PMI, DB2, LDAPWeblogicWindowsMS/SQL Server,MS/SQL ServerWeblogic Common, PMI, DB2, LDAPApache</t>
  </si>
  <si>
    <t>Java 6, Weblogic 10, WLI 10WeblogicWindows,z/OSDB2,MS/SQL Server,MS/SQL ServerJava 6, Weblogic 10, WLI 10Apache</t>
  </si>
  <si>
    <t>WebLogic Common, PMI, SFTP, LDAP, DB2 (report generation on mainframe)Weblogicz/OSDB2WebLogic Common, PMI, SFTP, LDAP, DB2 (report generation on mainframe)Apache</t>
  </si>
  <si>
    <t>Weblogic Common, PMI, LDAPWeblogicWeblogic Common, PMI, LDAPApache</t>
  </si>
  <si>
    <t>Weblogic Common, PMI, DB2, LDAP, SMTPWeblogicCommon Services Web (default).Stored formats, bulk facility. Read-only to CPICMSG database (msg. att. query).z/OSDB2Weblogic Common, PMI, DB2, LDAP, SMTPApache</t>
  </si>
  <si>
    <t>.NET, IIS6, MS-SQL, Merak Mail Server.NetRCMP/CIO does not support a .Net environment for CUSTOM applications.WindowsMS/SQL Server,MS/SQL Server.NET, IIS6, MS-SQL, Merak Mail ServerMS IIS</t>
  </si>
  <si>
    <t>Weblogic Common, PMI, DB2, LDAPWeblogicCommon Services Web (default)z/OSDB2Weblogic Common, PMI, DB2, LDAPApache</t>
  </si>
  <si>
    <t>WebLogic Common, PMI, LDAPWeblogicCommon Services Web (default).Uses Enterprise LDAP Directory. Uses COMPaS CPIC Directory.WebLogic Common, PMI, LDAPApache</t>
  </si>
  <si>
    <t>WebLogic Common, PMI, Oracle, IPEWeblogicLinux RHEL x86OracleWebLogic Common, PMI, Oracle, IPEApache</t>
  </si>
  <si>
    <t>WebLogic Common, PMI, Oracle, LDAP, Secure Access PortalWeblogicLinux RHEL x86OracleWebLogic Common, PMI, Oracle, LDAP, Secure Access PortalApache</t>
  </si>
  <si>
    <t>WebLogic Common, PMI, DB2, LDAPWeblogicz/OSDB2WebLogic Common, PMI, DB2, LDAPApache</t>
  </si>
  <si>
    <t>Secure Access Portal, LDAP, DB2, SQL Server 2014, WebLogic, IDOL, ETL (CDC / DataStage), Control-M.WeblogicCommon Services Web (default)Linux on Z RHEL,Windows,z/OSDB2,MS/SQL Server,MS/SQL Server,OracleSecure Access Portal, LDAP, DB2, SQL Server 2014, WebLogic, IDOL, ETL (CDC / DataStage), Control-M.Apache</t>
  </si>
  <si>
    <t>BEA Weblogic,BEA Tuxedo/JOLT, Integration Gateway, PeopleSoft Application Services, Secure Access Portal, Entrust Security Certificates, Windows XP Ross Workstation (Protected B environment), Internet Explorer, Apache HTTP server,Apache GetAccess Runtime,Apache Open SSL,Apache WebLogic Proxy,LDAP,DRDA,DB2 database,DB2 Connect,PDFWeblogicCOTS (default) + 1 for extensibilty, -1 for customizations.z/OSDB2BEA Weblogic,BEA Tuxedo/JOLT, Integration Gateway, PeopleSoft Application Services, Secure Access Portal, Entrust Security Certificates, Windows XP Ross Workstation (Protected B environment), Internet Explorer, Apache HTTP server,Apache GetAccess Runtime,Apache Open SSL,Apache WebLogic Proxy,LDAP,DRDA,DB2 database,DB2 Connect,PDFApache</t>
  </si>
  <si>
    <t>Secure interfacesTomcatCOTS (default)Linux on Z RHELOracleSecure interfacesApache,MS IIS</t>
  </si>
  <si>
    <t>Windows .Net platform.NetCOTS (default)WindowsMS/SQL Server,MS/SQL ServerWindows .Net platformMS IIS</t>
  </si>
  <si>
    <t>Secure Access Portal, GetAccess, Entrust CAWeblogicCommon Services Web (default).z/OSDB2Secure Access Portal, GetAccess, Entrust CAApache</t>
  </si>
  <si>
    <t>RCMP IE BrowserWeblogicCustom Search (Common Services)Does not use a databaseRCMP IE BrowserApache</t>
  </si>
  <si>
    <t>Secure Access Portal, GetAccess, Entrust CAWeblogicCommon Services Web (default)z/OSDB2Secure Access Portal, GetAccess, Entrust CAApache</t>
  </si>
  <si>
    <t>DB2 database, Weblogic server 10.x,  LDAP, J2EEWeblogicCommon Services Web (default)Windows,z/OSDB2,MS/SQL Server,MS/SQL ServerDB2 database, Weblogic server 10.x,  LDAP, J2EEApache</t>
  </si>
  <si>
    <t>Secure Access Portal, GetAccess, Entrust CAWeblogicCommon Services Web (default) - Massive duplication between TSMIT variants.WindowsMS/SQL Server,MS/SQL ServerSecure Access Portal, GetAccess, Entrust CAApache</t>
  </si>
  <si>
    <t>WebLogic, DB2, Apache, GetAccess, LDAPWeblogicz/OSDB2WebLogic, DB2, Apache, GetAccess, LDAPApache</t>
  </si>
  <si>
    <t>DB2, WebLogic, LDAP.
Interfaces with CPIC, BC Prime, PROS, PIP and Interpol.WeblogicCommon Services Web (default)z/OSDB2DB2, WebLogic, LDAP.
Interfaces with CPIC, BC Prime, PROS, PIP and Interpol.Apache</t>
  </si>
  <si>
    <t>Weblogic, Java, JavascriptWeblogicCommon Services Web (default) - WLI is EOLLinux SLES x86MS/SQL Server,MS/SQL ServerWeblogic, Java, JavascriptApache</t>
  </si>
  <si>
    <t>Weblogic, Java, JavascriptWeblogicCommon Services Web (default)WindowsMS/SQL Server,MS/SQL ServerWeblogic, Java, JavascriptApache</t>
  </si>
  <si>
    <t>WebLogic, Java, JavascriptWeblogicCommon Services Web (default)WindowsMS/SQL Server,MS/SQL ServerWebLogic, Java, JavascriptApache</t>
  </si>
  <si>
    <t>JavaWeblogicCommon Services Web (default)Linux on Z RHELDB2,OracleJavaApache</t>
  </si>
  <si>
    <t>Oracle 11g, internetWeblogicCommon Services Web (default).Linux on Z RHELOracleOracle 11g, internetApache</t>
  </si>
  <si>
    <t>Secure Access Portal, Idol Search Engine, Weblogic, DB2WeblogicCommon Services Web (default)z/OSDB2Secure Access Portal, Idol Search Engine, Weblogic, DB2Apache</t>
  </si>
  <si>
    <t>Secure Interface, IE BrowserWeblogicCommon Services Web (default).SQL server 2014WindowsMS/SQL Server,MS/SQL ServerSecure Interface, IE BrowserApache</t>
  </si>
  <si>
    <t>Secure Interface, IE BrowserWeblogicCommon Services Web (default).SQL server 2014.WindowsMS/SQL Server,MS/SQL ServerSecure Interface, IE BrowserApache</t>
  </si>
  <si>
    <t>RCMP Custom Browser, EntrustWeblogicCommon Services Web (default)z/OSDB2RCMP Custom Browser, EntrustApache</t>
  </si>
  <si>
    <t>WebLogic, Java, apache, SQL serverWeblogicCommon Services Web (default)WindowsMS/SQL Server,MS/SQL ServerWebLogic, Java, apache, SQL serverApache</t>
  </si>
  <si>
    <t>Geo ServerWeblogicCommon Services Web (default).Uses a file structure to manage the mapping layers. NGS Proxy (a sub component of NGS) uses DB2 for its management.Windows,z/OSDB2,MS/SQL Server,MS/SQL ServerGeo ServerApache</t>
  </si>
  <si>
    <t>Secure Interface, IE BrowserWeblogicCommon Services Web (default).Linux on Z RHELOracleSecure Interface, IE BrowserApache</t>
  </si>
  <si>
    <t>.NET, IIS, MS-SQL, SMTP, Java.NetCOTS (default).WindowsMS/SQL Server,MS/SQL Server.NET, IIS, MS-SQL, SMTP, JavaMS IIS</t>
  </si>
  <si>
    <t>Common Services WebLogicWeblogicCommon Services Web (default).z/OSDB2Common Services WebLogicApache</t>
  </si>
  <si>
    <t>software runs on IBM''s mainframeSoftware runs on IBM''s z/OS</t>
  </si>
  <si>
    <t>Software runs only on z/OS and therefore only on IBM mainframesSoftware requires vendors OS security software, runs on IBM z/OS</t>
  </si>
  <si>
    <t>We are in transition from Solaris hardware to Intel Linux hardware. The Intel hardware is a preferred platform by the vendorWe are in a transition from Solaris to a Linux environment. Linux being a preferred platform by the vendor.</t>
  </si>
  <si>
    <t>The servers were purchased in 2011 - it is already 7 years old.This appliance is running the Cisco AsyncOS</t>
  </si>
  <si>
    <t>10.Net10</t>
  </si>
  <si>
    <t>Oracle DB, Unix,  Microsoft IIS 8.5, .Net, Infragistics, Kerberos authentification.NetAIXOracleOracle DB, Unix,  Microsoft IIS 8.5, .Net, Infragistics, Kerberos authentificationMS IIS</t>
  </si>
  <si>
    <t>.NET, SQL Server, MS Excel.NetWindowsMS/SQL Server,MS/SQL Server.NET, SQL Server, MS ExcelMS IIS</t>
  </si>
  <si>
    <t>MS SQL Server, .Net Framework, IIS..NetWindowsMS/SQL Server,MS/SQL ServerMS SQL Server, .Net Framework, IIS.MS IIS</t>
  </si>
  <si>
    <t>.Net, ASP.NetIncludes Sybase IQWindowsMS/SQL Server,MS/SQL Server,Sybase.Net, ASPMS IIS</t>
  </si>
  <si>
    <t>.Net, ASP.NetIncludes Sybase IQWindowsSybase.Net, ASPMS IIS</t>
  </si>
  <si>
    <t>Microsoft OfficeMicrosoft Office</t>
  </si>
  <si>
    <t>.Net, SAS.Net.Net, SAS</t>
  </si>
  <si>
    <t>Ghost ScriptGhost Script</t>
  </si>
  <si>
    <t>SQL Server DB, Oracle DB, IIS.NetWindowsMS/SQL Server,MS/SQL Server,OracleSQL Server DB, Oracle DB, IISMS IIS</t>
  </si>
  <si>
    <t>SQL Database.NetWindowsMS/SQL Server,MS/SQL ServerSQL Database</t>
  </si>
  <si>
    <t>.NET.NetWindowsMS/SQL Server,MS/SQL Server.NET</t>
  </si>
  <si>
    <t>Vintasoft TWAIN .NET SDK &amp; Email.NetVintasoft TWAIN .NET SDK &amp; Email</t>
  </si>
  <si>
    <t>.NET.Net.NET</t>
  </si>
  <si>
    <t>.NET, SQL Server.NetWindowsMS/SQL Server,MS/SQL Server.NET, SQL Server</t>
  </si>
  <si>
    <t>SQL Database / .NET.NetWindowsMS/SQL Server,MS/SQL ServerSQL Database / .NET</t>
  </si>
  <si>
    <t>MS SQL Server, .Net Framework, IIS, Secure Socket Layer (SSL).NetWindowsMS/SQL Server,MS/SQL ServerMS SQL Server, .Net Framework, IIS, Secure Socket Layer (SSL)MS IIS</t>
  </si>
  <si>
    <t>.net.Net.net</t>
  </si>
  <si>
    <t>IIS; .Net Framework.NetWindowsMS/SQL Server,MS/SQL ServerIIS; .Net FrameworkMS IIS</t>
  </si>
  <si>
    <t>.Net Framework.NetWindowsMS/SQL Server,MS/SQL Server.Net FrameworkMS IIS</t>
  </si>
  <si>
    <t>IIS; .Net Framework.NetWindowsMySQLIIS; .Net FrameworkMS IIS</t>
  </si>
  <si>
    <t>ESRI, Java Script.NetESRI, Java ScriptMS IIS</t>
  </si>
  <si>
    <t>.Net.Net.NetMS IIS</t>
  </si>
  <si>
    <t>SAS Forecast ServerSAS Forecast Server</t>
  </si>
  <si>
    <t>Fax Software Telephone GatewaysWindowsMS/SQL Server,MS/SQL ServerFax Software Telephone Gateways</t>
  </si>
  <si>
    <t>Asp.net MVC 4.NetWindowsMS/SQL Server,MS/SQL ServerAsp.net MVC 4MS IIS</t>
  </si>
  <si>
    <t>JavaWebsphereLinux RHEL x86OracleJavaApache</t>
  </si>
  <si>
    <t>MS SQL Server, .Net Framework, ASP.Net, JavaScript, HTLM, IIS..NetWindowsMS/SQL Server,MS/SQL ServerMS SQL Server, .Net Framework, ASP.Net, JavaScript, HTLM, IIS.MS IIS</t>
  </si>
  <si>
    <t>VB.NET.NetVB.NET</t>
  </si>
  <si>
    <t>.NET, SQL server.NetWindowsMS/SQL Server,MS/SQL Server.NET, SQL serverMS IIS</t>
  </si>
  <si>
    <t>Database.NetWindowsMS/SQL Server,MS/SQL ServerDatabaseMS IIS</t>
  </si>
  <si>
    <t>IIS; .Net Framework.NetLinux RHEL x86OracleIIS; .Net FrameworkMS IIS</t>
  </si>
  <si>
    <t>.NET.NetWindowsMS/SQL Server,MS/SQL Server.NETMS IIS</t>
  </si>
  <si>
    <t>.net.NetToo much complexity for capture of simple geospatial data.  VR Capture should be part of CMP.MySQLWindowsMS/SQL Server,MS/SQL Server,MySQL.netWindows 2012.MS IIS</t>
  </si>
  <si>
    <t>.NET, ESRI, Oracle, Java Script.NetTwo-tier architecture.Oracle 11gAIXOracle.NET, ESRI, Oracle, Java ScriptWindows 2008.MS IIS</t>
  </si>
  <si>
    <t>SQL Server, .Net, Active Directory, SCCM.NetWindowsMS/SQL Server,MS/SQL ServerSQL Server, .Net, Active Directory, SCCMMS IIS</t>
  </si>
  <si>
    <t>.Net5: SQL Server 2014WindowsMS/SQL Server,MS/SQL Server4: W7 | ?: Windows Server ? | 5: IIS 8.5MS IIS</t>
  </si>
  <si>
    <t>.NetWindowsMS/SQL Server,MS/SQL Server4: W7 | ?: Windows Server ? | 5: IIS 8.5MS IIS</t>
  </si>
  <si>
    <t>SQL Server, ASP.NET MVC.NetWindowsMS/SQL Server,MS/SQL ServerSQL Server, ASP.NET MVCMS IIS</t>
  </si>
  <si>
    <t>SQL Server, ASP.NET MVC Core.NetWindowsMS/SQL Server,MS/SQL ServerSQL Server, ASP.NET MVC CoreMS IIS</t>
  </si>
  <si>
    <t>Oracle, ASP.NET MVC.NetAIX,Linux RHEL x86OracleOracle, ASP.NET MVCMS IIS</t>
  </si>
  <si>
    <t>Database.NetAIXOracleDatabaseAIXMS IIS</t>
  </si>
  <si>
    <t>SQL, Business rules server.NetWindowsMS/SQL Server,MS/SQL ServerSQL, Business rules serverMS IIS</t>
  </si>
  <si>
    <t>DatabaseWeblogicAIXOracleDatabaseAIXAIX based back-endApache</t>
  </si>
  <si>
    <t>MS VB.NET, Active Directory;;FTP Server/Service; Beyond 20/20 Software Any Type*.NetMS VB.NET, Active Directory;;FTP Server/Service; Beyond 20/20 Software Any Type*Windows 7 (64 bits)</t>
  </si>
  <si>
    <t>ORACLE, Weblogic, javascript, Open Text Exceed for Unix Admin;WeblogicOracle 11gR2AIXOracleORACLE, Weblogic, javascript, Open Text Exceed for Unix Admin;IBM AIXIBM AIX v6.9</t>
  </si>
  <si>
    <t>ESRI, Java Script, Oracle.NetAIXOracleESRI, Java Script, OracleMS IIS</t>
  </si>
  <si>
    <t>AbleCommerce, SQL Server.NetWindowsMS/SQL Server,MS/SQL ServerAbleCommerce, SQL ServerMS IIS</t>
  </si>
  <si>
    <t>SQL Server.NetWindowsMS/SQL Server,MS/SQL ServerSQL ServerMS IIS</t>
  </si>
  <si>
    <t>MS SQL Server, IIS.NetWindowsMS/SQL Server,MS/SQL ServerMS SQL Server, IISMS IIS</t>
  </si>
  <si>
    <t>MS SQL Server, .Net Framework, IIS..NetWindowsMS/SQL Server,MS/SQL Server,MySQLMS SQL Server, .Net Framework, IIS.MS IIS</t>
  </si>
  <si>
    <t>Oracle RDMS, MS SQL Server, Apache Tomcat, JavaTomcatAIX,Linux on Z RHEL,WindowsMS/SQL Server,MS/SQL Server,OracleOracle RDMS, MS SQL Server, Apache Tomcat, Java</t>
  </si>
  <si>
    <t>Java, EAIPWebsphereLinux on Z RHELOracleJava, EAIPApache</t>
  </si>
  <si>
    <t>ASP.net MVC; C#; MS SQL Server; IIS.NetWindowsMS/SQL Server,MS/SQL ServerASP.net MVC; C#; MS SQL Server; IISMS IIS</t>
  </si>
  <si>
    <t>Application Server (Web):  Windows 2008 and IIS 7.0 or above , .Net Framework 4.5.2, Oracle Client 11gR2 EN with the Oracle 11g 64bit ODP.NET driver for .NET 4.0 Database Server: Oracle 11g DBMS Workstation: .Net framework 4.5.2, Internet Explorer 11, A .txt compatible viewer , Oracle Client 11gR2 EN with Oracle 11g 64bit ODP.NET driver for .NET 4.0, Windows 7..NetHPUXOracleApplication Server (Web):  Windows 2008 and IIS 7.0 or above , .Net Framework 4.5.2, Oracle Client 11gR2 EN with the Oracle 11g 64bit ODP.NET driver for .NET 4.0 Database Server: Oracle 11g DBMS Workstation: .Net framework 4.5.2, Internet Explorer 11, A .txt compatible viewer , Oracle Client 11gR2 EN with Oracle 11g 64bit ODP.NET driver for .NET 4.0, Windows 7.MS IIS</t>
  </si>
  <si>
    <t>.Net00HPUXOracle00MS IIS</t>
  </si>
  <si>
    <t>.Net0HPUXOracle00MS IIS</t>
  </si>
  <si>
    <t>.NetHPUXOracleMS IIS</t>
  </si>
  <si>
    <t>Database Server: Oracle 11g DBMS Workstation: .Net framework 4.0, Internet Explorer 11,  Oracle Client 11gR2 EN with Oracle 11g 64bit ODP.NET driver for .NET 4.0, Windows 7, A PDF compatible viewer, Crystal Reports Runtime 13.NetHPUXOracleDatabase Server: Oracle 11g DBMS Workstation: .Net framework 4.0, Internet Explorer 11,  Oracle Client 11gR2 EN with Oracle 11g 64bit ODP.NET driver for .NET 4.0, Windows 7, A PDF compatible viewer, Crystal Reports Runtime 13MS IIS</t>
  </si>
  <si>
    <t>IIS, MS.NET 4, Oracle 11g.NetHPUXOracleIIS, MS.NET 4, Oracle 11gMS IIS</t>
  </si>
  <si>
    <t>Oracle &amp; Web server.NetHPUXOracleOracle &amp; Web serverMS IIS</t>
  </si>
  <si>
    <t>Geographical Mapping Service, Scheduling Service.NetUses older CLF standard, marked for containment0HPUXOracleGeographical Mapping Service, Scheduling Service00MS IIS</t>
  </si>
  <si>
    <t>Application Server (Web):  Windows 2008 and IIS 7.0 or above , .Net Frmaework 4.0, Oracle Client 11gR2 EN with the Oracle 11g 64bit ODP.NET driver for .NET 4.0 Database Server: Oracle 11g DBMS Workstation: .Net framework 4.0, Internet Explorer 7 and above,  Oracle Client 11gR2 EN with Oracle 11g 64bit ODP.NET driver for .NET 4.0, Windows XP or more recent version of Windows.NetHPUXOracleApplication Server (Web):  Windows 2008 and IIS 7.0 or above , .Net Frmaework 4.0, Oracle Client 11gR2 EN with the Oracle 11g 64bit ODP.NET driver for .NET 4.0 Database Server: Oracle 11g DBMS Workstation: .Net framework 4.0, Internet Explorer 7 and above,  Oracle Client 11gR2 EN with Oracle 11g 64bit ODP.NET driver for .NET 4.0, Windows XP or more recent version of WindowsMS IIS</t>
  </si>
  <si>
    <t>00Oracle00</t>
  </si>
  <si>
    <t>Geographical Mapping Service.NetUses older CLF standard, but soon to be upgradedHPUXOracleGeographical Mapping ServiceUses older hardware but soon to be upgraded in October 2013Uses Windows Server 2003 but soon to be upgraded to Windows Server 2008 R2 in October 2013MS IIS</t>
  </si>
  <si>
    <t>.NET, Oracle, IIS.Net00HPUXOracle.NET, Oracle, IIS00MS IIS</t>
  </si>
  <si>
    <t>.Net00HPUXOracleTC StandardTC StandardMS IIS</t>
  </si>
  <si>
    <t>.Net00WindowsOracleTC StandardTC StandardMS IIS</t>
  </si>
  <si>
    <t>.Net00WindowsMS/SQL Server,MS/SQL Server00MS IIS</t>
  </si>
  <si>
    <t>.NetUses older CLF standard, marked for containmentHPUXOracleMS IIS</t>
  </si>
  <si>
    <t>Oracle, IIS.Net0HPUXOracleOracle, IISMS IIS</t>
  </si>
  <si>
    <t>User Authentication (CGKey, Federation of Credentials).Net0HPUXOracleUser Authentication (CGKey, Federation of Credentials)00MS IIS</t>
  </si>
  <si>
    <t>.NetWindowsOracleTC StandardTC StandardMS IIS</t>
  </si>
  <si>
    <t>Application Server (Web):  Windows 2008 and IIS 7.0 or above , .Net Frmaework 4.0, Oracle Client 11gR2 EN with the Oracle 11g 64bit ODP.NET driver for .NET 4.0, Crystal Reports Runtime 13 Database Server: Oracle 11g DBMS Workstation: .Net framework 4.5.2, Internet Explorer 7 and above,  Oracle Client 11gR2 EN with Oracle 11g 64bit ODP.NET driver for .NET 4.0, Crystal Reports Runtime 13, Windows 7, A PDF compatible viewer, A CSV compatible viewer.NetHPUXOracleApplication Server (Web):  Windows 2008 and IIS 7.0 or above , .Net Frmaework 4.0, Oracle Client 11gR2 EN with the Oracle 11g 64bit ODP.NET driver for .NET 4.0, Crystal Reports Runtime 13 Database Server: Oracle 11g DBMS Workstation: .Net framework 4.5.2, Internet Explorer 7 and above,  Oracle Client 11gR2 EN with Oracle 11g 64bit ODP.NET driver for .NET 4.0, Crystal Reports Runtime 13, Windows 7, A PDF compatible viewer, A CSV compatible viewerMS IIS</t>
  </si>
  <si>
    <t>.Net0Poor data and application architectureHPUXOracleTC StandardTC StandardMS IIS</t>
  </si>
  <si>
    <t>Application Server (Web):  Windows 2008 and IIS 7.0 or above , .Net Frmaework 4.0, Oracle Client 11gR2 EN with the Oracle 11g 64bit ODP.NET driver for .NET 4.0 Database Server: Oracle 11g DBMS Infrastructure: Active Directory, Public folders Workstation: .Net framework 4.5.2, Internet Explorer 11,  Oracle Client 11gR2 EN with Oracle 11g 64bit ODP.NET driver for .NET 4.0, Windows 7.NetHPUXOracleApplication Server (Web):  Windows 2008 and IIS 7.0 or above , .Net Frmaework 4.0, Oracle Client 11gR2 EN with the Oracle 11g 64bit ODP.NET driver for .NET 4.0 Database Server: Oracle 11g DBMS Infrastructure: Active Directory, Public folders Workstation: .Net framework 4.5.2, Internet Explorer 11,  Oracle Client 11gR2 EN with Oracle 11g 64bit ODP.NET driver for .NET 4.0, Windows 7MS IIS</t>
  </si>
  <si>
    <t>File Transfer.Net00HPUXOracleFile Transfer00MS IIS</t>
  </si>
  <si>
    <t>User Authentication (Entrust).Net00HPUXOracleUser Authentication (Entrust)00MS IIS</t>
  </si>
  <si>
    <t>.NetUses older CLF standard, marked for containment0HPUXOracle00MS IIS</t>
  </si>
  <si>
    <t>Application Server (Web):  Windows 2008 and IIS 7.0 or above , .Net Framework 3.5, Oracle Client 11gR2 EN with the Oracle 11g 64bit ODP.NET driver for .NET 4.0 Database Server: Oracle 11g DBMS Workstation: .Net Framework 3.5, Internet Explorer 11, Oracle Client 11gR2 EN with Oracle 11g 64bit ODP.NET driver for .NET 4.0, Windows 7..NetHPUXOracleApplication Server (Web):  Windows 2008 and IIS 7.0 or above , .Net Framework 3.5, Oracle Client 11gR2 EN with the Oracle 11g 64bit ODP.NET driver for .NET 4.0 Database Server: Oracle 11g DBMS Workstation: .Net Framework 3.5, Internet Explorer 11, Oracle Client 11gR2 EN with Oracle 11g 64bit ODP.NET driver for .NET 4.0, Windows 7.MS IIS</t>
  </si>
  <si>
    <t>Application Server (Web):  Windows 2008 and IIS 7.0 or above , .Net Framework 3.5, Oracle Client 11gR2 EN with the Oracle 11g 64bit ODP.NET driver for .NET 4.0 Database Server: Oracle 11g DBMS Workstation: .Net Framework 3.5, Internet Explorer 11,  Oracle Client 11gR2 EN with Oracle 11g 64bit ODP.NET driver for .NET 4.0, Windows 7..NetHPUXOracleApplication Server (Web):  Windows 2008 and IIS 7.0 or above , .Net Framework 3.5, Oracle Client 11gR2 EN with the Oracle 11g 64bit ODP.NET driver for .NET 4.0 Database Server: Oracle 11g DBMS Workstation: .Net Framework 3.5, Internet Explorer 11,  Oracle Client 11gR2 EN with Oracle 11g 64bit ODP.NET driver for .NET 4.0, Windows 7.MS IIS</t>
  </si>
  <si>
    <t>.NET, Oracle.Net0HPUXOracle.NET, OracleMS IIS</t>
  </si>
  <si>
    <t>Oracle &amp; Web server.Net00HPUXOracleOracle &amp; Web server00MS IIS</t>
  </si>
  <si>
    <t>Application Server (Web):  Windows 2008 and IIS 7.0 or above , .Net Framework 4.0, Oracle Client 11gR2 EN with the Oracle 11g 64bit ODP.NET driver for .NET 4.0 Database Server: Oracle 11g DBMS Workstation: .Net framework 4.5.2, Internet Explorer 11, A .txt compatible viewer , Oracle Client 11gR2 EN with Oracle 11g 64bit ODP.NET driver for .NET 4.0, Windows 7..NetHPUXOracleApplication Server (Web):  Windows 2008 and IIS 7.0 or above , .Net Framework 4.0, Oracle Client 11gR2 EN with the Oracle 11g 64bit ODP.NET driver for .NET 4.0 Database Server: Oracle 11g DBMS Workstation: .Net framework 4.5.2, Internet Explorer 11, A .txt compatible viewer , Oracle Client 11gR2 EN with Oracle 11g 64bit ODP.NET driver for .NET 4.0, Windows 7.MS IIS</t>
  </si>
  <si>
    <t>Application Server (Web):  Windows 2008 and IIS 7.0 or above , .Net Frmaework 4.0, Oracle Client 11gR2 EN with the Oracle 11g 64bit ODP.NET driver for .NET 4.0, Crystal Reports Runtime 13 Database Server: Oracle 11g DBMS Workstation: .Net framework 4.0, Internet Explorer 11,  Oracle Client 11gR2 EN with Oracle 11g 64bit ODP.NET driver for .NET 4.0, Crystal Reports Runtime 13, Windows 7, A PDF compatible viewer, A CSV compatible viewer.NetHPUXOracleApplication Server (Web):  Windows 2008 and IIS 7.0 or above , .Net Frmaework 4.0, Oracle Client 11gR2 EN with the Oracle 11g 64bit ODP.NET driver for .NET 4.0, Crystal Reports Runtime 13 Database Server: Oracle 11g DBMS Workstation: .Net framework 4.0, Internet Explorer 11,  Oracle Client 11gR2 EN with Oracle 11g 64bit ODP.NET driver for .NET 4.0, Crystal Reports Runtime 13, Windows 7, A PDF compatible viewer, A CSV compatible viewerMS IIS</t>
  </si>
  <si>
    <t>.NetHPUXOracleTC StandardTC StandardMS IIS</t>
  </si>
  <si>
    <t>Database Server: Oracle 11g DBMS Workstation: .Net framework 4.0,  Oracle Client 11gR2 EN with Oracle 11g 32bit ODP.NET driver for .NET 4.0, Windows 7.NetHPUXOracleDatabase Server: Oracle 11g DBMS Workstation: .Net framework 4.0,  Oracle Client 11gR2 EN with Oracle 11g 32bit ODP.NET driver for .NET 4.0, Windows 7MS IIS</t>
  </si>
  <si>
    <t>Oracle Database,TomcatOracle 11g R2HPUXOracleOracle Database,VMWindows Server 2008 R2 SP1Apache</t>
  </si>
  <si>
    <t>Oracle RDBMS; Java; LDAPWeblogicHPUX,Linux RHEL x86OracleOracle RDBMS; Java; LDAPLinux RHEL 6Apache</t>
  </si>
  <si>
    <t>IIS, MS.NET 4, Oracle 11g, Crystal Reports.NetHPUXOracleIIS, MS.NET 4, Oracle 11g, Crystal ReportsMS IIS</t>
  </si>
  <si>
    <t>Application Server (Web):  Windows 2008 and IIS 7.0 or above , .Net Frmaework 4.0, Oracle Client 11gR2 EN with the Oracle 11g 64bit ODP.NET driver for .NET 4.0 Database Server: Oracle 11g DBMS Workstation: .Net framework 4.5.2, Internet Explorer 11,  Oracle Client 11gR2 EN with Oracle 11g 64bit ODP.NET driver for .NET 4.0, Windows 7.NetHPUXOracleApplication Server (Web):  Windows 2008 and IIS 7.0 or above , .Net Frmaework 4.0, Oracle Client 11gR2 EN with the Oracle 11g 64bit ODP.NET driver for .NET 4.0 Database Server: Oracle 11g DBMS Workstation: .Net framework 4.5.2, Internet Explorer 11,  Oracle Client 11gR2 EN with Oracle 11g 64bit ODP.NET driver for .NET 4.0, Windows 7MS IIS</t>
  </si>
  <si>
    <t>Oracle, IIS.NetHPUXOracleOracle, IISMS IIS</t>
  </si>
  <si>
    <t>Oracle DatabaseTomcatOracle 11g R2HPUXOracleOracle DatabaseVMWindows Server 2008 R1Apache</t>
  </si>
  <si>
    <t>Oracle, IIS, LDAP.NetHPUXOracleOracle, IIS, LDAPMS IIS</t>
  </si>
  <si>
    <t>No special technologies.NetHPUXOracleNo special technologiesMS IIS</t>
  </si>
  <si>
    <t>.NetPoor data and application architectureHPUXOracleTC StandardTC StandardMS IIS</t>
  </si>
  <si>
    <t>Oracle, .net.Net00HPUXOracleOracle, .net00MS IIS</t>
  </si>
  <si>
    <t>.Net.NetLEIS was over-engineeredHPUXOracle.NetProblems with Windows 10MS IIS</t>
  </si>
  <si>
    <t>Windows Server, .NET.NetRequires SQL Server 2008R2 or laterWindowsMS/SQL Server,MS/SQL ServerWindows Server, .NETMust run Windows Server 2008 R2 or higherWindows Server 2008 R2 minimumMS IIS</t>
  </si>
  <si>
    <t>00HPUXOracle00</t>
  </si>
  <si>
    <t>.Net00WindowsOracle00MS IIS</t>
  </si>
  <si>
    <t>Oracle Database 11g Enterprise Edition Release 11.2.0.4.0 - 64bit ProductionWindow Server 2008 R2</t>
  </si>
  <si>
    <t>.Net0000</t>
  </si>
  <si>
    <t>Application Server (Web):  Windows 2008 and IIS 7.0 or above , .Net Frmaework 4.0  Database Server: SQL Server 2012 DBMS Workstation: .Net framework 4.5.2, Internet Explorer 11, Windows 7.NetWindowsMS/SQL Server,MS/SQL ServerApplication Server (Web):  Windows 2008 and IIS 7.0 or above , .Net Frmaework 4.0  Database Server: SQL Server 2012 DBMS Workstation: .Net framework 4.5.2, Internet Explorer 11, Windows 7MS IIS</t>
  </si>
  <si>
    <t>TomcatApache</t>
  </si>
  <si>
    <t>AD, Oracle DB.NetHPUXOracleAD, Oracle DBMS IIS</t>
  </si>
  <si>
    <t>.NET, MVC, Oracle.NetHPUXOracle.NET, MVC, OracleMS IIS</t>
  </si>
  <si>
    <t>Application Server (Web):  Windows 2008 and IIS 7.0 or above , .Net Framework 4.5, Oracle Client 11gR2 EN with the Oracle 11g 64bit ODP.NET driver for .NET 4.0 Database Server: Oracle 11g DBMS.NetHPUXOracleApplication Server (Web):  Windows 2008 and IIS 7.0 or above , .Net Framework 4.5, Oracle Client 11gR2 EN with the Oracle 11g 64bit ODP.NET driver for .NET 4.0 Database Server: Oracle 11g DBMSMS IIS</t>
  </si>
  <si>
    <t>.net, oracle, iis.NetWindowsOracle.net, oracle, iisMS IIS</t>
  </si>
  <si>
    <t>.NET, Oracle, IIS.NetWindowsOracle.NET, Oracle, IISMS IIS</t>
  </si>
  <si>
    <t>Oracle 11G, Adobe Flash, Apache TOMCAT JBoss 5.1TomcatHPUXOracleOracle 11G, Adobe Flash, Apache TOMCAT JBoss 5.1Apache</t>
  </si>
  <si>
    <t>All standard (IIS, .Net).Net00All standard (IIS, .Net)TC StandardTC StandardMS IIS</t>
  </si>
  <si>
    <t>C#, IIS.NetHPUXOracleC#, IISMS IIS</t>
  </si>
  <si>
    <t>COTS.NetOracleCOTSWindows ServerMS IIS</t>
  </si>
  <si>
    <t>All standard (IIS, .Net).NetAll standard (IIS, .Net)MS IIS</t>
  </si>
  <si>
    <t>Application Server (Web):  Windows 2008 and IIS 7.0 or above , .Net Framework 4.5, Oracle Client 11gR2 EN with the Oracle 11g 64bit ODP.NET driver for .NET 4.0 Database Server: Oracle 11g DBMS.Net00HPUXOracleApplication Server (Web):  Windows 2008 and IIS 7.0 or above , .Net Framework 4.5, Oracle Client 11gR2 EN with the Oracle 11g 64bit ODP.NET driver for .NET 4.0 Database Server: Oracle 11g DBMS00MS IIS</t>
  </si>
  <si>
    <t>Application Server (Web):  Windows 2008 and IIS 7.0 or above , .Net Framework 4.0, Oracle Client 11gR2 EN with the Oracle 11g 64bit ODP.NET driver for .NET 4.0 Database Server: Oracle 11g DBMS.Net00HPUXOracleApplication Server (Web):  Windows 2008 and IIS 7.0 or above , .Net Framework 4.0, Oracle Client 11gR2 EN with the Oracle 11g 64bit ODP.NET driver for .NET 4.0 Database Server: Oracle 11g DBMS00MS IIS</t>
  </si>
  <si>
    <t>Application Server (Web):  Windows 2008 and IIS 7.0 or above , .Net Framework 4.5,SQLServer DBMS.Net00WindowsMS/SQL Server,MS/SQL ServerApplication Server (Web):  Windows 2008 and IIS 7.0 or above , .Net Framework 4.5,SQLServer DBMS00MS IIS</t>
  </si>
  <si>
    <t>Microsft Dynamics CRMMicrosft Dynamics CRM</t>
  </si>
  <si>
    <t>IIS 7.0 or above, .Net Framework 4.5.2, Entity Framework 6, Oracle Client 12c (12.1) and ODP.Net driver.NetHPUXOracleIIS 7.0 or above, .Net Framework 4.5.2, Entity Framework 6, Oracle Client 12c (12.1) and ODP.Net driverMS IIS</t>
  </si>
  <si>
    <t>Windows Server 2008 R2, IIS 7.5, Oracle 11gR2, .Net Framework 4.0.NetOracle 11gR2HPUX,HPUXOracle,OracleWindows Server 2008 R2, IIS 7.5, Oracle 11gR2, .Net Framework 4.0virtual x86Windows Server 2008 R2 StandardMS IIS</t>
  </si>
  <si>
    <t>Windows 2008 and IIS 7.0 or above , .Net Framework 4.6.1 , Database Server: SQL Server 2014 DBMS Workstation: .Net Framework 4.6.1, Internet Explorer 11..NetWindowsMS/SQL Server,MS/SQL ServerWindows 2008 and IIS 7.0 or above , .Net Framework 4.6.1 , Database Server: SQL Server 2014 DBMS Workstation: .Net Framework 4.6.1, Internet Explorer 11.MS IIS</t>
  </si>
  <si>
    <t>GCKey.Net00WindowsMS/SQL Server,MS/SQL ServerGCKey00MS IIS</t>
  </si>
  <si>
    <t>MSSQL, Microsoft IIS.NetWindowsMS/SQL Server,MS/SQL ServerMSSQL, Microsoft IISMS IIS</t>
  </si>
  <si>
    <t>MSSQL, Microsoft IISTomcatWindowsMS/SQL Server,MS/SQL ServerMSSQL, Microsoft IISMS IIS</t>
  </si>
  <si>
    <t>TomcatData model / documentation is not available at allLinux SLES x86OracleApache</t>
  </si>
  <si>
    <t>.net.NetWindowsMS/SQL Server,MS/SQL Server.netMS IIS</t>
  </si>
  <si>
    <t>.net.NetWindowsMySQL.netSQL 2005MS IIS</t>
  </si>
  <si>
    <t>.net.NetWindowsMySQL.netMS IIS</t>
  </si>
  <si>
    <t>SAP BITomcatWindowsMS/SQL Server,MS/SQL ServerSAP BIApache</t>
  </si>
  <si>
    <t>.net
Sharepoint.NetWindowsMS/SQL Server,MS/SQL Server.net
SharepointMS IIS</t>
  </si>
  <si>
    <t>JIRA
.netTomcatWindowsMS/SQL Server,MS/SQL ServerJIRA
.netMS IIS</t>
  </si>
  <si>
    <t>JIRATomcatWindowsMS/SQL Server,MS/SQL ServerJIRAMS IIS</t>
  </si>
  <si>
    <t>The one PC has the main product in a stand alone mode.  The 95 clickpads interact with the application.The one PC has the main product in a stand alone mode.  The 95 clickpads interact with the application.MS IIS</t>
  </si>
  <si>
    <t>TomcatWindowsMS/SQL Server,MS/SQL ServerMS IIS</t>
  </si>
  <si>
    <t>TBS websiteTBS website</t>
  </si>
  <si>
    <t>.NetWindowsMS/SQL Server,MS/SQL ServerAssume SSC meets or surpasses current standards.MS IIS</t>
  </si>
  <si>
    <t>assume SSC is evergreenassume SSC is evergreen</t>
  </si>
  <si>
    <t>GCKey/Secure Key concierge using Get Access (for Authentication), Active Directory and
Custom User ID and Password (for Authentication),
Websphere Application Server, MS IIS Presentation Layer (DMZ (IIS HTTP server with SSL certs, with Internal/Exetrnal Firewalls, WAF, IDPS)), Oracle Database, MQ Series,
SMTP Email Integration, Java 7, StrutsWebsphereStruts 1.xx is EOL and VAC needs to migrate to Struts 2.xxData Model not up-to-date electronic versionHPUXOracleGCKey/Secure Key concierge using Get Access (for Authentication), Active Directory and
Custom User ID and Password (for Authentication),
Websphere Application Server, MS IIS Presentation Layer (DMZ (IIS HTTP server with SSL certs, with Internal/Exetrnal Firewalls, WAF, IDPS)), Oracle Database, MQ Series,
SMTP Email Integration, Java 7, Strutsall hardware scored the same, re: windows and unix hardware runs on hardware 3+ yrs with majority being 5+ yrs oldHPUX not supported in End State Data CenterMS IIS</t>
  </si>
  <si>
    <t>Active Directory (for Authentication), Websphere Application Server, MS IIS 7.5 Presentation Layer,
Websphere Presentation Layer, Oracle Database,
Email Integration, PHP 5.3.9 (Old Version called OOS)WebsphereStruts 2.xxdb model not in the db modeling tool yetHPUXOracleActive Directory (for Authentication), Websphere Application Server, MS IIS 7.5 Presentation Layer,
Websphere Presentation Layer, Oracle Database,
Email Integration, PHP 5.3.9 (Old Version called OOS)all hardware scored the same, re: windows and unix hardware runs on hardware 3+ yrs with majority being 5+ yrs oldHPUX not supported in End State Data CenterMS IIS</t>
  </si>
  <si>
    <t>Websphere Application Server, MS IIS Presentation Layer,
Websphere Presentation Layer, Oracle Database, Email Integration, Java 7, StrutsWebsphereOOCSS was developed with Struts 1.2 will eventually be moving to Struts 2db model not in the db modeling tool yetHPUXOracleWebsphere Application Server, MS IIS Presentation Layer,
Websphere Presentation Layer, Oracle Database, Email Integration, Java 7, Strutsall hardware scored the same, re: windows and unix hardware runs on hardware 3+ yrs with majority being 5+ yrs oldHPUX not supported in End State Data CenterMS IIS</t>
  </si>
  <si>
    <t>license server to control accessHPUXOraclelicense server to control accessWindows 7 Desktop</t>
  </si>
  <si>
    <t>local license file for accesslocal license file for accessWindows 7 Desktop</t>
  </si>
  <si>
    <t>license server to control accessWill be end of life. IBM promoting IBM Rational Functional Testerlicense server to control accessWindows 7 Desktop</t>
  </si>
  <si>
    <t>Web-based accessWeb-based accessWindows 7 Desktop</t>
  </si>
  <si>
    <t>.NetWindows 7 DesktopMS IIS</t>
  </si>
  <si>
    <t>MS SQL, Active Directory, Crystal, IIS, Windows Server, .Net, SharePoint and Reporting Services.NetWindowsMS/SQL Server,MS/SQL ServerMS SQL, Active Directory, Crystal, IIS, Windows Server, .Net, SharePoint and Reporting ServicesMS IIS</t>
  </si>
  <si>
    <t>MS SQL, Active Directory, Windows Server, IIS, CRM, SharePoint and Reporting Services.NetWindowsMS/SQL Server,MS/SQL ServerMS SQL, Active Directory, Windows Server, IIS, CRM, SharePoint and Reporting ServicesMS IIS</t>
  </si>
  <si>
    <t>MS SQL, Active Directory, Windows Server, IIS, ADFS, SharePoint and GCKey.NetWindowsMS/SQL Server,MS/SQL ServerMS SQL, Active Directory, Windows Server, IIS, ADFS, SharePoint and GCKeyMS IIS</t>
  </si>
  <si>
    <t>Microsoft IIS
Microsoft ASP
HTML
Javascript.NetWindowsMS/SQL Server,MS/SQL ServerMicrosoft IIS
Microsoft ASP
HTML
JavascriptMS IIS</t>
  </si>
  <si>
    <t>Authentication, Secure Interface, Workflow Engine, Database, File Transfer, Reporting SystemTomcat,WeblogicThe architecture is defined through a set of system component and network diagrams and accompanying documents supplemented by conceptual and physical data and process models.  Network zoning requirements complies with departmental standards.Oracle 11.2.0.4 64bit HP-UX, ERWin (data modelling)Oracle LinuxOracleAuthentication, Secure Interface, Workflow Engine, Database, File Transfer, Reporting SystemWindows Server, Red Hat Linux, HP-UXApache</t>
  </si>
  <si>
    <t>Cognos, Agrisource WrapperTomcatCold fusion is marked for ContainmentOracle 11gLinux RHEL x86OracleCognos, Agrisource WrapperRedhat LinuxApache</t>
  </si>
  <si>
    <t>Oracle 11g, AAFC Online Wrapper, EmailTomcatCold fusion is marked for ContainmentOracle 11gLinux RHEL x86OracleOracle 11g, AAFC Online Wrapper, EmailApache</t>
  </si>
  <si>
    <t>ESRI, ArcGISWeblogicThis was rated as a 5 rather than a 4 because Python is limited to approval for Geomatics applications only so would be considered ''contained'' in this context.HPUXOracleESRI, ArcGISApache</t>
  </si>
  <si>
    <t>WebLogic; SMTP server; CartoDB/WindShaft mappling tile server; PostGIS database serverWeblogicThis application was given a 4 rather than a 5 because of the use of non-standard geomatics software in the application.  The use of that software was approved at ARC so it is approved for this application, but is not considered standard for AAFC.Oracle LinuxOracleWebLogic; SMTP server; CartoDB/WindShaft mappling tile server; PostGIS database serverApache</t>
  </si>
  <si>
    <t>TomcatLinux RHEL x86MySQL,OracleApache</t>
  </si>
  <si>
    <t>SQL Server database, SMTP relayserver.  Self-Contained 3rd party Jar files within the application package: Tinymce, JFreeChart, jtds, JasperReports.TomcatWindowsMS/SQL Server,MS/SQL ServerSQL Server database, SMTP relayserver.  Self-Contained 3rd party Jar files within the application package: Tinymce, JFreeChart, jtds, JasperReports.Apache</t>
  </si>
  <si>
    <t>Entrust Security Certificate.                  SQL Server database, SMTP relayserver.  Self-Contained 3rd party Jar files within the application package: Tinymce, JFreeChart, jtds, JasperReports.TomcatWindowsMS/SQL Server,MS/SQL ServerEntrust Security Certificate.                  SQL Server database, SMTP relayserver.  Self-Contained 3rd party Jar files within the application package: Tinymce, JFreeChart, jtds, JasperReports.Apache</t>
  </si>
  <si>
    <t>Entrust Certificates, Trackwell Communication Software, DMZ Server, Oracle DB, email, Network, IIS, TomCat DMZ, MapXtreme, .Net Framework, Oracle Client for .Net, FTP, Windows Scheduler, eAccess for external authentication.Net,TomcatAIXMS/SQL Server,MS/SQL Server,OracleEntrust Certificates, Trackwell Communication Software, DMZ Server, Oracle DB, email, Network, IIS, TomCat DMZ, MapXtreme, .Net Framework, Oracle Client for .Net, FTP, Windows Scheduler, eAccess for external authenticationWindows Server 2003Apache,MS IIS</t>
  </si>
  <si>
    <t>Drupal (PHP), MySQL, Apache, Apache SOLR, TOMCAT,TomcatLinux RHEL x86MySQLDrupal (PHP), MySQL, Apache, Apache SOLR, TOMCAT,Apache</t>
  </si>
  <si>
    <t>Crytal Reports, Infragistics, Google API, Map ExtremeTomcatAIXOracleCrytal Reports, Infragistics, Google API, Map ExtremeWindows Server 2003Apache</t>
  </si>
  <si>
    <t>Remedy server; Oracle, Active Directory.TomcatWindowsOracleRemedy server; Oracle, Active Directory.MS IIS</t>
  </si>
  <si>
    <t>.NetWindowsMS/SQL Server,MS/SQL Server,SybaseMS IIS</t>
  </si>
  <si>
    <t>SSC ETI AI : Email integration = Not Applicable.NetNot included in future application portfolio plans.WindowsSybaseSSC ETI AI : Email integration = Not ApplicableMS IIS</t>
  </si>
  <si>
    <t>Oracle, Oracle Application Server, JavaWeblogicAIXOracleOracle, Oracle Application Server, JavaApache</t>
  </si>
  <si>
    <t>Websphere, oracle, IIS, BO Server, Crystal ReportsWebsphereOracleAIXOracleWebsphere, oracle, IIS, BO Server, Crystal ReportsVM, IBM Power SeriesApache</t>
  </si>
  <si>
    <t>Oracle, Websphere Application Server, payment processor (E-xact), 2A mutual authentication certificates, JETTY, Perl scriptsWebsphereOracleAIXOracleOracle, Websphere Application Server, payment processor (E-xact), 2A mutual authentication certificates, JETTY, Perl scriptsVMApache</t>
  </si>
  <si>
    <t>TomcatLinux SLES x86OracleApache</t>
  </si>
  <si>
    <t>ColdFusion 7TomcatLinux SLES x86OracleColdFusion 7Apache</t>
  </si>
  <si>
    <t>PHP, PostgreSQLWindowsMySQLPHP, PostgreSQL</t>
  </si>
  <si>
    <t>php,mapserver,perlTomcatLinux SLES x86Oraclephp,mapserver,perlApache</t>
  </si>
  <si>
    <t>Clipshare, PHPTomcatLinux RHEL x86MySQLClipshare, PHPApache</t>
  </si>
  <si>
    <t>Java, PHPTomcatJava, PHP</t>
  </si>
  <si>
    <t>Secure Access Portal, Entrust Security Certificates, Internet Explorer, Apache HTTP server, Apache GetAccess Runtime, Apache Open SSL,Apache WebLogic Proxy, Flash Player, JREWeblogicCOTSLinux on Z RHELOracleSecure Access Portal, Entrust Security Certificates, Internet Explorer, Apache HTTP server, Apache GetAccess Runtime, Apache Open SSL,Apache WebLogic Proxy, Flash Player, JREApache</t>
  </si>
  <si>
    <t>Java, Tomcat, perl, apache, mysqlTomcatWindowsMySQLJava, Tomcat, perl, apache, mysqlApache</t>
  </si>
  <si>
    <t>Oracle database, Microsoft Excel, Mediawiki,TomcatAIX,WindowsMS/SQL Server,MS/SQL Server,OracleOracle database, Microsoft Excel, Mediawiki,Apache</t>
  </si>
  <si>
    <t>Java, TomcatTomcatAIXOracleJava, TomcatApache</t>
  </si>
  <si>
    <t>Java, TomcatTomcatAIXOracleJava, TomcatMS IIS</t>
  </si>
  <si>
    <t>ESRI, Java Script, OracleTomcatAIXOracleESRI, Java Script, OracleMS IIS</t>
  </si>
  <si>
    <t>ESRI, Java ScriptTomcatAIXOracleESRI, Java ScriptMS IIS</t>
  </si>
  <si>
    <t>SQL Database, Oracle Sun one, IIS,TomcatWindowsMS/SQL Server,MS/SQL ServerSQL Database, Oracle Sun one, IIS,MS IIS</t>
  </si>
  <si>
    <t>MSSQL, Microsoft IIS.Net,TomcatWindowsMS/SQL Server,MS/SQL ServerMSSQL, Microsoft IISMS IIS</t>
  </si>
  <si>
    <t>Oracle client, Windows, IISRunning on Windows Server 2003 and seeking grandfathering, since the vendor doesn''t recommend moving it to Windows Server 2012. Newer version available but would require procurement and professional services to configure. HR is considering upgrading or replacing this application. Transform investment required to use the new data format to be provided by PeopleSoft 9.1.WindowsOracle client, Windows, IISMS IIS</t>
  </si>
  <si>
    <t>Oracle 11WindowsOracle</t>
  </si>
  <si>
    <t>JavaScript, CSSOracle 11gLinux RHEL x86OracleJavaScript, CSSRed Hat Enterprise LinuxApache</t>
  </si>
  <si>
    <t>Coldfusion, Oracle, HPUXData model/documentation not easily accessible.HPUXOracleColdfusion, Oracle, HPUXApache</t>
  </si>
  <si>
    <t>SSC GCKey, database, JEE infrastructure, messaging infrastructure, samba file share, email infrastructure, SAPWeblogicApplication is fully compliant with departmental standards and direction.Oracle 11gHPUXOracleSSC GCKey, database, JEE infrastructure, messaging infrastructure, samba file share, email infrastructure, SAP</t>
  </si>
  <si>
    <t>Architecture is outdated and no departmental standard..WindowsSybase</t>
  </si>
  <si>
    <t>Citrix servers hosting the application.MS AccessHPUXOracleCitrix servers hosting the application.</t>
  </si>
  <si>
    <t>Email, LDAP authenticationTomcatOracleEmail, LDAP authenticationApache</t>
  </si>
  <si>
    <t>Research suggests that this product is now in life support mode only by the vendor. It''s been sold off from vendor to vendor numerous times, and now appears to be valuable solely as a support cost generator for OpenText.Linux RHEL x86OracleApache</t>
  </si>
  <si>
    <t>IIS, Oracle Database.NetIIS Application ASPOracle 11g- COTS - no documented Data ModelWindowsOracleIIS, Oracle DatabaseMS IIS,</t>
  </si>
  <si>
    <t>nginxCold fusion is marked for ContainmentOracle 11g - fully documentedLinux RHEL x86OraclenginxApache</t>
  </si>
  <si>
    <t>Score of 2 as architecture is unknownApp runs on Oracle 11G R2, and the data model is availableHPUXOracleApp function under Win 2008 (server side) and Win 7 (client side)</t>
  </si>
  <si>
    <t>EIPMS is using Struts 1.1, JDK1.4 and Perl technologies.it needs lots of analysis and code refactors in order to build stable system. Application needs significant investments to provide functional capability related to all functional scope of the systemOracle 11gLinux RHEL x86OracleLinuxApache</t>
  </si>
  <si>
    <t>ApacheSolaris Sparc,WindowsOracleApacheApache,MS IIS</t>
  </si>
  <si>
    <t>Java (J2EE), MS-Access, WindowsDatabase is MS AccessWindowsJava (J2EE), MS-Access, Windows</t>
  </si>
  <si>
    <t>Oracle 11g, Agrisource Wrapper, CognosCold fusion is marked for ContainmentOracle 11gLinux RHEL x86OracleOracle 11g, Agrisource Wrapper, CognosApache</t>
  </si>
  <si>
    <t>NoneWindowsMS/SQL Server,MS/SQL ServerNone</t>
  </si>
  <si>
    <t>.NetSQL Server Win 2008WindowsMS/SQL Server,MS/SQL Server,MS/SQL Server,MS/SQL ServerStd DT/Srvr HWWin 7 and 2008</t>
  </si>
  <si>
    <t>Red Hat LinuxWeblogicOracle Forms and ReportsCurrent Oracle database on HP/UXLinux RHEL x86OracleRed Hat LinuxOracle AS and uses Oracle Forms and Reports</t>
  </si>
  <si>
    <t>Citrix servers hosting the application.MS Access 97HPUXOracleCitrix servers hosting the application.</t>
  </si>
  <si>
    <t>App run on racle 11G R2, and the data model is availableHPUXOracle</t>
  </si>
  <si>
    <t>AjaxThis is tough but PHP appears to be the main implementation technology used here and it is not standard.2 due to lack of data modelsLinux RHEL x86Oracle,AjaxApache</t>
  </si>
  <si>
    <t>JavaScript, css, Jquery, SQLOracle 11gLinux RHEL x86OracleJavaScript, css, Jquery, SQLApache</t>
  </si>
  <si>
    <t>javascript, sql, pl/SQL, CSScoldfusion is marked for containmentOracle 11gOracle LinuxOraclejavascript, sql, pl/SQL, CSSRed Hat Enterprise LinuxApache</t>
  </si>
  <si>
    <t>Oracle, Red Hat LinuxWeblogicOracle Forms and ReportsCurrent Oracle database on HP/UXLinux RHEL x86OracleOracle, Red Hat LinuxOracle AS and uses Oracle Forms and Reports</t>
  </si>
  <si>
    <t>Oracle 11HPUXOracle</t>
  </si>
  <si>
    <t>Linux RHEL x86,MySQLApache</t>
  </si>
  <si>
    <t>Linux/ApacheOracleLinux RHEL x86OracleLinux/Apachelinux for log storage and web front-end, Hp for database server</t>
  </si>
  <si>
    <t>ASP, .NET, IIS, Microsoft.NetASP Classic and Access are used in the application, and they are not part of our architecture standards.WindowsASP, .NET, IIS, MicrosoftMS IIS</t>
  </si>
  <si>
    <t>OS: Linux RHEL x86 / Red Hat Enterprise Linux Server release 6.5, Apache 2.2.3-91.el5; PL: Linux RHEL x86 / Red Hat Enterprise Linux Server release 5.10; : Struts, Json-libWeblogicCannot give this a 5 rating as the database technology has not been specified - I don''t know what this is; although it is likely standard.  Rating given as a 4 for now until database technology can be confirmed.Linux RHEL x86OS: Linux RHEL x86 / Red Hat Enterprise Linux Server release 6.5, Apache 2.2.3-91.el5; PL: Linux RHEL x86 / Red Hat Enterprise Linux Server release 5.10; : Struts, Json-libApache</t>
  </si>
  <si>
    <t>FFN External ApplicationCold fusion is marked for ContainmentOracle 11g - fully documentedLinux RHEL x86OracleFFN External ApplicationApache</t>
  </si>
  <si>
    <t>MS ExcelOracle 11gWindowsOracleMS Excel</t>
  </si>
  <si>
    <t>SMTPCOTS app  :most of technology is very current and vendor has a clear roadmap for updating - gave it -1 due to modifications with cusomizations (email templates).Linux RHEL x86SMTPListServ uses the AAFC standard operating system, the same system as AAFC Online.Apache</t>
  </si>
  <si>
    <t>OS: Linux RHEL x86 / Red Hat Enterprise Linux Server release 6.5, Apache 2.2.3-91.el5; PL: Linux RHEL x86, Red Hat Enterprise Linux Server release 5.10; DB OS: HP-UX xi B.11.31 U ia64; : Spring, Hibernate, SiteMeshWeblogicScored it as a 1, as it uses Oracle. Not sure whether this application would even have any database technology backing it or whether it simply sends subscription information directly to the listserv app.Linux RHEL x86OS: Linux RHEL x86 / Red Hat Enterprise Linux Server release 6.5, Apache 2.2.3-91.el5; PL: Linux RHEL x86, Red Hat Enterprise Linux Server release 5.10; DB OS: HP-UX xi B.11.31 U ia64; : Spring, Hibernate, SiteMeshLinuxApache</t>
  </si>
  <si>
    <t>.NET, IIS, Microsoft.NetWindows.NET, IIS, MicrosoftMS IIS</t>
  </si>
  <si>
    <t>JEE infrastructure, email infrastructureLinux RHEL x86OracleJEE infrastructure, email infrastructureBlade architecture with VMWare</t>
  </si>
  <si>
    <t>Sharepoint, OracleAAFC has yet to define architecture for this class of application.SQL Server for Sharepoint and Oracle for reportingWindowsMS/SQL Server,MS/SQL Server,OracleSharepoint, OracleMS IIS</t>
  </si>
  <si>
    <t>ADThe value of 4 was selected in order to move this application''s architecture rating to High so that it shows up with a TIME status of "Tolerate".  wise, with a medium business value and high support cost it will be in the "migrate" or "eliminate" category.  This is a signal that this application should actually be reviewed.  In previous years this application had a High Technical rating.  Cameron Dickens said that STB (via Paul Faure) is looking at options but no plans at this time to replace.WindowsADWin7 and 2008</t>
  </si>
  <si>
    <t>Database, JavaOracle 11gLinux RHEL x86OracleDatabase, JavaRedhat Linux 5.10 (Tikanga)Apache</t>
  </si>
  <si>
    <t>JavaScript, PL/SQL, SQL, CSS, JQueryRated lower due to the coldfusion component (it is standard but is marked for containment)Oracle 11gOracle LinuxOracleJavaScript, PL/SQL, SQL, CSS, JQueryRed Hat Enterprise LinuxApache</t>
  </si>
  <si>
    <t>OS: Linux RHEL x86 / Red Hat Enterprise Linux Server release 6.5, Apache 2.2.3-91.el5; PL: Linux RHEL x86, Red Hat Enterprise Linux Server release 5.10; DB OS: HP-UX xi B.11.31 U ia64; : Spring, Hibernate, SiteMeshWeblogicRating of 2 due to the answer regarding extensibility (would require significant investment to be extensible)Rating 3 due to the data models not being current and/or not using standard toolsLinux RHEL x86OracleOS: Linux RHEL x86 / Red Hat Enterprise Linux Server release 6.5, Apache 2.2.3-91.el5; PL: Linux RHEL x86, Red Hat Enterprise Linux Server release 5.10; DB OS: HP-UX xi B.11.31 U ia64; : Spring, Hibernate, SiteMeshApache</t>
  </si>
  <si>
    <t>email, web hostingemail, web hostingLinux RedHat 5, will be upgraded to RHEL 6 at some point in the futureApache</t>
  </si>
  <si>
    <t>Cold fusion is marked for ContainmentOracle 11gLinux RHEL x86OracleApache</t>
  </si>
  <si>
    <t>MS Internet Explorer version 6.0.3790.3959 , Java version 1.4.2_13WindowsDB2,MySQL,MS Internet Explorer version 6.0.3790.3959 , Java version 1.4.2_13Apache</t>
  </si>
  <si>
    <t>Java Script, SQLOracle 11gLinux RHEL x86OracleJava Script, SQLRed Hat Enterprise LinuxApache</t>
  </si>
  <si>
    <t>SharePoint 2013, MSSQL 2008, Active Directory, Oracle 11gLinux RHEL x86,WindowsMS/SQL Server,MS/SQL Server,OracleSharePoint 2013, MSSQL 2008, Active Directory, Oracle 11gMS IIS</t>
  </si>
  <si>
    <t>CSS HTML JavaScriptThe value of 4 was selected in order to move this application''s architecture rating to high so that it shows up with a TIME status of "tolerate".  wise, with a low business value and high support cost it will be in the "eliminate" category.  This is a signal that this application should actually be reviewed.  An application with low business value and high support cost is not desirable.CSS HTML JavaScriptMS IIS</t>
  </si>
  <si>
    <t>SharePoint with Bamboo plug-inWindowsSharePoint with Bamboo plug-inMS IIS</t>
  </si>
  <si>
    <t>WeblogicScore of 1 is due to the fact that a non-standard database technology (TeamSite) is used.HPUX,Linux RHEL x86Oracle,Apache</t>
  </si>
  <si>
    <t>WeblogicScore of 1 is due to the fact that a non-standard database technology (TeamSite) is used.Apache</t>
  </si>
  <si>
    <t>Score of 1 due to the fact that a non-standard database technology (TeamSite) is used.HPUX,Linux RHEL x86Oracle,Apache</t>
  </si>
  <si>
    <t>PointfireWindowsMS/SQL Server,MS/SQL ServerPointfireMS IIS</t>
  </si>
  <si>
    <t>Rich front end of JavaScript libraries and frameworks.WeblogicOracleRich front end of JavaScript libraries and frameworks.Apache</t>
  </si>
  <si>
    <t>Java, Oracle DBMS, MSFT, PWGSC Messaging GatewayRuns on Oracle. Data model has not been updated with own custom tables.HPUXOracleJava, Oracle DBMS, MSFT, PWGSC Messaging GatewaySAP -ECC, BW, Solution Manager(SAP Monitoring) and Redwood( schedular software) Runs on UNIX.
Samba server  runs on a HPUX VM.
The content Servers run on Linux.
BOBJ and Uperform run on Windows</t>
  </si>
  <si>
    <t>Architecture is outdated and not departmental standards.WindowsSybase</t>
  </si>
  <si>
    <t>JavaScript, CSS,  sqlOracle LinuxOracleJavaScript, CSS,  sqlApache</t>
  </si>
  <si>
    <t>Coldfusion, Oracle, HPUXCF10, Oracle 11gOracle 11gLinux RHEL x86OracleColdfusion, Oracle, HPUXApache</t>
  </si>
  <si>
    <t>Oracle 11g, AAFC Online Wrapper, EmailCold fusion is marked for ContainmentOracle 11gLinux RHEL x86OracleOracle 11g, AAFC Online Wrapper, EmailApache</t>
  </si>
  <si>
    <t>Oracle, PeopleTools, Java, Weblogic +Customized.  Could not justify a "4" rating as the existing architecture can hardly be called current and realistically, I don''t think we''re migrating within the next 2 years.  Thus, I really had to give it a 2.WindowsOracleOracle, PeopleTools, Java, Weblogic +UNIX</t>
  </si>
  <si>
    <t>ASP, .NET, IIS, Microsoft.NetASP Classic and Access are used in this application, and they are not part of our architecture standards.WindowsASP, .NET, IIS, MicrosoftMS IIS</t>
  </si>
  <si>
    <t>Cognos, Informatica, Oracle, Sybase, Active Directory, AIX, HPUX, Samba, Web layer – ApacheAIX,HPUX,Linux RHEL x86Oracle,SybaseCognos, Informatica, Oracle, Sybase, Active Directory, AIX, HPUX, Samba, Web layer – ApacheApache</t>
  </si>
  <si>
    <t>Architecture is outdated and not departmental standards.According to the technical information there is no data model available.  The version of Sybase being used is version 12.0 which according to on-line information appears to be released in 1999 and thus is very old and almost certainly no longer supported.WindowsSybase</t>
  </si>
  <si>
    <t>?WindowsOracle?</t>
  </si>
  <si>
    <t>No database. It uses a SharePoint list transformed from data warehouseWindowsMS/SQL Server,MS/SQL ServerMS IIS</t>
  </si>
  <si>
    <t>The application has many non-core components and requires custom data replicationThe application uses Sybase but is not a COTSWindowsSybasex86 64bitWindows Server 2008</t>
  </si>
  <si>
    <t>Not fully compliantSybase &lt; 16WindowsSybaseWindows PC, MS Server 64 bit, Client 32 bitWindows Server 2008 R2, Desktop V7</t>
  </si>
  <si>
    <t>Cobol, ADSOIDMS, DB2z/OSIBM Mainframe, Websphere MQ, DB2 on Z/OS,  Control-MIBM Mainframe Z/OS</t>
  </si>
  <si>
    <t>Not fully compliantData Model not fully documented. SQL Server 2008 DB is marked for retirement.WindowsMS/SQL Server,MS/SQL Server,MS/SQL Server,MS/SQL ServerRuns on older Non Win 10 desktop platforms for Client App
DB Runs on Win 2008 Server. Adjustment of -1: Win 2008 Server is not current from vendor for at least 2 yearsDB server is on Win 2008 Server</t>
  </si>
  <si>
    <t>Many elements of CPCS Architecture are marked for containment (Powerbuilder, SQL Server 2008)
Does not conform to enterprise standard of using B2B to interface with the Moneris Payment Processing solutionProgress DatabaseWindowsServer 64 bitWindows , Server 2008, Desktop Version 7</t>
  </si>
  <si>
    <t>Thick Client/ServerSybaseWindowsSybase32 bit WindowsWindows Server 2008 plus Windows client</t>
  </si>
  <si>
    <t>Thick client / serverGemstoneWindowsx86 32 bitWindows Server</t>
  </si>
  <si>
    <t>Client serverProgress DatabaseWindowsServer 64 bitWindows , Server 2008, Desktop Version 7</t>
  </si>
  <si>
    <t>Not fully compliantMS SQL &lt; 2016WindowsWindows PC, MS Server 64 bit, Client 32 bitWindows MS Server 2008, Windows Desktop V7</t>
  </si>
  <si>
    <t>Client ServerProgress DatabaseWindowsDistributed Windows
Windows 64 bitLAN and single user. Server 2008, Desktop Version 7</t>
  </si>
  <si>
    <t>Not fully compliantSybase &lt; 16WindowsSybaseWindows PC, MS Server 64 bit, Client 32 bitWindows Server 2008 R2, Windows Desktop V7</t>
  </si>
  <si>
    <t>CobolDB2z/OSDB2MainframeZ/OS</t>
  </si>
  <si>
    <t>Self Service KiosksWebsphereABC uses it’s own Tables as well as recording passages via PC.  Data Model is not fully documented or current
Uses standard Db2 on z/OSz/OSDB2Self Service KiosksWin 2008 Server at Airports
Adjustment of -1: Win 2008 Server is not current from vendor for at least 2 yearsz/OS for applications Is in containment therefore score is reduced to 4</t>
  </si>
  <si>
    <t>WebsphereICS frame work using WEB serviceDB2z/OSDB2Mainframe, Java runs on WAS z/OS)IBM Mainframe Z/OS</t>
  </si>
  <si>
    <t>Access Pro
SQL Server
Adobe reader
MS Internet ExplorerASP.NET, Application Server with IIS 7.0, DB Server, w/s coponent (AccessPro Redaction)MS SQL Server 2008WindowsMS/SQL Server,MS/SQL Server,MS/SQL Server,MS/SQL ServerAccess Pro
SQL Server
Adobe reader
MS Internet ExplorerMicrosof Windows  x86/64-bit Platform&lt; Windows 10Windows Server 2008, Windows 7MS IIS</t>
  </si>
  <si>
    <t>MS Access, VBAMS AccessWindowsWindows 7</t>
  </si>
  <si>
    <t>DesktopMS AccessWindowsMS WindowsWindows version 7</t>
  </si>
  <si>
    <t>Self Service KiosksWebsphereSome stds in containment -z/OS, Java 1.6. Meets ASPDB2, Shares Pssage DB. Data Model is current. 
Score 4: IRIS Matcher DB is MQ SQL Server 2012 which is not current – SQL Server 2016z/OSDB2Self Service KiosksKiosk Server Application runs on zSeries Mainframe
Kiosk Application runs on CBSA Standard Workstation (Win 7)
IRIS Matcher and monitoring components run on VMs hosted on SSC standard virtualization infrastructureRuns on Windows 7 (Kiosk Application) 
Windows 2008 Server (IRIS Matcher + Monitoring) and 
z/OS (Kiosk Server App)</t>
  </si>
  <si>
    <t>???MS SQL Server 2005WindowsMS/SQL Server,MS/SQL Server,MS/SQL Server,MS/SQL ServerVM server - Windows 2008 Server x86Windows 2008</t>
  </si>
  <si>
    <t>WindowsOraclex86</t>
  </si>
  <si>
    <t>IIS/MSSQL/ASPMS SQL/Server 2008WindowsMS/SQL Server,MS/SQL Server,MS/SQL Server,MS/SQL ServerWindows Server 2008MS Windows server 2008</t>
  </si>
  <si>
    <t>Websphereweb basedIBM DB2 10.1.5
Sybase 15.7 EBF 21674
Sybase 15.0.3 EBF 16745
Oracle 11.1z/OSDB232-bitMicrosoft Windows V7</t>
  </si>
  <si>
    <t>Web ApplicationMS SQL Server 2008WindowsMS/SQL Server,MS/SQL Server,MS/SQL Server,MS/SQL ServerWindows Server 2008 - 64 bitWindows Server 2008</t>
  </si>
  <si>
    <t>Mainframe, Cobol, EasytrieveDB2, IDMSz/OSDB2,IBM Mainframe z/OSIBM Mainframe z/OS</t>
  </si>
  <si>
    <t>WebsphereGEC Data Model is documented and current as of R201.  DB2z/OSDB2Mainframez/OS USS - z/OS for applications Is in containment therefore score is reduced</t>
  </si>
  <si>
    <t>WebsphereEverything either web based or decoupled via MQDB2z/OSDB2IBM zSeries mainframez/OS</t>
  </si>
  <si>
    <t>Electronic Document ReadersWebsphereStds in Containment - Applets, Java 1.6 etc.DB2, DB Model is currentz/OSDB2Electronic Document ReadersVMWare x86/64-bitz/OS USS - z/OS for applications Is in containment therefore score is reduced</t>
  </si>
  <si>
    <t>Electronic Document Readers, License Plate Readers, RFID readers, Ruggedized touch screen monitorsWebsphereSome stds in containment -z/OS, Win 2008 Server, Java 1.6. Meets ASPDB2, DB Model is currentz/OSDB2Electronic Document Readers, License Plate Readers, RFID readers, Ruggedized touch screen monitorsLinux RHEL platformz/OS USS - z/OS for applications Is in containment therefore score is reduced</t>
  </si>
  <si>
    <t>Biometric scannersWebsphereConforms to architecture standards which are in containment (Google Web toolkit, runs on z/OS, Java 1.6, etc.) but widely in use (except GWT)DB2, Data Model is documented and currentz/OSDB2Biometric scannersMainframez/OS USS - z/OS for applications Is in containment therefore score is reduced</t>
  </si>
  <si>
    <t>Laboratory Information Mgmt SystemClient/ServerOracleWindowsSybaseLaboratory Information Mgmt SystemHPUX 4440HPUX 11.23/CIFS-SAMBA</t>
  </si>
  <si>
    <t>Electronic Document Readers, License Plate Readers, RFID readers, Ruggedized touch screen monitorsWebspherez/OSDB2Electronic Document Readers, License Plate Readers, RFID readers, Ruggedized touch screen monitorsMainframez/OS USS - z/OS for applications Is in containment therefore score is reduced</t>
  </si>
  <si>
    <t>Thick client / serverGemstoneWindowsx86 32bitWindows Server 2008</t>
  </si>
  <si>
    <t>COTS Targeting Software (Blaze)WebsphereConforms to SOA architecture and uses loosely coupled services. 
Uses MEI-B2B for external interface to Kiosks
Conforms to CBSA standard for Web Applications – Using JSF, MDBs etc.DB2 c/w Erwin modelsz/OSDB2COTS Targeting Software (Blaze)Mainframe (zOS)z/0S</t>
  </si>
  <si>
    <t>WebsphereMany elements of CPCS Architecture are marked for containment (Powerbuilder, SQL Server 2008)DB2z/OSDB2Mainframez/OS</t>
  </si>
  <si>
    <t>Radiation Detection Portals and portable Radiation detection devicesPlease note that this application is in review by the agency to be re-written in a more common language.DB2WindowsMS/SQL Server,MS/SQL Server,MS/SQL Server,MS/SQL ServerRadiation Detection Portals and portable Radiation detection devicesMicrosoft Windows  x86/64-bit Platform &lt; Windows 10Microsoft Windows Server 2003</t>
  </si>
  <si>
    <t>Sybase 16WindowsVMWare x86/64-bitWindows Server 2008</t>
  </si>
  <si>
    <t>Client\Server (Citrix)Sybase 15.3 (no Erwin)WindowsSybaseVMWare x86/64-bitWindows Server 2008MS IIS,</t>
  </si>
  <si>
    <t>Client\Server (Citrix)Sybase 15.3 (no Erwin)WindowsSybaseVMWare x86/64-bitWindows Server 2008</t>
  </si>
  <si>
    <t>Does not conform to enterprise standard of using B2B to interface with the RCMP for fingerprint verification and with CIC to receive biometric enrolment dataTRCS Data Model is not fully documented and not current
DB Platform is SQL Server 2008 which is not CBSA standard (DB2)WindowsSybaseRuns on older Non Win 10 desktop platforms for Client App
DB Runs on Win 2008 Server.  Adjustment of -1: Win 2008 Server is not current from vendor for at least 2 yearsDB server is on Win 2008 Server</t>
  </si>
  <si>
    <t>Cobol, ADS/OIDMSz/OSMainframeZ/OS</t>
  </si>
  <si>
    <t>Not fully compliantMS SQL &lt; 2016WindowsSybaseWindows PC, MS Server 64 bit, Client 32 bitWindows PC, Windows Server 2008, Windows Desktop V7</t>
  </si>
  <si>
    <t>Client/ServerIBM DB2z/OSDB2Microsof Windows  x86/64-bit Platform (Windows 10)Microsoft Windows (Server)</t>
  </si>
  <si>
    <t>WindowsMicrosoft Windows (desktop) V10</t>
  </si>
  <si>
    <t>COTS Web applicationMS SQL Server 2012WindowsMS/SQL Server,MS/SQL Server,MS/SQL Server,MS/SQL Serverx86Windows Server 2008</t>
  </si>
  <si>
    <t>Controlled access Gate (single site)Client serverSybase &lt; 16WindowsSybaseControlled access Gate (single site)MS Server 64 bit, Client 32 bit, Gate Controller Proprietary CANSECStand Alone PC, Windows, 1 site
Windows Server 2008 R2, Windows Desktop V7</t>
  </si>
  <si>
    <t>WebsphereDB2 c/w Erwin modelsz/OSDB2Mainframe (zOS)z/0S</t>
  </si>
  <si>
    <t>Not fully compliantProgress DatabaseWindowsWindows Server 2008 64 bitWindows Server 2008</t>
  </si>
  <si>
    <t>IIS/MSQL/ASPMS SQL Server 2005WindowsMS/SQL Server,MS/SQL Server,MS/SQL Server,MS/SQL ServerVMWare x86/64-bitWindows Server 2008
Windows 7 &amp; 10MS IIS</t>
  </si>
  <si>
    <t>WebsphereIBM DB2 Z/OS V11z/OSDB2x.86, IBM zSeries Mainframe PlatformsMicrosoft Windows (server) V2016, z/OS</t>
  </si>
  <si>
    <t>WebsphereUses older JDBC/Socket connectsDB2 on z/OSz/OSIBM zSeries mainframez/OS</t>
  </si>
  <si>
    <t>WebsphereDecoupled from consumersz/OSDB2SPARCSOLARIS</t>
  </si>
  <si>
    <t>WindowsSybaseMS Windows 
Server 2008</t>
  </si>
  <si>
    <t>DB2 c/w Erwin modelsz/OSDB2Mainframe (zOS)z/0S</t>
  </si>
  <si>
    <t>IIS, MS SQL, MS Windows ServerMS SQL Server 2005WindowsVMWare x86/64-bitMS Windows (server) 2008MS IIS</t>
  </si>
  <si>
    <t>Web, RESTMS SQL Server 2014 Enterprise, JPA 2.1, Hibernate 4.3WindowsVMWare 64bit on Blade serversMS Server 2008 Standard (4 versions back)
Mainstream support ended on 13 January 2015.
Extended support ends on 14 January 2020.</t>
  </si>
  <si>
    <t>Sybase 16WindowsSybaseVMWare x86/64-bitWindows Server 2008</t>
  </si>
  <si>
    <t>Windows Server, IIS, MSSQLMS SQL/ServerWindowsMS/SQL Server,MS/SQL Server,MS/SQL Server,MS/SQL ServerMS Windows (server) 2008MS Windows (server) 2008</t>
  </si>
  <si>
    <t>Web ApplicationMS SQL Server 2008WindowsMS/SQL Server,MS/SQL Server,MS/SQL Server,MS/SQL ServerMicrosof Windows  x86/64-bit Platform &lt; Windows 10Windows server 2008MS IIS</t>
  </si>
  <si>
    <t>Web based (Atlas) -- IIS, Windows ServerMS Access 2017Windowsx86Windows (( on Kastor: testing environment for Atlas)</t>
  </si>
  <si>
    <t>SQL ServerMS SQL ServerWindowsMS/SQL Server,MS/SQL Server,MS/SQL Server,MS/SQL ServerMS WindowsWindows version 7</t>
  </si>
  <si>
    <t>TomcatWeb based, API function disabledPostgresSQL 9WindowsVMWare x86/64-bitWindows Server 2008Apache</t>
  </si>
  <si>
    <t>MainframeIBM DB2z/OSDB2Mainframe Unix System Servicesz/OS, Mainframe</t>
  </si>
  <si>
    <t>WEBSybase 16z/OSDB2VMWare on Blade serversWindows Server 2008 standard</t>
  </si>
  <si>
    <t>WebsphereDoes not conform to enterprise standard of using B2B to interface with the U.S. CBP (GOES  / GES)DB2, Data Model for CANSAsync and PCSExchange are documented in the ADS Part 4 and currentz/OSDB2Mainframez/OS USS - z/OS for applications Is in containment therefore score is reduced</t>
  </si>
  <si>
    <t>TomcatPostgreSQL v9.0WindowsMobile Application -  (WinWindows Server 2008 Std SP2</t>
  </si>
  <si>
    <t>COTS (.NET)MS SQL Server 2008WindowsMS/SQL Server,MS/SQL Server,MS/SQL Server,MS/SQL Serverx86Windows Server 2008, Windows 7 (desktop)</t>
  </si>
  <si>
    <t>software as a serviceWindows32 Bits Windows</t>
  </si>
  <si>
    <t>Suse Linux, Oracle 11g, Windows server (reporting)OracleOracleWindows Server 2008 reporting, Suse OracleWindows Server 2008 and Linux</t>
  </si>
  <si>
    <t>Web ApplicationMS SQL Server 2008WindowsMS/SQL Server,MS/SQL Server,MS/SQL Server,MS/SQL ServerMicrosof Windows  x86/64-bit Platform &lt; Windows 10Windows server 2008</t>
  </si>
  <si>
    <t>PBHC Architecture 
3-tierMS SQL Server 2008WindowsMS/SQL Server,MS/SQL Server,MS/SQL Server,MS/SQL Serverx86Windows Server 2008</t>
  </si>
  <si>
    <t>COTS Web applicationMS SQL Server 2012WindowsVMWare x86/64-bitMicrosoft Windows (server) V&lt;2016
Microsoft Windows (desktop)</t>
  </si>
  <si>
    <t>WebsphereDecoupled using MQDB2z/OSDB2IBM zSeries mainframez/OS</t>
  </si>
  <si>
    <t>COTSMS SQL Server 2012WindowsVMWare x86/64-bitWindows server 2008Apache</t>
  </si>
  <si>
    <t>.Net,COTS - IIS, MSSQL, .NETCOTS - MS SQL 2008WindowsMS/SQL Server,MS/SQL Server,MS/SQL Server,MS/SQL ServerMS Windows Server 2008MS Windows Server 2008MS IIS</t>
  </si>
  <si>
    <t>Client-Server, WEB basedWindowsVMWare x86/64-bitWindows Server 2008</t>
  </si>
  <si>
    <t>REST client-serverPostgre 9.0.3WindowsWindows AMD 64-BitWindows Server 2008</t>
  </si>
  <si>
    <t>Web basedx86Windows Server 2008</t>
  </si>
  <si>
    <t>SQL Server 2012WindowsVMWare x86/64-bitMicrosoft Windows Server 2008 Std R2</t>
  </si>
  <si>
    <t>Desktop application, cannot be extended, etc..SQL Server 2008WindowsMS/SQL Server,MS/SQL Server,MS/SQL Server,MS/SQL Serverx86/32 bitWindows  7</t>
  </si>
  <si>
    <t>COTS _ Adobe Central IIS, Windows ServerWindows Server 2008MS IIS</t>
  </si>
  <si>
    <t>KioskWe have Web Services(SOAP, REST), Mobile Architecture and also Client/ServerMS-SQLWindowsMS/SQL Server,MS/SQL Server,MS/SQL Server,MS/SQL ServerKioskMicrosoft Windows (Server)Microsoft Windows (Server)</t>
  </si>
  <si>
    <t>WebsphereDB2 c/w Erwin modelsz/OSDB2Mainframe (zOS)z/OS</t>
  </si>
  <si>
    <t>Web applicationsMS SQL Server 2008WindowsMS/SQL Server,MS/SQL Serverx86Windows Server 2008 R2</t>
  </si>
  <si>
    <t>WebsphereCOTS/IBM-Sterling B2B Intgrator (SBI)Solaris SparcDB2VMWare x86/64-bitLinux</t>
  </si>
  <si>
    <t>PostgreSQL v9.0Windowsx86Windows Server 2008 Std SP2</t>
  </si>
  <si>
    <t>Websphereweb basedIBM PureData System for Analytics V7.2Linux RHEL x86,Solaris x86DB2,32-bitMicrosoft Windows 2008 server
Microsoft Windows 7 workstation</t>
  </si>
  <si>
    <t>WebsphereJ2EEDB2z/OSDB2Mainframez/OS</t>
  </si>
  <si>
    <t>Client/Server Architecture (Desktop applications)IBM PureData System for Analytics V7.2
IBM DB2 LUW V10.5Linux x86/64-bitLinux 6.5</t>
  </si>
  <si>
    <t>WebsphereClient/Server Architecture (Desktop applications)
As well as web-based for clients.IBM PureData System for Analytics V7.2 (Netezza)
.IBM DB2 LUW V10.5
.DB2 Z/os in legacy only.Cognos: VMWare x86/64-bit
.DataStage: Linux x86_64
.CDC: not sure.Cognos: Windows 2008 Server
.DataStage: Red Hat Enterprise Linux Server release 6.8 (Santiago)
.CDC: Windows 2008 Server</t>
  </si>
  <si>
    <t>Thick client / serverGemstoneWindowsx86 32 bitWindows 7/10 Client and Windows Server 2008</t>
  </si>
  <si>
    <t>WindowsOracleMS IIS</t>
  </si>
  <si>
    <t>Architecture must be decommissioned and this software is replaced by a newer version.WindowsOracle</t>
  </si>
  <si>
    <t>FTP;z/OSDB2FTP;</t>
  </si>
  <si>
    <t>FTP; SMTP;z/OSDB2FTP; SMTP;</t>
  </si>
  <si>
    <t>Linux RHEL x86DB2</t>
  </si>
  <si>
    <t>AD; LDAP; Scripts - SHELL; SMTP; Web Experience Toolkit (WET);Solaris SparcOracleAD; LDAP; Scripts - SHELL; SMTP; Web Experience Toolkit (WET);Apache</t>
  </si>
  <si>
    <t>JavaScript; Struts2; Web Experience Toolkit (WET);Weblogicz/OSJavaScript; Struts2; Web Experience Toolkit (WET);</t>
  </si>
  <si>
    <t>Scripts - SHELL;Linux SLES x86DB2Scripts - SHELL;</t>
  </si>
  <si>
    <t>Apache HTTP Server; CVS; SOAP; Struts2;Weblogicz/OSDB2Apache HTTP Server; CVS; SOAP; Struts2;</t>
  </si>
  <si>
    <t>Apache HTTP Server; CVS;Weblogicz/OSDB2Apache HTTP Server; CVS;</t>
  </si>
  <si>
    <t>Scripts - SHELL;Linux RHEL x86DB2Scripts - SHELL;Apache</t>
  </si>
  <si>
    <t>CVS;WeblogicCVS;</t>
  </si>
  <si>
    <t>Scripts - SHELL;WebsphereDB2Scripts - SHELL;</t>
  </si>
  <si>
    <t>CVS;Weblogicz/OSDB2CVS;</t>
  </si>
  <si>
    <t>FTP; Struts2; Web Experience Toolkit (WET);WeblogicFTP; Struts2; Web Experience Toolkit (WET);</t>
  </si>
  <si>
    <t>AD; SMTP;.Net,WindowsMS/SQL Server,MS/SQL ServerAD; SMTP;Apache,MS IIS</t>
  </si>
  <si>
    <t>WeblogicWindowsDB2</t>
  </si>
  <si>
    <t>Struts2; Web Experience Toolkit (WET);Weblogicz/OSDB2Struts2; Web Experience Toolkit (WET);</t>
  </si>
  <si>
    <t>FTP; SMTP;Linux RHEL x86DB2FTP; SMTP;</t>
  </si>
  <si>
    <t>Linux on Z RHELDB2</t>
  </si>
  <si>
    <t>z/OSDB2</t>
  </si>
  <si>
    <t>JavaScript;WindowsOracleJavaScript;MS IIS</t>
  </si>
  <si>
    <t>CVS; FTP; Scripts - SHELL;Linux on Z RHELDB2CVS; FTP; Scripts - SHELL;</t>
  </si>
  <si>
    <t>FTP;Linux on Z RHELDB2FTP;</t>
  </si>
  <si>
    <t>FTP; Scripts - SHELL;Linux on Z RHELDB2FTP; Scripts - SHELL;</t>
  </si>
  <si>
    <t>Struts2;z/OSDB2Struts2;</t>
  </si>
  <si>
    <t>FTP;Linux RHEL x86DB2FTP;</t>
  </si>
  <si>
    <t>FTP;Solaris x86DB2FTP;</t>
  </si>
  <si>
    <t>Struts; Web Experience Toolkit (WET);Weblogicz/OSStruts; Web Experience Toolkit (WET);Apache,</t>
  </si>
  <si>
    <t>FTP;z/OSDB2,FTP;</t>
  </si>
  <si>
    <t>FTP; SMTP;z/OSDB2,FTP; SMTP;</t>
  </si>
  <si>
    <t>FTP;z/OSFTP;</t>
  </si>
  <si>
    <t>BSAFE;z/OSBSAFE;</t>
  </si>
  <si>
    <t>Web Experience Toolkit (WET);WeblogicWeb Experience Toolkit (WET);</t>
  </si>
  <si>
    <t>CVS; JavaScript;Weblogicz/OSDB2CVS; JavaScript;</t>
  </si>
  <si>
    <t>SMTP;z/OSDB2,SMTP;</t>
  </si>
  <si>
    <t>FTP;Weblogicz/OSDB2FTP;</t>
  </si>
  <si>
    <t>Struts2;z/OSStruts2;Apache</t>
  </si>
  <si>
    <t>ASP.NET; FTP;z/OSDB2ASP.NET; FTP;</t>
  </si>
  <si>
    <t>CVS; iText; JASPER Reports;Weblogicz/OSDB2CVS; iText; JASPER Reports;</t>
  </si>
  <si>
    <t>Struts;WeblogicStruts;Apache</t>
  </si>
  <si>
    <t>Struts;WeblogicWindowsDB2Struts;</t>
  </si>
  <si>
    <t>Struts;WeblogicSolaris SparcStruts;Apache</t>
  </si>
  <si>
    <t>FTP; LDAP; Scripts - SHELL;Solaris SparcDB2FTP; LDAP; Scripts - SHELL;</t>
  </si>
  <si>
    <t>Struts;WeblogicSolaris SparcDB2Struts;</t>
  </si>
  <si>
    <t>FTP; Struts;WeblogicSolaris SparcDB2FTP; Struts;</t>
  </si>
  <si>
    <t>FTP;WindowsOracleFTP;</t>
  </si>
  <si>
    <t>CVS; FTP; JavaMail; SMTP;Weblogicz/OSDB2CVS; FTP; JavaMail; SMTP;</t>
  </si>
  <si>
    <t>ASP.NET;Weblogicz/OSDB2ASP.NET;</t>
  </si>
  <si>
    <t>ASP.NET; FTP;Tomcat,WebsphereHPUX,z/OSDB2ASP.NET; FTP;Apache,</t>
  </si>
  <si>
    <t>Struts2; Web Experience Toolkit (WET);WeblogicStruts2; Web Experience Toolkit (WET);Apache</t>
  </si>
  <si>
    <t>ASP.NET;WindowsDB2ASP.NET;MS IIS</t>
  </si>
  <si>
    <t>Apache HTTP Server; CVS;Weblogicz/OSApache HTTP Server; CVS;Apache</t>
  </si>
  <si>
    <t>Apache HTTP Server; CVS; JavaScript;Weblogicz/OSApache HTTP Server; CVS; JavaScript;Apache</t>
  </si>
  <si>
    <t>FTP;FTP;</t>
  </si>
  <si>
    <t>Struts;Weblogicz/OSStruts;</t>
  </si>
  <si>
    <t>JavaScript; Struts;z/OSDB2JavaScript; Struts;</t>
  </si>
  <si>
    <t>FTP;Weblogicz/OSFTP;</t>
  </si>
  <si>
    <t>Struts;Weblogicz/OSDB2Struts;</t>
  </si>
  <si>
    <t>JavaScript; Web Experience Toolkit (WET);WeblogicSolaris SparcJavaScript; Web Experience Toolkit (WET);Apache</t>
  </si>
  <si>
    <t>ASP.NET;WindowsMS/SQL Server,MS/SQL ServerASP.NET;</t>
  </si>
  <si>
    <t>FTP; JavaScript; SMTP; Struts;Weblogicz/OSFTP; JavaScript; SMTP; Struts;Apache</t>
  </si>
  <si>
    <t>CVS; Struts;Weblogicz/OSDB2CVS; Struts;</t>
  </si>
  <si>
    <t>CVS; JASPER Reports;WeblogicWindowsCVS; JASPER Reports;</t>
  </si>
  <si>
    <t>iText; JASPER Reports;Weblogicz/OSDB2iText; JASPER Reports;</t>
  </si>
  <si>
    <t>Web Experience Toolkit (WET);WeblogicWeb Experience Toolkit (WET);Apache</t>
  </si>
  <si>
    <t>AD; JavaScript; Web Experience Toolkit (WET);WeblogicLinux on Z RHELAD; JavaScript; Web Experience Toolkit (WET);Apache</t>
  </si>
  <si>
    <t>JavaMail;Weblogicz/OSDB2JavaMail;</t>
  </si>
  <si>
    <t>CVS; FTP; SMTP; Struts2;Weblogicz/OSDB2CVS; FTP; SMTP; Struts2;</t>
  </si>
  <si>
    <t>FTP; Scripts - SHELL;Solaris x86DB2FTP; Scripts - SHELL;</t>
  </si>
  <si>
    <t>Scripts - SHELL;Linux RHEL x86DB2Scripts - SHELL;</t>
  </si>
  <si>
    <t>FTP;WeblogicWindowsDB2FTP;</t>
  </si>
  <si>
    <t>AD; JavaMail;TomcatWindowsAD; JavaMail;Apache</t>
  </si>
  <si>
    <t>Struts; Web Experience Toolkit (WET);Weblogicz/OSDB2Struts; Web Experience Toolkit (WET);</t>
  </si>
  <si>
    <t>Struts; Web Experience Toolkit (WET);WeblogicStruts; Web Experience Toolkit (WET);Apache</t>
  </si>
  <si>
    <t>CVS; Struts2; Web Experience Toolkit (WET);z/OSDB2CVS; Struts2; Web Experience Toolkit (WET);Apache</t>
  </si>
  <si>
    <t>Axis;WeblogicAxis;Apache</t>
  </si>
  <si>
    <t>Struts2; Web Experience Toolkit (WET);WeblogicStruts2; Web Experience Toolkit (WET);</t>
  </si>
  <si>
    <t>Windows 2003 server and up-+ DBWindowsMS/SQL Server,MS/SQL ServerWindows 2003 server and up-+ DBMS IIS</t>
  </si>
  <si>
    <t>Open Source - Moodle, Drupal, KalturaMySQLOpen Source - Moodle, Drupal, KalturaApache</t>
  </si>
  <si>
    <t>Windows 2003 server and up-+ DBWindowsMS/SQL Server,MS/SQL ServerWindows 2003 server and up-+ DBvirtual serversMS IIS</t>
  </si>
  <si>
    <t>Windows server 2008 and db 2008WindowsMS/SQL Server,MS/SQL ServerWindows server 2008 and db 2008MS IIS</t>
  </si>
  <si>
    <t>Windows 2003 serverWindowsWindows 2003 serverMS IIS</t>
  </si>
  <si>
    <t>noneApplication structure is very complex.Data model is not current.WindowsOraclenone(4 raw - 1 adjustment) not current for 2 years.(5 raw - 1) not current for 2 years.MS IIS</t>
  </si>
  <si>
    <t>none3 base - 2 Data model / documentation is not available -1 Lack of quality control = 0WindowsOraclenoneAll standard hardware platforms as specified by CFIA.(5 raw - 1) not current for 2 years.MS IIS</t>
  </si>
  <si>
    <t>noneOld version of Oracle Forms.(2 raw - 2 adjustment )Data model is not fully documentedWindowsOraclenoneNot tested on  OS environments. (4 raw - 1 adjustment) not current for 2 years.(5 raw - 1) not current for 2 years.MS IIS</t>
  </si>
  <si>
    <t>noneNo scalability. (2 raw - 1adjustment) the application has been customized.(5 raw - 2 adjustment) Data model / documentation is not available.WindowsOraclenoneNot tested on  OS environments. (4 raw - 2 adjustment) not current and no longer supported(5 raw - 1) not current for 2 years.MS IIS</t>
  </si>
  <si>
    <t>noneOld version of Oracle Forms.(2 raw - 2 adjustment )Data model is not fully documentedWindowsOraclenoneNot tested on  OS environments. (4 raw - 1adjustment) not current for 2 years.(5 raw - 1) not current for 2 years.MS IIS</t>
  </si>
  <si>
    <t>noneNo roadmap identified.(5 raw -3 adjustment) No data model clearly documented and not good.WindowsOraclenone(on w2k12MS IIS</t>
  </si>
  <si>
    <t>noneNo roadmap identified.(5 raw -3 adjustment) No data model clearly documented and not good.WindowsMS/SQL Server,MS/SQL Servernone(4 raw - 1adjustment) not current for 2 years.(4 raw - 1 adjustment) not current for 2 years.MS IIS</t>
  </si>
  <si>
    <t>none(5 raw -1 adjustment) Data model not available.WindowsOraclenone(5 raw - 1) not current for 2 years.MS IIS</t>
  </si>
  <si>
    <t>none0WindowsMS/SQL Server,MS/SQL ServernoneNot tested on  OS environments. (4 raw - 1adjustment) not current for 2 years.(5 raw - 1) not current for 2 years.MS IIS</t>
  </si>
  <si>
    <t>nonecomplex application logicData model is not current.WindowsMS/SQL Server,MS/SQL Servernone(3raw - 1 adjustment) not current for 2 years.on w2k12MS IIS</t>
  </si>
  <si>
    <t>noneNo roadmap identified.(3 raw -3 adjustment) No data model clearly documented and not good. Ms accessWindowsnoneon w2k12MS IIS</t>
  </si>
  <si>
    <t>nonems accessWindowsnone(4 raw - 1 adjustment) not current for 2 years.on w2k12MS IIS</t>
  </si>
  <si>
    <t>noneNo scalability. (2 raw - 1 adjustment) the application has been customized.(5 raw - 3 adjustment) Data model / documentation is not available.WindowsOraclenoneNot tested on  OS environments. (4 raw - 1 adjustment) not current for 2 years.on wk212MS IIS</t>
  </si>
  <si>
    <t>noneavailable.WindowsOraclenoneNot tested on  OS environments. (4 raw - 1 adjustment) not current for 2 years.on w2k12MS IIS</t>
  </si>
  <si>
    <t>none(WindowsOraclenoneon w2k12MS IIS</t>
  </si>
  <si>
    <t>noneWindowsOraclenone(on w2k12MS IIS</t>
  </si>
  <si>
    <t>noneOld version of Oracle Forms.(2 raw - 2 adjustment )Data model is not fully documentedWindowsOraclenoneNot tested on  OS environments. (2 raw - 2 adjustment) not current for 2 years.on w2k12MS IIS</t>
  </si>
  <si>
    <t>noneNo scalability. (2 raw - 1 adjustment) the application has been customized.(5 raw - 3 adjustment) Data model / documentation is not available.WindowsOraclenoneNot tested on  OS environments. (4 raw - 1 adjustment) not current for 2 years.(5 raw - 1) not current for 2 years.MS IIS</t>
  </si>
  <si>
    <t>none(4 raw - 1) not part of standardsNo Data model.WindowsOraclenone(4 raw - 1) not current for 2 years.(5 raw - 1) not current for 2 years.MS IIS</t>
  </si>
  <si>
    <t>none(5 raw - 2 adjustment) No data model fully documented and the database is a version that is not current.WindowsOraclenone(4 raw - 1 adjustment) not current for 2 years.(5 raw - 1) not current for 2 years.Apache</t>
  </si>
  <si>
    <t>nonedata model not currentWindowsOraclenonenot current for 2 years(5 raw - 1) not current for 2 years.MS IIS</t>
  </si>
  <si>
    <t>noneData model is not current.WindowsOraclenone(4 raw - 1 adjustment) not current for 2 years.(5 raw - 1) not current for 2 years.MS IIS</t>
  </si>
  <si>
    <t>noneNo scalability. (2 raw - 1 adjustment) the application has been customized.(5 raw - 2 adjustment) Data model / documentation is not available.WindowsOraclenoneNot tested on  OS environments. (4 raw - 2 adjustment) not current and no longer supported(5 raw - 1) not current for 2 years.MS IIS</t>
  </si>
  <si>
    <t>nonecomplex program to modifydata model not currentWindowsOraclenone(4 raw - 1 adjustment) not current for 2 years.(5 raw - 1) not current for 2 years.MS IIS</t>
  </si>
  <si>
    <t>nonecomplex program to modifyData model is not current.WindowsOraclenone(4 raw - 1 adjustment) not current for 2 years.(5 raw - 1) not current for 2 years.MS IIS</t>
  </si>
  <si>
    <t>nonecpmplex program to modifydata model not currentWindowsOraclenone(4 raw - 1 adjustment) not current for 2 years.(5 raw - 1) not current for 2 years.MS IIS</t>
  </si>
  <si>
    <t>nonedata model not currentWindowsOraclenone(4 raw - 1 adjustment) not current for 2 years.(5 raw - 1) not current for 2 years.MS IIS</t>
  </si>
  <si>
    <t>none(5 raw - 3 adjustment) Data model / documentation is not available.WindowsOraclenoneNot tested on  OS environments. (4 raw - 1 adjustment) not current for 2 years.(5 raw - 1) not current for 2 years.MS IIS</t>
  </si>
  <si>
    <t>none(2 raw - 2 adjustment )Data model is not fully documentedWindowsOraclenoneNot tested on  OS environments. (4 raw - 1 adjustment) not current for 2 years.(5 raw - 1) not current for 2 years.MS IIS</t>
  </si>
  <si>
    <t>nonerequire extensive modification to import new programsdata model not currentWindowsOraclenone(4 raw - 1 adjustment) not current for 2 years.(5 raw - 1) not current for 2 years.MS IIS</t>
  </si>
  <si>
    <t>nonedata model is not currentWindowsOraclenone(5 raw - 1) not current for 2 years.Apache</t>
  </si>
  <si>
    <t>none(2 raw - 2 adjustment )Data model is not fully documentedWindowsnone(1 raw - 1 adjusted) 16 bits applications(5 raw - 1) not current for 2 years.MS IIS</t>
  </si>
  <si>
    <t>none(5 raw -3 adjustment) No data model clearly documented and not good.WindowsOraclenone(4 raw - 1adjustment) not current for 2 years.(5 raw - 1) not current for 2 years.MS IIS</t>
  </si>
  <si>
    <t>noneWindowsOraclenone(4 raw - 1) not current for 2 years.(5 raw - 1) not current for 2 years.MS IIS</t>
  </si>
  <si>
    <t>noneNo scalability. (2 raw - 1 adjustment) the application has been customized.WindowsOraclenoneNot tested on  OS environments. (4 raw - 2 adjustment) not current and no longer supported(5 raw - 1) not current for 2 years.MS IIS</t>
  </si>
  <si>
    <t>noneWindowsOraclenone(4 raw - 1 adjustment) not current for 2 years.being deployed on w2k12MS IIS</t>
  </si>
  <si>
    <t>noneComplex programs to modified.WindowsOraclenone(2 raw - 1 adjustment) not current for 2 years.on WK212MS IIS</t>
  </si>
  <si>
    <t>noneno capability to meet current architectureWindowsOraclenone(2 raw - 1 adjustment) not current for 2 years.(4 raw) not current for 2 years.MS IIS</t>
  </si>
  <si>
    <t>nonecomplex application to modify.WindowsOraclenone(4 raw - 1adjustment) not current for 2 years.(5 raw - 1) not current for 2 years.MS IIS</t>
  </si>
  <si>
    <t>noneWindowsMS/SQL Server,MS/SQL Servernone(5 raw - 1) not current for 2 years.MS IIS</t>
  </si>
  <si>
    <t>noneJira Data model comes from AtlassianWindowsOraclenoneCFIA Oracle 10g DB is used to host Jira data.(5 raw - 1) not current for 2 years.MS IIS</t>
  </si>
  <si>
    <t>noneWindowsOraclenone(5 raw - 1) not current for 2 years.MS IIS</t>
  </si>
  <si>
    <t>noneWindowsOraclenoneUse Windows XP/2003 and Oracle Servers(5 raw - 1) not current for 2 years.MS IIS</t>
  </si>
  <si>
    <t>OracleWindowsOracleVirtual Machine(5 raw - 1) not current for 2 years.MS IIS</t>
  </si>
  <si>
    <t>PostgreSQLWindowsOracle(5 raw - 1) not current for 2 years.MS IIS</t>
  </si>
  <si>
    <t>WindowsMS/SQL Server,MS/SQL Server(5 raw - 1) not current for 2 years.MS IIS</t>
  </si>
  <si>
    <t>noneData nodel not currentWindowsOraclenoneon w2k212MS IIS</t>
  </si>
  <si>
    <t>complex programdata model not currentWindows(4 raw - 1 adjustment) not current for 2 years.(5 raw - 1) not current for 2 years.MS IIS</t>
  </si>
  <si>
    <t>WindowsOracle(5 raw - 1) not current for 2 years.MS IIS</t>
  </si>
  <si>
    <t>No scalability. (2 raw - 1 adjustment) the application has been customized(5 raw - 3 adjustment) Data model / documentation is not available.WindowsOracleNot tested on  OS environments. (4 raw - 1 adjustment) not current for 2 years.(5 raw - 1) not current for 2 years.MS IIS</t>
  </si>
  <si>
    <t>complex program to modifydata model not currentWindowsOracle(4 raw - 1 adjustment) not current for 2 years.(5 raw - 1) not current for 2 years.MS IIS</t>
  </si>
  <si>
    <t>complex program to modifyData model is not current.WindowsOracle(4 raw - 1 adjustment) not current for 2 years.(5 raw - 1) not current for 2 years.MS IIS</t>
  </si>
  <si>
    <t>(5 raw - 3 adjustment) Data model / documentation is not available.WindowsOracleNot tested on  OS environments. (4 raw - 1 adjustment) not current for 2 years.(5 raw - 1) not current for 2 years.MS IIS</t>
  </si>
  <si>
    <t>complex programdata model not currentWindowsOracle(4 raw - 1 adjustment) not current for 2 years.(5 raw - 1) not current for 2 years.MS IIS</t>
  </si>
  <si>
    <t>data model not currentWindowsOracle(4 raw - 1 adjustment) not current for 2 years.(5 raw - 1) not current for 2 years.MS IIS</t>
  </si>
  <si>
    <t>data model is not currentWindowsOracle(5 raw - 1) not current for 2 years.MS IIS</t>
  </si>
  <si>
    <t>data model is not currentWindowsOracle(4 raw - 1 adjustment) not current for 2 years.(5 raw - 1) not current for 2 years.MS IIS</t>
  </si>
  <si>
    <t>data model not currentWindowsMS/SQL Server,MS/SQL Server(4 raw - 1 adjustment) not current for 2 years.(5 raw - 1) not current for 2 years.MS IIS</t>
  </si>
  <si>
    <t>noneNo roadmap identified.WindowsnoneWindows 7(5 raw - 1) not current for 2 years.MS IIS</t>
  </si>
  <si>
    <t>noneroadmap identified.WindowsnoneWindows 7(5 raw - 1) not current for 2 years.MS IIS</t>
  </si>
  <si>
    <t>roadmap identified.WindowsWindows 7(5 raw - 1) not current for 2 years.MS IIS</t>
  </si>
  <si>
    <t>(4 raw - 1) not part of standardsNo Data model.Windows(4 raw - 1) not current for 2 years.(5 raw - 1) not current for 2 years.MS IIS</t>
  </si>
  <si>
    <t>roadmap identified.WindowsWindows 7Windows 7MS IIS</t>
  </si>
  <si>
    <t>noneroadmap identified.WindowsnoneWindows 7Windows 7MS IIS</t>
  </si>
  <si>
    <t>No roadmap identified.(3 raw -3 adjustment) No data model clearly documented and not good.Windows(4 raw - 1 adjustment) not current for 2 years.(5 raw - 1) not current for 2 years.MS IIS</t>
  </si>
  <si>
    <t>Old version of Oracle Forms.(2 raw - 2 adjustment )Data model is not fully documentedWindowsNot tested on  OS environments. (4 raw - 1adjustment) not current for 2 years.(5 raw - 1) not current for 2 years.MS IIS</t>
  </si>
  <si>
    <t>Excel provides access to data that is normally stored in  databases such as SAP but does not really offer much in terms of database.Windows(5 raw - 1) not current for 2 years.MS IIS</t>
  </si>
  <si>
    <t>00Windows00MS IIS</t>
  </si>
  <si>
    <t>No roadmap identified.WindowsWindows 8(5 raw - 1) not current for 2 years.MS IIS</t>
  </si>
  <si>
    <t>WindowsOracleNot tested on  OS environments. (4 raw - 1 adjustment) not current for 2 years.(5 raw -1) not current for 2 yearsMS IIS</t>
  </si>
  <si>
    <t>WindowsOracle(5 raw - 1) not current for 2 yearsMS IIS</t>
  </si>
  <si>
    <t>WindowsOracle(5 raw -1) not current for 2 yearsMS IIS</t>
  </si>
  <si>
    <t>Windows(5 raw - 1) not current for 2 yearsMS IIS</t>
  </si>
  <si>
    <t>Windows(5 raw -1) not current for 2 yearsMS IIS</t>
  </si>
  <si>
    <t>Windows(5 raw - 1) not current for 2 years.MS IIS</t>
  </si>
  <si>
    <t>WindowsMS/SQL Server,MS/SQL Server(5 raw -1) not current for 2 yearsMS IIS</t>
  </si>
  <si>
    <t>TomcatMSSQLWindowsMS/SQL Server,MS/SQL Server</t>
  </si>
  <si>
    <t>WindowsMySQL</t>
  </si>
  <si>
    <t>TomcatWindows</t>
  </si>
  <si>
    <t>SQLWindowsMS/SQL Server,MS/SQL ServerSQL</t>
  </si>
  <si>
    <t>.Net, DevExpress.NetWindowsMS/SQL Server,MS/SQL Server.Net, DevExpress</t>
  </si>
  <si>
    <t>ORACLE, Web browserWeblogicWindowsOracleORACLE, Web browser</t>
  </si>
  <si>
    <t>VB6, COM+, SQL, .NET, WPF, WCF, LINQ.NetWindowsMS/SQL Server,MS/SQL ServerVB6, COM+, SQL, .NET, WPF, WCF, LINQ</t>
  </si>
  <si>
    <t>Oracle, UperformWindowsOracleOracle, Uperform</t>
  </si>
  <si>
    <t>Active DirectoryWindowsMS/SQL Server,MS/SQL ServerActive DirectoryMS IIS</t>
  </si>
  <si>
    <t>WindowsSybaseMS IIS</t>
  </si>
  <si>
    <t>LOUIS, Excel, AdobeWindowsMS/SQL Server,MS/SQL ServerLOUIS, Excel, AdobeMS IIS</t>
  </si>
  <si>
    <t>LOUIS, HRIS, Excel, OPRTWindowsSybaseLOUIS, HRIS, Excel, OPRTMS IIS</t>
  </si>
  <si>
    <t>LOUISWindowsSybaseLOUISMS IIS</t>
  </si>
  <si>
    <t>HRIS, Excel, AdobeWindowsSybaseHRIS, Excel, AdobeMS IIS</t>
  </si>
  <si>
    <t>LOUIS, Windows Store Application Framework, Windows Presentation Foundation, SyncFusion Mobile Components, Panasonic Tablet SDK.NetWindowsMS/SQL Server,MS/SQL ServerLOUIS, Windows Store Application Framework, Windows Presentation Foundation, SyncFusion Mobile Components, Panasonic Tablet SDK</t>
  </si>
  <si>
    <t>Financial SystemWindowsMS/SQL Server,MS/SQL ServerFinancial SystemMS IIS</t>
  </si>
  <si>
    <t>HRISWindowsSybaseHRISMS IIS</t>
  </si>
  <si>
    <t>.NetWindows</t>
  </si>
  <si>
    <t>Data model is not easily accessible and tables and fields names are in german (most of the time).Linux RHEL x86Oracle</t>
  </si>
  <si>
    <t>Database is proprietary. Must be installed on a netwoek drive.Not applicable since it is using flat files as repositoryWindowsDatabase is proprietary. Must be installed on a netwoek drive.</t>
  </si>
  <si>
    <t>Centura Builder
ReflectionLinux RHEL x86OracleCentura Builder
Reflection</t>
  </si>
  <si>
    <t>.NetDoes not have a database.MS IIS</t>
  </si>
  <si>
    <t>AutoCad is required to edit the drawings.WindowsMS/SQL Server,MS/SQL ServerAutoCad is required to edit the drawings.MS IIS</t>
  </si>
  <si>
    <t>WindowsOracleApache</t>
  </si>
  <si>
    <t>.NetThis system has no database of its own.</t>
  </si>
  <si>
    <t>Version standalone sur un PC et version sur réseauWindowsMS/SQL Server,MS/SQL ServerVersion standalone sur un PC et version sur réseau</t>
  </si>
  <si>
    <t>Data model / documentation is not easily accessible. This means that it takes someone with a need to reference the data model (developer, DBA, analyst, etc.)Linux RHEL x86MySQLApache</t>
  </si>
  <si>
    <t>Java Browser Plug-inLinux RHEL x86OracleJava Browser Plug-inApache</t>
  </si>
  <si>
    <t>JavaLinux RHEL x86OracleJavaApache</t>
  </si>
  <si>
    <t>PHP
XML readerLinux RHEL x86MySQLPHP
XML readerApache</t>
  </si>
  <si>
    <t>JavaLinux RHEL x86OracleJavaMS IIS</t>
  </si>
  <si>
    <t>XML DatabaseWindowsApache</t>
  </si>
  <si>
    <t>.NetOracle 11gR2WindowsOracleX86-64windows 2008 R2</t>
  </si>
  <si>
    <t>forced to use it offline because it’s so old it wont work on the corporate network PC’sFox ProWindowsX86-32bit and 16bitWindows XP</t>
  </si>
  <si>
    <t>WindowsX86-64</t>
  </si>
  <si>
    <t>TomcatOracle 11gR2WindowsOracleX86-64windows 2008 R2</t>
  </si>
  <si>
    <t>Access 2016WindowsX86-64windows 2008 R2</t>
  </si>
  <si>
    <t>WindowsOracleX86-64windows 2008 R2</t>
  </si>
  <si>
    <t>Microsoft Visual Studio Ultimate v2012; IBM Rational Team Concert v6; Oracle SQL Developer; Active Report v6Oracle 12cWindowsOracleMicrosoft Visual Studio Ultimate v2012; IBM Rational Team Concert v6; Oracle SQL Developer; Active Report v6X86-64Windows 2008R2;#OAC Windows 7MS IIS</t>
  </si>
  <si>
    <t>Oracle Db,Oracle Discoverer, Java, OAS, IE Browser, OFMOracle 10gHPUXOracleOracle Db,Oracle Discoverer, Java, OAS, IE Browser, OFMX86-64Windows 2008R2</t>
  </si>
  <si>
    <t>Active DirectoryWindowsMySQLActive DirectoryX86-64Windows 2008R2</t>
  </si>
  <si>
    <t>SQL Server 2008WindowsMS/SQL Server,MS/SQL ServerX86-64Windows 2008R2</t>
  </si>
  <si>
    <t>Oracle 11gR2Linux on Z RHELOracleX86-64Windows 2008R2</t>
  </si>
  <si>
    <t>TomcatWindowsX86-64Windows 2003</t>
  </si>
  <si>
    <t>The database is hosted by the service provider outside CSC. There is no database on the desktop client.EPAS is a combination of an infrastructure hosted outside CSC and a desktop client.</t>
  </si>
  <si>
    <t>Citrix.NetOracle 11gR2WindowsOracleCitrixX86-64windows 2008R2</t>
  </si>
  <si>
    <t>.NetOracle11gR2HPUXOracleX86-64Windows 2008R2</t>
  </si>
  <si>
    <t>.NetMySQL 5.4.x; Access 2010WindowsMySQL,X86-64Windows 2008R2</t>
  </si>
  <si>
    <t>.NetWindowsOracleX86-64Windows 2008R2</t>
  </si>
  <si>
    <t>.NetWindowsX86-64Windows 2008R2MS IIS</t>
  </si>
  <si>
    <t>WebsphereOracle12.1.0.2.0HPUXOracleX86-64 for fax server; IA64 for database &amp; app serverWindows 2008R2 – fax server which is decommissioned December 2018; HPUX (apps &amp; database servers)</t>
  </si>
  <si>
    <t>Access 2016WindowsX86-64Windows 7</t>
  </si>
  <si>
    <t>Eclipse Java EE IDE; Activiti Workflow Eclipse plugin; Windows Builder Eclipse plug in; NetBean; Oracle SQL Developer; Visual Studio;  IBM Rational Team Concert; Ireport; VidCoder; Java JDK; Soap UI; IBM Rational SoftwareWeblogicOracle 11gR2HPUXOracleEclipse Java EE IDE; Activiti Workflow Eclipse plugin; Windows Builder Eclipse plug in; NetBean; Oracle SQL Developer; Visual Studio;  IBM Rational Team Concert; Ireport; VidCoder; Java JDK; Soap UI; IBM Rational SoftwareX86-64;#Itanium (HP-UX)Windows 2008R2</t>
  </si>
  <si>
    <t>Access 2016WindowsX86-64Windows 2008 R2</t>
  </si>
  <si>
    <t>Oracle Discoverer, Oracle 11gr2Oracle Database 10gHPUXOracleOracle Discoverer, Oracle 11gr2X86-64Windows 2008R2</t>
  </si>
  <si>
    <t>Crystal Report Runtime.NetSQL Server 2012WindowsMS/SQL Server,MS/SQL ServerCrystal Report RuntimeX86-64windows 2008 R2</t>
  </si>
  <si>
    <t>The database is hosted by the service provider outside CSC. There is no database on the desktop client.WindowsEPAS is a combination of an infrastructure hosted outside CSC and a desktop client.</t>
  </si>
  <si>
    <t>Java 1.8_45, Apache TomEE 1.7.2, Jasper reports, JSF 2.1, JPA 2.0, Primefaces 5.2, EJB 3.1, PicketLink 2.8, Jasper reporting 6.1.1Oracle 11gR2WindowsOracleJava 1.8_45, Apache TomEE 1.7.2, Jasper reports, JSF 2.1, JPA 2.0, Primefaces 5.2, EJB 3.1, PicketLink 2.8, Jasper reporting 6.1.1X86-64Windows 2008R2</t>
  </si>
  <si>
    <t>Handscanner, barcode reader, special keyboard, special printerWindowsMySQLHandscanner, barcode reader, special keyboard, special printerX86-32Windows XP for PROD</t>
  </si>
  <si>
    <t>CitrixOracle11gR2WindowsOracleCitrixX86-64Windows 2008 R2</t>
  </si>
  <si>
    <t>Eclipse, Java 1.7, Tomcat 6.35,Jasper Soft Studio, PDF,Excel, Oracle 12cTomcatOracle 12cWindowsOracleEclipse, Java 1.7, Tomcat 6.35,Jasper Soft Studio, PDF,Excel, Oracle 12cX86-64Windows 2008R2</t>
  </si>
  <si>
    <t>Access 2016WindowsX86-64Windows 2008R2</t>
  </si>
  <si>
    <t>Oracle 11gR2WindowsMS/SQL Server,MS/SQL ServerX86-64</t>
  </si>
  <si>
    <t>MySQL: 5.0.26, Apache2: 2.2.3-16-21MySQL 5.0.26Linux SLES x86MySQLMySQL: 5.0.26, Apache2: 2.2.3-16-21X86-64SUSE LinuxApache</t>
  </si>
  <si>
    <t>MS AccessAccess 2016WindowsMS AccessX86-64Windows 2008R2</t>
  </si>
  <si>
    <t>Access 2016X86-64Windows 2008R2</t>
  </si>
  <si>
    <t>WindowsMS/SQL Server,MS/SQL ServerX86-64MS IIS</t>
  </si>
  <si>
    <t>Eclipse, java 1.5, Tomcat 6.35, Excel,PDF, Oracle 11gR2TomcatOracle 11gR2WindowsOracleEclipse, java 1.5, Tomcat 6.35, Excel,PDF, Oracle 11gR2X86-64Windows 2008 R2</t>
  </si>
  <si>
    <t>.NetAccess 97WindowsX86-64windows 2008R2</t>
  </si>
  <si>
    <t>asp, Access DB, IIS, Sharepoint 2013.NetAccess 2010Windowsasp, Access DB, IIS, Sharepoint 2013X86-64Windows 2008R2MS IIS</t>
  </si>
  <si>
    <t>TPSWindowsX86-64windows 2008 R2</t>
  </si>
  <si>
    <t>SQL AnywhereWindowsMS/SQL Server,MS/SQL Server,X86-64windows 2008R2</t>
  </si>
  <si>
    <t>access 97Access 2016Windowsaccess 97X86-64Windows 2008R2</t>
  </si>
  <si>
    <t>mysql - asp.NetAccess 2016Windowsmysql - aspX86-64Windows 2008R2MS IIS</t>
  </si>
  <si>
    <t>Access 97, mysqlAccess 2016WindowsAccess 97, mysqlX86-64Windows 2008R2</t>
  </si>
  <si>
    <t>.NetMySQLWindowsX86-64Windows 2008R2MS IIS</t>
  </si>
  <si>
    <t>.NetAccess 2016WindowsX86-64Windows 2008R2</t>
  </si>
  <si>
    <t>CRM 2015,  Scribe, SQL Server 2012, IIS 8.5.NetWindowsCRM 2015,  Scribe, SQL Server 2012, IIS 8.5X86-64MS IIS</t>
  </si>
  <si>
    <t>HTML4, WET toolkit,Access 2016WindowsHTML4, WET toolkit,86-64Windows 2008R2</t>
  </si>
  <si>
    <t>HTML4, WET toolkit,HTML4, WET toolkit,X86-64Unix</t>
  </si>
  <si>
    <t>Eclipse Java EE IDEOracle 11gR2HPUXOracleEclipse Java EE IDEX86-64Windows 2008 R2</t>
  </si>
  <si>
    <t>.NetdBaseWindowsX86-64Windows 2008R2MS IIS</t>
  </si>
  <si>
    <t>Access 2010Access 2016WindowsAccess 2010X86-64TRRS is MS ACCESS
MS Access has been upgraded to 2016MS IIS</t>
  </si>
  <si>
    <t>SQL Server 2008WindowsMS/SQL Server,MS/SQL ServerX86-64Windows 2008R2MS IIS</t>
  </si>
  <si>
    <t>Oracle 11GR2WindowsOracleX86-64Windows Server 2003MS IIS</t>
  </si>
  <si>
    <t>.NetAccess 2016WindowsX86-64Windows 2008 R2MS IIS</t>
  </si>
  <si>
    <t>PostGre SQL,WindowsPostGre SQL,X86-64</t>
  </si>
  <si>
    <t>PostGre SQL,PostgreSQL 9.4WindowsPostGre SQL,X86-64Windows 2008R2</t>
  </si>
  <si>
    <t>WindowsMySQL,Apache,MS IIS</t>
  </si>
  <si>
    <t>COTSWindowsMS/SQL Server,MS/SQL ServerCOTSMS IIS</t>
  </si>
  <si>
    <t>.Net MS SQLWindowsMS/SQL Server,MS/SQL Server.Net MS SQLMS IIS</t>
  </si>
  <si>
    <t>Microsoft Acces, network infrastructureWindowsMicrosoft Acces, network infrastructure</t>
  </si>
  <si>
    <t>COTSWindowsCOTS</t>
  </si>
  <si>
    <t>JavaWindowsJavaMS IIS</t>
  </si>
  <si>
    <t>COTSWindowsMS/SQL Server,MS/SQL ServerCOTS</t>
  </si>
  <si>
    <t>.Net MS SQLSQL Server 2008 with ETL and SSIS, Reporting Server, and OLAP and data mining server (Analysis Services)WindowsMS/SQL Server,MS/SQL Server.Net MS SQLNothing specificWindows Server 2008MS IIS</t>
  </si>
  <si>
    <t>SQL Server (or  Enterprise class DB backend), Active Directory (for authentication)WindowsMS/SQL Server,MS/SQL ServerSQL Server (or  Enterprise class DB backend), Active Directory (for authentication)MS IIS</t>
  </si>
  <si>
    <t>Active Directory for authentication; file transfer to mainframeWeblogicAIXOracleActive Directory for authentication; file transfer to mainframe</t>
  </si>
  <si>
    <t>WSED
Microsoft Active Directory.Net,OracleWSED
Microsoft Active Directory</t>
  </si>
  <si>
    <t>Microsoft Excel is required on the desktop.Net,Microsoft Excel is required on the desktop</t>
  </si>
  <si>
    <t>EDB
ITRDS WS
IGBMAIXOracleEDB
ITRDS WS
IGBMApache</t>
  </si>
  <si>
    <t>WSED
IIS
Active DirectoryAIXOracleWSED
IIS
Active DirectoryApache</t>
  </si>
  <si>
    <t>Dependency on the database, load-balancer, firewall rules (for internet), WPAZ servers, BRZ servers, intranet servers.Net,AIXOracleDependency on the database, load-balancer, firewall rules (for internet), WPAZ servers, BRZ servers, intranet serversMS IIS</t>
  </si>
  <si>
    <t>JavaAIXOracleJavaApache</t>
  </si>
  <si>
    <t>Oracle DB, IIS, Multitrans from Multicorpora.Net,AIXOracleOracle DB, IIS, Multitrans from MulticorporaMS IIS</t>
  </si>
  <si>
    <t>Active Directory, FTP File Transfer, Oracle Database, SQL Database, WCF/ASMX Web Services SOAP, Windows Services.NetAIX,WindowsMS/SQL Server,MS/SQL Server,OracleActive Directory, FTP File Transfer, Oracle Database, SQL Database, WCF/ASMX Web Services SOAP, Windows Services</t>
  </si>
  <si>
    <t>External providers (GCKey, SecureKey), SIR, SSC language common domain, ECAS DB, PAC, OpenAM SAML 2.0, SSL, security certificates, many webservices and all ISCI componentsWeblogicAIXOracleExternal providers (GCKey, SecureKey), SIR, SSC language common domain, ECAS DB, PAC, OpenAM SAML 2.0, SSL, security certificates, many webservices and all ISCI components</t>
  </si>
  <si>
    <t>Oracle DB, IIS.Net,AIXOracleOracle DB, IISMS IIS</t>
  </si>
  <si>
    <t>Sybase db for CAIRS dat file-&gt; perhaps to be replaced by MS Dynamics later this yearWeblogicAIXOracleSybase db for CAIRS dat file-&gt; perhaps to be replaced by MS Dynamics later this year</t>
  </si>
  <si>
    <t>mainframe, DMSII, COMS, LOCUMmainframe, DMSII, COMS, LOCUM</t>
  </si>
  <si>
    <t>EDBAIXOracleEDBApache</t>
  </si>
  <si>
    <t>Unisys Mainframe, Insurance DB, COMS, LOCUM, BizTalk ServerUnisys Mainframe, Insurance DB, COMS, LOCUM, BizTalk Server</t>
  </si>
  <si>
    <t>PWGSC/Shared Services FTP transfer
.NET Framework
Oracle Database.NetAIXOraclePWGSC/Shared Services FTP transfer
.NET Framework
Oracle Database</t>
  </si>
  <si>
    <t>External providers (GCKey, SecureKey), SIR, BUS Database, WSEmail, CRA Portageur, CRA MyAccount Portal, SSC language common domain, ECAS DB, PAC, OpenAM SAML 2.0, SSL, security certificates, many webservices..Net,AIXOracleExternal providers (GCKey, SecureKey), SIR, BUS Database, WSEmail, CRA Portageur, CRA MyAccount Portal, SSC language common domain, ECAS DB, PAC, OpenAM SAML 2.0, SSL, security certificates, many webservices.Apache,MS IIS</t>
  </si>
  <si>
    <t>MGS Web, SMSL, DSB, BizTalkMGS Web, SMSL, DSB, BizTalk</t>
  </si>
  <si>
    <t>Secure Ftp
E-mail
Intergov e-mail.
OPCON Scheduler
Wet CDTS
Active Directory
Appgate
Oracle Reports
Oracle db.Net,AIXOracleSecure Ftp
E-mail
Intergov e-mail.
OPCON Scheduler
Wet CDTS
Active Directory
Appgate
Oracle Reports
Oracle dbMS IIS</t>
  </si>
  <si>
    <t>TISO DB
CPMS WS
EI WSAIXOracleTISO DB
CPMS WS
EI WSApache</t>
  </si>
  <si>
    <t>ECAS
MSCA
ITRDS
ITRDS WS
Street Perfect
EDBAIXOracleECAS
MSCA
ITRDS
ITRDS WS
Street Perfect
EDBApache</t>
  </si>
  <si>
    <t>Oracle database
Streetperfect Address Accuracy Software.NetOracleOracle database
Streetperfect Address Accuracy Software</t>
  </si>
  <si>
    <t>DB, ADAIXOracleDB, AD</t>
  </si>
  <si>
    <t>DB, ADOracleDB, AD</t>
  </si>
  <si>
    <t>.NET framework 4.5.2
Microsoft Windows 2008 Server R2 installed with IIS 
Oracle Client 11gR2 64bits for Windows Server 2008
ActiveReports for .NET 7.0
Oracle RDBMS (Server) 11gR2.Net,AIXOracle.NET framework 4.5.2
Microsoft Windows 2008 Server R2 installed with IIS 
Oracle Client 11gR2 64bits for Windows Server 2008
ActiveReports for .NET 7.0
Oracle RDBMS (Server) 11gR2MS IIS</t>
  </si>
  <si>
    <t>IIS.Net,WindowsMS/SQL Server,MS/SQL ServerIISMS IIS</t>
  </si>
  <si>
    <t>SMTP
DatabaseWeblogicAIXOracleSMTP
Database</t>
  </si>
  <si>
    <t>Oracle DB, AIX UnixAIXOracleOracle DB, AIX UnixMS IIS</t>
  </si>
  <si>
    <t>Active Directory, WSED
Oracle Scheduler
ITRDS data transfer (database link)WeblogicAIXOracleActive Directory, WSED
Oracle Scheduler
ITRDS data transfer (database link)</t>
  </si>
  <si>
    <t>Windows Client, Internet Explorer 8+, Active Directory, HTA.NetWindows Client, Internet Explorer 8+, Active Directory, HTA</t>
  </si>
  <si>
    <t>OPCON
FTP
TISO DB
CPMS
IGBM
EDB
MSCA DB
ITRDS WS
MD DBAIXOracleOPCON
FTP
TISO DB
CPMS
IGBM
EDB
MSCA DB
ITRDS WS
MD DBApache</t>
  </si>
  <si>
    <t>SMTP Relay
Database
SMTP Relay access from the Database.WeblogicAIXOracleSMTP Relay
Database
SMTP Relay access from the Database.</t>
  </si>
  <si>
    <t>File Transfer Protocol
Oracle Scheduler
TeamSite
GOC WET 4.0
Active Directory.Net,AIXOracleFile Transfer Protocol
Oracle Scheduler
TeamSite
GOC WET 4.0
Active DirectoryMS IIS</t>
  </si>
  <si>
    <t>DB, AD, BiztalkOracleDB, AD, Biztalk</t>
  </si>
  <si>
    <t>Oracle database
Cognos BI
Oracle data warehouse
ETLAIXOracleOracle database
Cognos BI
Oracle data warehouse
ETLMS IIS</t>
  </si>
  <si>
    <t>Active Directory for authentication, WSEDWeblogicAIXOracleActive Directory for authentication, WSED</t>
  </si>
  <si>
    <t>MPS1000 servers
T1 phone lines
Libra Mainframe (being replaced with MPLAMP project)MPS1000 servers
T1 phone lines
Libra Mainframe (being replaced with MPLAMP project)</t>
  </si>
  <si>
    <t>MPS 1000
T1 phone linesMPS 1000
T1 phone lines</t>
  </si>
  <si>
    <t>Oracle RDBMS (Server) installed with 11gR2
.NET Framework 4.5.2
Microsoft Active Directory 2008
Microsoft Windows 2008 Server R2 installed with IIS
Oracle Client 11g 64 bits
WSED web service.Net,AIXOracleOracle RDBMS (Server) installed with 11gR2
.NET Framework 4.5.2
Microsoft Active Directory 2008
Microsoft Windows 2008 Server R2 installed with IIS
Oracle Client 11g 64 bits
WSED web serviceMS IIS</t>
  </si>
  <si>
    <t>Active Directory
OpCon
Oracle DatabaseAIXOracleActive Directory
OpCon
Oracle Database</t>
  </si>
  <si>
    <t>SQL Database on SSC hosted server
Server authentication requiredSQL Database on SSC hosted server
Server authentication required</t>
  </si>
  <si>
    <t>mainframeAIX,mainframe</t>
  </si>
  <si>
    <t>Active Directory
OpConAIXOracleActive Directory
OpCon</t>
  </si>
  <si>
    <t>noneAIX,Oracle,none</t>
  </si>
  <si>
    <t>MainframeAIXOracleMainframeApache</t>
  </si>
  <si>
    <t>MS Active Directory (LDAP-SSO)AIXOracleMS Active Directory (LDAP-SSO)Apache</t>
  </si>
  <si>
    <t>SSH/X-serverSSH/X-serverVM</t>
  </si>
  <si>
    <t>ColdFusionMS SQL Server 2005WindowsMS/SQL Server,MS/SQL Server,MS/SQL Server,MS/SQL ServerColdFusionMS Windows 2008 R2MS IIS</t>
  </si>
  <si>
    <t>CMS, IDOLIDOL 7 or SQL Server 2012CMS, IDOLMS Windows 2008 R2MS IIS</t>
  </si>
  <si>
    <t>CMS, IDOLIDOL 7 or SQL Server 2012CMS, IDOLMS IIS</t>
  </si>
  <si>
    <t>ArcGISMS/SQL Server,MS/SQL Server,ArcGISApache,</t>
  </si>
  <si>
    <t>EC Net, Exchange Server, VM, MS SQL ServerAll disclosure apps are marked for decommission before end of fiscal 2017-2018MS SQL Server 2005WindowsMS/SQL Server,MS/SQL Server,MS/SQL Server,MS/SQL ServerEC Net, Exchange Server, VM, MS SQL ServerSNCR01WBEXPRD4; SNCR01WBEXPRD5; SNCR01WBINDEV2Windows 2008 R2MS IIS</t>
  </si>
  <si>
    <t>Oracle Discoverer, Application server, Database, RACOracle LinuxOracleOracle Discoverer, Application server, Database, RAC</t>
  </si>
  <si>
    <t>PL/SQL, Shell, CronOracle LinuxOraclePL/SQL, Shell, Cron</t>
  </si>
  <si>
    <t>PHP, oracle database, Pl/SQLOracle LinuxOraclePHP, oracle database, Pl/SQLApache</t>
  </si>
  <si>
    <t>ColdFusionOracle LinuxOracleColdFusionApache</t>
  </si>
  <si>
    <t>Java, Oracle database, PL/SQLOracle LinuxOracleJava, Oracle database, PL/SQL</t>
  </si>
  <si>
    <t>C on WindowsOracle LinuxOracleC on Windows</t>
  </si>
  <si>
    <t>Pro*C, Oracle database, PL/SQLOracle LinuxOraclePro*C, Oracle database, PL/SQL</t>
  </si>
  <si>
    <t>ColdFusion, Oracle database, PL/SQLOracle LinuxOracleColdFusion, Oracle database, PL/SQLApache</t>
  </si>
  <si>
    <t>MS Access, Oracle database, PL/SQLOracle LinuxOracleMS Access, Oracle database, PL/SQLWindows 2003 server. Planned to migrate.</t>
  </si>
  <si>
    <t>ColdFusion, Java, Oracle database , PL/SQLOracle LinuxOracleColdFusion, Java, Oracle database , PL/SQLApache</t>
  </si>
  <si>
    <t>Pro*C, PL/SQL, Shell, CronOracle LinuxOraclePro*C, PL/SQL, Shell, Cron</t>
  </si>
  <si>
    <t>C on HPUX, Steam power for GUIOracle LinuxOracleC on HPUX, Steam power for GUI</t>
  </si>
  <si>
    <t>C, Oracle database, PL/SQLOracle LinuxOracleC, Oracle database, PL/SQL</t>
  </si>
  <si>
    <t>ColdFusion, Oracle databaseOracle LinuxOracleColdFusion, Oracle databaseApache</t>
  </si>
  <si>
    <t>C on HPUX, ShellOracle LinuxOracleC on HPUX, Shell</t>
  </si>
  <si>
    <t>Ms Access, Oracle database, PL/SQLOracle LinuxOracleMs Access, Oracle database, PL/SQL</t>
  </si>
  <si>
    <t>Java, Oracle database, PL/SQL, FlashOracle LinuxOracleJava, Oracle database, PL/SQL, Flash</t>
  </si>
  <si>
    <t>C, Perl, Cron (files are sent manually to WMO by Linux admin)Oracle LinuxOracleC, Perl, Cron (files are sent manually to WMO by Linux admin)</t>
  </si>
  <si>
    <t>PHP, Oracle database, PL/SQLOracle LinuxOraclePHP, Oracle database, PL/SQLApache</t>
  </si>
  <si>
    <t>EC Net, Exchange Server, VM, MS SQL ServerAll disclosure apps are marked for decommission before end of fiscal 2017-2018MS SQL Server 2005WindowsMS/SQL Server,MS/SQL Server,MS/SQL Server,MS/SQL ServerEC Net, Exchange Server, VM, MS SQL ServerSNCR01WBEXPRD4; SNCR01WBEXPRD5; SNCR01WBINDEV2; SNCR01WBINPRD2; SNCR01WBINPRD4Windows 2008 R2MS IIS</t>
  </si>
  <si>
    <t>CFPortcullis &amp;  customizationsMS SQL Server 2005WindowsMS/SQL Server,MS/SQL Server,MS/SQL Server,MS/SQL ServerConfirm; HP DL585 G6 was not a listed platformMS Windows 2008. OS for web server is scored, not DBMS IIS</t>
  </si>
  <si>
    <t>CFPortcullis &amp;  customizationsMS SQL Server 2005WindowsMS/SQL Server,MS/SQL Server,MS/SQL Server,MS/SQL ServerConfirm; HP DL585 G6 was not a listed platformMS Windows 2008.  OS for web server is scored, not DBMS IIS</t>
  </si>
  <si>
    <t>CFPortcullis &amp;  customizationsMS SQL Server 2005WindowsMS/SQL Server,MS/SQL Server,MS/SQL Server,MS/SQL ServerConfirm; HP DL585 G6 was not a listed platformMS Windows 2008 R2.  OS for web server is scored, not DBMS IIS</t>
  </si>
  <si>
    <t>CFPortcullis &amp;  customizationsMS SQL Server 2005WindowsMS/SQL Server,MS/SQL Server,MS/SQL Server,MS/SQL ServerSNCR01WBEXPRD5OS for web server is scored, not DBMS IIS</t>
  </si>
  <si>
    <t>Exchange1 of several CRM tenants in an Enterprise CRM ArchitectureMS SQL Server 2012WindowsMS/SQL Server,MS/SQL Server,MS/SQL Server,MS/SQL ServerExchangesncr01apcrm.ncr.int.ec.gc.ca, sncr01apcrmqa.ncr.int.ec.gc.ca, sncr01apcrmdev.ncr.int.ec.gc.ca,MS Windows 2008 R2MS IIS</t>
  </si>
  <si>
    <t>Dynamics CRM, .Net, SQLServer, javasc ript, Exchange Server,AD server, SSRS,.Net,1 of several CRM tenants in an Enterprise CRM ArchitectureMS SQL Server 2012WindowsMS/SQL Server,MS/SQL Server,MS/SQL Server,MS/SQL ServerDynamics CRM, .Net, SQLServer, javasc ript, Exchange Server,AD server, SSRS,sncr01apcrm.ncr.int.ec.gc.ca, sncr01apcrmqa.ncr.int.ec.gc.ca, sncr01apcrmdev.ncr.int.ec.gc.ca,MS Windows 2008 R2MS IIS</t>
  </si>
  <si>
    <t>MS Office (Outlook uses a plugin designed for CRM), but it is not explitictly required1 of several CRM tenants in an Enterprise CRM ArchitectureMS SQL Server 2012WindowsMS/SQL Server,MS/SQL Server,MS/SQL Server,MS/SQL ServerMS Office (Outlook uses a plugin designed for CRM), but it is not explitictly requiredMS Windows 2008 R2</t>
  </si>
  <si>
    <t>Linux, PHP, Apache, MySQL, Web Browser, JavaScriptMySQLLinux, PHP, Apache, MySQL, Web Browser, JavaScriptDebian Sarge</t>
  </si>
  <si>
    <t>Web.NetWindowsWeb</t>
  </si>
  <si>
    <t>LinuxLinuxDebian Sarge</t>
  </si>
  <si>
    <t>Linux, PHP, Apache, MySQL, Web Browser, JavaScript, email (sendmail)MySQLLinux, PHP, Apache, MySQL, Web Browser, JavaScript, email (sendmail)Debian SargeApache</t>
  </si>
  <si>
    <t>Linux, PHP, Apache, MySQL, Web Browser, JavaScriptMySQLLinux, PHP, Apache, MySQL, Web Browser, JavaScriptDebian SargeApache</t>
  </si>
  <si>
    <t>Linux, FTPLinux, FTPDebian Sarge</t>
  </si>
  <si>
    <t>Linux, PHP, Apache, MySQL, Web Browser, JavaScriptLinux, PHP, Apache, MySQL, Web Browser, JavaScriptDebian SargeApache</t>
  </si>
  <si>
    <t>ASP.Net and MS IIS.NetWindowsASP.Net and MS IISMS Windows 2008 R2MS IIS</t>
  </si>
  <si>
    <t>LinuxFollows OMM standardsLinuxApache</t>
  </si>
  <si>
    <t>WindowsSQL 2012WindowsMS/SQL Server,MS/SQL ServerWindowsMS IIS</t>
  </si>
  <si>
    <t>autodesk mapguide, geomap server, windows 2003 server, MS SQL 2005.Net,WindowsMS/SQL Server,MS/SQL Serverautodesk mapguide, geomap server, windows 2003 server, MS SQL 2005MS IIS</t>
  </si>
  <si>
    <t>Web BrowserLinux RHEL x86Web Browser</t>
  </si>
  <si>
    <t>Desktop applicationWindowsDesktop applicationWindows 7</t>
  </si>
  <si>
    <t>Service feeds into StandAlone Windows app.NetMS. NET 4.6WindowsMS/SQL Server,MS/SQL ServerService feeds into StandAlone Windows appcurrently running on 2003 but rebuilding for 2012</t>
  </si>
  <si>
    <t>web sites with directory browsing connected to FTP directories.Net,MS.NETweb sites with directory browsing connected to FTP directoriesMigrating to 2008R2 in 2-3 weeksMS IIS</t>
  </si>
  <si>
    <t>Stand alone Windows forms application.Net,WindowsMS/SQL Server,MS/SQL ServerStand alone Windows forms applicationMS IIS</t>
  </si>
  <si>
    <t>.net, powerbuilder, window services, oracle database, Esperant, coldfusion, MS Word, XML,.NetOracle.net, powerbuilder, window services, oracle database, Esperant, coldfusion, MS Word, XML,MS IIS</t>
  </si>
  <si>
    <t>ArcGIS Server, ASP.NET and MS IIS.Net.NET 4.xMS SQL ServerWindowsArcGIS Server, ASP.NET and MS IISSNCR01WBEXPRD4, SNCR01WBEXPRD5MS Windows 2008 R2MS IIS</t>
  </si>
  <si>
    <t>NoneTomcatNoneApache</t>
  </si>
  <si>
    <t>ArcGIS Server.Net,WindowsMS/SQL Server,MS/SQL Server,MS/SQL Server,MS/SQL ServerArcGIS ServerMS IIS</t>
  </si>
  <si>
    <t>EC Net, Active Directory (LDAP), Exchange Server, VM, SQL Server 2012MS SQL Server 2012EC Net, Active Directory (LDAP), Exchange Server, VM, SQL Server 2012Ask WIGWindows 2008 R2</t>
  </si>
  <si>
    <t>EC Net, Active Directory (LDAP), Exchange Server, VM, Linux (or  platform supporting the unrestricted use of Java), SQL Server 2008 R2TomcatMS SQL Server 2012WindowsMS/SQL Server,MS/SQL Server,MS/SQL Server,MS/SQL ServerEC Net, Active Directory (LDAP), Exchange Server, VM, Linux (or  platform supporting the unrestricted use of Java), SQL Server 2008 R2LinuxApache</t>
  </si>
  <si>
    <t>EC Net, Exchange Server, VM, MS SQL ServerMS SQL Server 2005WindowsMS/SQL Server,MS/SQL Server,MS/SQL Server,MS/SQL ServerEC Net, Exchange Server, VM, MS SQL ServerSNCR01WBINPRD2; SNCR01WBINDEV1;Windows 2008 R2MS IIS</t>
  </si>
  <si>
    <t>EC Net, Exchange Server, VM, MS SQL ServerMS SQL Server 2005WindowsMS/SQL Server,MS/SQL Server,MS/SQL Server,MS/SQL ServerEC Net, Exchange Server, VM, MS SQL ServerWindows 2008 R2MS IIS</t>
  </si>
  <si>
    <t>Ghost Script, XPDF.NetImplemented in a Remote Desktop Environment, to which users remote to for useMS SQL Server 2012WindowsMS/SQL Server,MS/SQL Server,MS/SQL Server,MS/SQL ServerGhost Script, XPDFMS Windows 2008 R2</t>
  </si>
  <si>
    <t>MS SQL Server, EC Active Directory, IDOLWindowsMS/SQL Server,MS/SQL Server,MS/SQL Server,MS/SQL ServerMS SQL Server, EC Active Directory, IDOLMS Windows 2008 R2MS IIS</t>
  </si>
  <si>
    <t>EC Net, EC Active Directory, Exchange Server, VM, MS SQL ServerWindowsMS/SQL Server,MS/SQL Server,MS/SQL Server,MS/SQL ServerEC Net, EC Active Directory, Exchange Server, VM, MS SQL ServerMS IIS</t>
  </si>
  <si>
    <t>Email, Spell CheckerMS SQL Server 2012WindowsMS/SQL Server,MS/SQL Server,MS/SQL Server,MS/SQL ServerEmail, Spell CheckerMS Windows 2008 R2</t>
  </si>
  <si>
    <t>EC Net, VM, MS SQL ServerMS SQL Server 2012WindowsMS/SQL Server,MS/SQL Server,MS/SQL Server,MS/SQL ServerEC Net, VM, MS SQL ServerSNCR01WBINPRD2; SNCR01WBINDEV1Windows 2008 R2MS IIS</t>
  </si>
  <si>
    <t>Yes we use the secure interfaces, special hardware, database, directory or authentication layer, certificates,  file transfer an Application such as Scheduler.WeblogicOracle LinuxOracleYes we use the secure interfaces, special hardware, database, directory or authentication layer, certificates,  file transfer an Application such as Scheduler.</t>
  </si>
  <si>
    <t>Yes we used the secure interfaces, special hardware, database, directory or authentication layer, certificates,  file transfer an Application such as Scheduler.WeblogicOracle 11.2.0.3Oracle LinuxOracleYes we used the secure interfaces, special hardware, database, directory or authentication layer, certificates,  file transfer an Application such as Scheduler.</t>
  </si>
  <si>
    <t>Kerberos authentication.NetWindowsMS/SQL Server,MS/SQL Server,MS/SQL Server,MS/SQL ServerKerberos authenticationMS IIS,</t>
  </si>
  <si>
    <t>Active Directory authentication.Net,WindowsMS/SQL Server,MS/SQL Server,MS/SQL Server,MS/SQL ServerActive Directory authentication</t>
  </si>
  <si>
    <t>Internet information Service (IIS), File Transfert protocol (FTP)..Net,WindowsInternet information Service (IIS), File Transfert protocol (FTP).MS IIS,</t>
  </si>
  <si>
    <t>Database, network reach, and securityWindowsMS/SQL Server,MS/SQL Server,MS/SQL Server,MS/SQL ServerDatabase, network reach, and securityMS IIS</t>
  </si>
  <si>
    <t>CFPortcullis &amp;  customizationsMS SQL Server 2005WindowsMS/SQL Server,MS/SQL Server,MS/SQL Server,MS/SQL ServerConfirm; HP DL585 G6 was not a listed platformMS Windows 2008MS IIS</t>
  </si>
  <si>
    <t>LAMP, TomcatTomcatMySQL,LAMP, TomcatApache,</t>
  </si>
  <si>
    <t>LAMPMS/SQL Server,MS/SQL Server,MySQL,OracleLAMPApache</t>
  </si>
  <si>
    <t>LAMPWindowsLAMPOS changed in Fall 2016</t>
  </si>
  <si>
    <t>JREJREUbuntu 12.04 7</t>
  </si>
  <si>
    <t>JREJRE</t>
  </si>
  <si>
    <t>ESRI, Oracle, MrSid, ERDAS ImagineHPUXOracleESRI, Oracle, MrSid, ERDAS Imagine</t>
  </si>
  <si>
    <t>ESRI, Oracle, MrSid, ERDAS Imagine.NetOracle LinuxOracleESRI, Oracle, MrSid, ERDAS ImagineShould be verified by SSC</t>
  </si>
  <si>
    <t>ESRI, OracleThis should be verified with SSC,.HPUXOracleESRI, OracleShould be verified by SSC</t>
  </si>
  <si>
    <t>ESRIThis should be verified with SSC.HPUXOracleESRIShould be verified by SSC</t>
  </si>
  <si>
    <t>ESRIThis is a desktop application - no server backend.ESRIShould be verified by SSC</t>
  </si>
  <si>
    <t>MapInfoICEggs has a ''server'' backend, but it is a workstation.MapInfoShould be verified by SSC</t>
  </si>
  <si>
    <t>ESRI.NetThis software resides on the airplane - no backend.ESRIShould be verified by SSC</t>
  </si>
  <si>
    <t>ESRI.NetESRIShould be verified by SSC</t>
  </si>
  <si>
    <t>ESRIESRIShould be verified by SSC</t>
  </si>
  <si>
    <t>SSH/X-serverSSH/X-serverVMOS changed in Fall 2016</t>
  </si>
  <si>
    <t>LinuxLinux</t>
  </si>
  <si>
    <t>SSH/X-serverSSH/X-serverDebian Etch</t>
  </si>
  <si>
    <t>SSH/X-serverSSH/X-server</t>
  </si>
  <si>
    <t>JREJREVM</t>
  </si>
  <si>
    <t>noneOracleWindowsOraclenone</t>
  </si>
  <si>
    <t>Exchange.Net,WindowsMS/SQL Server,MS/SQL ServerExchangeMS IIS</t>
  </si>
  <si>
    <t>Drupal v6MySQL 5.1.32WindowsMySQLDrupal v6MS Windows 2008 R2Apache</t>
  </si>
  <si>
    <t>ColdfusionOracleOracle LinuxOracleColdfusionMS Windows 2008 R2MS IIS</t>
  </si>
  <si>
    <t>EC Net, Exchange Server, VM, MS SQL ServerAll disclosure apps are marked for decommission before end of fiscal 2017-2018MS SQL Server 2005WindowsMS/SQL Server,MS/SQL Server,MS/SQL Server,MS/SQL ServerEC Net, Exchange Server, VM, MS SQL ServerSNCR01WBINPRD2; SNCR01WBINPRD4; SNCR01WBINDEV1Windows 2008 R2MS IIS</t>
  </si>
  <si>
    <t>Oracle DatabaseOracle LinuxOracleOracle Database</t>
  </si>
  <si>
    <t>RDBMS and SQL, Desktop ClientHPUXOracleRDBMS and SQL, Desktop Client</t>
  </si>
  <si>
    <t>LinuxNo longer in developmentLinux</t>
  </si>
  <si>
    <t>OracleOracle LinuxOracleOracle</t>
  </si>
  <si>
    <t>OracleNo longer in developmentOracle LinuxOracleOracle</t>
  </si>
  <si>
    <t>CFPortcullis &amp;  customizationsMigration to SQL Server 2012 anticipatedWindowsMS/SQL Server,MS/SQL ServerConfirm; HP DL585 G6 was not a listed platformOS for web server is scored, not DBMS IIS</t>
  </si>
  <si>
    <t>J2EEHPUXOracleJ2EEMS IIS</t>
  </si>
  <si>
    <t>J2EE, databaseNot latest versionData model / Documentation not available at allHPUXOracleJ2EE, databaseApache</t>
  </si>
  <si>
    <t>databasenot latest version; customizedData model / Documentation not available at allWindowsMS/SQL Server,MS/SQL Server,Oracledatabase</t>
  </si>
  <si>
    <t>databaseData model / documentation not easily accessibleHPUXOracledatabase</t>
  </si>
  <si>
    <t>databasedatabase</t>
  </si>
  <si>
    <t>databaseData model / Documentation not available at allWindowsMS/SQL Server,MS/SQL Serverdatabase</t>
  </si>
  <si>
    <t>databaseWindowsMS/SQL Server,MS/SQL ServerdatabaseMS IIS</t>
  </si>
  <si>
    <t>VB.NET, Java.NetLinux RHEL x86VB.NET, JavaApache</t>
  </si>
  <si>
    <t>Excel.NetLinux RHEL x86ExcelApache</t>
  </si>
  <si>
    <t>Windows IIS, Adobe ColdFusion, Oracle Database, Internet BrowsersOracle database is DFO standardAIXOracleWindows IIS, Adobe ColdFusion, Oracle Database, Internet Browsersutilizes DFO standardutilizes DFO standardMS IIS</t>
  </si>
  <si>
    <t>Filemaker Pro (COTS)WindowsFilemaker Pro (COTS)</t>
  </si>
  <si>
    <t>PC, Windows serverWindowsPC, Windows serverWindows 7 client side; Windows 2003 on server</t>
  </si>
  <si>
    <t>MS Access 2010, Oracle DB 11g, ODBCTypical client-server applicationDFO currently has no master data management in place.AIXOracleMS Access 2010, Oracle DB 11g, ODBC</t>
  </si>
  <si>
    <t>Oracle forms 11g, Oracle DB 11g, WeblogicOracle client-server application - due in part to performance and functionality requirements.DFO currently has no master data management in place.AIXOracleOracle forms 11g, Oracle DB 11g, Weblogic</t>
  </si>
  <si>
    <t>Oracle, ASP.NET (C#), MS Silverlight.Net,Oracle database is DFO standardAIXOracleOracle, ASP.NET (C#), MS Silverlightutilizes DFO standardutilizes DFO standardMS IIS</t>
  </si>
  <si>
    <t>MS SQL Server, ASP.NET (C#), MS Silverlight.Net,Typical web applicationSQL database is DFO standardWindowsMS/SQL Server,MS/SQL ServerMS SQL Server, ASP.NET (C#), MS Silverlightutilizes DFO standardutilizes DFO standardMS IIS</t>
  </si>
  <si>
    <t>MongoDB, ASP.NET (C#), HTML/Javascript.Net,Typical web applicationWindowsMongoDB, ASP.NET (C#), HTML/Javascriptutilizes DFO standardMS IIS</t>
  </si>
  <si>
    <t>MongoDB, ASP.NET (C#), HTML/JavascriptHPUXOracleMongoDB, ASP.NET (C#), HTML/Javascript</t>
  </si>
  <si>
    <t>network connectivityHPUXOraclenetwork connectivity</t>
  </si>
  <si>
    <t>Oracle db, web server, network connectivityOracle database is DFO standardAIXOracleOracle db, web server, network connectivityutilizes DFO standardutilizes DFO standardMS IIS</t>
  </si>
  <si>
    <t>IIS, ASP, OracleWindowsOracleIIS, ASP, OracleMigration off Win 2003 server completed</t>
  </si>
  <si>
    <t>WindowsOracleMigration off Win 2003 server completed</t>
  </si>
  <si>
    <t>Oracle db, web server, network connectivityWindowsOracleOracle db, web server, network connectivityMigration off Win 2003 server completed</t>
  </si>
  <si>
    <t>C#, .net, OracleWindowsOracleC#, .net, OracleMigration off Win 2003 server completed</t>
  </si>
  <si>
    <t>Oracle, Oracle FormsWindowsOracleOracle, Oracle FormsNo</t>
  </si>
  <si>
    <t>Base de données Oracle 10GR2, Oracle Forms v.6, Oracle Reports v.6OracleWindowsOracleBase de données Oracle 10GR2, Oracle Forms v.6, Oracle Reports v.6</t>
  </si>
  <si>
    <t>Backup Exec, DroboWindowsBackup Exec, DroboBackup Exec + MSL4048W2K3Apache</t>
  </si>
  <si>
    <t>Classic ASP, OracleNo documentationLinux RHEL x86,WindowsMS/SQL Server,MS/SQL Server,OracleClassic ASP, OracleDev on Win 2003MS IIS</t>
  </si>
  <si>
    <t>Java, Oracle DBLinux RHEL x86Java, Oracle DBMS IIS</t>
  </si>
  <si>
    <t>Classic ASP, Oracle, AccessNo documentationLinux RHEL x86,WindowsOracle,Classic ASP, Oracle, AccessDev on Win 2003MS IIS</t>
  </si>
  <si>
    <t>JavaLinux RHEL x86Java</t>
  </si>
  <si>
    <t>Java, MySQL client, Oracle clientLinux RHEL x86MySQL,OracleJava, MySQL client, Oracle client</t>
  </si>
  <si>
    <t>COTSWeblogicOracle LinuxOracleCOTS</t>
  </si>
  <si>
    <t>JavaJava</t>
  </si>
  <si>
    <t>Apache, PHP, MySQLMySQL 5.1.53Linux RHEL x86MySQLApache, PHP, MySQLApache</t>
  </si>
  <si>
    <t>Java, Apache, MySQLMySQL 5.1.53Linux RHEL x86MySQLJava, Apache, MySQLApache</t>
  </si>
  <si>
    <t>Oracle OWB 11.2.0.4AIXOracleOracle OWB 11.2.0.4</t>
  </si>
  <si>
    <t>Oracle db, web server, network connectivityutilizes application architecture that is unique within DFOOracle database is DFO standardAIXOracleOracle db, web server, network connectivityutilizes DFO standardutilizes DFO standardApache</t>
  </si>
  <si>
    <t>C#, .Net, Sencha Framework, Sharepoint, Excel Forms.Net,AIX,WindowsMS/SQL Server,MS/SQL Server,OracleC#, .Net, Sencha Framework, Sharepoint, Excel FormsMS IIS</t>
  </si>
  <si>
    <t>Microsoft AccessWindowsMicrosoft Access</t>
  </si>
  <si>
    <t>Oracle, Apache, ApexWeblogicAIX,OracleOracle, Apache, ApexApache,</t>
  </si>
  <si>
    <t>Citrix, MS SQL Server,MS SQL ServerWindowsMS/SQL Server,MS/SQL ServerCitrix, MS SQL Server,</t>
  </si>
  <si>
    <t>Apache, PHP, MySQL, Open Web Framework 3MySQLWindowsOracleApache, PHP, MySQL, Open Web Framework 3Windows Server 2003Apache</t>
  </si>
  <si>
    <t>Windows IIS, Adobe ColdFusion, Oracle Database, Internet BrowsersOracle database is DFO standardAIXOracle,OracleWindows IIS, Adobe ColdFusion, Oracle Database, Internet Browsersutilizes DFO standardutilizes DFO standardMS IIS</t>
  </si>
  <si>
    <t>java 1.4, java servlet, jsp, Oracle DB 11gTypical web based architecture.DFO currently has no master data management in place.AIXOraclejava 1.4, java servlet, jsp, Oracle DB 11g</t>
  </si>
  <si>
    <t>SIPA InterfaceWindowsMySQL,MySQL,OracleSIPA InterfaceApache,</t>
  </si>
  <si>
    <t>Apache, PHP, MySQL, Open Web Framework 4MySQLWindowsMySQLApache, PHP, MySQL, Open Web Framework 4Windows Server 2003Apache</t>
  </si>
  <si>
    <t>.Net,DevArt express,JasperReports.Net,Oracle databaseis DFO standardAIX,WindowsMS/SQL Server,MS/SQL Server,Oracle.Net,DevArt express,JasperReportsutlizes DFO standardutilizes DFO standardMS IIS</t>
  </si>
  <si>
    <t>Oracle Forms/Reports 6i v6.0.8.18.3, Oracle RDMS 10g, SQL NetOracle client-server application - due in part to performance and functionality requirements.Current Database Version is no longer supported by the vendor and has not been current for 3 + years.AIXOracleOracle Forms/Reports 6i v6.0.8.18.3, Oracle RDMS 10g, SQL NetMigration off Win 2003 server completed</t>
  </si>
  <si>
    <t>Oracle RDMS 10g, Microsoft Access 2010Client-server application - due in part to performance and functionality requirements.Current Database Version is no longer supported by the vendor and has not been current for 3 + years.AIXOracleOracle RDMS 10g, Microsoft Access 2010</t>
  </si>
  <si>
    <t>Apache, PHP, MySQL, Open Web Framework 5MySQLWindowsMySQL,MySQL,OracleApache, PHP, MySQL, Open Web Framework 5Windows Server 2003Apache</t>
  </si>
  <si>
    <t>WindowsWindows serverMS IIS</t>
  </si>
  <si>
    <t>Java, Tomcat, Oracle, eAccessAIXOracleJava, Tomcat, Oracle, eAccess</t>
  </si>
  <si>
    <t>Bugzilla, MySQLLinux RHEL x86MySQLBugzilla, MySQL</t>
  </si>
  <si>
    <t>Windows IIS, Adobe ColdFusion, Access Database, Oracle Database, Internet BrowsersOracle database is DFO standardAIXOracleWindows IIS, Adobe ColdFusion, Access Database, Oracle Database, Internet Browsersutilizes DFO standardutilizes DFO standardMS IIS</t>
  </si>
  <si>
    <t>jQuery, Apache, PHP, OracleAIXOraclejQuery, Apache, PHP, OracleMigration off Win 2003 server completedMS IIS</t>
  </si>
  <si>
    <t>Apache, PHP, MySQL, Open Web Framework 5MySQLWindowsMySQLApache, PHP, MySQL, Open Web Framework 5Windows Server 2003Apache</t>
  </si>
  <si>
    <t>Apache, PHP, MySQL, Open Web Framework 4MySQLWindowsMySQL,MySQLApache, PHP, MySQL, Open Web Framework 4Windows Server 2003Apache</t>
  </si>
  <si>
    <t>oracle forms 11g, Oracle DB 11g, Oracle application server fusion 11gOracle web based applcation.DFO currently has no master data management in place.AIXOracleoracle forms 11g, Oracle DB 11g, Oracle application server fusion 11g</t>
  </si>
  <si>
    <t>Solaris, Oracle, Open Indiana, UnixArchitecture under reviewFlat file and My SQL will be replaced by XML flat file and imported into Oracle.Oracle LinuxOracleSolaris, Oracle, Open Indiana, UnixEnterprise Standard not defined within CCG, Upcoming standard is X86 (current).Oracle UNIX</t>
  </si>
  <si>
    <t>ASP, IIS, OracleNoneNoneWindowsASP, IIS, OracleNoneNone</t>
  </si>
  <si>
    <t>OracleOracle LinuxOracle,OracleMigration off Win 2003 server completed</t>
  </si>
  <si>
    <t>OracleOracle LinuxOracleOracleWindows Server 2003</t>
  </si>
  <si>
    <t>ProvideX databaseWindows</t>
  </si>
  <si>
    <t>Apache, PHP, MySQL, Open Web Framework 4,5MySQLWindowsMySQL,MySQLApache, PHP, MySQL, Open Web Framework 4,5Windows Server 2003Apache</t>
  </si>
  <si>
    <t>C#, .net, Oracle, ArcGISApplication assessment incompleteOracleOracle LinuxOracleC#, .net, Oracle, ArcGISMigration off Win 2003 server completed</t>
  </si>
  <si>
    <t>Delphi, Oracle,Capital Project defined for replacementOracle LinuxOracleDelphi, Oracle,Assumption this includes user PC as part of a Client Service Application.</t>
  </si>
  <si>
    <t>Delphi, Oracle,.NetWindowsMS/SQL Server,MS/SQL Server,MySQL,Oracle,Delphi, Oracle,MS IIS</t>
  </si>
  <si>
    <t>Apache, PHP, MySQL, Open Web Framework 4,5MySQLWindowsMySQLApache, PHP, MySQL, Open Web Framework 4,5Windows Server 2003Apache</t>
  </si>
  <si>
    <t>Oracle LinuxOracleWindows Server 2003</t>
  </si>
  <si>
    <t>Oracle Database 11g,Oracle Forms and Reports 11gOracle client-server application - due in part to performance and functionality requirements.The cuurent versionm of the database is Oracle 10g which is not supported by the vendorAIXOracleOracle Database 11g,Oracle Forms and Reports 11g</t>
  </si>
  <si>
    <t>ApexLinux RHEL x86OracleApexApache</t>
  </si>
  <si>
    <t>Oracle Database 11g,Oracle Forms and Reports 11gAIXOracleOracle Database 11g,Oracle Forms and Reports 11g</t>
  </si>
  <si>
    <t>MS AccessWindowsMS AccessWindows Server 2003</t>
  </si>
  <si>
    <t>MS AccessWindowsMS Access</t>
  </si>
  <si>
    <t>.NetORACLEAIXOracle.Net</t>
  </si>
  <si>
    <t>ASP, IIS, OracleAIXOracleASP, IIS, OracleMS IIS</t>
  </si>
  <si>
    <t>Database, Servernot a COTS so fully customizedOracleLinux RHEL x86OracleDatabase, ServerApache</t>
  </si>
  <si>
    <t>C#, .net, Oracle, ArcGIS, PythonApplication assessment incompleteOracle LinuxOracleC#, .net, Oracle, ArcGIS, PythonWindows Server 2003</t>
  </si>
  <si>
    <t>Database, ServerMySQLWindowsMySQLDatabase, ServerApache</t>
  </si>
  <si>
    <t>oracle forms 10g (9i v9.04), Oracle DB 10g, Oracle application server 10gOracle web based applcation.DFO currently has no master data management in place.AIXOracle,Oracleoracle forms 10g (9i v9.04), Oracle DB 10g, Oracle application server 10gWindows Server 2003</t>
  </si>
  <si>
    <t>DaisyCMS, MySQL, JavaMySQLLinux RHEL x86MySQL,MySQLDaisyCMS, MySQL, JavaVirtual at SSCWindows Server 2003Apache</t>
  </si>
  <si>
    <t>Centura, Oracle dbORACLEAIXOracleCentura, Oracle db</t>
  </si>
  <si>
    <t>JAVATomcatProprietary database/modelWindowsJAVAWindows Server 2003Apache</t>
  </si>
  <si>
    <t>Apache, PHP, MySQL, Open Web Framework 3MySQLWindowsOracle,OracleApache, PHP, MySQL, Open Web Framework 3Windows Server 2003Apache</t>
  </si>
  <si>
    <t>Oracle aaplication server, Oracle formsAIXOracleOracle aaplication server, Oracle formsWindows Server 2003MS IIS</t>
  </si>
  <si>
    <t>Apache, PHP, MySQL, Open Web Framework 5MySQLWindowsMySQL,MySQLApache, PHP, MySQL, Open Web Framework 5Windows Server 2003Apache</t>
  </si>
  <si>
    <t>Fortran, openVMS, CONNX, Telnet, VB6, MS Access, Google EarthOracle,Fortran, openVMS, CONNX, Telnet, VB6, MS Access, Google EarthIP 10.16.126.110openVMS, linux, Windows 2003MS IIS</t>
  </si>
  <si>
    <t>Windows Server 2003 relié au domaine ENT, Internet Information Services – IIS versions 6 et 7, service SMTP de IIS activé, Framework .net, versions 2, 3, 3.5 et 4, Accès à l’Active Directory, Base de données Oracle 10Gr2 (production) SQL*Net 10G, ODP.Net 2.102.2.20 (Oracle Data Provider for .net), Crystal Report for visual studio 2008 runtimes, ODBC – Oracle driver 10GWebsphereWindowsWindows Server 2003 relié au domaine ENT, Internet Information Services – IIS versions 6 et 7, service SMTP de IIS activé, Framework .net, versions 2, 3, 3.5 et 4, Accès à l’Active Directory, Base de données Oracle 10Gr2 (production) SQL*Net 10G, ODP.Net 2.102.2.20 (Oracle Data Provider for .net), Crystal Report for visual studio 2008 runtimes, ODBC – Oracle driver 10GWindows Server 2003</t>
  </si>
  <si>
    <t>Oracle Database 11g, JRE 1.4Typical geospatial web applicationThe cuurent versionm of the database is Oracle 10g which is not supported by the vendorAIXOracleOracle Database 11g, JRE 1.4</t>
  </si>
  <si>
    <t>Apache, PHP, MySQL, Open Web Framework 4WindowsOracleApache, PHP, MySQL, Open Web Framework 4</t>
  </si>
  <si>
    <t>Apache, PHP, MySQL, Open Web Framework 3,4,5MySQLWindowsMySQLApache, PHP, MySQL, Open Web Framework 3,4,5Windows Server 2003Apache</t>
  </si>
  <si>
    <t>Apache, PHP, MySQL, Open Web Framework 3,4,5Oracle database/Oracle data modelAIXOracleApache, PHP, MySQL, Open Web Framework 3,4,5</t>
  </si>
  <si>
    <t>MS Access, CitrixMS AccessWindowsMS Access, Citrix</t>
  </si>
  <si>
    <t>Oracle, IBMWebspherethere is a project to have a secure encrypted ERSOracle LinuxOracleOracle, IBM</t>
  </si>
  <si>
    <t>Database, Servernot a COTS so fully customizedOracleLinux RHEL x86OracleDatabase, ServerWindows Server 2003Apache</t>
  </si>
  <si>
    <t>Apache, PHP, MySQL, Open Web Framework 5MySQLWindowsMySQLApache, PHP, MySQL, Open Web Framework 5Migration off Win 2003 server completedApache</t>
  </si>
  <si>
    <t>Windows ServerAIXOracleWindows ServerWindows Server 2003MS IIS</t>
  </si>
  <si>
    <t>Oracle iASAIXOracleOracle iASMigration off Win 2003 server completedApache</t>
  </si>
  <si>
    <t>Internet connection
Web, Production and Database Servers at DFO NCR.AIXOracle,OracleInternet connection
Web, Production and Database Servers at DFO NCR.MS IIS</t>
  </si>
  <si>
    <t>Centura, Oracle dbORACLEAIXOracleCentura, Oracle dbApache</t>
  </si>
  <si>
    <t>Crystal Reports, Oracle,WindowsOracleCrystal Reports, Oracle,</t>
  </si>
  <si>
    <t>PHP, Apache, Oracle web serverAIXOraclePHP, Apache, Oracle web serverMigration off Win 2003 server completedMS IIS</t>
  </si>
  <si>
    <t>Windows IIS, Adobe ColdFusion, Oracle db, network connectivity, emailOracle database is DFO standardAIXOracle,OracleWindows IIS, Adobe ColdFusion, Oracle db, network connectivity, emailutilizes DFO standardutilizes DFO standardMS IIS</t>
  </si>
  <si>
    <t>Windows IIS, Adobe ColdFusion, Oracle db, network connectivityOracle database is DFO standardAIXOracle,OracleWindows IIS, Adobe ColdFusion, Oracle db, network connectivityutilizes DFO standardutilizes DFO standardMS IIS</t>
  </si>
  <si>
    <t>C#, .net, OracleApplication assessment incompleteOracleOracle LinuxOracleC#, .net, OracleMS IIS</t>
  </si>
  <si>
    <t>Oracle RDMS 10g, Microsoft Access 2010, Microsoft Excel 2010Typical client-server applicationCurrent Database Version is no longer supported by the vendor and has not been current for 3 + years.AIXOracleOracle RDMS 10g, Microsoft Access 2010, Microsoft Excel 2010</t>
  </si>
  <si>
    <t>Oracle Forms /Reports 6i v6.0.8.18.3, Oracle RDMS 10g, SQL Net, SQL*LoaderOracle client-server application - due in part to performance and functionality requirements.Current Database Version is no longer supported by the vendor and has not been current for 3 + years.AIXOracleOracle Forms /Reports 6i v6.0.8.18.3, Oracle RDMS 10g, SQL Net, SQL*Loader</t>
  </si>
  <si>
    <t>Oracle RDMS 10g, Microsoft Access 2010, Microsoft Excel 2010TomcatAIXOracle,OracleOracle RDMS 10g, Microsoft Access 2010, Microsoft Excel 2010</t>
  </si>
  <si>
    <t>ArcServer, Oracle, Asp.Net MVC, SQL Server, ArcDesktop, ESRI JavaScript API.Net,DB model not available in std wayLinux RHEL x86,WindowsMS/SQL Server,MS/SQL Server,OracleArcServer, Oracle, Asp.Net MVC, SQL Server, ArcDesktop, ESRI JavaScript APIDev on Win 2003MS IIS</t>
  </si>
  <si>
    <t>WindowsMySQLWindows Server 2003</t>
  </si>
  <si>
    <t>MySQL, nHibernate, .NET.NetMySQLLinux RHEL x86MySQLMySQL, nHibernate, .NET</t>
  </si>
  <si>
    <t>Oracle forms 11g, Oracle DB 11g, WeblogicOracle web based applcation.DFO currently has nomaster data management in place.AIXOracle,OracleOracle forms 11g, Oracle DB 11g, WeblogicWindows Server 2003</t>
  </si>
  <si>
    <t>Crystal ReportsAIXOracleCrystal ReportsWindows Server 2003MS IIS</t>
  </si>
  <si>
    <t>Oracle Forms/Reports 6i v6.0.8.18.3, Oracle RDMS 10g, SQL NetOracle client-server application - due in part to performance and functionality requirements.Current Database Version is no longer supported by the vendor and has not been current for 3 + years.AIXOracleOracle Forms/Reports 6i v6.0.8.18.3, Oracle RDMS 10g, SQL Net</t>
  </si>
  <si>
    <t>oracle forms 11g, Oracle DB 11g, Oracle application server fusion 11gOracle client-server application - due in part to performance and functionality requirements.DFO currently has no master data management in place.AIXOracleoracle forms 11g, Oracle DB 11g, Oracle application server fusion 11g</t>
  </si>
  <si>
    <t>HTML, Classic ASP, C#, .net, Oracle.Net,Oracle Linux,WindowsOracle,HTML, Classic ASP, C#, .net, OracleMS IIS,</t>
  </si>
  <si>
    <t>Qunara-developed workstation client
Windows XP workstation; Oracle Database; Local PrintersAIXOracleQunara-developed workstation client
Windows XP workstation; Oracle Database; Local PrintersApache</t>
  </si>
  <si>
    <t>C#, .net, OracleApplication assessment incompleteOracleOracle LinuxOracleC#, .net, OracleMigration off Win 2003 server completed</t>
  </si>
  <si>
    <t>Apache, PHP, MySQL, Open Web Framework 4WindowsMySQLApache, PHP, MySQL, Open Web Framework 4Apache</t>
  </si>
  <si>
    <t>SQLServer, Web Services 2.0, WebSQL ServerWindowsMS/SQL Server,MS/SQL Server,MS/SQL Server,MS/SQL ServerSQLServer, Web Services 2.0, WebApache</t>
  </si>
  <si>
    <t>Oracle, Genesys, Nuance IVR platformsTomcatAIXOracleOracle, Genesys, Nuance IVR platformsWindows Server 2003</t>
  </si>
  <si>
    <t>Database, ServerWindowsOracleDatabase, Server</t>
  </si>
  <si>
    <t>Apache, PHP, MySQL, Open Web Framework 3MySQLWindowsOracle,OracleApache, PHP, MySQL, Open Web Framework 3Migration off Win 2003 server completedApache</t>
  </si>
  <si>
    <t>ASP, Web.Net,AIXOracle,OracleASP, WebWindows Server 2003Apache,MS IIS</t>
  </si>
  <si>
    <t>Windows Server, Internet BrowserAIXOracleWindows Server, Internet Browserutilizes DFO standardutilizes DFO standardMS IIS</t>
  </si>
  <si>
    <t>Apache, PHP, MySQLLinux on Z RHELMySQLApache, PHP, MySQLWindows Server 2003Apache</t>
  </si>
  <si>
    <t>High-volume Scanner, Windows OSLinux RHEL x86,WindowsMS/SQL Server,MS/SQL Server,OracleHigh-volume Scanner, Windows OSMS IIS</t>
  </si>
  <si>
    <t>High-volume Scanner, Windows OSThis is add-on module for Kofax Capture.This is add-on module for Kofax Capture.WindowsMS/SQL Server,MS/SQL Server,OracleHigh-volume Scanner, Windows OSMS IIS</t>
  </si>
  <si>
    <t>High-volume Scanner, Windows OSWindowsHigh-volume Scanner, Windows OS</t>
  </si>
  <si>
    <t>oracle forms 11g, Oracle DB 11g, Oracle application server fusion 11gOracle web based applcation.DFO currently has no master data management in place.AIXOracle,Oracleoracle forms 11g, Oracle DB 11g, Oracle application server fusion 11gWindows Server 2003Apache,</t>
  </si>
  <si>
    <t>Windows Server, Internet BrowserOracle database is DFO standardAIXOracleWindows Server, Internet Browserutilizes DFO standardutilizes DFO standardMS IIS</t>
  </si>
  <si>
    <t>oracle forms 11g, Oracle DB 11g, Oracle application server fusion 11gWindowsOracleoracle forms 11g, Oracle DB 11g, Oracle application server fusion 11gWindows Server 2003</t>
  </si>
  <si>
    <t>Oracle, WebAccessArchitecture review in 2013-2014Oracle LinuxDB2Oracle, WebAccess</t>
  </si>
  <si>
    <t>Oracle forms 11g, Oracle DB 11g, WeblogicOracle web based applcation.DFO currently has no master data management in place.AIXOracleOracle forms 11g, Oracle DB 11g, Weblogic</t>
  </si>
  <si>
    <t>Oracle, ApexOracle LinuxOracleOracle, ApexComes installed with Oracle database.</t>
  </si>
  <si>
    <t>Oracle Application Express, Oracle DB, network connectivity, Internet Browsers, emailLinux RHEL x86Oracle,OracleOracle Application Express, Oracle DB, network connectivity, Internet Browsers, emailApache,</t>
  </si>
  <si>
    <t>Oracle, ApexOracle LinuxOracleOracle, Apex</t>
  </si>
  <si>
    <t>PHP 5, ASP vb, MySQL 5, MapServer, CarisWindowsMySQL,MySQLPHP 5, ASP vb, MySQL 5, MapServer, CarisWindows Server 2003MS IIS</t>
  </si>
  <si>
    <t>Oracle Forms, Oracle database, Oracle reports, Cognos reports, Impromptu reportsOracleAIXOracleOracle Forms, Oracle database, Oracle reports, Cognos reports, Impromptu reportsWindows Server 2003</t>
  </si>
  <si>
    <t>Oracle, ASP.NET (C#), MS Silverlight.Net,Typical web applicationOracle database is DFO standardAIXOracleOracle, ASP.NET (C#), MS Silverlightutilizes DFO standardutilizes DFO standardMS IIS</t>
  </si>
  <si>
    <t>MS Access 2010Standalone applicationMS Access 2010</t>
  </si>
  <si>
    <t>Apache, PHP, MySQL, Open Web Framework 4MySQLWindowsMySQLApache, PHP, MySQL, Open Web Framework 4Apache</t>
  </si>
  <si>
    <t>Database, ServerAIXOracleDatabase, ServerApache,</t>
  </si>
  <si>
    <t>Application ServerAIXOracleApplication ServerApache,</t>
  </si>
  <si>
    <t>Windows clientAIXOracleWindows client</t>
  </si>
  <si>
    <t>Apache httpd, perl, java, pythonAIXOracleApache httpd, perl, java, pythonSPCApache</t>
  </si>
  <si>
    <t>Database ServerOracleLinux RHEL x86OracleDatabase ServerWeb-deployed COTS on standard infrastructureWeb-deployed COTS on standard infrastructureMS IIS</t>
  </si>
  <si>
    <t>Fortran, openVMS, CONNX, Telnet, VB6, MS Access.Net,Fortran, openVMS, CONNX, Telnet, VB6, MS AccessIP 10.16.126.110openVMS, linux, Win 2003MS IIS,</t>
  </si>
  <si>
    <t>Java, Hibernate, Spring, Tomcat, Apache, GCKeys, SAMLTomcatOracleLinux RHEL x86Oracle,OracleJava, Hibernate, Spring, Tomcat, Apache, GCKeys, SAMLVirtual at SSCRHELApache,</t>
  </si>
  <si>
    <t>Oracle DB authentication, Oracle Enterprise Manager (OEM), Oracle IIS, Centura, FTPAIXOracleOracle DB authentication, Oracle Enterprise Manager (OEM), Oracle IIS, Centura, FTPApache</t>
  </si>
  <si>
    <t>Oracle DB authentication, Oracle Enterprise Manager (OEM), Oracle IIS, Centura, EmailAIXOracleOracle DB authentication, Oracle Enterprise Manager (OEM), Oracle IIS, Centura, EmailMigration off Win 2003 server completedApache</t>
  </si>
  <si>
    <t>Apache, PHP, MySQL, Open Web Framework 5MySQLWindowsOracle,OracleApache, PHP, MySQL, Open Web Framework 5Windows Server 2003Apache</t>
  </si>
  <si>
    <t>FoxPro Front-end/MS SQL Server back-endWindowsMS/SQL Server,MS/SQL ServerFoxPro Front-end/MS SQL Server back-end</t>
  </si>
  <si>
    <t>Fortran, openVMS, CONNX, TelnetFortran, openVMS, CONNX, TelnetIP 10.16.126.110openVMS, linux</t>
  </si>
  <si>
    <t>Oracle Database 11g,Oracle Forms and Reports 11gOracle client-server application - due in part to performance and functionality requirements.The current versionm of the database is Oracle 10g which is not supported by the vendorAIXOracleOracle Database 11g,Oracle Forms and Reports 11g</t>
  </si>
  <si>
    <t>ArcGIS Server 10, Flashbuilder 4.5, Windows Server 2008, Oracle DatabaseWindowsOracleArcGIS Server 10, Flashbuilder 4.5, Windows Server 2008, Oracle DatabaseIntranet App based on ESRI product LCD of dept computer standards factor in this. This is a new app about to be deployedMigration off Win 2003 server completedMS IIS</t>
  </si>
  <si>
    <t>Langage C, RedHat Linux administration et scripts, RS232 communications, modem cellulaires et standard, réseau.Linux RHEL x86Langage C, RedHat Linux administration et scripts, RS232 communications, modem cellulaires et standard, réseau.Apache</t>
  </si>
  <si>
    <t>Java 1.5, Oracle RDMS 10gTypical client-server applicationCurrent Database Version is no longer supported by the vendor and has not been current for 3 + years.AIXOracleJava 1.5, Oracle RDMS 10g</t>
  </si>
  <si>
    <t>java 1.6 (swing app), Oracle DB 11gTypical client-server applicationDFO currently has no master data management in place.AIXOraclejava 1.6 (swing app), Oracle DB 11g</t>
  </si>
  <si>
    <t>ESRI ARCGIS Server, Silverlight, OracleWindowsOracleESRI ARCGIS Server, Silverlight, OracleWindows Server 2003Apache</t>
  </si>
  <si>
    <t>Apache, PHP, MySQL, Open Web Framework 3, 4,5MySQLWindowsMySQL,MySQLApache, PHP, MySQL, Open Web Framework 3, 4,5Windows Server 2003Apache</t>
  </si>
  <si>
    <t>Windows Server, Oracle UNIX AIX Server, Oracle Application Server, Oracle Forms, Oracle DatabaseWebsphereOracle database is DFO standardAIXOracleWindows Server, Oracle UNIX AIX Server, Oracle Application Server, Oracle Forms, Oracle Databaseutilizes DFO standardMigration off Win 2003 server completed</t>
  </si>
  <si>
    <t>Oracle, Genesys, Nuance IVR platformTomcatAIXOracleOracle, Genesys, Nuance IVR platformWindows Server 2003</t>
  </si>
  <si>
    <t>Windows Server, Internet BrowserAIXOracleWindows Server, Internet Browser</t>
  </si>
  <si>
    <t>Apache, PHP, MySQL, Open Web Framework 4, 5MySQLWindowsMySQL,MySQL,Apache, PHP, MySQL, Open Web Framework 4, 5Windows Server 2003Apache</t>
  </si>
  <si>
    <t>Google Chrome, Mozilla Firefox, Safari, Internet Explorerdatabase on the vendor cloudGoogle Chrome, Mozilla Firefox, Safari, Internet Explorer</t>
  </si>
  <si>
    <t>HP DL380, Windows 2003 Server Running Q-Pulse Server Software.  Q-Pulse Server uses Microsoft SQL Database.  Q-Pulse Client on the desktops requires .NET Framework 3.5.  Server connected to a UPS and uses a DLT320 for nightly backups..NetProprietary data model embedded in COTS toolWindowsMS/SQL Server,MS/SQL ServerHP DL380, Windows 2003 Server Running Q-Pulse Server Software.  Q-Pulse Server uses Microsoft SQL Database.  Q-Pulse Client on the desktops requires .NET Framework 3.5.  Server connected to a UPS and uses a DLT320 for nightly backups.HP DL380 serverWindows 7 client side; Windows 2003 on server</t>
  </si>
  <si>
    <t>Apache, PHP, MySQL, Open Web Framework 3, 5MySQLWindowsMySQL,Oracle,OracleApache, PHP, MySQL, Open Web Framework 3, 5Windows Server 2003Apache</t>
  </si>
  <si>
    <t>Oracle Database 10g, Apache2,Tomcat 6, JRE1.5, Java Servlet and JSPTypical web applicationAIXOracleOracle Database 10g, Apache2,Tomcat 6, JRE1.5, Java Servlet and JSPApache</t>
  </si>
  <si>
    <t>Windows Server, Microsoft .NET, Oracle Database, Internet BrowserOracle database is DFO standardAIXOracleWindows Server, Microsoft .NET, Oracle Database, Internet Browserutilizes DFO standardutilizes DFO standard</t>
  </si>
  <si>
    <t>C++ Builder 2006 (including Rave Reports BE), Devart ODAC 6.0, Oracle DB 11gClient-server applicationDFO currently has no master data management in place.AIXOracleC++ Builder 2006 (including Rave Reports BE), Devart ODAC 6.0, Oracle DB 11g</t>
  </si>
  <si>
    <t>IBM Cognos 8AIXOracleIBM Cognos 8Windows Server 2003</t>
  </si>
  <si>
    <t>Servox (COTS), Dialogic box, MS AccessMS AccessWindowsServox (COTS), Dialogic box, MS AccessApache</t>
  </si>
  <si>
    <t>MSAcces, R, OracleAIXOracleMSAcces, R, Oracle</t>
  </si>
  <si>
    <t>oracle forms 10g (9i v9.04), Oracle DB 10g, Oracle application server 10gOracle web based applcation.DFO currently has nomaster data management in place.AIXOracleoracle forms 10g (9i v9.04), Oracle DB 10g, Oracle application server 10gWindows Server 2003</t>
  </si>
  <si>
    <t>Oracle 11g,  Apache, PL/SQL,Oracle LinuxOracleOracle 11g,  Apache, PL/SQL,Apache</t>
  </si>
  <si>
    <t>Oracle 11g,  Apache,  PL/SQLOracle LinuxOracleOracle 11g,  Apache,  PL/SQLApache</t>
  </si>
  <si>
    <t>Oracle 11g ,  Apache,  PL/SQL, Mail ServerOracle LinuxMS/SQL Server,MS/SQL Server,MS/SQL Server,MS/SQL Server,OracleOracle 11g ,  Apache,  PL/SQL, Mail ServerApache</t>
  </si>
  <si>
    <t>Oracle 11g ,  Apache, PL/SQLOracle LinuxOracleOracle 11g ,  Apache, PL/SQLApache</t>
  </si>
  <si>
    <t>.NET; Web Services.Net.NET; Web Services</t>
  </si>
  <si>
    <t>.NET; Oracle DB.Net,WindowsOracle.NET; Oracle DBMS IIS</t>
  </si>
  <si>
    <t>MS Excel; Oracle DB; VBAWindowsOracleMS Excel; Oracle DB; VBA</t>
  </si>
  <si>
    <t>.NET; MS SQL.NetWindowsMS/SQL Server,MS/SQL Server,MS/SQL Server,MS/SQL Server.NET; MS SQL</t>
  </si>
  <si>
    <t>Oracle 11g / PL/SQLOracle LinuxOracleOracle 11g / PL/SQLApache</t>
  </si>
  <si>
    <t>Web Portal TechnologyHPUX,WindowsOracleWeb Portal Technology</t>
  </si>
  <si>
    <t>Lotus Notes/Domino server; Lotus Notes Names &amp; Address Books (security/authentication); MS-SQLWindowsMS/SQL Server,MS/SQL Server,MS/SQL Server,MS/SQL ServerLotus Notes/Domino server; Lotus Notes Names &amp; Address Books (security/authentication); MS-SQL</t>
  </si>
  <si>
    <t>BMC Remedy, DynadocsSolaris x86SybaseBMC Remedy, Dynadocs</t>
  </si>
  <si>
    <t>SQL, SMTPWindowsMS/SQL Server,MS/SQL Server,MS/SQL Server,MS/SQL ServerSQL, SMTP</t>
  </si>
  <si>
    <t>Yes - Strategic Planning, Fact-based Decision making Support, Planning and forecasting, Business Analytics, Scorecards, Dashboards, Predictive Analysis, Adhoc and Diagnostics Analysis.WindowsMS/SQL Server,MS/SQL Server,MS/SQL Server,MS/SQL ServerYes - Strategic Planning, Fact-based Decision making Support, Planning and forecasting, Business Analytics, Scorecards, Dashboards, Predictive Analysis, Adhoc and Diagnostics Analysis.MS IIS</t>
  </si>
  <si>
    <t>BMC Remedy &amp; SybaseSolaris x86SybaseBMC Remedy &amp; Sybase</t>
  </si>
  <si>
    <t>SCOM, Impact Manager, Netview, BMC RemedySolaris x86SybaseSCOM, Impact Manager, Netview, BMC Remedy</t>
  </si>
  <si>
    <t>.NetWindowsMS IIS</t>
  </si>
  <si>
    <t>Windows 8 R2 OS (64 bit), SQL Server 2008 Rs SP1 (or hight including MS SSIS.WindowsMS/SQL Server,MS/SQL Server,MS/SQL Server,MS/SQL ServerWindows 8 R2 OS (64 bit), SQL Server 2008 Rs SP1 (or hight including MS SSIS.</t>
  </si>
  <si>
    <t>BMC Remedy , Pureshare, Mobile ReachSolaris x86SybaseBMC Remedy , Pureshare, Mobile Reach</t>
  </si>
  <si>
    <t>.NetMS/SQL Server,MS/SQL Server,MS/SQL Server,MS/SQL ServerMS IIS</t>
  </si>
  <si>
    <t>Remedy, Email, Web ApplicationWindowsMS/SQL Server,MS/SQL Server,MS/SQL Server,MS/SQL ServerRemedy, Email, Web ApplicationMS IIS</t>
  </si>
  <si>
    <t>BMC Remedy, X-link,SCCMSolaris x86SybaseBMC Remedy, X-link,SCCM</t>
  </si>
  <si>
    <t>Yes - Strategic Planning, Business Analytics, Predictive analysis, Adhoc and diagnostics analysis.WindowsMS/SQL Server,MS/SQL Server,MS/SQL Server,MS/SQL ServerYes - Strategic Planning, Business Analytics, Predictive analysis, Adhoc and diagnostics analysis.</t>
  </si>
  <si>
    <t>Yes - Planning and Forecasting, Business Analytics, Predictive analysis, Adhoc and diagnostics analysis.WindowsMS/SQL Server,MS/SQL Server,MS/SQL Server,MS/SQL ServerYes - Planning and Forecasting, Business Analytics, Predictive analysis, Adhoc and diagnostics analysis.</t>
  </si>
  <si>
    <t>ColdFusion, Remedy, Web ApplicationWindowsSybaseColdFusion, Remedy, Web Application</t>
  </si>
  <si>
    <t>WordPress, MYSQL, Active Directory, WordPress plug-ins, Microsoft ISSWindowsMS/SQL Server,MS/SQL Server,MS/SQL Server,MS/SQL ServerWordPress, MYSQL, Active Directory, WordPress plug-ins, Microsoft ISS</t>
  </si>
  <si>
    <t>Lotus Notes/Domino server; Lotus Notes Names &amp; Address Books (security/authentication).Lotus Notes/Domino server; Lotus Notes Names &amp; Address Books (security/authentication).</t>
  </si>
  <si>
    <t>J2EE; Glassfish; Oracle WavesetJ2EE; Glassfish; Oracle Waveset</t>
  </si>
  <si>
    <t>TomcatLinux SLES x86</t>
  </si>
  <si>
    <t>YesWindowsYes</t>
  </si>
  <si>
    <t>Yes.NetWindowsYes</t>
  </si>
  <si>
    <t>Yes.Net,WindowsYes</t>
  </si>
  <si>
    <t>YesLinux SLES x86OracleYes</t>
  </si>
  <si>
    <t>YesTomcatLinux SLES x86OracleYes</t>
  </si>
  <si>
    <t>YesWindowsMS/SQL Server,MS/SQL ServerYes</t>
  </si>
  <si>
    <t>YesOracle LinuxYes</t>
  </si>
  <si>
    <t>YesWindowsMySQLYes</t>
  </si>
  <si>
    <t>YesWindowsOracleYes</t>
  </si>
  <si>
    <t>YesLinux SLES x86Yes</t>
  </si>
  <si>
    <t>YesOracleYes</t>
  </si>
  <si>
    <t>YesAIX,Linux RHEL x86,Linux SLES x86Oracle,Yes</t>
  </si>
  <si>
    <t>Yes.Net,WindowsMS/SQL Server,MS/SQL ServerYes</t>
  </si>
  <si>
    <t>YesTomcatWindowsMySQLYes</t>
  </si>
  <si>
    <t>yesyes</t>
  </si>
  <si>
    <t>YesLinux SLES x86MySQLYesApache</t>
  </si>
  <si>
    <t>YesLinux on Z SLESYes</t>
  </si>
  <si>
    <t>YesWebsphereLinux SLES x86OracleYes</t>
  </si>
  <si>
    <t>YesLinux SLES x86MySQLYes</t>
  </si>
  <si>
    <t>Apache v2.0.59;PHP v5.1.6;WIN2003 ALT-Web (IP Address: 10.33.2.64);MySQL v5.0.41Apache v2.0.59;PHP v5.1.6;WIN2003 ALT-Web (IP Address: 10.33.2.64);MySQL v5.0.41</t>
  </si>
  <si>
    <t>YesTomcatOracleYes</t>
  </si>
  <si>
    <t>YesWindowsMS/SQL Server,MS/SQL Server,Yes</t>
  </si>
  <si>
    <t>YesTomcatLinux SLES x86Yes</t>
  </si>
  <si>
    <t>YesTomcatLinux on Z SLESYes</t>
  </si>
  <si>
    <t>YesTomcatLinux on Z SLESOracleYes</t>
  </si>
  <si>
    <t>MS .NET Framework
MS IIS
MS SQL Server.NetWindowsMS/SQL Server,MS/SQL ServerMS .NET Framework
MS IIS
MS SQL Server</t>
  </si>
  <si>
    <t>SSC ETI AI : Email integration = SMTP Only application
---SSC ETI AI : Email integration = Application with Mailboxes
---ZenworksSQL Server 2008 R2WindowsMS/SQL Server,MS/SQL ServerSSC ETI AI : Email integration = SMTP Only application
---SSC ETI AI : Email integration = Application with Mailboxes
---ZenworksWindows Server 2008 R2Apache</t>
  </si>
  <si>
    <t>SSC ETI AI : Email integration =  - Depended on program that understand .msg fileOracle 10gHPUXOracleSSC ETI AI : Email integration =  - Depended on program that understand .msg fileDell PowerEdge 2850Windows Server 2003 / HP-UX B.11.31</t>
  </si>
  <si>
    <t>SSC ETI AI : Email integration = Not Applicable
---Web Data Server 8.2SQL 2008 R2WindowsMS/SQL Server,MS/SQL ServerSSC ETI AI : Email integration = Not Applicable
---Web Data Server 8.2Dell PowerEdge 2850Windows Server 2000</t>
  </si>
  <si>
    <t>SSC ETI AI : Email integration = Not Applicable.NetWindowsSSC ETI AI : Email integration = Not ApplicableMS IIS</t>
  </si>
  <si>
    <t>.NetWindowsMS/SQL Server,MS/SQL Server,MS IIS</t>
  </si>
  <si>
    <t>Not included in future application portfolio plans.Apache</t>
  </si>
  <si>
    <t>SSC ETI AI : Email integration = Not ApplicableWindowsSSC ETI AI : Email integration = Not ApplicableDell Poweredge 2900 (server), HP Compaq de7600 Convertible MinitowerWindows Server 2008 R2</t>
  </si>
  <si>
    <t>SSC ETI AI : Email integration = SMTP Only application.NetWindowsSSC ETI AI : Email integration = SMTP Only applicationMS IIS</t>
  </si>
  <si>
    <t>SSC ETI AI : Email integration = Not Applicable
---Crystal Reports 10.Net,WindowsSybaseSSC ETI AI : Email integration = Not Applicable
---Crystal Reports 10MS IIS</t>
  </si>
  <si>
    <t>SSC ETI AI : Email integration = SMTP Only application
---SAP
---AFARIAOracle 11HPUXOracleSSC ETI AI : Email integration = SMTP Only application
---SAP
---AFARIA</t>
  </si>
  <si>
    <t>Java, JavaScript, JQuery, Babel, Highcharts, NPM.NetJava, JavaScript, JQuery, Babel, Highcharts, NPMMS IIS</t>
  </si>
  <si>
    <t>SSC ETI AI : Email integration = SMTP Only applicationMS SQL 2008 R2WindowsMS/SQL Server,MS/SQL ServerSSC ETI AI : Email integration = SMTP Only applicationVM on ESX 4.1 / Dell PowerEdge 2650Windows 2008, Red-Hat Enterprise Linux 6.1MS IIS</t>
  </si>
  <si>
    <t>SSC ETI AI : Email integration = SMTP Only applicationHPUX,WindowsSybaseSSC ETI AI : Email integration = SMTP Only applicationWindows Server 2008 R2Apache</t>
  </si>
  <si>
    <t>WebsphereLinux RHEL x86</t>
  </si>
  <si>
    <t>SSC ETI AI : Email integration = SMTP Only applicationSSC ETI AI : Email integration = SMTP Only applicationWindows Server 2008 R2</t>
  </si>
  <si>
    <t>SSC ETI AI : Email integration = SMTP Only applicationSQL Server 2008WindowsMS/SQL Server,MS/SQL ServerSSC ETI AI : Email integration = SMTP Only applicationWindows Server 2008 R2Apache</t>
  </si>
  <si>
    <t>.NetMS AccessWindowsWindows Server 2008 R2MS IIS</t>
  </si>
  <si>
    <t>SSC ETI AI : Email integration = SMTP Only Application.NetWindowsSSC ETI AI : Email integration = SMTP Only ApplicationMS IIS</t>
  </si>
  <si>
    <t>SSC ETI AI : Email integration = Not Applicable
---Crystal Reports 8.5.Net,WindowsSybaseSSC ETI AI : Email integration = Not Applicable
---Crystal Reports 8.5MS IIS</t>
  </si>
  <si>
    <t>SSC ETI AI : Email integration = SMTP Only applicationWindowsSSC ETI AI : Email integration = SMTP Only applicationWindows Server 2008 R2</t>
  </si>
  <si>
    <t>SSC ETI AI : Email integration = Application with Client Side Controls
---Siebel
---Visual Studio .NET
---Adobe.Net,Database is benchmark for department in terms of data model.  DB is SQL server 2008 R2WindowsMS/SQL Server,MS/SQL ServerSSC ETI AI : Email integration = Application with Client Side Controls
---Siebel
---Visual Studio .NET
---AdobeQuantum Scalar i2000 / Brocade 3900 / Brocade 4100 / VM on ESX 4.1Windows Server 2008 R2MS IIS</t>
  </si>
  <si>
    <t>Image Gear, Snowbound, Image Magic, PowerBuilderLinux on Z RHEL,WindowsSybaseImage Gear, Snowbound, Image Magic, PowerBuilderMS IIS</t>
  </si>
  <si>
    <t>SSC ETI AI : Email integration = Application with Client Side Controls
---Adobe Livecycle
---SAP
---GCDocs
---Entrust
---GCKeySQL Server 2012WindowsMS/SQL Server,MS/SQL ServerSSC ETI AI : Email integration = Application with Client Side Controls
---Adobe Livecycle
---SAP
---GCDocs
---Entrust
---GCKeyVMWareWindows Server 2008 R2MS IIS</t>
  </si>
  <si>
    <t>SSC ETI AI : Email integration = Not Applicable
HighStock / HighCharts 4.1.13 (HighSoft).NetJavaScript and HighSoft are part of CIC's future state architecture.XML data schema is documented and current.  wise, does not use RDBMS.SSC ETI AI : Email integration = Not Applicable
HighStock / HighCharts 4.1.13 (HighSoft)Standard CIC VM.Windows 2008 R2MS IIS</t>
  </si>
  <si>
    <t>SSC ETI AI: Email Integration = SMTPWeblogicLinux on Z RHELOracleSSC ETI AI: Email Integration = SMTP</t>
  </si>
  <si>
    <t>WebsphereWindowsDB2</t>
  </si>
  <si>
    <t>SSC ETI AI : Email integration = SMTP Only application
(Some applications use the Telus SMTP Relay Autonomy TeamSite).Net,SQL Server 2008 R2WindowsMS/SQL Server,MS/SQL Server,SSC ETI AI : Email integration = SMTP Only application
(Some applications use the Telus SMTP Relay Autonomy TeamSite)VM on ESX 4.1Windows 2008 R2MS IIS</t>
  </si>
  <si>
    <t>SSC ETI AI : Email integration = Not Applicable
---Crystal Reports 10Sybase ASE 15.0.2WindowsSybaseSSC ETI AI : Email integration = Not Applicable
---Crystal Reports 10VM on ESX 4.1Windows Server 2003MS IIS</t>
  </si>
  <si>
    <t>SSC ETI AI : Email integration = Not ApplicableWindowsSybaseSSC ETI AI : Email integration = Not ApplicableApache</t>
  </si>
  <si>
    <t>SSC ETI AI : Email integration = SMTP Only applicationSQL Server 2008 R2WindowsMS/SQL Server,MS/SQL ServerSSC ETI AI : Email integration = SMTP Only applicationVM on ESX 4.1Windows Server 2008 R2 / Red-Hat Enterprise Linux 6.1Apache</t>
  </si>
  <si>
    <t>SSC ETI AI : Email integration = Not Applicable
---SASWindows,WindowsMS/SQL Server,MS/SQL Server,SybaseSSC ETI AI : Email integration = Not Applicable
---SAS</t>
  </si>
  <si>
    <t>This is not a complex app thus cost to provide functionality is minimal.My SQL Community ServerWindowsMySQLWindows Server 2003 R2 SP2.  Version is not current within last 2 yearsMS IIS</t>
  </si>
  <si>
    <t>Image Gear, Snowbound, Image Magic, PowerBuilderHPUX,Linux SLES x86,WindowsSybaseImage Gear, Snowbound, Image Magic, PowerBuilderMS IIS</t>
  </si>
  <si>
    <t>This is not a complex app thus cost to provide functionality is minimal.WindowsWindows Server 2003 R2 SP2.  Version is not current within last 2 yearsMS IIS</t>
  </si>
  <si>
    <t>This is not a complex app thus cost to provide functionality is minimal.My SQL Community ServerWindowsMySQLWindows Server 2003 R2 SP2.  Max or Michel to confirm.  Version is not current within last 2 yearsMS IIS</t>
  </si>
  <si>
    <t>This is not a complex app thus cost to provide functionality is minimal.My SQL Community ServerWindowsMySQLDL580 G4Windows Server 2003 R2 SP2.  Max or Michel to confirm.  Version is not current within last 2 yearsMS IIS</t>
  </si>
  <si>
    <t>WindowsDL380 G52003 R2 64 SP2</t>
  </si>
  <si>
    <t>SQL Server 2008 R2WindowsMS/SQL Server,MS/SQL Server2008 R2 SP1 64</t>
  </si>
  <si>
    <t>SSC ETI AI : Email integration = SMTP Only applicationSQL Server 2008 R2WindowsMS/SQL Server,MS/SQL ServerSSC ETI AI : Email integration = SMTP Only applicationDell PowerEdge R910Windows server 2008 R2 / HP-UX B.11.11</t>
  </si>
  <si>
    <t>SSC ETI AI : Email integration = Not ApplicableSQL Server 2008WindowsSybaseSSC ETI AI : Email integration = Not ApplicableWindows Server 2008 R2Apache</t>
  </si>
  <si>
    <t>GoogleGoogle</t>
  </si>
  <si>
    <t>SSC ETI AI : Email integration = Not ApplicableSSC ETI AI : Email integration = Not Applicable</t>
  </si>
  <si>
    <t>SSC ETI AI : Email integration = SMTP Only application
---Crystal Reports 11Sybase ASE 15.0.3HPUX,WindowsMS/SQL Server,MS/SQL Server,SybaseSSC ETI AI : Email integration = SMTP Only application
---Crystal Reports 11VM on ESX 4.1Windows 2000 server / Vista desktop</t>
  </si>
  <si>
    <t>UnknownWindowsOracleUnknown</t>
  </si>
  <si>
    <t>UnknownWindowsOracleUnknownMS IIS</t>
  </si>
  <si>
    <t>Abydos DesignerWindowsMS/SQL Server,MS/SQL ServerAbydos DesignerMS IIS</t>
  </si>
  <si>
    <t>UnknownWindowsUnknown</t>
  </si>
  <si>
    <t>Linux SLES x86MySQLApache</t>
  </si>
  <si>
    <t>.NetWindowsMS/SQL Server,MS/SQL ServerMS IIS,</t>
  </si>
  <si>
    <t>C++, DB1z/OSDB2C++, DB1</t>
  </si>
  <si>
    <t>Windows, Oracle, JbossOracleAIXOracleWindows, Oracle, JbossVM, IBM Power SeriesApache,MS IIS</t>
  </si>
  <si>
    <t>Fax Server; Geocoding web serviceWebsphereAIXOracle,Fax Server; Geocoding web serviceApache</t>
  </si>
  <si>
    <t>Access DatabaseAccess Database</t>
  </si>
  <si>
    <t>C++, DB2z/OSDB2C++, DB2</t>
  </si>
  <si>
    <t>C++z/OSDB2C++</t>
  </si>
  <si>
    <t>SMTP, DNS, HTTP, HTML, Windows, Oracle, SQLAIXOracleSMTP, DNS, HTTP, HTML, Windows, Oracle, SQL</t>
  </si>
  <si>
    <t>Lotus/Domino, LDAPDominoAIXLotus/Domino, LDAPIBM Power Series</t>
  </si>
  <si>
    <t>IFMS-SAPAIXOracleIFMS-SAP</t>
  </si>
  <si>
    <t>Lotus DominoAIXLotus DominoApache</t>
  </si>
  <si>
    <t>LDAPAIXLDAP</t>
  </si>
  <si>
    <t>Scanning hardwareAIXOracleScanning hardware</t>
  </si>
  <si>
    <t>Oracle clientAIXOracleOracle client</t>
  </si>
  <si>
    <t>SSC Peter Corrigan and Ken FillipsSSC Peter Corrigan and Ken Fillips</t>
  </si>
  <si>
    <t>IBM Cognos BIAIXOracleIBM Cognos BIMS IIS</t>
  </si>
  <si>
    <t>AIXOracleMS IIS</t>
  </si>
  <si>
    <t>Lotus Notes - ICD-EPUB1, StratnotesAIXLotus Notes - ICD-EPUB1, Stratnotes</t>
  </si>
  <si>
    <t>Lotus/Domino, LDAP, Oracle, Apache, SMTPAIXOracleLotus/Domino, LDAP, Oracle, Apache, SMTPApache</t>
  </si>
  <si>
    <t>.Net,WebsphereWindowsMS/SQL Server,MS/SQL ServerApache,MS IIS,</t>
  </si>
  <si>
    <t>CenturaAIXOracleCentura</t>
  </si>
  <si>
    <t>Outlook, MS Office, Oracle, LDAPOracleAIXOracleOutlook, MS Office, Oracle, LDAPVM, IBM Power SeriesApache,MS IIS</t>
  </si>
  <si>
    <t>Lotus Notes - ICD-EPUB1AIXLotus Notes - ICD-EPUB1</t>
  </si>
  <si>
    <t>Centura (Team Developer), Edraw (Word Viewer), QuickViewPlusPro, NFS Solo, Oracle, COBOL, JetForm, JetForm Central (server base), MS WordAIXOracleCentura (Team Developer), Edraw (Word Viewer), QuickViewPlusPro, NFS Solo, Oracle, COBOL, JetForm, JetForm Central (server base), MS WordWindows AIXAIX</t>
  </si>
  <si>
    <t>Oracle, PDF-Loader, XML Reader, DB Links, ASP 6.0AIXOracleOracle, PDF-Loader, XML Reader, DB Links, ASP 6.0MS IIS</t>
  </si>
  <si>
    <t>CA/Gen generated COBOl, DB2, Javaz/OSDB2CA/Gen generated COBOl, DB2, Java</t>
  </si>
  <si>
    <t>Outlook OLE, Crystal Reports, CITRIXAIXOutlook OLE, Crystal Reports, CITRIX</t>
  </si>
  <si>
    <t>WebsphereAIXApache</t>
  </si>
  <si>
    <t>SMTP, Crystal Reports, SFTPAIXSMTP, Crystal Reports, SFTP</t>
  </si>
  <si>
    <t>Crystal ReportsAIXCrystal Reports</t>
  </si>
  <si>
    <t>TomcatWindowsApache</t>
  </si>
  <si>
    <t>prod=ic.iii.com, Test=ic-test.iii.com (externallly hosted by vendor)prod=ic.iii.com, Test=ic-test.iii.com (externallly hosted by vendor)</t>
  </si>
  <si>
    <t>COBOL, DB2z/OSDB2COBOL, DB2</t>
  </si>
  <si>
    <t>.NET, MSSQLWindowsMS/SQL Server,MS/SQL Server.NET, MSSQLMS IIS</t>
  </si>
  <si>
    <t>Lotus NotesAIXLotus Notes</t>
  </si>
  <si>
    <t>WeblogicAIXOracle</t>
  </si>
  <si>
    <t>Adlib Express (PDF converter)AIXOracleAdlib Express (PDF converter)Apache</t>
  </si>
  <si>
    <t>CCM Mercury, Barcode Reader/Writer, Ghostscript for PDF generation, Outlook OLE, Wordperfect, MS Work, Rightfax, Pos Terminals for cheque validationAIXOracleCCM Mercury, Barcode Reader/Writer, Ghostscript for PDF generation, Outlook OLE, Wordperfect, MS Work, Rightfax, Pos Terminals for cheque validation</t>
  </si>
  <si>
    <t>ZetafaxAIXOracleZetafax</t>
  </si>
  <si>
    <t>AIXOracle</t>
  </si>
  <si>
    <t>AIXOracleApache,MS IIS</t>
  </si>
  <si>
    <t>TomcatAIX</t>
  </si>
  <si>
    <t>Lotus DominoAIXOracleLotus DominoApache</t>
  </si>
  <si>
    <t>AIXOracleApache,</t>
  </si>
  <si>
    <t>Apache, C, PHP 5.0, Ingres 9.1.2, Fulcrum SearchServerLinux SLES x86Apache, C, PHP 5.0, Ingres 9.1.2, Fulcrum SearchServerApache</t>
  </si>
  <si>
    <t>CA-OpenRoad, Ingres 9.1.2, C, Fulcrum SearchServer, FreeBalanceLinux SLES x86CA-OpenRoad, Ingres 9.1.2, C, Fulcrum SearchServer, FreeBalance</t>
  </si>
  <si>
    <t>Impromptu, IngresLinux SLES x86Impromptu, Ingres</t>
  </si>
  <si>
    <t>COTS Windows Server, Windows 7, MSSQLWindowsMS/SQL Server,MS/SQL ServerCOTS Windows Server, Windows 7, MSSQL</t>
  </si>
  <si>
    <t>Apache, C, PHP, Oracel, AD IntegrationDB on HP IntegrityLinux SLES x86OracleApache, C, PHP, Oracel, AD IntegrationWebapps  Virtual Machine EXS server, DB on HP integrity RX6600Apache</t>
  </si>
  <si>
    <t>Apache, C, PHP 5.0, Oracle, Barcode read and printDB on HP IntegrityLinux SLES x86OracleApache, C, PHP 5.0, Oracle, Barcode read and printWebapps  Virtual Machine EXS server, DB on HP integrity RX6601Apache</t>
  </si>
  <si>
    <t>COTS Linux Server, Client PCWindowsCOTS Linux Server, Client PCHP server G7</t>
  </si>
  <si>
    <t>Apache, C, PHP 5.0, Ingres 9.1.2,Linux SLES x86Apache, C, PHP 5.0, Ingres 9.1.2,Apache</t>
  </si>
  <si>
    <t>Apache, Perl Scripts, CGI C, Integrates AMICUSIngress proclu02Linux SLES x86Apache, Perl Scripts, CGI C, Integrates AMICUSTrue64Apache</t>
  </si>
  <si>
    <t>Verity K2, SOLR Lucene, Sharepoint Search, PHP, Java, TomcatLinux SLES x86Verity K2, SOLR Lucene, Sharepoint Search, PHP, Java, TomcatVirtual machine XAPPS,  ancien ESXmix of several OSApache,MS IIS</t>
  </si>
  <si>
    <t>COTSTomcatWindowsOracleCOTSHP integrity RX6600Windows server 2003</t>
  </si>
  <si>
    <t>Apache, C, PHP, Ingres, Fulcrum SearchServerLinux SLES x86Apache, C, PHP, Ingres, Fulcrum SearchServerSame as Amicus WebTrue64Apache</t>
  </si>
  <si>
    <t>Apache, C, PHP, OracleSQL Server 2012, DB on orapro 2 (Oracle)Linux SLES x86,WindowsMS/SQL Server,MS/SQL Server,OracleApache, C, PHP, OracleHP integrity RX4640LinuxApache,MS IIS</t>
  </si>
  <si>
    <t>Apache, PHP, jQuery 1.9.1 , Framework, Oracle 10gLinux SLES x86OracleApache, PHP, jQuery 1.9.1 , Framework, Oracle 10gWebapps  Virtual Machine EXS server, DB on HP integrity RX6600Apache</t>
  </si>
  <si>
    <t>Apache, C, PHP, IngresHPUXApache, C, PHP, IngresWebserv, Alpha server ES45Apache</t>
  </si>
  <si>
    <t>Apache, C, PHP, Oracle, Solr LuceneLinux SLES x86OracleApache, C, PHP, Oracle, Solr LuceneWebapps  Virtual Machine EXS server, DB on HP integrity RX6600Apache</t>
  </si>
  <si>
    <t>Apache, C, PHP, Oracle, Solr LuceneLinux SLES x86OracleApache, C, PHP, Oracle, Solr LuceneHP integrity RX6600Apache</t>
  </si>
  <si>
    <t>COTSWindowsCOTSESX G1</t>
  </si>
  <si>
    <t>COTS Freebalance, Oracle 10G, Windows clientHPUXOracleCOTS Freebalance, Oracle 10G, Windows clientHP proliant G1</t>
  </si>
  <si>
    <t>CA Openroad, Ingres, C, Ingres report writerHPUXCA Openroad, Ingres, C, Ingres report writerApplication on Proclu2, DB on Oraserv, HP Proliant BL685CG1True64</t>
  </si>
  <si>
    <t>linux 11,Apache, Java 1.6, Tomcat 5.5, Object DBTomcatJava objectDBLinux SLES x86linux 11,Apache, Java 1.6, Tomcat 5.5, Object DBESXG8Apache</t>
  </si>
  <si>
    <t>COTSMicrosoft Server 2008 R2WindowsCOTSVirtual machine ESX G7Windows server 2008 R2</t>
  </si>
  <si>
    <t>MSSQL2003, VB Scripts link CommvaultSql Server 2005, proliant G5WindowsMS/SQL Server,MS/SQL ServerMSSQL2003, VB Scripts link CommvaultDB on proliant G5Windows</t>
  </si>
  <si>
    <t>Apache, C, PHP, IngresOracle ETHESES_PRODHPUXApache, C, PHP, IngresWebapps  Virtual Machine EXS server, DB on HP integrity RX6600Apache</t>
  </si>
  <si>
    <t>Sharepoint, SQLServerWindowsMS/SQL Server,MS/SQL ServerSharepoint, SQLServerMS IIS</t>
  </si>
  <si>
    <t>Sharepoint, RGBB integration.Net,mssql 2008 r11WindowsMS/SQL Server,MS/SQL ServerSharepoint, RGBB integrationESX G7Windows server 2008 R12MS IIS</t>
  </si>
  <si>
    <t>COTS, WindowWindowsOracleCOTS, WindowApache</t>
  </si>
  <si>
    <t>COTSCOTSApache</t>
  </si>
  <si>
    <t>Internet (WCMS)TomcatOracle,Internet (WCMS)Apache</t>
  </si>
  <si>
    <t>Java, TomcatTomcatLinux SLES x86OracleJava, TomcatCloud Virtual Machine</t>
  </si>
  <si>
    <t>Secure Enclave + Oracle DB
Unix (AIX) ORACLE 11.2.0.1Linux SLES x86OracleSecure Enclave + Oracle DB
Unix (AIX) ORACLE 11.2.0.1</t>
  </si>
  <si>
    <t>DWAN FORCES.MIL.CA Windows Domain and full Active Directory services.AIXOracleDWAN FORCES.MIL.CA Windows Domain and full Active Directory services.MS IIS,MS IIS,MS IIS</t>
  </si>
  <si>
    <t>4D DatabaseCOTSWindows4D Database</t>
  </si>
  <si>
    <t>COTSNo Database</t>
  </si>
  <si>
    <t>HRMS data extract, ESB, PERMON, Posting PreferenceMS/SQL Server,MS/SQL Server,HRMS data extract, ESB, PERMON, Posting Preference</t>
  </si>
  <si>
    <t>HRMS data extractWindowsMS/SQL Server,MS/SQL Server,HRMS data extract</t>
  </si>
  <si>
    <t>Win2008R2 ORACLE 11gWindowsOracleWin2008R2 ORACLE 11g</t>
  </si>
  <si>
    <t>Active directory, WebServices,  JAVA, Oracle DB
AIX 6.1 ORACLE 10.2.0.4WeblogicAIXOracleActive directory, WebServices,  JAVA, Oracle DB
AIX 6.1 ORACLE 10.2.0.4</t>
  </si>
  <si>
    <t>MS Access database, BoSS XXI Version 4.0, two digital cameras Printer for report printing, privacy enclosureMS Access database, BoSS XXI Version 4.0, two digital cameras Printer for report printing, privacy enclosure</t>
  </si>
  <si>
    <t>MS SQL/MS AccessCOTSWindowsMS/SQL Server,MS/SQL ServerMS SQL/MS Access</t>
  </si>
  <si>
    <t>IIS 6.5 MSSQL 2000WindowsMS/SQL Server,MS/SQL ServerIIS 6.5 MSSQL 2000MS IIS,MS IIS,MS IIS</t>
  </si>
  <si>
    <t>IIS 6.5WindowsMS/SQL Server,MS/SQL ServerIIS 6.5MS IIS,MS IIS,MS IIS</t>
  </si>
  <si>
    <t>AccessWindowsAccess</t>
  </si>
  <si>
    <t>Internet - XHTML, XML, HTML, SGML, Java, PDF.NetWindowsInternet - XHTML, XML, HTML, SGML, Java, PDFMS IIS,MS IIS,MS IIS</t>
  </si>
  <si>
    <t>Oracle/Oracle*Forms/Oracle*APEX/EntrustWindowsOracleOracle/Oracle*Forms/Oracle*APEX/EntrustMS IIS,MS IIS,MS IIS</t>
  </si>
  <si>
    <t>AIX 6.1 ORACLE 11g ZlinuxWindowsOracleAIX 6.1 ORACLE 11g Zlinux</t>
  </si>
  <si>
    <t>SAP
"Central Prod: DB2 z/OS 10.5
Central Dev and QA: DB2  LUW 10.5
Deployed Prod: DB2  LUW 10.5
Deployed Dev and QA: DB2  LUW 10.5"z/OSDB2SAP"Central Prod: IBM P Series, IBM Z Series
Central Dev &amp; QA: IBM P Series, IBM Z Series, HP X Series
Deployed Prod: HP X Series
Deployed Dev and QA: HP X Series"
"Central Prod: AIX 7.1, z/OS
Central Dev and QA: AIX 7.1, LINUX , z/OS
Deployed Prod: LINUX
Deployed Dev &amp; QA: LINUX
Windows 7
Windows XP"</t>
  </si>
  <si>
    <t>SQL ServerWindowsMS/SQL Server,MS/SQL ServerSQL ServerMS IIS,MS IIS,MS IIS</t>
  </si>
  <si>
    <t>MS/SQL ServerWindowsMS/SQL Server,MS/SQL ServerMS/SQL Server</t>
  </si>
  <si>
    <t>Oracle 10G, Microsoft AccessWindowsOracleOracle 10G, Microsoft Access</t>
  </si>
  <si>
    <t>MS Access 2003WindowsMS Access 2003</t>
  </si>
  <si>
    <t>CFHIS is a fully integrated electronic health record system comprises of more than 30 off-the-shelf applications for care providers to service all DND personnel.  These applications run on Windows and AIX OS with Oracle database backend.  Enabling technolWindowsMS/SQL Server,MS/SQL ServerCFHIS is a fully integrated electronic health record system comprises of more than 30 off-the-shelf applications for care providers to service all DND personnel.  These applications run on Windows and AIX OS with Oracle database backend.  Enabling technolMS IIS,</t>
  </si>
  <si>
    <t>OracleThis application is on an older version due to the current server (Win 2003), This will be soon upgraded.OracleOracleCurrently running on Windows 2003. Upgrade to WIndows 2008 R2 is imminentApache,Apache,Apache</t>
  </si>
  <si>
    <t>OracleWindowsOracleOracle</t>
  </si>
  <si>
    <t>asp, javascript, sqWindowsMS/SQL Server,MS/SQL Serverasp, javascript, sqMS IIS,MS IIS,MS IIS</t>
  </si>
  <si>
    <t>SQL, ASPWindowsMS/SQL Server,MS/SQL ServerSQL, ASPMS IIS,MS IIS,MS IIS</t>
  </si>
  <si>
    <t>MS ExcelWindowsMS Excel</t>
  </si>
  <si>
    <t>vba Access 2010/MS SQLWindowsMS/SQL Server,MS/SQL Servervba Access 2010/MS SQL</t>
  </si>
  <si>
    <t>vb.net.NetWindowsvb.net</t>
  </si>
  <si>
    <t>DVDWindowsDVD</t>
  </si>
  <si>
    <t>Oracle DatabaseWindowsOracleOracle Database</t>
  </si>
  <si>
    <t>Oracle DatabaseWeblogicWindowsOracleOracle Database</t>
  </si>
  <si>
    <t>Oracle DRMIS.NetWindowsOracleOracle DRMIS</t>
  </si>
  <si>
    <t>Java, Custom components, COVEOWindowsOracleJava, Custom components, COVEOMS IIS,MS IIS,MS IIS</t>
  </si>
  <si>
    <t>SQL Server, EndecaWindowsMS/SQL Server,MS/SQL ServerSQL Server, EndecaMS IIS,MS IIS,MS IIS</t>
  </si>
  <si>
    <t>SQL, VBWindowsMS/SQL Server,MS/SQL ServerSQL, VB</t>
  </si>
  <si>
    <t>OracleAIXOracleOracleMS IIS,MS IIS,MS IIS</t>
  </si>
  <si>
    <t>SSL Certificate Z/Linux ORACLE 11gLinux SLES x86OracleSSL Certificate Z/Linux ORACLE 11gMS IIS,MS IIS,MS IIS</t>
  </si>
  <si>
    <t>Oracle/MS AccessWindowsMS/SQL Server,MS/SQL ServerOracle/MS Access</t>
  </si>
  <si>
    <t>MS SQL/MS AccessWindowsOracleMS SQL/MS Access</t>
  </si>
  <si>
    <t>Oracle/vb.netWindowsOracleOracle/vb.net</t>
  </si>
  <si>
    <t>Oracle/Oracle*Forms/Oracle*APEXWindowsOracleOracle/Oracle*Forms/Oracle*APEX</t>
  </si>
  <si>
    <t>Visual FoxPro, Illustrated Repair Parts Manuals and Scales manualVisual FoxPro, Illustrated Repair Parts Manuals and Scales manual</t>
  </si>
  <si>
    <t>MS SQL/MS AccessWindowsMS/SQL Server,MS/SQL ServerMS SQL/MS Access</t>
  </si>
  <si>
    <t>PeopleSoft, OracleAIXOraclePeopleSoft, OracleIBM Power Server 8
x86 blade servers</t>
  </si>
  <si>
    <t>WindowsMS/SQL Server,MS/SQL ServerMS IIS,MS IIS,MS IIS</t>
  </si>
  <si>
    <t>Secure interfaces, authentication layerSecure interfaces, authentication layer</t>
  </si>
  <si>
    <t>SQL Server 2008, Borland Delphi 6.0, Visual FoxproThick ClientSQL Server 2012WindowsMS/SQL Server,MS/SQL ServerSQL Server 2008, Borland Delphi 6.0, Visual FoxproWindows 7</t>
  </si>
  <si>
    <t>MS SQL/IISCOTSWindowsMS/SQL Server,MS/SQL ServerMS SQL/IISMS IIS,MS IIS,MS IIS</t>
  </si>
  <si>
    <t>MSSQL 2000 IIS 6.5WindowsMySQLMSSQL 2000 IIS 6.5MS IIS,MS IIS,MS IIS</t>
  </si>
  <si>
    <t>VB.Net/MS Sql.NetWindowsMS/SQL Server,MS/SQL ServerVB.Net/MS Sql</t>
  </si>
  <si>
    <t>Microsoft Internet Explorer 5.5 or higher with JavaScript and data binding enabled Adobe Acrobat Reader 8 or higher. DTSearch search engine.WindowsMicrosoft Internet Explorer 5.5 or higher with JavaScript and data binding enabled Adobe Acrobat Reader 8 or higher. DTSearch search engine.</t>
  </si>
  <si>
    <t>MSFT, FTP, MS IIE, Flash, Java, Acrobat, MS ExcelWebsphereOracleMSFT, FTP, MS IIE, Flash, Java, Acrobat, MS ExcelMS IIS,MS IIS,MS IIS</t>
  </si>
  <si>
    <t>.NET, XMLWindows.NET, XML</t>
  </si>
  <si>
    <t>10346, 4 J''s Genero Bdl, Versaterm OS ToolkitCurrently on IBM Informix 11, but will upgrade to IBM Informix 12 in August 2017.AIX10346, 4 J''s Genero Bdl, Versaterm OS Toolkitx 86 - x64Currently on Windows Server 2003, but will be upgraded to Windows Server 2012 in August 2017.Apache,</t>
  </si>
  <si>
    <t>Oracle/SSO(LDAP)/C#.NET/.NET 4.0.NetWindowsOracleOracle/SSO(LDAP)/C#.NET/.NET 4.0</t>
  </si>
  <si>
    <t>Oracle/SSO (LDAP)/IIS ou Apache/Oracle*APEXWindowsOracleOracle/SSO (LDAP)/IIS ou Apache/Oracle*APEXMS IIS,MS IIS,MS IIS</t>
  </si>
  <si>
    <t>OracleOracle</t>
  </si>
  <si>
    <t>Oracle, MDAC, Crystal ReportsWindowsOracleOracle, MDAC, Crystal Reports</t>
  </si>
  <si>
    <t>Oracle, ASP NET, MS IISWindowsOracleOracle, ASP NET, MS IISMS IIS,MS IIS,MS IIS</t>
  </si>
  <si>
    <t>Oracle, ASP NET, NS IISWindowsOracleOracle, ASP NET, NS IIS</t>
  </si>
  <si>
    <t>Team Developer 6.2 (Gupta SQL), Oracle 11gHPUXOracleTeam Developer 6.2 (Gupta SQL), Oracle 11g</t>
  </si>
  <si>
    <t>APEX, OracleWindowsOracleAPEX, Oracle</t>
  </si>
  <si>
    <t>Computerized Maintenance Management System CH148 MHPWindowsOracleComputerized Maintenance Management System CH148 MHP</t>
  </si>
  <si>
    <t>CH148 Cyclone Integrated Information Environment (IIE)  on DWAN.NetWindowsMS/SQL Server,MS/SQL ServerCH148 Cyclone Integrated Information Environment (IIE)  on DWAN</t>
  </si>
  <si>
    <t>Integrated Information Environment (IIE),  Learning Management System (LMS)TomcatWindowsMS/SQL Server,MS/SQL ServerIntegrated Information Environment (IIE),  Learning Management System (LMS)</t>
  </si>
  <si>
    <t>WindowsMySQLMS IIS,MS IIS,MS IIS</t>
  </si>
  <si>
    <t>.Net, Oracle.NetWindowsOracle.Net, Oracle</t>
  </si>
  <si>
    <t>Radio Propagation Simulation, Radio FrequencyWindowsRadio Propagation Simulation, Radio Frequency</t>
  </si>
  <si>
    <t>NASA''s ARMWindowsNASA''s ARM</t>
  </si>
  <si>
    <t>IIS 6.5 MSSQL 2000WindowsIIS 6.5 MSSQL 2000</t>
  </si>
  <si>
    <t>VB 6 Runtimes MS AccessWindowsVB 6 Runtimes MS Access</t>
  </si>
  <si>
    <t>Secure interfaces, database, authentication layerWindowsDB2Secure interfaces, database, authentication layer</t>
  </si>
  <si>
    <t>WebWindowsWebMS IIS,MS IIS,MS IIS</t>
  </si>
  <si>
    <t>IIS,PHP,MSSqlWindowsMS/SQL Server,MS/SQL ServerIIS,PHP,MSSqlMS IIS,MS IIS,MS IIS</t>
  </si>
  <si>
    <t>Crystal Reports 9classic aspWindowsMS/SQL Server,MS/SQL ServerCrystal Reports 9Win 2003 ServerMS IIS,MS IIS,MS IIS</t>
  </si>
  <si>
    <t>Crystal Reports 9phpWindowsMS/SQL Server,MS/SQL ServerCrystal Reports 9Win 2003 ServerMS IIS,MS IIS,MS IIS</t>
  </si>
  <si>
    <t>MS AccessWindowsMS/SQL Server,MS/SQL ServerMS AccessMS IIS,MS IIS,MS IIS</t>
  </si>
  <si>
    <t>Cold Fusion codeWeblogicWindowsCold Fusion codeMS IIS,MS IIS,MS IIS</t>
  </si>
  <si>
    <t>Oracle/Oracle*Forms/Oracle*10gASWindowsOracleOracle/Oracle*Forms/Oracle*10gAS</t>
  </si>
  <si>
    <t>SQL ServerSQL Server 2008 R2WindowsMS/SQL Server,MS/SQL ServerSQL ServerMicrosoft Windows Server 2008 R2 DataCenterMS IIS,MS IIS,MS IIS</t>
  </si>
  <si>
    <t>COTS Translation softwareWindowsCOTS Translation software</t>
  </si>
  <si>
    <t>Oracle/IIS ou ApacheCOTSWindowsOracleOracle/IIS ou ApacheMS IIS,MS IIS,MS IIS</t>
  </si>
  <si>
    <t>MS Visual StudioWindowsMS Visual Studio</t>
  </si>
  <si>
    <t>Oracle/MS AccessWindowsOracleOracle/MS Access</t>
  </si>
  <si>
    <t>WebsphereWindowsMS/SQL Server,MS/SQL Server,</t>
  </si>
  <si>
    <t>Oracle RDBMSSolaris SparcOracleOracle RDBMS</t>
  </si>
  <si>
    <t>OracleWindowsOracle</t>
  </si>
  <si>
    <t>Intranet (Portal), PKI or ExoStar (authorization).NetIntranet (Portal), PKI or ExoStar (authorization)</t>
  </si>
  <si>
    <t>.NET framework, SQL Server 2008, Crystal Reports, Idworks.NetThick clientSQL server 2005WindowsMS/SQL Server,MS/SQL Server.NET framework, SQL Server 2008, Crystal Reports, IdworksWindows 7</t>
  </si>
  <si>
    <t>MSFTz/OSDB2MSFTMS IIS,MS IIS,MS IIS</t>
  </si>
  <si>
    <t>SQL Server.NetSQL ServerMS IIS,MS IIS,MS IIS</t>
  </si>
  <si>
    <t>SQL ServerMS/SQL Server,MS/SQL ServerSQL ServerMS IIS,MS IIS,MS IIS</t>
  </si>
  <si>
    <t>OCR AnyDocs, OracleWindowsOracleOCR AnyDocs, Oracle</t>
  </si>
  <si>
    <t>Oracle, Oracle Forms, XP Network,WindowsOracleOracle, Oracle Forms, XP Network,</t>
  </si>
  <si>
    <t>HRMS MIL PERS DATAHRMS MIL PERS DATA</t>
  </si>
  <si>
    <t>People Soft  OracleOracle 10.2.0.4AIXOraclePeople Soft  OracleIBM Power System 8
x86 Blade ServersAIX 6.1
Windows Server 2008 R2</t>
  </si>
  <si>
    <t>Z/Linux, ORACLE 11gOracle 11g (11.2)Linux SLES x86OracleZ/Linux, ORACLE 11g"Oracle WebLogic 11g(10.3.6) (Oracle Forms)
IIS 7.5 ( Query only Web Site )
.Net 4.5 (Windows Services and File Sharing Server)"Microsoft Windows Server 2008 R2 DataCenter
"IIS Server: Win Server 2008 R2
NON IIS Server: Win Server 2008 R2
Interface Server: Win Server 2008 R2 - Web Services
Interface Server: Win Server 2008 R2 - MQ Series
SFTP Server - Win Server 2008 R2
Oracle Forms 11G App Server - Win Server 2008 R2
Database Server: Linux V11"</t>
  </si>
  <si>
    <t>(Oracle) CGCS, MSSQL Server.Net
SQLite 3.7.6, exports data from CGCS DBWindowsMS/SQL Server,MS/SQL Server(Oracle) CGCS, MSSQL ServerWindowsMS IIS,MS IIS,MS IIS</t>
  </si>
  <si>
    <t>Segregated local network with no connection to intranet and no connection to internet.WindowsSegregated local network with no connection to intranet and no connection to internet.</t>
  </si>
  <si>
    <t>Oracle Database Server; Java VM
AIX 6.1 ORACLE 10.2.0.4AIXOracleOracle Database Server; Java VM
AIX 6.1 ORACLE 10.2.0.4</t>
  </si>
  <si>
    <t>Oracle Database, Novell Extend, J2EEWindowsOracleOracle Database, Novell Extend, J2EE</t>
  </si>
  <si>
    <t>Oracle database spreadsheet, MS Access,WeblogicWindows,WindowsOracleOracle database spreadsheet, MS Access,</t>
  </si>
  <si>
    <t>Oracle Fusion Middleware 11gWeblogicOracle 11gLinux SLES x86OracleOracle Fusion Middleware 11gSUSE Linux Enterprise Server v11</t>
  </si>
  <si>
    <t>Oracle Database, Novell Extend, J2EEOracle 11g (11.2)WindowsOracleOracle Database, Novell Extend, J2EEMicrosoft Windows Server 2008 R2</t>
  </si>
  <si>
    <t>Ms Access databaseWindowsMs Access database</t>
  </si>
  <si>
    <t>Engineering specifications, standards, manuals and technical publications.NetWindowsEngineering specifications, standards, manuals and technical publications</t>
  </si>
  <si>
    <t>ScannerWindowsScanner</t>
  </si>
  <si>
    <t>Oracle Database, Oracle Developer Suite (Forms and Reports 6i)Oracle 6iWindowsOracleOracle Database, Oracle Developer Suite (Forms and Reports 6i)This is an executable run off the client''s DWAN machine. There is no web server, it is client/server.</t>
  </si>
  <si>
    <t>Micorosft AccessAIXOracleMicorosft Access</t>
  </si>
  <si>
    <t>developed in Visual FoxPro 9.0, using an OO approach.FoxPro DB 9
Windows Server 2008 R2Windowsdeveloped in Visual FoxPro 9.0, using an OO approach.MS IIS,MS IIS,MS IIS</t>
  </si>
  <si>
    <t>Oracle databaseWindowsOracleOracle database</t>
  </si>
  <si>
    <t>Web portal to various Technical Document Management Systems in DND/CF.NetWindowsWeb portal to various Technical Document Management Systems in DND/CF</t>
  </si>
  <si>
    <t>Client ServerClient ServerApache,</t>
  </si>
  <si>
    <t>Cisco AnyConnect Secure Mobility Client,  OmegaPS Analyzer, SAP Graphical User Interface, Prometheus, EAA Authorization.NetWindowsCisco AnyConnect Secure Mobility Client,  OmegaPS Analyzer, SAP Graphical User Interface, Prometheus, EAA Authorization</t>
  </si>
  <si>
    <t>EDCS (Enterprise Data/ Collaborative System) Aeronautics/Main instance -proprietary Lockheed MartinWindowsEDCS (Enterprise Data/ Collaborative System) Aeronautics/Main instance -proprietary Lockheed Martin</t>
  </si>
  <si>
    <t>crack growth life prediction toolsWindowscrack growth life prediction tools</t>
  </si>
  <si>
    <t>Interactive Electronic Technical Manual (L3Mas)WindowsInteractive Electronic Technical Manual (L3Mas)</t>
  </si>
  <si>
    <t>computational fluid dynamics, Computer Assisted DesignWindowscomputational fluid dynamics, Computer Assisted Design</t>
  </si>
  <si>
    <t>MATLAB from MATHWORKSMATLAB from MATHWORKS</t>
  </si>
  <si>
    <t>Computer Aided DesignWindowsComputer Aided Design</t>
  </si>
  <si>
    <t>Style sheets (IDLS), MASViewer V1.0., Coveo 6.5.WindowsStyle sheets (IDLS), MASViewer V1.0., Coveo 6.5.</t>
  </si>
  <si>
    <t>Linux SLES x86OracleMS IIS,MS IIS,MS IIS</t>
  </si>
  <si>
    <t>Bar Code readerWindowsBar Code reader</t>
  </si>
  <si>
    <t>Aeroport - CC130J Aeronautics/Main instance -proprietary Lockheed Martin.NetWindowsAeroport - CC130J Aeronautics/Main instance -proprietary Lockheed Martin</t>
  </si>
  <si>
    <t>IETP (Interactive Electronic Technical Publication) Aeronautics/Main instance -proprietary Lockheed Martin.NetWindowsIETP (Interactive Electronic Technical Publication) Aeronautics/Main instance -proprietary Lockheed Martin</t>
  </si>
  <si>
    <t>Solid Edge 2D &amp; 3D models and drawings..NetWindowsOracleSolid Edge 2D &amp; 3D models and drawings.</t>
  </si>
  <si>
    <t>Ms Access database spreadsheetWindowsMs Access database spreadsheet</t>
  </si>
  <si>
    <t>MS SQLWindowsMS/SQL Server,MS/SQL ServerMS SQL</t>
  </si>
  <si>
    <t>FoxPro!  ASPWindowsFoxPro!  ASPMS IIS,MS IIS,MS IIS</t>
  </si>
  <si>
    <t>Windows 2008 under SQLNew platform is available but need to contract using MERCdata model/documentattion is not easilyWindowsMS/SQL Server,MS/SQL ServerWindows 2008 under SQLVery old OSMS IIS,MS IIS,MS IIS</t>
  </si>
  <si>
    <t>SGML driven Web-based using, DT search &amp; Adobe SVG driven figures &amp; graphics.WindowsSGML driven Web-based using, DT search &amp; Adobe SVG driven figures &amp; graphics.MS IIS,MS IIS,MS IIS</t>
  </si>
  <si>
    <t>Oracle databaseAIXOracleOracle database</t>
  </si>
  <si>
    <t>Oracle databaseOracle 11g (11.2)Linux SLES x86OracleOracle databaseMS IIS 7.5 with .NET 4.0Microsoft Windows Server 2008 R2 DataCenter</t>
  </si>
  <si>
    <t>Technical Document Management ViewerWindowsTechnical Document Management Viewer</t>
  </si>
  <si>
    <t>Adobe Acrobat, Computer Assisted DesignWindowsAdobe Acrobat, Computer Assisted Design</t>
  </si>
  <si>
    <t>The two versions of VI require their own Database, access to FTP gateways through the receiving and sending directories, CFNOC Firewall, MSR Firewall and CitrixThe two versions of VI require their own Database, access to FTP gateways through the receiving and sending directories, CFNOC Firewall, MSR Firewall and Citrix</t>
  </si>
  <si>
    <t>VB 5 RuntimesWindowsVB 5 Runtimes</t>
  </si>
  <si>
    <t>AcrobatWindowsAcrobat</t>
  </si>
  <si>
    <t>Oracle Fusion Middleware 11gWeblogicOracle 11gWindowsOracleOracle Fusion Middleware 11gMS Windows 2008R2</t>
  </si>
  <si>
    <t>File Transfer ProtocolWindowsFile Transfer Protocol</t>
  </si>
  <si>
    <t>PLTS proprietary database, OracleWindowsOraclePLTS proprietary database, Oracle</t>
  </si>
  <si>
    <t>MS Access MSSQL 2000WindowsMS/SQL Server,MS/SQL ServerMS Access MSSQL 2000</t>
  </si>
  <si>
    <t>Oracle Fusion Middleware 11gWeblogicLinux SLES x86OracleOracle Fusion Middleware 11gSUSE Linux Enterprise Server v11</t>
  </si>
  <si>
    <t>ASPDatabase is MS SQL 2008 ServerWindowsMS/SQL Server,MS/SQL ServerASPCurrently running on Windows Server 2008 VMCurrently running on Server 2008, IIS 7.5MS IIS,MS IIS,MS IIS</t>
  </si>
  <si>
    <t>MSAccessWindowsMSAccess</t>
  </si>
  <si>
    <t>MSAccessMS SQL 2008WindowsMSAccessRunning on Server 2008 R2, IIS 7, but is fully capable of running on Server 2015, IIS 8.</t>
  </si>
  <si>
    <t>Vbscript/Javascript/HTML/ASP/CSS/SOAP/Jquery/XmlWindowsVbscript/Javascript/HTML/ASP/CSS/SOAP/Jquery/XmlMS IIS,MS IIS,MS IIS</t>
  </si>
  <si>
    <t>Oracle/Weblogic/Forms11g/JVMWeblogicWindowsOracleOracle/Weblogic/Forms11g/JVM</t>
  </si>
  <si>
    <t>Oracle/Weblogic/JVMWeblogicWindowsOracleOracle/Weblogic/JVM</t>
  </si>
  <si>
    <t>SQL Server 2012 with SSIS packages, MS Access forms (ACCDB files).
This application is not web based, it runs on the client''s local machine like an executable, connecting to a network database server.MS SQL Server 2012WindowsMS/SQL Server,MS/SQL ServerSQL Server 2012 with SSIS packages, MS Access forms (ACCDB files).
This application is not web based, it runs on the client''s local machine like an executable, connecting to a network database server.MS Windows 2008 R2</t>
  </si>
  <si>
    <t>Oracle/Oracle*Forms/Oracle*10gASWeblogicWindowsOracleOracle/Oracle*Forms/Oracle*10gASApache,</t>
  </si>
  <si>
    <t>Oracle/Oracle*Forms/Oracle*APEXWindowsOracleOracle/Oracle*Forms/Oracle*APEXMS IIS,MS IIS,MS IIS</t>
  </si>
  <si>
    <t>MS SQLWindowsMS/SQL Server,MS/SQL ServerMS SQLNeeds to migrated to Win 7MS IIS,MS IIS,MS IIS</t>
  </si>
  <si>
    <t>AccessWindowsMS/SQL Server,MS/SQL ServerAccess</t>
  </si>
  <si>
    <t>SQL, IIS, .ASPWindowsMS/SQL Server,MS/SQL ServerSQL, IIS, .ASPMS IIS,MS IIS,MS IIS</t>
  </si>
  <si>
    <t>IIS 6.5 MSSQL 2000WindowsOracleIIS 6.5 MSSQL 2000MS IIS,MS IIS,MS IIS</t>
  </si>
  <si>
    <t>IIS 6.5 MSSQL 2000WindowsMySQLIIS 6.5 MSSQL 2000MS IIS,MS IIS,MS IIS</t>
  </si>
  <si>
    <t>Apache Web ServerTomcatApache Web ServerApache,Apache,Apache</t>
  </si>
  <si>
    <t>reminder programWindowsreminder program</t>
  </si>
  <si>
    <t>DRMIS, Peoplesoft, Oracle
Importation des données provenant de MASIS.WeblogicWindowsOracleDRMIS, Peoplesoft, Oracle
Importation des données provenant de MASIS.</t>
  </si>
  <si>
    <t>WindowsWINDOWS 7</t>
  </si>
  <si>
    <t>Une relation est établie avec le MIMS pour certains rapports.Une relation est établie avec le MIMS pour certains rapports.</t>
  </si>
  <si>
    <t>MS Access/Sql ServerWindowsMS/SQL Server,MS/SQL ServerMS Access/Sql Server</t>
  </si>
  <si>
    <t>Vb.Net/Sql Server.NetWindowsMS/SQL Server,MS/SQL ServerVb.Net/Sql Server</t>
  </si>
  <si>
    <t>Oracle databaseWeblogicWindowsOracleOracle database</t>
  </si>
  <si>
    <t>MS SQLCOTSWindowsMS/SQL Server,MS/SQL ServerMS SQL</t>
  </si>
  <si>
    <t>4D (www.4d.com) a database development tools used only on the DreNet network.Windows4D (www.4d.com) a database development tools used only on the DreNet network.</t>
  </si>
  <si>
    <t>4D Database (www.4d.com) is a database development tool used only on the DreNet network.Windows4D Database (www.4d.com) is a database development tool used only on the DreNet network.</t>
  </si>
  <si>
    <t>4D (www.4d.com) It’s a database development tools used only on the DreNet network.Windows4D (www.4d.com) It’s a database development tools used only on the DreNet network.</t>
  </si>
  <si>
    <t>4D (www.4d.com) is a database development tool used only on the DreNet network.Windows4D (www.4d.com) is a database development tool used only on the DreNet network.</t>
  </si>
  <si>
    <t>java, Custom components, COVEOjava, Custom components, COVEO</t>
  </si>
  <si>
    <t>Oracle FORMS, REPORTS Dev6iWindowsOracleOracle FORMS, REPORTS Dev6i</t>
  </si>
  <si>
    <t>TomcatLinux RHEL x86Oracle</t>
  </si>
  <si>
    <t>LinkuriousWindowsMySQLLinkuriousApache</t>
  </si>
  <si>
    <t>AMIeiLinux RHEL x86MySQLAMIeiApache</t>
  </si>
  <si>
    <t>IntellixirWindowsMS/SQL Server,MS/SQL ServerIntellixirMS IIS</t>
  </si>
  <si>
    <t>pPMCWindowsMS/SQL Server,MS/SQL ServerpPMC</t>
  </si>
  <si>
    <t>Linux SLES x86OracleApache</t>
  </si>
  <si>
    <t>PHPMySQLPHPVirtual serverUbuntu serverApache</t>
  </si>
  <si>
    <t>PostgreSQL 9.2, ArcGIS Server 10.2, Lucene.Net,TomcatPostgreSQL 9.2MySQLPostgreSQL 9.2, ArcGIS Server 10.2, LuceneFedora Core (Apps) / Windows Server 2008 R2 (DB)Apache</t>
  </si>
  <si>
    <t>TomcatSybaseApache</t>
  </si>
  <si>
    <t>perlOracleperl</t>
  </si>
  <si>
    <t>Windowspc</t>
  </si>
  <si>
    <t>PHPMySQLMySQLPHPVirtual serverUbuntu serverApache</t>
  </si>
  <si>
    <t>PHPMySQLMySQLPHPApache</t>
  </si>
  <si>
    <t>CentOS, PHP, ApacheMySQLCentOS, PHP, ApacheApache</t>
  </si>
  <si>
    <t>CentOS, PHP, ApacheMySQLCentOS, PHP, Apache</t>
  </si>
  <si>
    <t>Red Hat Enterprise Linux Server release 5.11 (Tikanga), PHP, ApacheTomcatMySQLRed Hat Enterprise Linux Server release 5.11 (Tikanga), PHP, ApacheApache</t>
  </si>
  <si>
    <t>MySQLMySQLApache,</t>
  </si>
  <si>
    <t>MySQLWindowsMySQL,</t>
  </si>
  <si>
    <t>CentOS, PHP, ApacheLinux RHEL x86MySQLCentOS, PHP, ApacheApache</t>
  </si>
  <si>
    <t>Postgres 9, php, apache, tomcatLinux RHEL x86MySQLPostgres 9, php, apache, tomcatApache</t>
  </si>
  <si>
    <t>TomcatLinux RHEL x86MySQL,Oracle,Apache</t>
  </si>
  <si>
    <t>TomcatLinux RHEL x86Apache</t>
  </si>
  <si>
    <t>International Remote Sensing EnvironmentLinux RHEL x86MySQLInternational Remote Sensing EnvironmentApache</t>
  </si>
  <si>
    <t>using VM CitrixWindowsusing VM CitrixMS IIS</t>
  </si>
  <si>
    <t>SSC support not required.Net,Linux RHEL x86,Solaris Sparc,WindowsSSC support not required</t>
  </si>
  <si>
    <t>ColdFusion 7WindowsColdFusion 7MS IIS</t>
  </si>
  <si>
    <t>FileMakerWindowsFileMaker</t>
  </si>
  <si>
    <t>WindowsMS/SQL Server,MS/SQL Server,MS IIS</t>
  </si>
  <si>
    <t>glassfish, JSP, eclipseLinux RHEL x86MySQLglassfish, JSP, eclipse</t>
  </si>
  <si>
    <t>pgplot, multicast, IP GRE tunelling, http (non-standard)Linux RHEL x86MySQL,Oraclepgplot, multicast, IP GRE tunelling, http (non-standard)Apache</t>
  </si>
  <si>
    <t>Tessernet components, ploticusTessernet components, ploticus</t>
  </si>
  <si>
    <t>Linux on Z RHEL,Solaris Sparc,Solaris x86old Sun Sparc must goCentOS and Solaris are enterprise standards however Solaris 9 is not current and no longer supported</t>
  </si>
  <si>
    <t>Apache PHPLinux SLES x86OracleApache PHPApache</t>
  </si>
  <si>
    <t>Linux on Z RHEL,Solaris x86CentOS and Solaris are enterprise standards</t>
  </si>
  <si>
    <t>Solaris SparcApache</t>
  </si>
  <si>
    <t>Linux on Z RHELMySQLApache</t>
  </si>
  <si>
    <t>NRCan_0293; NRCan_0471; Système pour la gestion du flux de données géospatiales; Système de répartition des tâches; DFS(cits); Email;AD;PythonOracleNRCan_0293; NRCan_0471; Système pour la gestion du flux de données géospatiales; Système de répartition des tâches; DFS(cits); Email;AD;Python</t>
  </si>
  <si>
    <t>TCL, XML, PostgreSQL, PHPLinux RHEL x86TCL, XML, PostgreSQL, PHP</t>
  </si>
  <si>
    <t>Apache PHPLinux on Z SLESOracleApache PHPApache</t>
  </si>
  <si>
    <t>Cuadra STARTomcatLinux RHEL x86Cuadra STARApache</t>
  </si>
  <si>
    <t>JavaTomcatOracleJavaApache</t>
  </si>
  <si>
    <t>NRCan_0265; NRCan_0293; NRCan_0471;  Système pour la gestion du flux de données géospatiales; Système de répartition des tâches; Système de base de données PostgreSQL; DFS(cits); Email; AD; PythonOracleNRCan_0265; NRCan_0293; NRCan_0471;  Système pour la gestion du flux de données géospatiales; Système de répartition des tâches; Système de base de données PostgreSQL; DFS(cits); Email; AD; Python</t>
  </si>
  <si>
    <t>DFS(cits); JavaOracleDFS(cits); Java</t>
  </si>
  <si>
    <t>ArcGIS Server Standard 10WindowsArcGIS Server Standard 10MS IIS</t>
  </si>
  <si>
    <t>C++WindowsMS/SQL Server,MS/SQL ServerC++</t>
  </si>
  <si>
    <t>ColdFusion 7, Fusebox 4, JavaScriptLinux RHEL x86OracleColdFusion 7, Fusebox 4, JavaScriptMS IIS</t>
  </si>
  <si>
    <t>WindowsWindowsWindows</t>
  </si>
  <si>
    <t>SAP, Job Boss, PowerBuilder, OracleLinux RHEL x86OracleSAP, Job Boss, PowerBuilder, Oracle</t>
  </si>
  <si>
    <t>Visual Basic 6Linux RHEL x86OracleVisual Basic 6MS IIS</t>
  </si>
  <si>
    <t>Visual Studio Ultimate 2012 with MSDNApplication cannot be extended without significant costs or risks.Database running in "SQL Server 2000 mode" on a SQL Server 2008 database.  Database Adjustment Score - All of the above apply.WindowsMS/SQL Server,MS/SQL ServerVisual Studio Ultimate 2012 with MSDNApplications are running on virtual servers.  Windows servers are the preferred platform to run the VB 6.0 applicationsServer 2003 is scheduled to be end of life in July 2015.</t>
  </si>
  <si>
    <t>Visual Studio Ultimate 2012 with MSDNApplication cannot be extended without significant costs or risks.Database running in "SQL Server 2000 mode" on a SQL Server 2008 database.  Database Ajustment Score - All of the above apply.WindowsMS/SQL Server,MS/SQL ServerVisual Studio Ultimate 2012 with MSDNApplications are running on virtual servers.  Windows servers are the preferred platform to run the VB 6.0 applicationsServer 2003 is scheduled to be end of life in July 2015.</t>
  </si>
  <si>
    <t>ColdFusion 9WindowsColdFusion 9MS IIS</t>
  </si>
  <si>
    <t>C++, OMNIS 7Linux RHEL x86,OracleC++, OMNIS 7</t>
  </si>
  <si>
    <t>ColdFusion 7,  LDAPLinux RHEL x86OracleColdFusion 7,  LDAPMS IIS</t>
  </si>
  <si>
    <t>ColdFusion 7. LDAPLinux RHEL x86OracleColdFusion 7. LDAPMS IIS</t>
  </si>
  <si>
    <t>ASPWindowsMS/SQL Server,MS/SQL ServerASPMS IIS</t>
  </si>
  <si>
    <t>Visual Fox Pro V9WindowsOracle,Visual Fox Pro V9</t>
  </si>
  <si>
    <t>Email; AD.Net,WindowsMS/SQL Server,MS/SQL ServerEmail; ADMS IIS</t>
  </si>
  <si>
    <t>ADWindowsMySQLADMS IIS</t>
  </si>
  <si>
    <t>Delphi/Oracle databaseSolaris SparcOracleDelphi/Oracle databaseWindows 7 and Windows 2008 R2 Standard and Sun Unix</t>
  </si>
  <si>
    <t>Delphi/Oracle databaseSolaris SparcOracleDelphi/Oracle databaseWindows 7 and Windows 2008 R2 Standard</t>
  </si>
  <si>
    <t>VS .NET/Oracle database.NetSolaris SparcOracleVS .NET/Oracle databaseWindows 7 and Windows 2008 R2 Standard and Sun Unix</t>
  </si>
  <si>
    <t>Minimal cost and effort to provide functionalityLinux on Z RHEL,Solaris x86old Sun Sparc must goCentOS and Solaris are enterprise standardsApache</t>
  </si>
  <si>
    <t>Minimal cost and effort to provide functionalityCentOS is enterprise standardApache</t>
  </si>
  <si>
    <t>Minimal cost and effort to provide functionalityCentOS and Solaris are enterprise standardsApache</t>
  </si>
  <si>
    <t>Web (Apache, PHP, MySQL)MySQLLinux RHEL x86MySQLWeb (Apache, PHP, MySQL)Apache</t>
  </si>
  <si>
    <t>Web (Apache, PHP, MySQL)MySQLLinux RHEL x86,Solaris SparcMySQL,Web (Apache, PHP, MySQL)Apache</t>
  </si>
  <si>
    <t>PHPLinux RHEL x86PHP</t>
  </si>
  <si>
    <t>Apache Tomcat, MapServer, 52North, PostgresqlTomcatPOSTGISLinux on Z RHELApache Tomcat, MapServer, 52North, PostgresqlRHEL 6.8Apache</t>
  </si>
  <si>
    <t>Microsoft SQL Server 2008 R2.Net,WindowsMS/SQL Server,MS/SQL ServerMicrosoft SQL Server 2008 R2MS IIS</t>
  </si>
  <si>
    <t>XML.NetWindowsXMLMS IIS</t>
  </si>
  <si>
    <t>Integration with 3rd party service via web services;SSL;IP filtering.Net,WindowsMS/SQL Server,MS/SQL ServerIntegration with 3rd party service via web services;SSL;IP filteringMS IIS</t>
  </si>
  <si>
    <t>Application cannot be extended without significant costs or risks.Database running in "SQL Server 2000 mode" on a SQL Server 2008 database.  Database Adjustment Score - All of the above apply.WindowsMS/SQL Server,MS/SQL ServerApplications are running on virtual servers.  Windows servers are the preferred platform to run the VB 6.0 applicationsServer 2003 is scheduled to be end of life in July 2015.</t>
  </si>
  <si>
    <t>.Net+1 and -1 as the application is flexible but is customizedWorkstations supplied by CIOBApplication running on Windows 7 Enterprise</t>
  </si>
  <si>
    <t>Access 2007.Net+1 and -1 as the application is flexible but is customizedDatabase running in "SQL Server 2000 mode" on a SQL Server 2008 database.  Database Adjustment Score - All of the above apply.WindowsMS/SQL Server,MS/SQL ServerAccess 2007Workstations supplied by CIOBApplication running on Windows 7 Enterprise</t>
  </si>
  <si>
    <t>WindowsMySQL,OracleApache</t>
  </si>
  <si>
    <t>ArcGIS Server 10.2.Net,TomcatPostgreSQL 9.2ArcGIS Server 10.2Fedora Core (Apps) / Windows Server 2008 R2 (DB)Apache</t>
  </si>
  <si>
    <t>-High speed networking
-Computational cluster
-Large data storage
-High performance graphics cards for renderingData is stored in formatted binary (or ASCII) data files, NOT a database. Data can typically be exported into a "standard" data format as required. Some 3rd party tools can read the binary data formats. The user manual documents the file structure for the ASCII version of the data files.-High speed networking
-Computational cluster
-Large data storage
-High performance graphics cards for renderingHigh performance graphics cards are supported by the vendor for OpenGL rendering.We run the application on 64-bit OSes, RHEL Linux and Windows.</t>
  </si>
  <si>
    <t>Web Services.Net,WindowsMS/SQL Server,MS/SQL ServerWeb ServicesMS IIS</t>
  </si>
  <si>
    <t>Oracle APEXOracle 11.2; no formal data modelLinux on Z RHELOracleOracle APEXx86_64Red Hat Enterprise Linux Server release 5.8Apache</t>
  </si>
  <si>
    <t>DFS(cits); Email, AD.Net,WindowsMS/SQL Server,MS/SQL ServerDFS(cits); Email, ADMS IIS</t>
  </si>
  <si>
    <t>AD; SDEOracle/SDEOracleAD; SDE</t>
  </si>
  <si>
    <t>AD; PostgreSQL; PostGISPostgreSQL/PostGIS;PostgreSQL/SDEOracleAD; PostgreSQL; PostGIS</t>
  </si>
  <si>
    <t>Perl, Java, JavaScript, PostgreSQLPostgresqlLinux RHEL x86Perl, Java, JavaScript, PostgreSQLApache</t>
  </si>
  <si>
    <t>Linux SLES x86Oracle</t>
  </si>
  <si>
    <t>ArcGIS Server Standard 10; FTP.NetWindowsMS/SQL Server,MS/SQL ServerArcGIS Server Standard 10; FTP</t>
  </si>
  <si>
    <t>ArcGIS Server (SDE) 10.NetWindowsMS/SQL Server,MS/SQL ServerArcGIS Server (SDE) 10</t>
  </si>
  <si>
    <t>Microsoft SQL Server 2008 R2.Net,WindowsMS/SQL Server,MS/SQL ServerMicrosoft SQL Server 2008 R2Windows 2008R2MS IIS</t>
  </si>
  <si>
    <t>.Net,WindowsMS IIS</t>
  </si>
  <si>
    <t>MySQL, custom in-house softwareLinux on Z RHEL,Solaris x86MySQL,migrate from solaris to linux where possible</t>
  </si>
  <si>
    <t>MySQLLinux on Z RHEL,Solaris x86MySQL,migrate from solaris to linux where possible</t>
  </si>
  <si>
    <t>Linux on Z RHEL,Solaris x86MySQL,migrate from solaris to linux where possible</t>
  </si>
  <si>
    <t>Linux RHEL x86Apache</t>
  </si>
  <si>
    <t>Java Librairies : Lucene, Hibernate, Spring, GeoToolsTomcatPostgreSQL/PostGIS, MySQLLinux RHEL x86MySQL,Java Librairies : Lucene, Hibernate, Spring, GeoToolsApache</t>
  </si>
  <si>
    <t>PostgreSQL/PostGISLinux RHEL x86Apache</t>
  </si>
  <si>
    <t>GOES satellite, SQL database.NetCOTS, most architecture is current with modifications applied by COTSMicrosoft SQL is enterprise standard but the data model is maintained by the COTSWindowsMS/SQL Server,MS/SQL ServerGOES satellite, SQL databaseWindows is enterprise standard and preferred by COTS</t>
  </si>
  <si>
    <t>RSYNC, WebSocketMinimal cost and effort to provide functionalityLinux on Z RHELRSYNC, WebSocketCentOS, Solaris, Windows are enterprise standard</t>
  </si>
  <si>
    <t>PostgresLinux on Z RHELPostgres</t>
  </si>
  <si>
    <t>FTP, RSYNCMinimal cost and effort to provide functionalityLinux on Z RHELFTP, RSYNCCentOS is enterprise standard</t>
  </si>
  <si>
    <t>Minimal cost and effort to provide functionalitySolaris x86old Sun Sparc must goCentOS and Solaris are enterprise standards</t>
  </si>
  <si>
    <t>.NET, LabVIEW, IDL.NetMinimal cost and effort to provide functionalityLinux RHEL x86,Windows.NET, LabVIEW, IDLCentOS and Solaris are enterprise standards</t>
  </si>
  <si>
    <t>Linux on Z RHEL,Solaris Sparc,Solaris x86CentOS is enterprise standardApache,</t>
  </si>
  <si>
    <t>Linux on Z RHEL,Solaris Sparc,Solaris x86CentOS is enterprise standardApache</t>
  </si>
  <si>
    <t>Minimal cost and effort to provide functionalityLinux on Z RHEL,Solaris Sparc,Solaris x86old Sun Sparc must goCentOS, Solaris, Windows are enterprise standard</t>
  </si>
  <si>
    <t>javaCOTS, most architecture is currentLinux RHEL x86,Linux on Z RHEL,Solaris SparcjavaCentOS is enterprise standards</t>
  </si>
  <si>
    <t>Minimal cost and effort to provide functionalityLinux on Z RHEL,Solaris Sparc,Solaris x86old Sun Sparc must goCentOS and Solaris are enterprise standards</t>
  </si>
  <si>
    <t>Minimal cost and effort to provide functionalityold Sun Sparc must goCentOS, Solaris, Windows are enterprise standard</t>
  </si>
  <si>
    <t>PageGate and RelayFaxCOTS, most architecture is currentPageGate and RelayFaxNew system provided by COTSWindows is enterprise standard</t>
  </si>
  <si>
    <t>COTS, most architecture is currentNew system provided by COTSWindows is enterprise standard</t>
  </si>
  <si>
    <t>Dan &amp; AntelopeMinimal cost and effort to provide functionalityLinux on Z RHEL,Solaris Sparc,Solaris x86Dan &amp; Antelopeold Sun Sparc must goCentOS and Solaris are enterprise standards however Solaris 9 is not current and no longer supported</t>
  </si>
  <si>
    <t>Dan architecture has been noted as outdated and is flagged for decomissionLinux on Z RHEL,Solaris Sparc,Solaris x86old Sun Sparc must goCentOS and Solaris are enterprise standards however Solaris 9 is not current and no longer supported</t>
  </si>
  <si>
    <t>COTS, most architecture is currentLinux on Z RHEL,Solaris Sparc,Solaris x86CentOS and Solaris are enterprise standard and preferred platform by COTS</t>
  </si>
  <si>
    <t>Ingres and Postgres. Running on Solaris for Intel with multi-master replicationSignicant effort to provide functionality however application to transition from Ingres to PostgreSQLIngres is marked for containmentLinux on Z RHEL,Solaris Sparc,Solaris x86Ingres and Postgres. Running on Solaris for Intel with multi-master replicationCentOS and Solaris are enterprise standards</t>
  </si>
  <si>
    <t>Ingres. Running on Solaris for Intel with multi-master replicationCOTS, most architecture is currentIngres is marked for containmentSolaris x86Ingres. Running on Solaris for Intel with multi-master replicationCentOS and Solaris are enterprise standards</t>
  </si>
  <si>
    <t>PostgresCOTS, architecture is currentLinux on Z RHELPostgresCentOS and Solaris are enterprise standards</t>
  </si>
  <si>
    <t>Linux on Z RHEL,Solaris x86old Sun Sparc must goCentOS and Solaris are enterprise standards</t>
  </si>
  <si>
    <t>web and twitterMinimal cost and effort to provide functionalityLinux on Z RHEL,Solaris Sparc,Solaris x86web and twitterold Sun Sparc must goCentOS and Solaris are enterprise standardsApache,</t>
  </si>
  <si>
    <t>Seagates Crystal ReportsLinux RHEL x86OracleSeagates Crystal Reports</t>
  </si>
  <si>
    <t>ASPXWindowsMS/SQL Server,MS/SQL ServerASPX</t>
  </si>
  <si>
    <t>Access 2007WindowsAccess 2007</t>
  </si>
  <si>
    <t>FoxProFoxPro</t>
  </si>
  <si>
    <t>Access DBWindowsAccess DB</t>
  </si>
  <si>
    <t>PHP, Perl, ApachePHP, Perl, ApacheApache</t>
  </si>
  <si>
    <t>Cold Fusion 9, IIS6Linux RHEL x86OracleCold Fusion 9, IIS6MS IIS</t>
  </si>
  <si>
    <t>PHP, Perl, Apache, GDAL, PythonPHP, Perl, Apache, GDAL, PythonApache</t>
  </si>
  <si>
    <t>MySQLVMs on ESXCentOS5 SSC NEEDS TO replaceApache</t>
  </si>
  <si>
    <t>MySQLApache</t>
  </si>
  <si>
    <t>AzureApache</t>
  </si>
  <si>
    <t>PHP, Apache, MySQLLinux RHEL x86MySQLPHP, Apache, MySQLApache</t>
  </si>
  <si>
    <t>Java, ApacheTomcatLinux RHEL x86Java, ApacheApache</t>
  </si>
  <si>
    <t>Java, Apache, PostgreSQLTomcatLinux RHEL x86Java, Apache, PostgreSQLApache</t>
  </si>
  <si>
    <t>Java, Apache, openlayers, javascript, geonetworkTomcatLinux RHEL x86Java, Apache, openlayers, javascript, geonetworkApache</t>
  </si>
  <si>
    <t>VMs on ESXCentOS5 SSC NEEDS TO replaceApache</t>
  </si>
  <si>
    <t>R, Openlayers, javascriptLinux RHEL x86R, Openlayers, javascript</t>
  </si>
  <si>
    <t>Access 2013+1 and -1 as the application is flexible but is customizedThe database is a version that has not been current for 3 years or longerWindowsAccess 2013Workstations supplied by CIOBApplication running on Windows 7 Enterprise</t>
  </si>
  <si>
    <t>Visual BasicVisual BasicWorkstations supplied by CIOBApplication running on Windows 7 Enterprise</t>
  </si>
  <si>
    <t>.NET.Net.NETWorkstations supplied by CIOBApplication running on Windows 7 Enterprise</t>
  </si>
  <si>
    <t>SQL ServerWindowsMS/SQL Server,MS/SQL ServerSQL ServerWorkstations supplied by CIOBApplication running on Windows 7 Enterprise</t>
  </si>
  <si>
    <t>httphttpWeb based, any hardware will workWeb based access, almost any OS will work</t>
  </si>
  <si>
    <t>MS Office Add-in - VBAClient / ServerNew database schema is based on Observations and Measurements (ISO 19156)WindowsMS/SQL Server,MS/SQL ServerMS Office Add-in - VBA</t>
  </si>
  <si>
    <t>Cold Fusion 9Linux RHEL x86OracleCold Fusion 9MS IIS</t>
  </si>
  <si>
    <t>TANDBERG Content Server version S6.2TANDBERG Content Server version S6.2MS IIS</t>
  </si>
  <si>
    <t>Oracle LinuxOracleMS IIS</t>
  </si>
  <si>
    <t>ESRI, Oracle, .Net.NetAIXOracle,ESRI, Oracle, .Net</t>
  </si>
  <si>
    <t>ESRI, Oracle, SASAIXOracle,ESRI, Oracle, SAS</t>
  </si>
  <si>
    <t>ESRI, Oracle,.NetESRI, Oracle,</t>
  </si>
  <si>
    <t>ESRI, .Net.NetESRI, .Net</t>
  </si>
  <si>
    <t>.NetWindowsMS/SQL Server,MS/SQL Server,MS IIS,</t>
  </si>
  <si>
    <t>C# .NET
VB. NET
SQL Server 2014SQL Server 2014WindowsMS/SQL Server,MS/SQL ServerC# .NET
VB. NET
SQL Server 2014Windows 2012 R3MS IIS</t>
  </si>
  <si>
    <t>TomcatSQL Server 2008 R2WindowsMS/SQL Server,MS/SQL ServerWindows 7
TomCat 7</t>
  </si>
  <si>
    <t>.Net framework
MS SQL Server.Net,SQL Server 2014WindowsMS/SQL Server,MS/SQL Server.Net framework
MS SQL ServerApp server Windows 2012 R2
Crystal Reports server is Windows 2008 R2MS IIS</t>
  </si>
  <si>
    <t>MS Access 2010Access 2010WindowsMS Access 2010Windows 7</t>
  </si>
  <si>
    <t>MS Access 2010Access 2010WindowsMS Access 2010Windows 2003</t>
  </si>
  <si>
    <t>.Net framework
MS SQL Server
Infogestics Controls.Net,SQL Server 2008WindowsMS/SQL Server,MS/SQL Server.Net framework
MS SQL Server
Infogestics ControlsWindows 2008 R2MS IIS</t>
  </si>
  <si>
    <t>MS VB 6.0
MS SQLServer 2005.Net,SQL Server 2008WindowsMS/SQL Server,MS/SQL ServerMS VB 6.0
MS SQLServer 2005Windows Server 2008 R2MS IIS</t>
  </si>
  <si>
    <t>ASP 2.0SQL Server 2008 R2WindowsMS/SQL Server,MS/SQL ServerASP 2.0Windows 2008 R2MS IIS</t>
  </si>
  <si>
    <t>ForeMost Documentum,MS SQLServer 2000WindowsMS/SQL Server,MS/SQL ServerForeMost Documentum,Windows 2003MS IIS,</t>
  </si>
  <si>
    <t>Windows 2008
MS SQL 2008MS SQL 2008WindowsMS/SQL Server,MS/SQL ServerWindows 2008
MS SQL 2008Windows 2008 64-bitApache</t>
  </si>
  <si>
    <t>OpenText Edoc 5.3.1SQL Server 2008WindowsMS/SQL Server,MS/SQL ServerOpenText Edoc 5.3.1Windows 2003MS IIS,</t>
  </si>
  <si>
    <t>WindowsMS/SQL Server,MS/SQL ServerWindows 2008 R2MS IIS</t>
  </si>
  <si>
    <t>Genetec OmnicastSQL Server 2008R2WindowsMS/SQL Server,MS/SQL ServerGenetec OmnicastWindows 2008</t>
  </si>
  <si>
    <t>SQL Server 2008WindowsMS/SQL Server,MS/SQL ServerWindows 2008 R2MS IIS</t>
  </si>
  <si>
    <t>ASP.NET
Crystal Reports 9.0
Dt Search technology
Infragistics
NHibernate.Net,MS SQL Server 2005 SP3WindowsMS/SQL Server,MS/SQL ServerASP.NET
Crystal Reports 9.0
Dt Search technology
Infragistics
NHibernateWindows 2003MS IIS</t>
  </si>
  <si>
    <t>Access 2010WindowsAccess 2010</t>
  </si>
  <si>
    <t>Visual C#WindowsMS/SQL Server,MS/SQL ServerVisual C#Windows 2012MS IIS</t>
  </si>
  <si>
    <t>C# .NET
.net framework 4.5C# .NET
.net framework 4.5Windows 2012MS IIS</t>
  </si>
  <si>
    <t>MySQL
Apache
PerlMySQL EnterpriseLinux SLES x86MySQLMySQL
Apache
PerlSUSE Enterprise Linux Server V 12.3Apache</t>
  </si>
  <si>
    <t>MS VB 6.0
MS SQLServer 2008R2
.Net framework
Crystal Reports.Net,SQL Server 2008 R2WindowsMS/SQL Server,MS/SQL ServerMS VB 6.0
MS SQLServer 2008R2
.Net framework
Crystal ReportsCrystal Reports Windows Server 2008 R2MS IIS</t>
  </si>
  <si>
    <t>.NET Framework
Crystal Reports
MS SQL Server 2008 R2
MS Visual Basic.NET.Net,SQL Server 2008R2WindowsMS/SQL Server,MS/SQL Server.NET Framework
Crystal Reports
MS SQL Server 2008 R2
MS Visual Basic.NETWindows 2003
Windows 2000MS IIS</t>
  </si>
  <si>
    <t>Classic ASPClassic ASPMS IIS</t>
  </si>
  <si>
    <t>MS VB 6.0
.Net framework
MS SQLServer 2008R2
Redemption 4.X.Net,WindowsMS/SQL Server,MS/SQL ServerMS VB 6.0
.Net framework
MS SQLServer 2008R2
Redemption 4.XWindows 2012 R2</t>
  </si>
  <si>
    <t>Drupal
SQL Server 2008WindowsMS/SQL Server,MS/SQL ServerDrupal
SQL Server 2008MS IIS</t>
  </si>
  <si>
    <t>FTI RingTailWindowsMS/SQL Server,MS/SQL ServerFTI RingTailMS IIS</t>
  </si>
  <si>
    <t>Classic ASP
SQL Server 2014SQL Server 2014WindowsMS/SQL Server,MS/SQL ServerClassic ASP
SQL Server 2014Windows 2008 R2MS IIS</t>
  </si>
  <si>
    <t>C# .NET, ASP .NET
SQL Server 2014SQL Server 2014WindowsMS/SQL Server,MS/SQL ServerC# .NET, ASP .NET
SQL Server 2014Windows 2012 R2MS IIS</t>
  </si>
  <si>
    <t>SnapStreams
MS SqlServer 2008WindowsMS/SQL Server,MS/SQL ServerSnapStreams
MS SqlServer 2008</t>
  </si>
  <si>
    <t>MS Access 2010MS Access 2010WindowsMS Access 2010Windows 2012 R2MS IIS</t>
  </si>
  <si>
    <t>.NET 4.5
c#
SQL Server 2008.Net,WindowsMS/SQL Server,MS/SQL Server.NET 4.5
c#
SQL Server 2008MS IIS</t>
  </si>
  <si>
    <t>MS Access 2010WindowsMS Access 2010</t>
  </si>
  <si>
    <t>MS Access 2010MS Access 2010WindowsMS Access 2010Windows 2012 R2</t>
  </si>
  <si>
    <t>.Net,SQL Server 2005WindowsMS/SQL Server,MS/SQL ServerWindows 2008MS IIS</t>
  </si>
  <si>
    <t>PHP
MySQLMySQLWindowsMySQLPHP
MySQLWindows 2012MS IIS</t>
  </si>
  <si>
    <t>Java 8, MySQL 5.7, Tomcat 8TomcatLinux RHEL x86Java 8, MySQL 5.7, Tomcat 8</t>
  </si>
  <si>
    <t>YesOracle LinuxOracleYes</t>
  </si>
  <si>
    <t>TomcatLinux on Z SLES</t>
  </si>
  <si>
    <t>Yes.NetWindowsMS/SQL Server,MS/SQL ServerYes</t>
  </si>
  <si>
    <t>.Net,TomcatWindowsMS IIS,</t>
  </si>
  <si>
    <t>YesYesApache</t>
  </si>
  <si>
    <t>YesMySQLYes</t>
  </si>
  <si>
    <t>YesTomcatSolaris x86Yes</t>
  </si>
  <si>
    <t>SQL Server, IISWindowsMS/SQL Server,MS/SQL ServerSQL Server, IISMS IIS</t>
  </si>
  <si>
    <t>SQL Server, Microsoft AccessWindowsMS/SQL Server,MS/SQL ServerSQL Server, Microsoft Access</t>
  </si>
  <si>
    <t>SQL ServerWindowsMS/SQL Server,MS/SQL ServerSQL ServerMS IIS</t>
  </si>
  <si>
    <t>SQL ServerWindowsMS/SQL Server,MS/SQL ServerSQL Server</t>
  </si>
  <si>
    <t>IIS, SQL ServerWindowsMS/SQL Server,MS/SQL ServerIIS, SQL ServerMS IIS</t>
  </si>
  <si>
    <t>IIS, .NET, SQL ServerWindowsMS/SQL Server,MS/SQL ServerIIS, .NET, SQL Server</t>
  </si>
  <si>
    <t>Oracle Databses Schemas : Some PL-SQL for certain apps for ETLHPUXOracleOracle Databses Schemas : Some PL-SQL for certain apps for ETL</t>
  </si>
  <si>
    <t>J2EE, Oracle, AD (Active Directory) authentification dependentWeblogicHPUXOracleJ2EE, Oracle, AD (Active Directory) authentification dependentApache,</t>
  </si>
  <si>
    <t>J2EE,Oracle DBWeblogicHPUXOracleJ2EE,Oracle DBApache,</t>
  </si>
  <si>
    <t>GetAccess for Cyber Auth., J2EE, Oracle DB, SMTPWeblogicHPUXOracleGetAccess for Cyber Auth., J2EE, Oracle DB, SMTPApache,</t>
  </si>
  <si>
    <t>app server running on whq12No available documentation / data modelHPUXOracleapp server running on whq12</t>
  </si>
  <si>
    <t>VB 5, AD, MS AccessWindowsVB 5, AD, MS Access</t>
  </si>
  <si>
    <t>Oracle, SMTP, Integrated SchedulerHPUXOracleOracle, SMTP, Integrated SchedulerApache</t>
  </si>
  <si>
    <t>HPUXOracle,Apache,</t>
  </si>
  <si>
    <t>The Application consist of 2 modules: "ATIP Pro Case Management" and "ATIP Redaction". Oracle, IIS, Web-Browser, thick clientHPUXOracle,The Application consist of 2 modules: "ATIP Pro Case Management" and "ATIP Redaction". Oracle, IIS, Web-Browser, thick clientIIS server on WHQ29, Database on  natux65.psc10p(contain)MS IIS</t>
  </si>
  <si>
    <t>J2EE, OracleWeblogicHPUXOracleJ2EE, OracleApache,</t>
  </si>
  <si>
    <t>HPUXOracle,</t>
  </si>
  <si>
    <t>MS Access, Oracle, J2EE, SMTPWeblogicHPUX,WindowsMS Access, Oracle, J2EE, SMTP</t>
  </si>
  <si>
    <t>open road, ingress,C++,oracle, impromptuHPUXOracleopen road, ingress,C++,oracle, impromptu</t>
  </si>
  <si>
    <t>Not Evaluated.NetWindowsMS/SQL Server,MS/SQL ServerNot Evaluated</t>
  </si>
  <si>
    <t>Windows Desktop and Local SANOutdated database versionWindows Desktop and Local SAN</t>
  </si>
  <si>
    <t>FBF tables, FAIS tables, Oracle, LDAP.NetHPUXOracleFBF tables, FAIS tables, Oracle, LDAP</t>
  </si>
  <si>
    <t>Oracle, , SMTP, Integrated Scheduler, printer label, scanning systemHPUXOracleOracle, , SMTP, Integrated Scheduler, printer label, scanning system</t>
  </si>
  <si>
    <t>whq12, Automate, smtpwhq12, Automate, smtp</t>
  </si>
  <si>
    <t>Windows Desktop and Local SANWindows Desktop and Local SAN</t>
  </si>
  <si>
    <t>Apache / MySQL / PHPLinux SLES x86MySQLApache / MySQL / PHPUsing SuSE LinuxApache</t>
  </si>
  <si>
    <t>MS- ACCESSMS- ACCESS</t>
  </si>
  <si>
    <t>Not EvaluatedHPUXOracleNot Evaluated</t>
  </si>
  <si>
    <t>OracleHPUXOracleOracle</t>
  </si>
  <si>
    <t>app server running on natux65No available documentation / data modelHPUXOracleapp server running on natux65</t>
  </si>
  <si>
    <t>Database, NNSWindowsMS/SQL Server,MS/SQL ServerDatabase, NNS</t>
  </si>
  <si>
    <t>Programmable Matching Accelerator (PMA), Matchers, Oracle, WorkFlow Server, and Bioconsent ServerCOTS (default)AIXOracleProgrammable Matching Accelerator (PMA), Matchers, Oracle, WorkFlow Server, and Bioconsent Server</t>
  </si>
  <si>
    <t>Java, IBM Cognos, LDAP, ArcGIS, MotioCI, EntrustCOTS (default) - not on common services.Linux on Z RHEL,WindowsMS/SQL Server,MS/SQL Server,OracleJava, IBM Cognos, LDAP, ArcGIS, MotioCI, EntrustMS IIS</t>
  </si>
  <si>
    <t>IBM Cognos,LDAPCOTS (default)WindowsMS/SQL Server,MS/SQL ServerIBM Cognos,LDAPApache</t>
  </si>
  <si>
    <t>WebSphere Message Broker, WebSphere MQ, Java, DB2, ESQL, LDAPWebsphereCPIC (Broker)Interfaces with  application databases, but does not have its ownWebSphere Message Broker, WebSphere MQ, Java, DB2, ESQL, LDAP</t>
  </si>
  <si>
    <t>WebSphere Message Broker, WebSphere MQ, Java, DB2, ESQL, SOAP, LDAP/X.500WebsphereWebSphere Message Broker, WebSphere MQ, Java, DB2, ESQL, SOAP, LDAP/X.500</t>
  </si>
  <si>
    <t>z/OS, TSO/Batch/ISPF, C, Virtual Tape, DB2z/OS, TSO/Batch/ISPF, C, Virtual Tape, DB2</t>
  </si>
  <si>
    <t>IIB Integration Bus, WebSphere MQ, Java, C, DB2, ESQL, SMTP, LDAP/X.500WebsphereService Oriented Architecture, not common services but licensed completely.z/OSDB2IIB Integration Bus, WebSphere MQ, Java, C, DB2, ESQL, SMTP, LDAP/X.500</t>
  </si>
  <si>
    <t>.NET, IIS6, MS-SQL, SMTPCOTS (default)WindowsMS/SQL Server,MS/SQL Server.NET, IIS6, MS-SQL, SMTP</t>
  </si>
  <si>
    <t>WebSphere Message Broker, WebSphere MQ, Java, DB2, ESQLWebsphereService Oriented Architecture, not common services but licensed completely.Interfaces with  application databases, but does not have its ownWebSphere Message Broker, WebSphere MQ, Java, DB2, ESQL</t>
  </si>
  <si>
    <t>WebSphere Message Broker, WebSphere MQ, Java, DB2, ESQL, LDAPWebsphereCPIC (Broker).CPICBRKR database.z/OSDB2WebSphere Message Broker, WebSphere MQ, Java, DB2, ESQL, LDAP</t>
  </si>
  <si>
    <t>Entrust Security Certificates, Windows XP Ross Workstation (Protected B environment), LDAP, Oracle databaseLinux on Z RHELOracleEntrust Security Certificates, Windows XP Ross Workstation (Protected B environment), LDAP, Oracle database</t>
  </si>
  <si>
    <t>Database, File system, Microsoft Data Access Component 2.8COTS (default).WindowsMS/SQL Server,MS/SQL ServerDatabase, File system, Microsoft Data Access Component 2.8MS IIS</t>
  </si>
  <si>
    <t>Servers, Network, Firewall/ACLCOTS (default)Linux SLES x86Servers, Network, Firewall/ACLApache</t>
  </si>
  <si>
    <t>Z/OS and supporting infrastructure, DB2, CICS, MQ Seriesz/OSDB2Z/OS and supporting infrastructure, DB2, CICS, MQ Series</t>
  </si>
  <si>
    <t>Z/OS and supporting infrastructure, DB2, CICSPlatform is Sustain, development is COBOL, Security is Custom.z/OSDB2Z/OS and supporting infrastructure, DB2, CICS</t>
  </si>
  <si>
    <t>Z/OS and supporting infrastructure, DB2Platform is Sustain, development is COBOL, Security is Custom.Interfaces with  application databases, but does not have its ownz/OSDB2Z/OS and supporting infrastructure, DB2</t>
  </si>
  <si>
    <t>CICSDoes not use a database, uses VSAM.CICS</t>
  </si>
  <si>
    <t>Secure interfaces, wireless infrastructureTomcatCOTS (default)Interfaces with  application databases, but does not have its ownLinux on Z RHELOracleSecure interfaces, wireless infrastructureApache</t>
  </si>
  <si>
    <t>SAPCOTS (default) + highly customizable.z/OSDB2SAP</t>
  </si>
  <si>
    <t>VPNCUSTOM (no vendor support for development language, locally customized.)WindowsMS/SQL Server,MS/SQL ServerVPN</t>
  </si>
  <si>
    <t>Windows, Nortel Anyconnect, EntrustKiosk applicationWindowsWindows, Nortel Anyconnect, Entrust</t>
  </si>
  <si>
    <t>Entrust, LDAP, SQL Server 2014, SafeNet, .NET 3.5 SP1.NetCOTS (default)WindowsMS/SQL Server,MS/SQL ServerEntrust, LDAP, SQL Server 2014, SafeNet, .NET 3.5 SP1</t>
  </si>
  <si>
    <t>Entrust.NetCOTS (default).Interfaces with  application databases, but does not have its own.Entrust</t>
  </si>
  <si>
    <t>Entrust, LDAP, SQL Server, SafeNet, .NET 3.5 SP1.NetCOTS (default)WindowsMS/SQL Server,MS/SQL ServerEntrust, LDAP, SQL Server, SafeNet, .NET 3.5 SP1</t>
  </si>
  <si>
    <t>WebLogic, SQL Server.Net,WeblogicCommon Services Web (default) - WLI SupportInterfaces with  application databases, but does not have its ownWebLogic, SQL Server</t>
  </si>
  <si>
    <t>SQL Server.NetCOTS (default)Interfaces with  application databases, but does not have its ownSQL Server</t>
  </si>
  <si>
    <t>SQL Server.NetUnsupported Development Language.Interfaces with  application databases, but does not have its ownSQL Server</t>
  </si>
  <si>
    <t>Groupwise, Entrust, SQL ServerWeblogicInterfaces with  application databases, but does not have its ownGroupwise, Entrust, SQL Server</t>
  </si>
  <si>
    <t>PowerBuilderCommon Services Web (default) - no vendor support for development language.HPUXOraclePowerBuilder</t>
  </si>
  <si>
    <t>MQ Series, JMSCommon Services Web (default) - update WLSLinux RHEL x86OracleMQ Series, JMS</t>
  </si>
  <si>
    <t>Java, MQ Series, JMSWeblogicPlatform is Sustain, development is COBOL, Security is Custom.Linux on Z RHELOracleJava, MQ Series, JMS</t>
  </si>
  <si>
    <t>PowerBuilderThick client. Unsupported development language.Linux on Z RHELOraclePowerBuilder</t>
  </si>
  <si>
    <t>Unix scriptsPlatform is Sustain, development is COBOL, Security is Custom.Interfaces with  application databases, but does not have its ownLinux on Z RHELOracleUnix scripts</t>
  </si>
  <si>
    <t>Natural, CobolPlatform is Sustain, development is COBOL, Security is Custom.Interfaces with  application databases, but does not have its ownLinux on Z RHELDB2,Natural, Cobol</t>
  </si>
  <si>
    <t>CobolPlatform is Sustain, development is COBOL, Security is Custom.Linux on Z RHELOracleCobol</t>
  </si>
  <si>
    <t>VBScript, CobolADABASInterfaces with  application databases, but does not have its ownVBScript, Cobol</t>
  </si>
  <si>
    <t>WebLogic, Oracle.Web-Flash, RESTFul back-end.WindowsMS/SQL Server,MS/SQL ServerWebLogic, Oracle.</t>
  </si>
  <si>
    <t>Pervasive SQLCOTS but unsupported DBWindowsPervasive SQL</t>
  </si>
  <si>
    <t>Oracle 11g, ghostscript, Windows, NSF, AnyConnectCOTS (default) - no vendor supportLinux on Z RHELOracleOracle 11g, ghostscript, Windows, NSF, AnyConnect</t>
  </si>
  <si>
    <t>Active Directory.NetCOTS (default) - no vendor support.WindowsMS/SQL Server,MS/SQL Server,Active DirectoryMS IIS</t>
  </si>
  <si>
    <t>Weblogic Common, SQL, COTS Vendor productWeblogicCommon Services Web (default)WindowsWeblogic Common, SQL, COTS Vendor productApache</t>
  </si>
  <si>
    <t>RCMP Custom Browser, Entrust, NGSCommon Services Web (default).WindowsMS/SQL Server,MS/SQL ServerRCMP Custom Browser, Entrust, NGS</t>
  </si>
  <si>
    <t>NoneWeblogicCOTS product. Architecture has not been assessed.COTS uses SQL Server 2014 but data model would have to be requested from vendor.MS/SQL Server,MS/SQL ServerNone</t>
  </si>
  <si>
    <t>Hyper-V, Active Directory, Network, SQL database, Hardware VPN, FTPCOTS (default).WindowsMS/SQL Server,MS/SQL ServerHyper-V, Active Directory, Network, SQL database, Hardware VPN, FTP</t>
  </si>
  <si>
    <t>Hyper-V, Active Directory, Network, SQL database, IISCOTS (default).WindowsMS/SQL Server,MS/SQL ServerHyper-V, Active Directory, Network, SQL database, IIS</t>
  </si>
  <si>
    <t>SQL Server 2008, LDAPWindowsMS/SQL Server,MS/SQL ServerSQL Server 2008, LDAP</t>
  </si>
  <si>
    <t>DB2, Oracle, ETL (CDC / DataStage), IBM I2 Analyst's Notebook, CognosWebsphereLinux on Z RHEL,Windows,z/OSDB2,OracleDB2, Oracle, ETL (CDC / DataStage), IBM I2 Analyst's Notebook, Cognos</t>
  </si>
  <si>
    <t>.Net Framework.NetWindowsMS/SQL Server,MS/SQL Server.Net Framework</t>
  </si>
  <si>
    <t>Database.NetAIXOracleDatabaseAIXAIX based back-end</t>
  </si>
  <si>
    <t>C#, Oracle.Net,AIX,Linux RHEL x86,WindowsC#, Oracle</t>
  </si>
  <si>
    <t>Apache, ActivePerl, OracleOracle 11gR2AIXOracleApache, ActivePerl, OracleAIX for DBWindows Server and AIX for DBApache</t>
  </si>
  <si>
    <t>Microsoft Excel, Oracle DatabaseOracle 11gR2AIXOracleMicrosoft Excel, Oracle DatabaseWindows 7</t>
  </si>
  <si>
    <t>SQL Server; SAS, Dollar UniverseWindowsMS/SQL Server,MS/SQL ServerSQL Server; SAS, Dollar Universe</t>
  </si>
  <si>
    <t>Windows, IIS, .Net framework, SADF, .Net Oracle Client, Infragistics Components.NetOracle 11gR2AIXOracleWindows, IIS, .Net framework, SADF, .Net Oracle Client, Infragistics ComponentsWindows 7</t>
  </si>
  <si>
    <t>.NET.Net.NETMS IIS</t>
  </si>
  <si>
    <t>SQL Server 2012; VB .NET.NetWindowsMS/SQL Server,MS/SQL ServerSQL Server 2012; VB .NET</t>
  </si>
  <si>
    <t>Database.NetWindowsMS/SQL Server,MS/SQL ServerDatabase</t>
  </si>
  <si>
    <t>.Net, Access, HTML.NetASPData ModelWindows.Net, Access, HTML</t>
  </si>
  <si>
    <t>C#.Net,AIX,Linux RHEL x86,WindowsC#</t>
  </si>
  <si>
    <t>Windows, .Net framework, Microsoft Access.NetAccessWindowsWindows, .Net framework, Microsoft AccessWindows 7</t>
  </si>
  <si>
    <t>Microsoft Access, ASP, Windows ServerApp to be retiredOlder AccessWindowsMicrosoft Access, ASP, Windows ServerWindows Server 2003MS IIS</t>
  </si>
  <si>
    <t>ebXML (ebMS)ASPWindowsMS/SQL Server,MS/SQL ServerebXML (ebMS)MQ Service will be disabled. Changes in progress to eliminate this service</t>
  </si>
  <si>
    <t>Hosting Database.NetWindowsMS/SQL Server,MS/SQL ServerHosting Database</t>
  </si>
  <si>
    <t>SQL Server, SQL Server Analysis ServicesASPWindowsMS/SQL Server,MS/SQL ServerSQL Server, SQL Server Analysis Services</t>
  </si>
  <si>
    <t>SASASPData ModelWindowsSAS</t>
  </si>
  <si>
    <t>SAS,  Access, Excel.NetWindowsSAS,  Access, Excel </t>
  </si>
  <si>
    <t>C#, .NET, SAS, Unix, B 20/20, EFT, Open Text Exceed for Unix Admin; Email MS Exchange or SMTP.Net,C#, .NET, SAS, Unix, B 20/20, EFT, Open Text Exceed for Unix Admin; Email MS Exchange or SMTPIBM AIXIBM AIX v6.9</t>
  </si>
  <si>
    <t>MS Outlook;VB.Net;SQL Server.NetWindowsMS/SQL Server,MS/SQL ServerMS Outlook;VB.Net;SQL Server</t>
  </si>
  <si>
    <t>Oracle, SAS, Unix, C, Email MS Exchange or SMTP, Exceed for UnixOracle 11gR2AIXOracle,Oracle, SAS, Unix, C, Email MS Exchange or SMTP, Exceed for UnixIBM AIXIBM AIX v6.9</t>
  </si>
  <si>
    <t>SAS, Unix, Oracle, SQL Developer, PL SQL, Pro*C, ExceedOracle 11gR2AIXOracleSAS, Unix, Oracle, SQL Developer, PL SQL, Pro*C, ExceedIBM AIXIBM AIX v6.9</t>
  </si>
  <si>
    <t>SAS, Unix, ExceedAIXSAS, Unix, ExceedIBM AIXIBM AIX v6.9</t>
  </si>
  <si>
    <t>C#, .Net, SAS, Unix, EFT, X12-Arima, Email MS Exchange or SMTP; Open Text Exceed for Unix Admin.Net,C#, .Net, SAS, Unix, EFT, X12-Arima, Email MS Exchange or SMTP; Open Text Exceed for Unix AdminIBM AIXIBM AIX v6.9</t>
  </si>
  <si>
    <t>C#, .Net, SAS, Unix, Email MS Exchange or SMTP; Open Text Exceed for Unix Admin.Net,C#, .Net, SAS, Unix, Email MS Exchange or SMTP; Open Text Exceed for Unix AdminIBM AIXIBM AIX v6.9</t>
  </si>
  <si>
    <t>SAS, Unix, SAS EG, Email MS Exchange or SMTP; Open Text Exceed for Unix Admin.Net,SAS, Unix, SAS EG, Email MS Exchange or SMTP; Open Text Exceed for Unix AdminIBM AIXIBM AIX v6.9</t>
  </si>
  <si>
    <t>SAS, Unix, SAS AF, Email MS Exchange or SMTP; Open Text Exceed for Unix AdminSAS, Unix, SAS AF, Email MS Exchange or SMTP; Open Text Exceed for Unix AdminIBM AIXIBM AIX v6.9</t>
  </si>
  <si>
    <t>SAS, Unix, B20/20; Open Text Exceed for Unix Admin; Email MS Exchange or SMTP.Net,SAS, Unix, B20/20; Open Text Exceed for Unix Admin; Email MS Exchange or SMTPIBM AIXIBM AIX v6.9</t>
  </si>
  <si>
    <t>SAS, Unix, Email MS Exchange or SMTP; Open Text Exceed for Unix AdminSAS, Unix, Email MS Exchange or SMTP; Open Text Exceed for Unix AdminIBM AIXIBM AIX v6.9</t>
  </si>
  <si>
    <t>SAS, Unix, Email MS Exchange or SMTP; Open Text Exceed for Unix Admin.Net,SAS, Unix, Email MS Exchange or SMTP; Open Text Exceed for Unix AdminIBM AIXIBM AIX v6.9</t>
  </si>
  <si>
    <t>SAS, Unix, C#, .NET, SAS AF, Email MS Exchange or SMTP; Open Text Exceed for Unix Admin.Net,SAS, Unix, C#, .NET, SAS AF, Email MS Exchange or SMTP; Open Text Exceed for Unix AdminIBM AIXIBM AIX v6.9</t>
  </si>
  <si>
    <t>File serverWindowsFile serverMS IIS</t>
  </si>
  <si>
    <t>C#, .NET, SAS, Unix, Email MS Exchange or SMTP; Open Text Exceed for Unix Admin.Net,C#, .NET, SAS, Unix, Email MS Exchange or SMTP; Open Text Exceed for Unix AdminIBM AIXIBM AIX v6.9</t>
  </si>
  <si>
    <t>VB.Net.NetWindowsMS/SQL Server,MS/SQL ServerVB.Net</t>
  </si>
  <si>
    <t>ESRI, Java Script.Net,AIX,WindowsMySQLESRI, Java ScriptMS IIS</t>
  </si>
  <si>
    <t>.Net, SQL Server.NetASPData ModelWindowsMS/SQL Server,MS/SQL Server.Net, SQL Server</t>
  </si>
  <si>
    <t>Excel, SAS Fondation 9.3WindowsMS/SQL Server,MS/SQL ServerExcel, SAS Fondation 9.3</t>
  </si>
  <si>
    <t>IISIIS</t>
  </si>
  <si>
    <t>.Net, SQL Server 2016, Abobe Acrobat.NetWindowsMS/SQL Server,MS/SQL Server.Net, SQL Server 2016, Abobe Acrobat</t>
  </si>
  <si>
    <t>SAS Foundation, Beyond 2020, STATAWindowsSAS Foundation, Beyond 2020, STATA</t>
  </si>
  <si>
    <t>Blaise, SAS Foundation 9.3, SSPEWindowsBlaise, SAS Foundation 9.3, SSPE</t>
  </si>
  <si>
    <t>SAS,  Access.NetWindowsSAS,  Access </t>
  </si>
  <si>
    <t>Active Directory, EmailWeblogicLinux RHEL x86OracleActive Directory, Email</t>
  </si>
  <si>
    <t>ASPData modelWindows</t>
  </si>
  <si>
    <t>microsoft .Net.NetLinux RHEL x86Oraclemicrosoft .Net</t>
  </si>
  <si>
    <t>ARC IMS, Oracle, Tomcat, JSP, XML, Java ScriptTomcatOracle 11gAIXOracle,ARC IMS, Oracle, Tomcat, JSP, XML, Java ScriptWindows 2008.MS IIS</t>
  </si>
  <si>
    <t>File Server, SAS ServerWindowsFile Server, SAS Server</t>
  </si>
  <si>
    <t>SAS Enterprise, EFT,WindowsSAS Enterprise, EFT,</t>
  </si>
  <si>
    <t>SQL Database, SAS, MS Excel, File Server, Oracle Client, Windows, Active Directory4: SQL Server 2012WindowsMS/SQL Server,MS/SQL ServerSQL Database, SAS, MS Excel, File Server, Oracle Client, Windows, Active Directory4: W7 | ?: Windows Server ?</t>
  </si>
  <si>
    <t>C#, .NET, SAS, Unix, B 20/20.Net,C#, .NET, SAS, Unix, B 20/20IBM AIXIBM AIX v6.9</t>
  </si>
  <si>
    <t>Smalltalk, C, Sybase, TPLWindowsSybaseSmalltalk, C, Sybase, TPL</t>
  </si>
  <si>
    <t>Oracle 12Oracle 12</t>
  </si>
  <si>
    <t>.Net, SAS.NetWindows.Net, SAS</t>
  </si>
  <si>
    <t>C#, SAS.Net,WindowsC#, SAS</t>
  </si>
  <si>
    <t>File ServerWindowsFile Server</t>
  </si>
  <si>
    <t>SAS, Beyond 20/20 Software Any Type*, Excel, SAMBAOracle 11gR2SAS, Beyond 20/20 Software Any Type*, Excel, SAMBAWindows 7 (64 bits)</t>
  </si>
  <si>
    <t>MS AccessAccess database 2013WindowsMS AccessWindows 7 (64 bits)</t>
  </si>
  <si>
    <t>LogiPlus, MS AccessAccess database 2013WindowsLogiPlus, MS AccessWindows 7 (64 bits)</t>
  </si>
  <si>
    <t>.Net, C#, WPF, SQL Server,  SAS Integration Services, SAS Enterprise platform.NetWindowsMS/SQL Server,MS/SQL Server.Net, C#, WPF, SQL Server,  SAS Integration Services, SAS Enterprise platform</t>
  </si>
  <si>
    <t>Excel, SAS EGWindowsExcel, SAS EG</t>
  </si>
  <si>
    <t>SAS Foundation 9.3, SAS/EIWindowsSAS Foundation 9.3, SAS/EI</t>
  </si>
  <si>
    <t>SAS/AF, SQL Server 2016WindowsMS/SQL Server,MS/SQL ServerSAS/AF, SQL Server 2016</t>
  </si>
  <si>
    <t>SAS.Net,AIX,Linux RHEL x86,WindowsSAS</t>
  </si>
  <si>
    <t>VB 6.Net,WindowsVB 6</t>
  </si>
  <si>
    <t>C, Visual Studio 2005TomcatOracle Database 11gR2AIXOracleC, Visual Studio 2005Three very old Unix servers need to be replacedAIX needs to be updated to newer version</t>
  </si>
  <si>
    <t>ESRI, .NETWindowsOracleESRI, .NETMS IIS,</t>
  </si>
  <si>
    <t>SAS FoundationWindowsSAS Foundation</t>
  </si>
  <si>
    <t>.Net, SQL Server 2016.NetWindowsMS/SQL Server,MS/SQL Server.Net, SQL Server 2016</t>
  </si>
  <si>
    <t>SQL Server 2016, Excel.NetWindowsMS/SQL Server,MS/SQL ServerSQL Server 2016, Excel</t>
  </si>
  <si>
    <t>IIS; .Net Framework.NetWindowsIIS; .Net FrameworkMS IIS</t>
  </si>
  <si>
    <t>.Net Framework.NetWindowsMySQL.Net Framework</t>
  </si>
  <si>
    <t>Authentification layer, security, file tranfer, .netAIXOracleAuthentification layer, security, file tranfer, .net</t>
  </si>
  <si>
    <t>ESRI, Java ScriptWindowsSybaseESRI, Java ScriptMS IIS</t>
  </si>
  <si>
    <t>ColdFusionWindowsSybaseColdFusion</t>
  </si>
  <si>
    <t>ColdFusionWindowsSybaseColdFusionMS IIS</t>
  </si>
  <si>
    <t>python, SOLR, Lucidworks FusionTomcatSolaris Sparcpython, SOLR, Lucidworks Fusion</t>
  </si>
  <si>
    <t>C, Visual Studio 2005WindowsC, Visual Studio 2005MS IIS</t>
  </si>
  <si>
    <t>ESRI, Java ScriptLinux RHEL x86MySQLESRI, Java ScriptMS IIS</t>
  </si>
  <si>
    <t>ESRI, Java ScriptOracle Database 11gR2AIXSybaseESRI, Java ScriptThree very old Unix servers need to be replacedAIX needs to be updated to newer versionMS IIS,</t>
  </si>
  <si>
    <t>Windows, SQL Server (DB, Agent, SSIS, SSAS), OWC, EzCube, Report DesignerSQL Server 2008 R2WindowsMS/SQL Server,MS/SQL ServerWindows, SQL Server (DB, Agent, SSIS, SSAS), OWC, EzCube, Report DesignerWindows Server</t>
  </si>
  <si>
    <t>Windows, IIS, .Net Framework, SQL Server.NetSQL Server 2008 R2WindowsMS/SQL Server,MS/SQL ServerWindows, IIS, .Net Framework, SQL ServerWindows Server</t>
  </si>
  <si>
    <t>Windows Server, IISWindowsMS/SQL Server,MS/SQL ServerWindows Server, IISMS IIS</t>
  </si>
  <si>
    <t>.Net FrameworkWindowsMySQL.Net Framework</t>
  </si>
  <si>
    <t>SASAIX,Linux RHEL x86,WindowsSAS</t>
  </si>
  <si>
    <t>Blaise..Net,WindowsBlaise.</t>
  </si>
  <si>
    <t>Blaise.WindowsBlaise.</t>
  </si>
  <si>
    <t>VB.Net;SQL Server; SAS Foundation.NetWindowsMS/SQL Server,MS/SQL ServerVB.Net;SQL Server; SAS Foundation</t>
  </si>
  <si>
    <t>Modgen 11, Visual Studio 2010WindowsModgen 11, Visual Studio 2010</t>
  </si>
  <si>
    <t>MySQLMySQL</t>
  </si>
  <si>
    <t>OracleAIX,Linux RHEL x86,WindowsDB2,MS/SQL Server,MS/SQL Server,Oracle,Oracle</t>
  </si>
  <si>
    <t>Quest Authentication Services
Samba
Veritas Clustered File System
Solid State DrivesQuest Authentication Services
Samba
Veritas Clustered File System
Solid State DrivesVirtualization not preferred by vendorOld RHEL version</t>
  </si>
  <si>
    <t>DatabaseSQL Server 2012WindowsMS/SQL Server,MS/SQL ServerDatabaseWindows 7</t>
  </si>
  <si>
    <t>SQL Database, SAS, MS Excel, Windows, Active Directory.Net,4: SQL Server 2012WindowsMS/SQL Server,MS/SQL ServerSQL Database, SAS, MS Excel, Windows, Active Directory4: W7 | ?: Windows Server ?</t>
  </si>
  <si>
    <t>SQL Database, MS Excel, Windows, Active Directory.Net,4: SQL Server 2012WindowsMS/SQL Server,MS/SQL ServerSQL Database, MS Excel, Windows, Active Directory4: W7 | ?: Windows Server ?</t>
  </si>
  <si>
    <t>.Net, C#, SQL Server, SAS.NetWindowsMS/SQL Server,MS/SQL Server.Net, C#, SQL Server, SAS</t>
  </si>
  <si>
    <t>.Net, Sybase.NetWindowsSybase.Net, Sybase</t>
  </si>
  <si>
    <t>Apache Tomcat, Java JDK7WindowsApache Tomcat, Java JDK7Apache</t>
  </si>
  <si>
    <t>MS SQL Server, .Net Framework, IIS.WindowsMS SQL Server, .Net Framework, IIS.Apache</t>
  </si>
  <si>
    <t>Windows, IIS, .Net Framework, Csla (SADF), SQL Server.NetSQL Server 2008 R2WindowsMS/SQL Server,MS/SQL ServerWindows, IIS, .Net Framework, Csla (SADF), SQL ServerWindows Server</t>
  </si>
  <si>
    <t>ESRI, Java ScriptESRI, Java ScriptWindows 2012.MS IIS</t>
  </si>
  <si>
    <t>C#, SQL Server.Net,WindowsC#, SQL Server</t>
  </si>
  <si>
    <t>.Net Framework.NetWindows.Net Framework</t>
  </si>
  <si>
    <t>Hardware, OS, AuthenticationWindowsHardware, OS, Authentication</t>
  </si>
  <si>
    <t>Database, SASWindowsOracleDatabase, SAS</t>
  </si>
  <si>
    <t>.Net, SharePoint, SQL Server.Net,WindowsMS/SQL Server,MS/SQL Server,Sybase.Net, SharePoint, SQL ServerMS IIS</t>
  </si>
  <si>
    <t>ColdFusionOracle 11gWindowsSybaseColdFusionWindows 2008.MS IIS</t>
  </si>
  <si>
    <t>.Net, Sybase, C#.NetWindowsSybase.Net, Sybase, C#MS IIS,</t>
  </si>
  <si>
    <t>C.Net,AIX,Linux RHEL x86,WindowsC</t>
  </si>
  <si>
    <t>Database.NetWindowsDatabase</t>
  </si>
  <si>
    <t>SAS, Unix, C#, .NET, Email MS Exchange or SMTP; Open Text Exceed for Unix Admin.Net,SAS, Unix, C#, .NET, Email MS Exchange or SMTP; Open Text Exceed for Unix AdminIBM AIXIBM AIX v6.9</t>
  </si>
  <si>
    <t>C#.Net,OracleC#</t>
  </si>
  <si>
    <t>SQL Server 2012; .Net.NetWindowsMS/SQL Server,MS/SQL ServerSQL Server 2012; .Net</t>
  </si>
  <si>
    <t>C++.Net,WindowsC++</t>
  </si>
  <si>
    <t>PFM, SASPFM, SAS</t>
  </si>
  <si>
    <t>SASWindowsSAS</t>
  </si>
  <si>
    <t>Oracle 11g 32 bit clientWindowsOracleOracle 11g 32 bit client</t>
  </si>
  <si>
    <t>Oracle BPMWeblogicWindowsMS/SQL Server,MS/SQL ServerOracle BPM</t>
  </si>
  <si>
    <t>SAS.Net,WindowsSAS</t>
  </si>
  <si>
    <t>Oracle, C#Oracle LinuxOracleOracle, C#</t>
  </si>
  <si>
    <t>.NET  SQL server.NetWindowsMS/SQL Server,MS/SQL Server.NET  SQL server</t>
  </si>
  <si>
    <t>.NET, SQL server.NetWindowsMS/SQL Server,MS/SQL Server.NET, SQL server</t>
  </si>
  <si>
    <t>.Net.Net,Windows.Net</t>
  </si>
  <si>
    <t>SQL Server Database, SSRS, SSIS, .NET Framework, CSLA, SAS, MS Excel, Windows, Active Directory, C#.Net,4: SQL Server 2012WindowsMS/SQL Server,MS/SQL ServerSQL Server Database, SSRS, SSIS, .NET Framework, CSLA, SAS, MS Excel, Windows, Active Directory, C#4: W7 | ?: Windows Server ?</t>
  </si>
  <si>
    <t>Access.Net,Data modelWindowsAccess</t>
  </si>
  <si>
    <t>Drupal WCMSLinux RHEL x86MySQLDrupal WCMSMS IIS</t>
  </si>
  <si>
    <t>VB 6.0, Basis DBVB 6.0, Basis DB</t>
  </si>
  <si>
    <t>C++, C#.Net,OracleC++, C#</t>
  </si>
  <si>
    <t>Microsoft IIS 8.5, .Net, TFS, Visual Studio, SQL Server.NetWindowsMS/SQL Server,MS/SQL ServerMicrosoft IIS 8.5, .Net, TFS, Visual Studio, SQL Server</t>
  </si>
  <si>
    <t>SAS, SAS/AFWindowsSAS, SAS/AF</t>
  </si>
  <si>
    <t>MS Access, SQL Server, VBAWindowsMS/SQL Server,MS/SQL ServerMS Access, SQL Server, VBA</t>
  </si>
  <si>
    <t>SAS Foundation, Microsoft ExcelWindowsMS/SQL Server,MS/SQL Server,SAS Foundation, Microsoft ExcelMS IIS,</t>
  </si>
  <si>
    <t>SQL sever 2012, Microsoft Vb.net, AD, Microsoft Excel, Microsoft Word.WindowsMS/SQL Server,MS/SQL ServerSQL sever 2012, Microsoft Vb.net, AD, Microsoft Excel, Microsoft Word.</t>
  </si>
  <si>
    <t>SQL sever 2012, Microsoft Vb.net, AD, Microsoft Excel, Microsoft Word, SAS BIWindowsMS/SQL Server,MS/SQL ServerSQL sever 2012, Microsoft Vb.net, AD, Microsoft Excel, Microsoft Word, SAS BI</t>
  </si>
  <si>
    <t>SAS Foundation, SAS AFWindowsSAS Foundation, SAS AF</t>
  </si>
  <si>
    <t>SQL sever 2012, Microsoft Vb.net, AD, Microsoft Excel, Microsoft WordWindowsMS/SQL Server,MS/SQL ServerSQL sever 2012, Microsoft Vb.net, AD, Microsoft Excel, Microsoft Word</t>
  </si>
  <si>
    <t>AccessArchitecture unknownWindowsAccess</t>
  </si>
  <si>
    <t>.NET, ESRI, Oracle, Java ScriptOracle 12cAIXOracle.NET, ESRI, Oracle, Java ScriptWindows 2012.MS IIS,MS IIS</t>
  </si>
  <si>
    <t>SAS FoundationWindowsMS/SQL Server,MS/SQL ServerSAS Foundation</t>
  </si>
  <si>
    <t>SAP ASE/IQSAP ASE/IQ</t>
  </si>
  <si>
    <t>Windows XPDOS-based(?)WindowsWindows XPMust run in Windows XP; Currently running via VM. Windows 7 32-bit version is available; To be tested in STC environment</t>
  </si>
  <si>
    <t>Architecture unknownWindows</t>
  </si>
  <si>
    <t>AutomicAutomic</t>
  </si>
  <si>
    <t>DatabaseWindowsDatabase</t>
  </si>
  <si>
    <t>LINUX-FAMELinux RHEL x86,WindowsMS/SQL Server,MS/SQL Server,LINUX-FAME</t>
  </si>
  <si>
    <t>LINUX-FAMELinux RHEL x86,WindowsMS/SQL Server,MS/SQL Server,LINUX-FAMEAIX</t>
  </si>
  <si>
    <t>SQL Server DB, IIS, .Net (Core &amp; Framework), SAS.Net,WindowsMS/SQL Server,MS/SQL ServerSQL Server DB, IIS, .Net (Core &amp; Framework), SASMS IIS,</t>
  </si>
  <si>
    <t>SQL Server Database, .NET Framework, IIS, CSLA, Windows, Active Directory.NetSQL ServerWindowsMS/SQL Server,MS/SQL ServerSQL Server Database, .NET Framework, IIS, CSLA, Windows, Active DirectoryWindows</t>
  </si>
  <si>
    <t>SQL Server, JAVAWeblogicSQL ServerWindowsMS/SQL Server,MS/SQL ServerSQL Server, JAVAWindows</t>
  </si>
  <si>
    <t>SQL Server, JAVA, SASWeblogicSQL ServerWindowsMS/SQL Server,MS/SQL ServerSQL Server, JAVA, SASWindows</t>
  </si>
  <si>
    <t>SQL Server Database, NET Framework, SAS, MS Excel, Windows, Active Directory, SAS Grid.Net,4: SQL Server 2012WindowsMS/SQL Server,MS/SQL ServerSQL Server Database, NET Framework, SAS, MS Excel, Windows, Active Directory, SAS Grid</t>
  </si>
  <si>
    <t>SQL Server Database, SSRS, SSIS, .NET Framework, MS Excel, Windows, Active Directory4: SQL Server 2012WindowsMS/SQL Server,MS/SQL ServerSQL Server Database, SSRS, SSIS, .NET Framework, MS Excel, Windows, Active Directory</t>
  </si>
  <si>
    <t>ESRI, Java ScriptOracle 11gESRI, Java ScriptWindows 2008.MS IIS</t>
  </si>
  <si>
    <t>ESRI, Java Script, OracleOracle 11gOracleESRI, Java Script, OracleWindows 2008.MS IIS</t>
  </si>
  <si>
    <t>ESRI, Java Script, OracleOracle 11gAIXOracleESRI, Java Script, OracleWindows 2008.MS IIS</t>
  </si>
  <si>
    <t>.Net, SQL Server.NetData Model not available in an industry standardWindowsMS/SQL Server,MS/SQL Server.Net, SQL Server</t>
  </si>
  <si>
    <t>ESRI, Java ScriptOracle 11gAIXESRI, Java ScriptWindows 2008.MS IIS,MS IIS</t>
  </si>
  <si>
    <t>Oracle Database.NetLinux RHEL x86OracleOracle Database</t>
  </si>
  <si>
    <t>SQL Server 2012, .Net.NetWindowsMS/SQL Server,MS/SQL ServerSQL Server 2012, .Net</t>
  </si>
  <si>
    <t>SQL Database, SAS, MS Excel, File Server, Windows, Active Directory, C#.Net,4: SQL Server 2012WindowsMS/SQL Server,MS/SQL ServerSQL Database, SAS, MS Excel, File Server, Windows, Active Directory, C#4: W7 | ?: Windows Server ?</t>
  </si>
  <si>
    <t>SASSAS</t>
  </si>
  <si>
    <t>SAS.Net,AIX,WindowsSAS</t>
  </si>
  <si>
    <t>Python, .Net, SQL ServerWindowsMS/SQL Server,MS/SQL ServerPython, .Net, SQL ServerMS IIS</t>
  </si>
  <si>
    <t>Oracle DB, Unix,  Microsoft IIS 8.5, .Net, Infragistics, Kerberos authentificationAIXOracleOracle DB, Unix,  Microsoft IIS 8.5, .Net, Infragistics, Kerberos authentificationMS IIS</t>
  </si>
  <si>
    <t>SSPE, PFM, SASWindowsSSPE, PFM, SAS</t>
  </si>
  <si>
    <t>ESRI, .NETWindowsMySQLESRI, .NETMS IIS</t>
  </si>
  <si>
    <t>.Net Framework, Sybase, Afaria, PowerBuilder.Net,WindowsSybase.Net Framework, Sybase, Afaria, PowerBuilder</t>
  </si>
  <si>
    <t>MS SQL Server, .Net Framework, IIS.WindowsMS/SQL Server,MS/SQL ServerMS SQL Server, .Net Framework, IIS.MS IIS</t>
  </si>
  <si>
    <t>VB.Net;SQL Server.NetWindowsMS/SQL Server,MS/SQL ServerVB.Net;SQL Server</t>
  </si>
  <si>
    <t>.Net, SQL Server 2016, ZedGraph, Excel.NetWindowsMS/SQL Server,MS/SQL Server.Net, SQL Server 2016, ZedGraph, Excel</t>
  </si>
  <si>
    <t>.Net.NetWindowsMS/SQL Server,MS/SQL Server.Net</t>
  </si>
  <si>
    <t>.Net, ZedGraph.NetWindowsMS/SQL Server,MS/SQL Server.Net, ZedGraph</t>
  </si>
  <si>
    <t>.Net FrameworkWindows.Net Framework</t>
  </si>
  <si>
    <t>.Net, SQL Server 2016, ZedGraph.NetWindowsMS/SQL Server,MS/SQL Server.Net, SQL Server 2016, ZedGraph</t>
  </si>
  <si>
    <t>.Net, SQL Server 2016, ZedGraph, SAS.NetWindowsMS/SQL Server,MS/SQL Server.Net, SQL Server 2016, ZedGraph, SAS</t>
  </si>
  <si>
    <t>SQL Server, .Net.NetLinux RHEL x86,WindowsMS/SQL Server,MS/SQL Server,OracleSQL Server, .Net</t>
  </si>
  <si>
    <t>SASAIXSAS</t>
  </si>
  <si>
    <t>DatabaseWindowsMS/SQL Server,MS/SQL ServerDatabase</t>
  </si>
  <si>
    <t>.Net, ASP.NetIncludes Sybase IQWindowsSybase.Net, ASP</t>
  </si>
  <si>
    <t>PythonOracle 11gPython</t>
  </si>
  <si>
    <t>Oracle, WeblogicAIXOracleOracle, Weblogic</t>
  </si>
  <si>
    <t>C#WindowsC#</t>
  </si>
  <si>
    <t>Java, Tomcat, Oracle DatabaseTomcatOracle 11gR2AIXOracleJava, Tomcat, Oracle DatabaseAIX for DBWindows Server and AIX for DB</t>
  </si>
  <si>
    <t>C#, Oracle.Net,OracleC#, Oracle</t>
  </si>
  <si>
    <t>.Net Framework; SQL Server.NetWindowsMS/SQL Server,MS/SQL Server.Net Framework; SQL Server</t>
  </si>
  <si>
    <t>.Net Framework, SQL Server.NetWindowsMS/SQL Server,MS/SQL Server.Net Framework, SQL Server</t>
  </si>
  <si>
    <t>C#, SQL Server 2012WindowsMS/SQL Server,MS/SQL ServerC#, SQL Server 2012</t>
  </si>
  <si>
    <t>Oracle DatabaseOracle 11gR2AIXOracleOracle DatabaseAIX for DBAIX for DB</t>
  </si>
  <si>
    <t>Oracle Database, ActiveBatch, Dollar UniverseOracle 11gR2AIXOracleOracle Database, ActiveBatch, Dollar UniverseAIX for DBAIX for DB</t>
  </si>
  <si>
    <t>Unix, X12-Arima, Exceed; Oracle Enterprise Edition 11gR2 (11.2); SASOracle 11gR2AIXOracleUnix, X12-Arima, Exceed; Oracle Enterprise Edition 11gR2 (11.2); SASIBM AIXIBM AIX v6.9</t>
  </si>
  <si>
    <t>IBM AIX, FAMEAIXIBM AIX, FAMEAIX</t>
  </si>
  <si>
    <t>Oracle, Reporting Services, Drupal.Net,Linux RHEL x86,Linux RHEL x86,WindowsMS/SQL Server,MS/SQL Server,MySQL,OracleOracle, Reporting Services, Drupal</t>
  </si>
  <si>
    <t>SAS Foundation;WindowsSAS Foundation;</t>
  </si>
  <si>
    <t>MSFoxproWindowsMSFoxpro</t>
  </si>
  <si>
    <t>VB .NETWindowsMS/SQL Server,MS/SQL ServerVB .NET</t>
  </si>
  <si>
    <t>SAS Foundation; VB.NET.NetWindowsSAS Foundation; VB.NET</t>
  </si>
  <si>
    <t>SAS, MS Excel, File Server4: SQL Server 2012WindowsMS/SQL Server,MS/SQL ServerSAS, MS Excel, File Server4: W7 | ?: Windows Server ?</t>
  </si>
  <si>
    <t>SQL Database, MS Excel, File Server, Windows, Active Directory3: SQL Server 2005WindowsMS/SQL Server,MS/SQL ServerSQL Database, MS Excel, File Server, Windows, Active Directory4: Vista | ?: Windows Server ?</t>
  </si>
  <si>
    <t>Windows, IIS, .Net Framework, Csla (SADF), SQL Server, Infragistics Components, OrgPlus, Heat.NetSQL Server 2008 R2WindowsMS/SQL Server,MS/SQL ServerWindows, IIS, .Net Framework, Csla (SADF), SQL Server, Infragistics Components, OrgPlus, HeatWindows Server</t>
  </si>
  <si>
    <t>AIX, SAS, MS Excel, File ServerAIXAIX, SAS, MS Excel, File ServerAIX4: Vista | ?: AIX ?</t>
  </si>
  <si>
    <t>.Net, SAS.NetWindows.Net, SAS </t>
  </si>
  <si>
    <t>IIS, ASP, VB6ASP and ExtensibiltyData ModelWindowsMS/SQL Server,MS/SQL ServerIIS, ASP, VB6MS IIS</t>
  </si>
  <si>
    <t>.Net, SQL Server, Excel.NetASPData ModelWindowsMS/SQL Server,MS/SQL Server.Net, SQL Server, Excel</t>
  </si>
  <si>
    <t>.Net, SQL Server, Excel.NetASPWindowsMS/SQL Server,MS/SQL Server.Net, SQL Server, Excel</t>
  </si>
  <si>
    <t>.Net, SQL Server, SAS.Net,ASPData ModelWindowsMS/SQL Server,MS/SQL Server,.Net, SQL Server, SAS</t>
  </si>
  <si>
    <t>.Net, SAS.NetASPData ModelWindowsMS/SQL Server,MS/SQL Server.Net, SAS</t>
  </si>
  <si>
    <t>MS Team Foundation Server (TFS) v2012; SAS 9.2; SAS 9.2; SAS databaseWindowsMS Team Foundation Server (TFS) v2012; SAS 9.2; SAS 9.2; SAS database</t>
  </si>
  <si>
    <t>ZIM, Active DirectoryWindowsZIM, Active Directory</t>
  </si>
  <si>
    <t>MS Team Foundation Server (TFS) v2012; SAS 9.2; SAS 9.2; SAS/AF 9.2; SAS databaseWindowsMS Team Foundation Server (TFS) v2012; SAS 9.2; SAS 9.2; SAS/AF 9.2; SAS database</t>
  </si>
  <si>
    <t>Oracle DB, Oracle JDeveloper, Oracle ADF, JavaAIXOracleOracle DB, Oracle JDeveloper, Oracle ADF, Java</t>
  </si>
  <si>
    <t>MS Access; MS Team Foundation Server (TFS) v2013; MS Visual Basic v6.0; MS Virtual PC 2007WindowsMS Access; MS Team Foundation Server (TFS) v2013; MS Visual Basic v6.0; MS Virtual PC 2007</t>
  </si>
  <si>
    <t>SAS Foundation 9.3, SAS/AF, SQL Server 2016, Adobe ReaderWindowsMS/SQL Server,MS/SQL ServerSAS Foundation 9.3, SAS/AF, SQL Server 2016, Adobe Reader</t>
  </si>
  <si>
    <t>.Net, SQL Server 2016, Crystal Reports,.NetWindowsMS/SQL Server,MS/SQL Server.Net, SQL Server 2016, Crystal Reports,</t>
  </si>
  <si>
    <t>.Net,  SQL Server 2016.NetWindowsMS/SQL Server,MS/SQL Server.Net,  SQL Server 2016</t>
  </si>
  <si>
    <t>ORACLE, Weblogic, javascriptWeblogicAIXOracleORACLE, Weblogic, javascript</t>
  </si>
  <si>
    <t>ESRI, Java ScriptESRI, Java ScriptMS IIS</t>
  </si>
  <si>
    <t>active directoryWeblogicWindowsMS/SQL Server,MS/SQL Serveractive directory</t>
  </si>
  <si>
    <t>Gupta, SybaseWindowsSybaseGupta, Sybase</t>
  </si>
  <si>
    <t>SQL Server; SAS FoundationWindowsMS/SQL Server,MS/SQL ServerSQL Server; SAS Foundation</t>
  </si>
  <si>
    <t>VBWindowsSybaseVB</t>
  </si>
  <si>
    <t>File serverWindowsFile server</t>
  </si>
  <si>
    <t>MS SQL Server, IISWindowsMS/SQL Server,MS/SQL ServerMS SQL Server, IISMS IIS</t>
  </si>
  <si>
    <t>File ServerAccess 2007WindowsFile Server</t>
  </si>
  <si>
    <t>Hosting Database.NetAIXOracleHosting Database</t>
  </si>
  <si>
    <t>SASASPData modelWindowsSAS</t>
  </si>
  <si>
    <t>C, Visual Studio 2005Oracle 11gAIXOracle,C, Visual Studio 2005</t>
  </si>
  <si>
    <t>Cold Fusion, OracleTomcatOracle 11gAIXOracle,Cold Fusion, OracleWas migrated to Windows 2008.Apache,MS IIS</t>
  </si>
  <si>
    <t>.NET, ESRI, Oracle.NetOracle 11gAIXOracle,.NET, ESRI, OracleMS IIS</t>
  </si>
  <si>
    <t>.NET, Oracle.NetOracle 11gAIXOracle,.NET, Oracle</t>
  </si>
  <si>
    <t>ARC IMS, Oracle, JSPTomcatAIXOracle,ARC IMS, Oracle, JSPApache,MS IIS</t>
  </si>
  <si>
    <t>.NET, ESRI, Oracle.NetOld code and several patches through the years.Oracle 11gAIXOracle,.NET, ESRI, Oracle</t>
  </si>
  <si>
    <t>Oracle Forms 6i, Oracle DBASPData modelWindowsOracleOracle Forms 6i, Oracle DB</t>
  </si>
  <si>
    <t>Access 2005ASPData modelWindowsAccess 2005</t>
  </si>
  <si>
    <t>ebXML (ebMS)WindowsMS/SQL Server,MS/SQL ServerebXML (ebMS)</t>
  </si>
  <si>
    <t>dBaseWindowsdBase</t>
  </si>
  <si>
    <t>VB 6, SQL server, BasisLinux RHEL x86,WindowsMS/SQL Server,MS/SQL Server,VB 6, SQL server, Basis</t>
  </si>
  <si>
    <t>VB 6, SQL server, BasisWindowsMS/SQL Server,MS/SQL Server,VB 6, SQL server, Basis</t>
  </si>
  <si>
    <t>Reflection,BasisReflection,Basis</t>
  </si>
  <si>
    <t>File Server, SQL Server, SSAS, SSRS, SSISWindowsMS/SQL Server,MS/SQL ServerFile Server, SQL Server, SSAS, SSRS, SSIS</t>
  </si>
  <si>
    <t>SASWindowsSASVista, needs tb tested on Win 7</t>
  </si>
  <si>
    <t>SAS 9.2; compuQuote External subscriptoin data sourceWindowsSAS 9.2; compuQuote External subscriptoin data source</t>
  </si>
  <si>
    <t>SAS; compuQuote External subscriptoin data sourceWindowsSAS; compuQuote External subscriptoin data source</t>
  </si>
  <si>
    <t>.Net, SQL Server.NetWindowsMS/SQL Server,MS/SQL Server.Net, SQL ServerMS IIS,</t>
  </si>
  <si>
    <t>SAS Foundation 9.3, SQL Server 2016WindowsMS/SQL Server,MS/SQL ServerSAS Foundation 9.3, SQL Server 2016</t>
  </si>
  <si>
    <t>MySQL Oracle 12MySQL Oracle 12</t>
  </si>
  <si>
    <t>VB 6.0, Basis DBWindowsVB 6.0, Basis DB</t>
  </si>
  <si>
    <t>Sybase scriptsWindowsSybaseSybase scriptsMS IIS</t>
  </si>
  <si>
    <t>SASWindowsSybaseSAS</t>
  </si>
  <si>
    <t>SASASPData modelWindowsSASWindows 7</t>
  </si>
  <si>
    <t>.Net.Net,Data modelWindows.Net</t>
  </si>
  <si>
    <t>.Net, SQL Server.Net,ASPData modelWindowsMS/SQL Server,MS/SQL Server.Net, SQL Server</t>
  </si>
  <si>
    <t>.Net.NetIncludes Sybase IQWindowsSybase.Net</t>
  </si>
  <si>
    <t>SQL Server Database, SSRS, SSAS, .NET Framework, SAS, SAS EG, MS Excel, File Server, IIS, Oracle Client, Windows, Active Directory.Net,5: SQL Server 2016WindowsMS/SQL Server,MS/SQL ServerSQL Server Database, SSRS, SSAS, .NET Framework, SAS, SAS EG, MS Excel, File Server, IIS, Oracle Client, Windows, Active Directory4: W7 | ?: Windows Server ? | IIS 7.0</t>
  </si>
  <si>
    <t>SQL Server Database, SSRS, .NET Framework, SAS, SAS EG, MS Excel, File Server, IIS, Windows, Active Directory.NetSQL Server 2014 SP2WindowsMS/SQL Server,MS/SQL ServerSQL Server Database, SSRS, .NET Framework, SAS, SAS EG, MS Excel, File Server, IIS, Windows, Active Directory</t>
  </si>
  <si>
    <t>PostGreSQL, Apache, Python, JSON, CKANLinux on Z RHELPostGreSQL, Apache, Python, JSON, CKANApache</t>
  </si>
  <si>
    <t>Client ServerHPUXOracleClient Server</t>
  </si>
  <si>
    <t>.Net00HPUX,Oracle00MS IIS</t>
  </si>
  <si>
    <t>HPUXOracleApache,</t>
  </si>
  <si>
    <t>00HPUXOracle00MS IIS</t>
  </si>
  <si>
    <t>Windows00</t>
  </si>
  <si>
    <t>Client Server00HPUXOracleClient Server00</t>
  </si>
  <si>
    <t>.NetHPUX,OracleMS IIS</t>
  </si>
  <si>
    <t>Citrix Thin-client Service.Net00HPUX,OracleCitrix Thin-client Service00</t>
  </si>
  <si>
    <t>IIS, .NET.NetIIS, .NETMS IIS</t>
  </si>
  <si>
    <t>.NET, web.NetOracle Database 11g Enterprise Edition Release 11.2.0.4.0 - 64bit Production.NET, webWindow Server 2008 R2MS IIS</t>
  </si>
  <si>
    <t>00HPUXOracleTC StandardTC StandardMS IIS</t>
  </si>
  <si>
    <t>000MS IIS</t>
  </si>
  <si>
    <t>00WindowsOracleTC StandardTC StandardMS IIS</t>
  </si>
  <si>
    <t>HPUXOracleTC StandardTC StandardMS IIS</t>
  </si>
  <si>
    <t>00WindowsMS/SQL Server,MS/SQL Server00</t>
  </si>
  <si>
    <t>HPUXOracleMS IIS</t>
  </si>
  <si>
    <t>.Net00Windows,WindowsOracle0MS IIS,</t>
  </si>
  <si>
    <t>00HPUX00MS IIS</t>
  </si>
  <si>
    <t>.Net00HPUX,Oracle00MS IIS,</t>
  </si>
  <si>
    <t>File TransferOracleFile TransferMS IIS</t>
  </si>
  <si>
    <t>Oracle, IIS, MS AccessWindowsOracle,Oracle, IIS, MS Access00MS IIS</t>
  </si>
  <si>
    <t>Microsoft OfficeWindowsMicrosoft Office</t>
  </si>
  <si>
    <t>Microsoft Office00WindowsMicrosoft Office00</t>
  </si>
  <si>
    <t>00Oracle00MS IIS,</t>
  </si>
  <si>
    <t>Microsoft WordWindowsMicrosoft Word</t>
  </si>
  <si>
    <t>.Net00Oracle0MS IIS,</t>
  </si>
  <si>
    <t>.Net000</t>
  </si>
  <si>
    <t>MS Visual Basic 5.000MS Visual Basic 5.000</t>
  </si>
  <si>
    <t>0HPUXOracle00MS IIS</t>
  </si>
  <si>
    <t>Oracle, Forte0HPUXOracleOracle, Forte</t>
  </si>
  <si>
    <t>Business Intelligence (OLAP).Net0HPUXBusiness Intelligence (OLAP)00MS IIS</t>
  </si>
  <si>
    <t>Oracle, IIS, MS Access.NetWindowsOracle,Oracle, IIS, MS Access00MS IIS</t>
  </si>
  <si>
    <t>Crystal Report 10.2, Edraw, Outlook. TCMailer, Excel, Word, Infragistics, PDF, Active Directory, RDIMS, SQL Server.Net,SQL0WindowsMS/SQL Server,MS/SQL ServerCrystal Report 10.2, Edraw, Outlook. TCMailer, Excel, Word, Infragistics, PDF, Active Directory, RDIMS, SQL Server00</t>
  </si>
  <si>
    <t>0HPUXOracle00</t>
  </si>
  <si>
    <t>00Windows,WindowsOracle00MS IIS,</t>
  </si>
  <si>
    <t>SQL Server 2008 or 2012WindowsMS/SQL Server,MS/SQL ServerSQL Server 2008 or 2012</t>
  </si>
  <si>
    <t>Oracle DataBase,OAM, OID, SSOWeblogicHPUX,Linux RHEL x86Oracle,Oracle DataBase,OAM, OID, SSOLinux RHEL 6Apache,</t>
  </si>
  <si>
    <t>.Net,HPUXOracleMS IIS</t>
  </si>
  <si>
    <t>.Net00HPUXOracle00</t>
  </si>
  <si>
    <t>Oracle RDBMS; Oracle Data Integrator; LDAP; SSOWeblogicHPUX,Linux RHEL x86Oracle,Oracle RDBMS; Oracle Data Integrator; LDAP; SSOLinux RHEL 6 / Windows Server 2003Apache,MS IIS</t>
  </si>
  <si>
    <t>Oracle DataBase, SAP Business ObjectsHPUXOracleOracle DataBase, SAP Business ObjectsMS IIS</t>
  </si>
  <si>
    <t>OracleLinux RHEL x86OracleOracle</t>
  </si>
  <si>
    <t>.NetHPUX,Oracle</t>
  </si>
  <si>
    <t>.Net,00HPUXOracle00MS IIS</t>
  </si>
  <si>
    <t>COTS product with an application server running on a Windows 2003 virtual server, an oracle 11gR2 database  running on an HP Unix server and a client piece currently running on Windows XP SP3.TomcatStandard Client-Application Server-Database Server configuration.HPUXOracleCOTS product with an application server running on a Windows 2003 virtual server, an oracle 11gR2 database  running on an HP Unix server and a client piece currently running on Windows XP SP3.Vmware supplied virtual serverWindows Server 2003</t>
  </si>
  <si>
    <t>Oracle, .net.Net00HPUXOracleOracle, .net00</t>
  </si>
  <si>
    <t>00WindowsOracle00MS IIS,</t>
  </si>
  <si>
    <t>.Net000MS IIS,</t>
  </si>
  <si>
    <t>IIS.NetIISMS IIS</t>
  </si>
  <si>
    <t>MS Access, ExcelWindowsMS Access, Excel00</t>
  </si>
  <si>
    <t>ExcelWindowsExcel00</t>
  </si>
  <si>
    <t>GSA Server, IISGSA Server, IISMS IIS</t>
  </si>
  <si>
    <t>.Net00HPUX,Oracle00</t>
  </si>
  <si>
    <t>Entrust, Oracle, .net.Net00HPUXOracleEntrust, Oracle, .net00</t>
  </si>
  <si>
    <t>Citrix Thin-client Service.Net00HPUXOracleCitrix Thin-client Service00</t>
  </si>
  <si>
    <t>COTSTomcatMicrosoft SQL Server 2008 R2 10.52.4000.0WindowsCOTSWindow Server 2008 R2MS IIS</t>
  </si>
  <si>
    <t>Oracle Data Integrator, Business Objects00HPUXOracleOracle Data Integrator, Business Objects00MS IIS</t>
  </si>
  <si>
    <t>Secure interface to CBN00HPUXOracleSecure interface to CBN00</t>
  </si>
  <si>
    <t>WindowsTC StandardTC StandardMS IIS</t>
  </si>
  <si>
    <t>Weblogic00WindowsTC StandardTC StandardMS IIS</t>
  </si>
  <si>
    <t>00WindowsTC StandardTC StandardMS IIS</t>
  </si>
  <si>
    <t>.Net00WindowsMS/SQL Server,MS/SQL Server00MS IIS,</t>
  </si>
  <si>
    <t>Web ServiceWeb ServiceMS IIS</t>
  </si>
  <si>
    <t>ExcelExcelWindowsExcelExcel</t>
  </si>
  <si>
    <t>.NetAvailability, Scalability &amp; Performance (ASP) – The application design does not meet current ASP requirements, but can be modified to meet them without excessive cost or risk.Used Access database
Database / Data Model that are not part of enterprise standards or wise does not qualify for a score of 1 or better..All standard / mainstream hardware (h/w) platforms as specified by enterprise standardsWeb application
All standard / mainstream operating system(s) (OS) as specified by enterprise standards</t>
  </si>
  <si>
    <t>MS Access FormMS Access FormWindowsMS Access FormMS Access Form</t>
  </si>
  <si>
    <t>MS SqlServer, .Net.NetWindowsMS/SQL Server,MS/SQL ServerMS SqlServer, .Net</t>
  </si>
  <si>
    <t>.Net00HPUXOracle00MS IIS,</t>
  </si>
  <si>
    <t>Windows 700WindowsWindows 7TC StandardTC Standard</t>
  </si>
  <si>
    <t>Oracle.NetHPUXOracleOracle</t>
  </si>
  <si>
    <t>.NetWindowsOracle</t>
  </si>
  <si>
    <t>C#, APIs, IIS.NetC#, APIs, IISMS IIS</t>
  </si>
  <si>
    <t>SQL Server 2014, Microsoft .Net 3.5.NetWindowsMS/SQL Server,MS/SQL ServerSQL Server 2014, Microsoft .Net 3.5</t>
  </si>
  <si>
    <t>SQL Server Express 2014, Microsoft .Net 3.5.NetWindowsMS/SQL Server,MS/SQL ServerSQL Server Express 2014, Microsoft .Net 3.5</t>
  </si>
  <si>
    <t>.NET, ASP, OracleHPUXOracle.NET, ASP, OracleMS IIS</t>
  </si>
  <si>
    <t>Client Server00HPUXClient Server00</t>
  </si>
  <si>
    <t>WindowsOracleMS IIS,</t>
  </si>
  <si>
    <t>UnknownUnknownMS IIS</t>
  </si>
  <si>
    <t>COTSWebsphereIBM WebSphereOracleCOTSWindows Server</t>
  </si>
  <si>
    <t>Application Server (Web):  Windows 2008 and IIS 7.0 or above , .Net Framework 4.5, LDAP.Net00Application Server (Web):  Windows 2008 and IIS 7.0 or above , .Net Framework 4.5, LDAP00</t>
  </si>
  <si>
    <t>Oracle 11G R2 ODBC driver.Net00HPUXOracleOracle 11G R2 ODBC driver00</t>
  </si>
  <si>
    <t>All standard (IIS, .Net).NetApplication leverages databases from  applications.HPUXOracleAll standard (IIS, .Net)MS IIS</t>
  </si>
  <si>
    <t>.Net, Oracle, SQL Lite.NetHPUX,WindowsOracle,.Net, Oracle, SQL Lite</t>
  </si>
  <si>
    <t>MSSQL, Microsoft IISWindowsMS/SQL Server,MS/SQL ServerMSSQL, Microsoft IISMS IIS</t>
  </si>
  <si>
    <t>SQL Database, IISWindowsMS/SQL Server,MS/SQL ServerSQL Database, IISMS IIS</t>
  </si>
  <si>
    <t>Database, WebLogicWeblogicWindowsMS/SQL Server,MS/SQL ServerDatabase, WebLogic</t>
  </si>
  <si>
    <t>WindowsMS/SQL Server,MS/SQL ServerApache,</t>
  </si>
  <si>
    <t>Database, SAPGUI (frontend)WindowsMS/SQL Server,MS/SQL ServerDatabase, SAPGUI (frontend)</t>
  </si>
  <si>
    <t>MS Access, MS OutlookWindowsMS Access, MS Outlook</t>
  </si>
  <si>
    <t>Linux RHEL x86,Linux SLES x86MySQL,Oracle,SybaseApache</t>
  </si>
  <si>
    <t>MS VB 6, MS Access, MS Word, MS Excel, MS Outlook, MS IE, GCDocsWindowsMS VB 6, MS Access, MS Word, MS Excel, MS Outlook, MS IE, GCDocs</t>
  </si>
  <si>
    <t>.net and Sharepoint.Net,WindowsMS/SQL Server,MS/SQL Server,.net and SharepointMS IIS</t>
  </si>
  <si>
    <t>SQL
IISWindowsMS/SQL Server,MS/SQL ServerSQL
IISMS IIS</t>
  </si>
  <si>
    <t>Active Directory (for Authentication), Citrix Servers (Medavie Use Only), Oracle Database, WebSphere AppServer, MQ Series, PowerBuilder 10.5, Desktop, Batch, Managed Secure File Transfer, Data Exchange with PSPC, Medavie, ESDC, DND, CRA, CVVRS Sunlife via MSFT, FTP, VAC Webservices, VAC Scheduler, Adobe LiveCycle, Integrates with Document Management, Integrates with  Systems APIs, WordPerfectWebsphereStruts 1.xx is EOL and VAC needs to migrate to Struts 2.xxdb model not in the db modeling tool yetHPUXOracleActive Directory (for Authentication), Citrix Servers (Medavie Use Only), Oracle Database, WebSphere AppServer, MQ Series, PowerBuilder 10.5, Desktop, Batch, Managed Secure File Transfer, Data Exchange with PSPC, Medavie, ESDC, DND, CRA, CVVRS Sunlife via MSFT, FTP, VAC Webservices, VAC Scheduler, Adobe LiveCycle, Integrates with Document Management, Integrates with  Systems APIs, WordPerfectall hardware scored the same, re: windows and unix hardware runs on hardware 3+ yrs with majority being 5+ yrs oldHPUX not supported in End State Data Center</t>
  </si>
  <si>
    <t>Active Directory (for Authentication), Websphere Application Server, Websphere Presentation Layer, Oracle Database, Java 7, StrutsWebsphereHPUXOracleActive Directory (for Authentication), Websphere Application Server, Websphere Presentation Layer, Oracle Database, Java 7, Strutsall hardware scored the same, re: windows and unix hardware runs on hardware 3+ yrs with majority being 5+ yrs oldHPUX not supported in End State Data Center</t>
  </si>
  <si>
    <t>Active Directory (for Authentication), Websphere Application Server, Websphere Presentation Layer,
Oracle Database, Java 7, StrutsWebsphereStruts 1.xx is EOL and VAC needs to migrate to Struts 2.xx frameworkHPUXOracleActive Directory (for Authentication), Websphere Application Server, Websphere Presentation Layer,
Oracle Database, Java 7, Strutsall hardware scored the same, re: windows and unix hardware runs on hardware 3+ yrs with majority being 5+ yrs oldHPUX not supported in End State Data Center</t>
  </si>
  <si>
    <t>Active Directory (for Authentication), Websphere Application Server, Websphere Presentation Layer, Oracle Database, MQ Series, Email Integration, Java 7, Struts,
Adobe LiveCycle, Managed Secure File Transfer, Data Exchange with VAC Webservices via PSPC, Integrates with Document Management, Integrates with  Systems APIsWebsphereStruts 1.xx is EOL and VAC needs to migrate to Struts 2.xx frameworkdb model not in the db modeling tool yetHPUXOracleActive Directory (for Authentication), Websphere Application Server, Websphere Presentation Layer, Oracle Database, MQ Series, Email Integration, Java 7, Struts,
Adobe LiveCycle, Managed Secure File Transfer, Data Exchange with VAC Webservices via PSPC, Integrates with Document Management, Integrates with  Systems APIsall hardware scored the same, re: windows and unix hardware runs on hardware 3+ yrs with majority being 5+ yrs oldHPUX not supported in End State Data Center</t>
  </si>
  <si>
    <t>Custom User ID and Password (for Authentication),
Oracle Database, DesktopHPUXOracleCustom User ID and Password (for Authentication),
Oracle Database, Desktopall hardware scored the same, re: windows and unix hardware runs on hardware 3+ yrs with majority being 5+ yrs oldDesktop Thick Client only (Win7) to Oracle DB (on HPUX 11.31)</t>
  </si>
  <si>
    <t>MS Access Database, VB, Desktop, FormFlowAdj - Version of db olderMS Access Database, VB, Desktop, FormFlowall hardware scored the same, re: windows and unix hardware runs on hardware 3+ yrs with majority being 5+ yrs old</t>
  </si>
  <si>
    <t>Oracle Database, Email Integration, Unicode, Desktop, SQL, Unix Scripting, BatchHPUXOracleOracle Database, Email Integration, Unicode, Desktop, SQL, Unix Scripting, Batchall hardware scored the same, re: windows and unix hardware runs on hardware 3+ yrs with majority being 5+ yrs oldHPUX B.11.31</t>
  </si>
  <si>
    <t>GCKey/Secure Key concierge using Get Access (for Authentication), Custom User ID and Password (for Authentication), Active Directory (for Authentication),
Websphere Application Server, MS IIS Presentation Layer, DMZ (IIS HTTP server with SSL certs, with Internal/Exetrnal Firewalls, WAF, IDPS),  Websphere Presentation Layer,
Oracle Database, MQ Series, Email Integration, Java 7, struts 2, Batch, Adobe LiveCycle, Integrates with  Systems APIsWebsphereStruts 2.xxData Model not up-to-date electronic versionHPUXOracleGCKey/Secure Key concierge using Get Access (for Authentication), Custom User ID and Password (for Authentication), Active Directory (for Authentication),
Websphere Application Server, MS IIS Presentation Layer, DMZ (IIS HTTP server with SSL certs, with Internal/Exetrnal Firewalls, WAF, IDPS),  Websphere Presentation Layer,
Oracle Database, MQ Series, Email Integration, Java 7, struts 2, Batch, Adobe LiveCycle, Integrates with  Systems APIsall hardware scored the same, re: windows and unix hardware runs on hardware 3+ yrs with majority being 5+ yrs oldHPUX B.11.31MS IIS</t>
  </si>
  <si>
    <t>Custom User ID and Password (for Authentication), Oracle Database, Desktop, Integrates with FreeBalance Systems, Integrates with PeopleSoftHPUXOracleCustom User ID and Password (for Authentication), Oracle Database, Desktop, Integrates with FreeBalance Systems, Integrates with PeopleSoftall hardware scored the same, re: windows and unix hardware runs on hardware 3+ yrs with majority being 5+ yrs oldDesktop Thick Client only to Oracle DB</t>
  </si>
  <si>
    <t>Active Directory (for Authentication), Oracle DB, Websphere application Server, BatchWebsphereDB model not in the DB modeling tool yetHPUXOracleActive Directory (for Authentication), Oracle DB, Websphere application Server, Batchall hardware scored the same, re: windows and unix hardware runs on hardware 3+ yrs with majority being 5+ yrs oldHPUX not supported in End-State Data Centre</t>
  </si>
  <si>
    <t>Active Directory (for Authentication), Websphere Application Server, Websphere Presentation Layer,
Oracle Database, Java 7, StrutsWebsphereStruts 1.xx is EOL and VAC needs to migrate to Struts 2.xx framework.HPUXOracleActive Directory (for Authentication), Websphere Application Server, Websphere Presentation Layer,
Oracle Database, Java 7, Strutsall hardware scored the same, re: windows and unix hardware runs on hardware 3+ yrs with majority being 5+ yrs oldHPUX not supported in End-State Data Centre</t>
  </si>
  <si>
    <t>Active Directory (for Authentication), Websphere Application Server, Websphere Presentation Layer,
Oracle Database, Java, StrutsWebsphereHPUXOracleActive Directory (for Authentication), Websphere Application Server, Websphere Presentation Layer,
Oracle Database, Java, Strutsall hardware scored the same, re: windows and unix hardware runs on hardware 3+ yrs with majority being 5+ yrs old</t>
  </si>
  <si>
    <t>Custom User ID and Password (for Authentication), Oracle Database, VB, DesktopHPUXOracleCustom User ID and Password (for Authentication), Oracle Database, VB, Desktopall hardware scored the same, re: windows and unix hardware runs on hardware 3+ yrs with majority being 5+ yrs oldDesktop Thick Client only to Oracle DB</t>
  </si>
  <si>
    <t>E-Directory (for Authenicaiton), Citrix Server (regional access), Groupwise, Oracle DBHPUX,WindowsOracle,E-Directory (for Authenicaiton), Citrix Server (regional access), Groupwise, Oracle DBall hardware scored the same, re: windows and unix hardware runs on hardware 3+ yrs with majority being 5+ yrs oldhpux 11.31, uses maybe some citrix, very min.</t>
  </si>
  <si>
    <t>E-Directory (for Authenticatiion), Groupwise, Exchange, Oracle DBData Model not up-to-date electronic versionHPUXOracleE-Directory (for Authenticatiion), Groupwise, Exchange, Oracle DBall hardware scored the same, re: windows and unix hardware runs on hardware 3+ yrs with majority being 5+ yrs oldWindows</t>
  </si>
  <si>
    <t>Oracle DB, AppServer, HTTP Server (IIS)HPUXOracleOracle DB, AppServer, HTTP Server (IIS)running on Processor -• 3.0 GHz Intel Xeon or AMD Opteronmigrated to version 2.5.4.  Using Window 8 Servers.MS IIS</t>
  </si>
  <si>
    <t>website runs off MSSQL this app uses MSSQL database for storage, ColdFusion 11MS SQLHPUXOraclewebsite runs off MSSQL this app uses MSSQL database for storage, ColdFusion 11all hardware scored the same, re: windows and unix hardware runs on hardware 3+ yrs with majority being 5+ yrs oldhpux 11.31MS IIS</t>
  </si>
  <si>
    <t>website runs off MSSQL this app uses MSSQL database for storage, ColdFusion 11WindowsMS/SQL Server,MS/SQL Serverwebsite runs off MSSQL this app uses MSSQL database for storage, ColdFusion 11SQL Server boxes are a physical cluster on Windows 2008 R2MS IIS</t>
  </si>
  <si>
    <t>website runs off MSSQL this app uses MSSQL database for storage, ColdFusion 11MS SQLWindowsMS/SQL Server,MS/SQL Serverwebsite runs off MSSQL this app uses MSSQL database for storage, ColdFusion 11all hardware scored the same, re: windows and unix hardware runs on hardware 3+ yrs with majority being 5+ yrs oldSQL Server boxes are a physical cluster on Windows 2008 R2MS IIS</t>
  </si>
  <si>
    <t>website runs off MSSQL this app uses oracle database for storage, ColdFusion 11MS SQLHPUX,WindowsMS/SQL Server,MS/SQL Server,Oraclewebsite runs off MSSQL this app uses oracle database for storage, ColdFusion 11all hardware scored the same, re: windows and unix hardware runs on hardware 3+ yrs with majority being 5+ yrs oldOracle (MNDB3073 10.245.44.43:1533)  SID: CVW1
HPUX not Supported in End State Data CentreMS IIS</t>
  </si>
  <si>
    <t>CSDN Database,LDAP,FHCPS, Cognos Framework, Transformer and Powerplay are enabling technologies, e-mail, oracle db, VAC Scheduler, FTPHPUXOracleCSDN Database,LDAP,FHCPS, Cognos Framework, Transformer and Powerplay are enabling technologies, e-mail, oracle db, VAC Scheduler, FTPall hardware scored the same, re: windows and unix hardware runs on hardware 3+ yrs with majority being 5+ yrs oldHPUX 11.31</t>
  </si>
  <si>
    <t>Active Directory (for Authentication), Websphere Application Server, Websphere Presentation Layer,
Oracle Database, Java 7, Struts, Adobe LiveCycle - Adobe Correspondence (CMS) Management, CSDNWebspheredb model not in the db modeling tool yetHPUXOracleActive Directory (for Authentication), Websphere Application Server, Websphere Presentation Layer,
Oracle Database, Java 7, Struts, Adobe LiveCycle - Adobe Correspondence (CMS) Management, CSDNall hardware scored the same, re: windows and unix hardware runs on hardware 3+ yrs with majority being 5+ yrs oldHPUX 11.31</t>
  </si>
  <si>
    <t>Active Directory (for Authentication), Websphere, Windows, Oracle, Adobe Reader, Adobe FlashWebsphereHPUXOracleActive Directory (for Authentication), Websphere, Windows, Oracle, Adobe Reader, Adobe Flashall hardware scored the same, re: windows and unix hardware runs on hardware 3+ yrs with majority being 5+ yrs old</t>
  </si>
  <si>
    <t>Active Directory (For Authentication), websphere, Windows, Oracle, Adobe ReaderWebspherescore of minus 1 b/c of FAIM requirementhas it''s own internal oracle DBHPUXOracleActive Directory (For Authentication), websphere, Windows, Oracle, Adobe Readerall hardware scored the same, re: windows and unix hardware runs on hardware 3+ yrs with majority being 5+ yrs oldservers are on w2k8.  w2k12 is available but still 4 years old.</t>
  </si>
  <si>
    <t>Custom User ID and Password (for Authentication), Citrix Servers (Medavie Use Only), Websphere Application Server, Websphere Presentation Layer, Oracle Database,
Java 7, Struts, Adobe LiveCycle, Integrates with  Systems APIsWebsphereStruts 1.xx is EOL and VAC needs to migrate to Struts 2.xx framework.  FAIM does not have a visual interface, and may not make use of struts at all (TBD).FAIM does not sote any data of itrs own, it just retrieved existing data from CSDN AND POULATES INTO FORMS.  Forms are saved in CSDN DB.  FAIM does have properties stored witin a DB through property manager.HPUXOracleCustom User ID and Password (for Authentication), Citrix Servers (Medavie Use Only), Websphere Application Server, Websphere Presentation Layer, Oracle Database,
Java 7, Struts, Adobe LiveCycle, Integrates with  Systems APIsall hardware scored the same, re: windows and unix hardware runs on hardware 3+ yrs with majority being 5+ yrs oldWebsphere, Oracle and Adobe LC running on updated and current OS''s.</t>
  </si>
  <si>
    <t>Adobe ProWebsphereHPUXOracleAdobe Proall hardware scored the same, re: windows and unix hardware runs on hardware 3+ yrs with majority being 5+ yrs oldW2K8</t>
  </si>
  <si>
    <t>Active Directory (for Authentication), Websphere Application Server, Websphere Presentation Layer,
Oracle Database, Java 7, Struts 2WebsphereHPUXOracleActive Directory (for Authentication), Websphere Application Server, Websphere Presentation Layer,
Oracle Database, Java 7, Struts 2all hardware scored the same, re: windows and unix hardware runs on hardware 3+ yrs with majority being 5+ yrs oldHPUX not supported in End State Data Center</t>
  </si>
  <si>
    <t>LDAP credentials (for Authentication), Userid/Passwords (for Authentication), Tomcat Application Server,
MS IIS Presentation Layer, Oracle Database,  Database
Cognos SQL, Native SQL, Desktop, Integrates with Finance-SAP-Sigma SystemsTomcatOracle db for content store
Oracle db for data sourcesHPUX,WindowsOracle,LDAP credentials (for Authentication), Userid/Passwords (for Authentication), Tomcat Application Server,
MS IIS Presentation Layer, Oracle Database,  Database
Cognos SQL, Native SQL, Desktop, Integrates with Finance-SAP-Sigma SystemsWin 7 - Client
Win Serv 2008 - ServerMS IIS</t>
  </si>
  <si>
    <t>Cognos Transformer CubesCognos Transformer CubesWin 7 - Client</t>
  </si>
  <si>
    <t>LDAP credentials (for Authentication), Userid/Passwords (for Authentication)Oracle db for content store
Oracle db for data sourcesLDAP credentials (for Authentication), Userid/Passwords (for Authentication)Win 7 - Client
Win Serv 2008 - Server</t>
  </si>
  <si>
    <t>Websphere Application Server, Websphere Presentation Layer, Java 7, StrutsWebsphereStruts 1.xx is EOL and VAC needs to migrate to Struts 2.xxWebsphere Application Server, Websphere Presentation Layer, Java 7, Strutsall hardware scored the same, re: windows and unix hardware runs on hardware 3+ yrs with majority being 5+ yrs oldHPUX not supported in End State Data Center</t>
  </si>
  <si>
    <t>Active Directory (for Authentication)-1 The database is a version that has not been current for 3 years or longer.  Windows 2008 R2..Active Directory (for Authentication)Scored the client machine hardware , SQL DB and and distribution point hardwareMarking based upon client OS - Windows 7
-1 - One or more OS are a version that has not been current for 2 years or longer.  Windows 7 was released in 2009.  Windows 10 is now available</t>
  </si>
  <si>
    <t>Active Directory (for Authentication), Websphere Application Server, Websphere Presentation Layer,
Oracle  Database, Java 7, StrutsWebsphereStruts 1.xx is EOL and VAC needs to migrate to Struts 2.xx framework.db model not in the db modeling tool yetHPUXOracleActive Directory (for Authentication), Websphere Application Server, Websphere Presentation Layer,
Oracle  Database, Java 7, Strutsall hardware scored the same, re: windows and unix hardware runs on hardware 3+ yrs with majority being 5+ yrs old</t>
  </si>
  <si>
    <t>Active Directory (for Authentication), Websphere Application Server, Websphere Presentation Layer, Oracle Database, Java 7, StrutsWebsphereStruts 1.xx is EOL and VAC needs to migrate to Struts 2.xx framework.HPUXOracleActive Directory (for Authentication), Websphere Application Server, Websphere Presentation Layer, Oracle Database, Java 7, Strutsnot supported in End State Data CenterHPUX not supported in End State Data Center</t>
  </si>
  <si>
    <t>Active Directory (for Authentication), Websphere Application Server, Websphere Presentation Layer,
Oracle Database, Email Integration, Java 7, Struts 2WebsphereHPUXOracleActive Directory (for Authentication), Websphere Application Server, Websphere Presentation Layer,
Oracle Database, Email Integration, Java 7, Struts 2all hardware scored the same, re: windows and unix hardware runs on hardware 3+ yrs with majority being 5+ yrs oldHPUX not supported in End State Data Center</t>
  </si>
  <si>
    <t>Custom User ID and Password and PKI Soft Tokens (for Authentication), Websphere Application Server, Websphere Presentation Layer, Oracle Database, Email Integration, Java, Web Services, Data Exchange with Medavie via RTDTWebspheredb model not in the db modeling tool yetHPUXOracleCustom User ID and Password and PKI Soft Tokens (for Authentication), Websphere Application Server, Websphere Presentation Layer, Oracle Database, Email Integration, Java, Web Services, Data Exchange with Medavie via RTDTall hardware scored the same, re: windows and unix hardware runs on hardware 3+ yrs with majority being 5+ yrs oldHPUX not supported in End State Data Center</t>
  </si>
  <si>
    <t>Active Directory (for Authentication), Websphere Application Server, Websphere Presentation Layer, Oracle Database, Java 7, Struts 2.0WebsphereStruts 2 frameworkdb model not in the db modeling tool yetHPUXOracleActive Directory (for Authentication), Websphere Application Server, Websphere Presentation Layer, Oracle Database, Java 7, Struts 2.0all hardware scored the same, re: windows and unix hardware runs on hardware 3+ yrs with majority being 5+ yrs oldHPUX not supported in End State Data Center</t>
  </si>
  <si>
    <t>LDAP credentials (for Authentication), Custom Authentication (for Authentication), Tomcat Application Server, Oracle Database,  Database, Email Integration, BatchTomcatstore
oracle db for storage of reports, cubes, and packagesHPUX,WindowsOracle,LDAP credentials (for Authentication), Custom Authentication (for Authentication), Tomcat Application Server, Oracle Database,  Database, Email Integration, BatchWin 7 - Client
Win Serv 2008 - Server</t>
  </si>
  <si>
    <t>Active Directory for AuthenticationTomcatHPUX,WindowsOracle,Active Directory for AuthenticationCOGNOSPRD01</t>
  </si>
  <si>
    <t>E-Directory (for Authentication)This product is packaged with mysqlWindowsMySQLE-Directory (for Authentication)Virtual MachineWindows 2012 R2MS IIS</t>
  </si>
  <si>
    <t>Oracle DB, AppServer(Tomcat)Web-BasedOracle 11.2HPUXOracleOracle DB, AppServer(Tomcat)Windows 2008 SP2Apache</t>
  </si>
  <si>
    <t>Active Directory (for Authentication), Websphere Application Server, Websphere Presentation Layer,
Oracle Database, Java 7, Struts, BatchWebsphereStruts 1.xx is EOL and VAC needs to migrate to Struts 2.xx frameworkdb model not in the db modeling tool yetHPUXOracleActive Directory (for Authentication), Websphere Application Server, Websphere Presentation Layer,
Oracle Database, Java 7, Struts, Batchall hardware scored the same, re: windows and unix hardware runs on hardware 3+ yrs with majority being 5+ yrs oldHPUX not supported in End State Data Center</t>
  </si>
  <si>
    <t>C sharp, MS SQL, IIS Web Server, Cold Fusion, Third party APIWindowsMS/SQL Server,MS/SQL ServerC sharp, MS SQL, IIS Web Server, Cold Fusion, Third party APIScored based on database server. All  applications are third party developed.MS IIS</t>
  </si>
  <si>
    <t>Active Directory (for Authentication), Websphere Application Server, Websphere Presentation Layer,
Oracle Database, Java 7, Struts, BatchWebsphereStruts 1.xx is EOL and VAC needs to migrate to Struts 2.xx framework.db model not in the db modeling tool yetHPUXOracleActive Directory (for Authentication), Websphere Application Server, Websphere Presentation Layer,
Oracle Database, Java 7, Struts, Batchall hardware scored the same, re: windows and unix hardware runs on hardware 3+ yrs with majority being 5+ yrs oldHPUX not supported in End State Data Center</t>
  </si>
  <si>
    <t>Active Directory (for Authentication), Websphere Application Server, Websphere Presentation Layer,
Oracle Database, Java 7, StrutsWebsphereHPUXOracleActive Directory (for Authentication), Websphere Application Server, Websphere Presentation Layer,
Oracle Database, Java 7, Strutsall hardware scored the same, re: windows and unix hardware runs on hardware 3+ yrs with majority being 5+ yrs oldHPUX not supported in End State Data Center</t>
  </si>
  <si>
    <t>Active Directory (for Authentication), Userid/Passwords (for Authentication), Websphere Application Server,
Websphere Presentation Layer, Oracle Database, Java 7WebsphereHPUXOracleActive Directory (for Authentication), Userid/Passwords (for Authentication), Websphere Application Server,
Websphere Presentation Layer, Oracle Database, Java 7all hardware scored the same, re: windows and unix hardware runs on hardware 3+ yrs with majority being 5+ yrs oldHPUX</t>
  </si>
  <si>
    <t>Active Directory (For Authentication), websphere, Windows, OracleWebsphereStruts 2 and latest WETmodel not in toolHPUXOracleActive Directory (For Authentication), websphere, Windows, Oracleall hardware scored the same, re: windows and unix hardware runs on hardware 3+ yrs with majority being 5+ yrs oldWebsphere and Oracle</t>
  </si>
  <si>
    <t>C sharp, MS SQL, IIS Web Server, Cold Fusion, Third party APIWindowsMySQLC sharp, MS SQL, IIS Web Server, Cold Fusion, Third party APIScored based on database server. All  applications are third party developed.MS IIS</t>
  </si>
  <si>
    <t>website runs off MSSQL this app uses oracle database for storage, ColdFusion 11MS SQLwebsite runs off MSSQL this app uses oracle database for storage, ColdFusion 11all hardware scored the same, re: windows and unix hardware runs on hardware 3+ yrs with majority being 5+ yrs oldSQL Server boxes are a physical cluster on Windows 2008 R2</t>
  </si>
  <si>
    <t>MS CRM+1 more robust than needed, AND ''-1 app has been customized, net adjustment 0MS CRMWindows 7 Desktop</t>
  </si>
  <si>
    <t>Oracle DB, Active Directory Authentication, PC Operating System.Oracle DB, Active Directory Authentication, PC Operating System.Windows 7 Desktop</t>
  </si>
  <si>
    <t>FreeBalanceFreeBalanceWindows 7 Desktop</t>
  </si>
  <si>
    <t>PeopleSoftPeopleSoftWindows 7 Desktop</t>
  </si>
  <si>
    <t>Windows Desktop Operating System , SmartboardWindows Desktop Operating System , SmartboardWindows 7 Desktop</t>
  </si>
  <si>
    <t>Desktop Computer running WindowsDesktop Computer running WindowsWindows 7 Desktop</t>
  </si>
  <si>
    <t>HPUXOracleWindows 7 Desktop</t>
  </si>
  <si>
    <t>node.jsnode.jsWindows 7 Desktop</t>
  </si>
  <si>
    <t>Web-based accessThere is a clear lack of quality controls built into the data model.HPUXOracleWeb-based accessWindows 7 DesktopApache</t>
  </si>
  <si>
    <t>WindowsWindows 7 Desktop</t>
  </si>
  <si>
    <t>WebsphereWindows 7 Desktop</t>
  </si>
  <si>
    <t>Windows 7 DesktopMS IIS</t>
  </si>
  <si>
    <t>Oracle ClientOracle ClientWindows 7 Desktop</t>
  </si>
  <si>
    <t>MS SQL, Active Directory, Windows Server, IISWindowsMS/SQL Server,MS/SQL ServerMS SQL, Active Directory, Windows Server, IISMS IIS</t>
  </si>
  <si>
    <t>Oracle, Windows ServerWindowsOracleOracle, Windows Server</t>
  </si>
  <si>
    <t>MS SQL, Active Directory, IIS, Windows Server, .Net and Reporting ServicesWindowsMS/SQL Server,MS/SQL ServerMS SQL, Active Directory, IIS, Windows Server, .Net and Reporting ServicesMS IIS</t>
  </si>
  <si>
    <t>MS SQL, Active Directory, Windows Server, IISWindowsMS/SQL Server,MS/SQL ServerMS SQL, Active Directory, Windows Server, IIS</t>
  </si>
  <si>
    <t>MS SQL, Active Directory, Windows Server, IISMS/SQL Server,MS/SQL ServerMS SQL, Active Directory, Windows Server, IISMS IIS</t>
  </si>
  <si>
    <t>WeblogicOracleApache</t>
  </si>
  <si>
    <t>Web Server (built-in), MS SQL database, hardware license dongle
Vendor claims the current version doesn''t support virtualisation. There is a newer version that would support it but we would need to purchase it and also upgrade our equipment (device that controls the pumps).WindowsMS/SQL Server,MS/SQL ServerWeb Server (built-in), MS SQL database, hardware license dongle
Vendor claims the current version doesn''t support virtualisation. There is a newer version that would support it but we would need to purchase it and also upgrade our equipment (device that controls the pumps).</t>
  </si>
  <si>
    <t>OracleMS IIS</t>
  </si>
  <si>
    <t>Windows,z/OSMySQL</t>
  </si>
  <si>
    <t>Progress DatabaseDistributed PC. App rests on the C: drive of stand alone workstation. 32 bitWindows PC, 172 sites. Windows Version 7</t>
  </si>
  <si>
    <t>Access DB 2000WindowsMS Windwos DesktopApplication installed on Windows Desktop but DB on site local File &amp; Print Server</t>
  </si>
  <si>
    <t>WindowsDistributed Windows
64 bit.Files on Windows Server 2008. Polling process. Pull is done automatically. Windows Version 7.</t>
  </si>
  <si>
    <t>Public Cell phones - No CBSA Standards for Mobile Application Architecture – Only standard is that Mobile Applications should be prioritized – Per Public Mobility Functional Directive - EDEC Mobile does not have a databasePublic Cell phonesSupports hardware (phones) that support most current Android and IOS versionsSupports all current Android, IOS and Blackberry device OS</t>
  </si>
  <si>
    <t>.NetWindowsMS/SQL Server,MS/SQL ServerApache</t>
  </si>
  <si>
    <t>Weblogicz/OS</t>
  </si>
  <si>
    <t>DB2,</t>
  </si>
  <si>
    <t>z/OSDB2Apache,</t>
  </si>
  <si>
    <t>Solaris x86DB2</t>
  </si>
  <si>
    <t>Weblogicz/OSDB2</t>
  </si>
  <si>
    <t>Weblogicz/OSDB2Apache</t>
  </si>
  <si>
    <t>WeblogicSolaris x86DB2Apache</t>
  </si>
  <si>
    <t>WeblogicApache</t>
  </si>
  <si>
    <t>WeblogicOracle LinuxOracleApache</t>
  </si>
  <si>
    <t>z/OSDB2,</t>
  </si>
  <si>
    <t>Weblogicz/OSApache</t>
  </si>
  <si>
    <t>TomcatSolaris SparcDB2Apache</t>
  </si>
  <si>
    <t>WeblogicSolaris SparcOracleApache</t>
  </si>
  <si>
    <t>Weblogicz/OSDB2,</t>
  </si>
  <si>
    <t>WeblogicWindowsOracle</t>
  </si>
  <si>
    <t>z/OSMS/SQL Server,MS/SQL Server</t>
  </si>
  <si>
    <t>TomcatSolaris SparcOracleApache,</t>
  </si>
  <si>
    <t>Solaris SparcDB2</t>
  </si>
  <si>
    <t>Solaris x86,z/OSDB2Apache,</t>
  </si>
  <si>
    <t>z/OSMS IIS</t>
  </si>
  <si>
    <t>WeblogicHPUXDB2Apache</t>
  </si>
  <si>
    <t>WeblogicSolaris SparcDB2Apache</t>
  </si>
  <si>
    <t>Weblogicz/OSDB2,Apache</t>
  </si>
  <si>
    <t>Linux RHEL x86DB2Apache</t>
  </si>
  <si>
    <t>Tomcat,WeblogicSolaris SparcDB2Apache</t>
  </si>
  <si>
    <t>WeblogicSolaris SparcApache</t>
  </si>
  <si>
    <t>Tomcat,WebsphereHPUXDB2Apache</t>
  </si>
  <si>
    <t>Tomcat,WebsphereHPUX,z/OSDB2Apache,</t>
  </si>
  <si>
    <t>WeblogicLinux RHEL x86,Solaris SparcDB2Apache,</t>
  </si>
  <si>
    <t>z/OSMySQLMS IIS</t>
  </si>
  <si>
    <t>WeblogicMS/SQL Server,MS/SQL ServerApache</t>
  </si>
  <si>
    <t>WindowsOracleon w2k8MS IIS</t>
  </si>
  <si>
    <t>WindowsOracledesktop client(5 raw - 1) not current for 2 years.MS IIS</t>
  </si>
  <si>
    <t>WindowsOracleWindows Server 2012MS IIS</t>
  </si>
  <si>
    <t>complex program to modifyWindowsOracle(4 raw - 1 adjustment) not current for 2 years.(5 raw - 1) not current for 2 years.MS IIS</t>
  </si>
  <si>
    <t>"Messaging Queue Technology (WebSphere MQ)
Dynamics CRM
PKI &amp; Group PKI
Secure Access.Net,WebsphereWindowsMS/SQL Server,MS/SQL Server"Messaging Queue Technology (WebSphere MQ)
Dynamics CRM
PKI &amp; Group PKI
Secure AccessMS IIS</t>
  </si>
  <si>
    <t>bug tracking systemWindowsMS/SQL Server,MS/SQL Serverbug tracking systemMS IIS</t>
  </si>
  <si>
    <t>Oracle APEXLinux RHEL x86OracleOracle APEX</t>
  </si>
  <si>
    <t>Mailing list serverWindowsMS/SQL Server,MS/SQL ServerMailing list serverMS IIS</t>
  </si>
  <si>
    <t>Microsoft .NET.NetLinux RHEL x86OracleMicrosoft .NETMS IIS</t>
  </si>
  <si>
    <t>AIXMS/SQL Server,MS/SQL ServerApache</t>
  </si>
  <si>
    <t>Developed in-housed, lacks external documentationHP DL 380 G6Win 7</t>
  </si>
  <si>
    <t>MS SQL Server 2005WindowsMS/SQL Server,MS/SQL Server,MS/SQL Server,MS/SQL ServerSNCR01WBEXPRD4; SNCR01WBEXPRD5MS Windows 2008 R2MS IIS</t>
  </si>
  <si>
    <t>MS SQL Server 2012WindowsMS/SQL Server,MS/SQL Server,MS/SQL Server,MS/SQL ServerSNCR01WBEXPRD4MS Windows 2008 R2MS IIS</t>
  </si>
  <si>
    <t>MS SQL Server 2005WindowsMS/SQL Server,MS/SQL Server,MS/SQL Server,MS/SQL ServerSNCR01WBINDEV2; SNCR01WBEXPRD4; SNCR01WBEXPRD5; SNCR01WBINDEV1; SNCR01WBINPRD2; SNCR01WBINPRD4MS Windows 2008 R2MS IIS</t>
  </si>
  <si>
    <t>MS SQL Server 2005WindowsMS/SQL Server,MS/SQL Server,MS/SQL Server,MS/SQL ServerNCRSQLCLAPPS\INS1; SNCR01WBEXPRD4; SNCR01WBEXPRD5; SNCR01WBINDEV2MS Windows 2008MS IIS</t>
  </si>
  <si>
    <t>MS SQL Server 2005WindowsMS/SQL Server,MS/SQL Server,MS/SQL Server,MS/SQL ServerSNCR01WBEXPRD5; SNCR01WBINDEV2MS Windows 2008 R2MS IIS</t>
  </si>
  <si>
    <t>MS SQL Server 2012WindowsMS/SQL Server,MS/SQL Server,MS/SQL Server,MS/SQL ServerSNCR01WBINDEV2; SNCR01WBEXPRD4; SNCR01WBEXPRD5MS Windows 2008MS IIS</t>
  </si>
  <si>
    <t>.NetMS SQL Server 2012WindowsMS/SQL Server,MS/SQL Server,MS/SQL Server,MS/SQL ServerSNCR01WBEXPRD4; SNCR01WBEXPRD5MS Windows 2008 R2MS IIS</t>
  </si>
  <si>
    <t>.NetMS SQL Server 2005WindowsMS/SQL Server,MS/SQL Server,MS/SQL Server,MS/SQL ServerSNCR01WBEXPRD4; SNCR01WBINDEV2MS Windows 2008 R2MS IIS</t>
  </si>
  <si>
    <t>MS SQL Server 2005WindowsMS/SQL Server,MS/SQL Server,MS/SQL Server,MS/SQL ServerSNCR01WBEXPRD4, SNCR01WBEXPRD5MS Windows 2008MS IIS</t>
  </si>
  <si>
    <t>MS SQL Server 2012WindowsMS/SQL Server,MS/SQL Server,MS/SQL Server,MS/SQL ServerSNCR01WBEXPRD4; SNCR01WBEXPRD5MS Windows 2008 R2MS IIS</t>
  </si>
  <si>
    <t>Database, Active Directory; SSL Certificates; IIS.NetWindowsMS/SQL Server,MS/SQL Server,MS/SQL Server,MS/SQL ServerDatabase, Active Directory; SSL Certificates; IISMS IIS</t>
  </si>
  <si>
    <t>Entrust Certificates, Trackwell Communication Software, DMZ Server, Oracle DB, email, Network, IIS, TomCat DMZ, MapXtreme, .Net Framework, Oracle Client for .Net, FTP, Windows Scheduler, eAccess for external authenticationLinux RHEL x86OracleEntrust Certificates, Trackwell Communication Software, DMZ Server, Oracle DB, email, Network, IIS, TomCat DMZ, MapXtreme, .Net Framework, Oracle Client for .Net, FTP, Windows Scheduler, eAccess for external authentication</t>
  </si>
  <si>
    <t>Apache, PHP, MySQL, Open Web Framework 4TomcatLinux RHEL x86OracleApache, PHP, MySQL, Open Web Framework 4Apache</t>
  </si>
  <si>
    <t>TomcatOracleLinux RHEL x86OracleApache</t>
  </si>
  <si>
    <t>Open Search Server, Apache TomcatTomcatLinux RHEL x86OracleOpen Search Server, Apache TomcatApache</t>
  </si>
  <si>
    <t>DotNet, Windows 7, C#Linux RHEL x86OracleDotNet, Windows 7, C#</t>
  </si>
  <si>
    <t>Windows Server 2003 relié au domaine ENT, Internet Information Services – IIS versions 6 et 7, service SMTP de IIS activé, Framework .net, versions 2, 3, 3.5 et 4, Base de données Oracle 10Gr2 (production) SQL*Net 10G, ODP.Net 2.102.2.20 (Oracle Data Provider for .net), Crystal Report for visual studio 2008 runtimes, ODBC – Oracle driver 10G, certificat SSLTomcatLinux RHEL x86OracleWindows Server 2003 relié au domaine ENT, Internet Information Services – IIS versions 6 et 7, service SMTP de IIS activé, Framework .net, versions 2, 3, 3.5 et 4, Base de données Oracle 10Gr2 (production) SQL*Net 10G, ODP.Net 2.102.2.20 (Oracle Data Provider for .net), Crystal Report for visual studio 2008 runtimes, ODBC – Oracle driver 10G, certificat SSLApache</t>
  </si>
  <si>
    <t>Windows Server 2003 relié au domaine ENT,Framework .net, versions 4, Base de données Oracle 10Gr2 (production) SQL*Net 10G, ODP.Net 2.102.2.20 (Oracle Data Provider for .net), Lien avec Ms-Access-FranklinLinux RHEL x86OracleWindows Server 2003 relié au domaine ENT,Framework .net, versions 4, Base de données Oracle 10Gr2 (production) SQL*Net 10G, ODP.Net 2.102.2.20 (Oracle Data Provider for .net), Lien avec Ms-Access-Franklin</t>
  </si>
  <si>
    <t>Tomcat 7, Apache HTTPD, MapServer 6.0, Java 7, hdf5, Servlet, Axis 1.4, Shell scriptingTomcatLinux RHEL x86MySQLTomcat 7, Apache HTTPD, MapServer 6.0, Java 7, hdf5, Servlet, Axis 1.4, Shell scriptingApache</t>
  </si>
  <si>
    <t>Backup Exec, DroboLinux RHEL x86OracleBackup Exec, Drobo</t>
  </si>
  <si>
    <t>APEX.NetAIXOracleAPEXMS IIS</t>
  </si>
  <si>
    <t>Apache, PHP, MySQLLinux RHEL x86MySQLApache, PHP, MySQLApache</t>
  </si>
  <si>
    <t>Java, Apache, MySQLLinux RHEL x86MySQLJava, Apache, MySQLApache</t>
  </si>
  <si>
    <t>ASP, IIS, OracleAIXOracleASP, IIS, OracleMigration off Win 2003 server completedMS IIS</t>
  </si>
  <si>
    <t>JavaEE, Tomcat, Apache, Oracle, eAccess, WebSphereTomcat,WebsphereAIXOracle,OracleJavaEE, Tomcat, Apache, Oracle, eAccess, WebSphereApache,</t>
  </si>
  <si>
    <t>JavaEE, Tomcat, Apache, Oracle, eAccess, WebSphere, IIS, OpenVMS, FortranTomcat,WebsphereNo data modelOracle Linux,Oracle,Oracle,JavaEE, Tomcat, Apache, Oracle, eAccess, WebSphere, IIS, OpenVMS, FortranWindows Server 2003Apache,MS IIS,</t>
  </si>
  <si>
    <t>WebSphere, JavaEE, Tomcat, Apache, Oracle, PL/SQL, eAccess, Struts, WETTomcatOracle LinuxOracleWebSphere, JavaEE, Tomcat, Apache, Oracle, PL/SQL, eAccess, Struts, WETApache</t>
  </si>
  <si>
    <t>ASP, IIS, OracleNo data modelOracle LinuxOracle,OracleASP, IIS, OracleMS IIS</t>
  </si>
  <si>
    <t>JavaEE, Tomcat, Apache, Oracle, eAccess, WebSphereTomcatAIXOracle,OracleJavaEE, Tomcat, Apache, Oracle, eAccess, WebSphereApache,</t>
  </si>
  <si>
    <t>Apache, PHP, MySQL, Open Web Framework 4WindowsMySQL,MySQLApache, PHP, MySQL, Open Web Framework 4Apache</t>
  </si>
  <si>
    <t>Windows Server 2003 relié au domaine ENT, Internet Information Services – IIS versions 6 et 7, service SMTP de IIS activé, Framework .net, versions 2, 3, 3.5 et 4, Accès à l’Active Directory, Base de données Oracle 10Gr2 (production) SQL*Net 10G, ODP.Net 2.102.2.20 (Oracle Data Provider for .net), Crystal Report for visual studio 2008 runtimes, ODBC – Oracle driver 10G.NetWindowsOracleWindows Server 2003 relié au domaine ENT, Internet Information Services – IIS versions 6 et 7, service SMTP de IIS activé, Framework .net, versions 2, 3, 3.5 et 4, Accès à l’Active Directory, Base de données Oracle 10Gr2 (production) SQL*Net 10G, ODP.Net 2.102.2.20 (Oracle Data Provider for .net), Crystal Report for visual studio 2008 runtimes, ODBC – Oracle driver 10GMS IIS</t>
  </si>
  <si>
    <t>Application review in 2013-2014COTS data model has not changed since 2002Oracle LinuxOracleWorks with latest Oracle and Windows</t>
  </si>
  <si>
    <t>Apache, PHP, MySQLLinux on Z RHELMySQLApache, PHP, MySQLApache</t>
  </si>
  <si>
    <t>Oracle, WebAccess.Net,AIXOracleOracle, WebAccessMS IIS</t>
  </si>
  <si>
    <t>JavaEE, WebSphereJavaEE, WebSphere</t>
  </si>
  <si>
    <t>Application web intranet (HTML, ASP, .Net, rapport RDLC), MS-IIS, ArcGIS Server, OracleTomcatLinux RHEL x86OracleApplication web intranet (HTML, ASP, .Net, rapport RDLC), MS-IIS, ArcGIS Server, OracleApache</t>
  </si>
  <si>
    <t>Application, database, serverTomcatLinux RHEL x86Application, database, serverApache</t>
  </si>
  <si>
    <t>MSSQL;NET4.5; Web Services
Interwoven Web Content Management Products
Java/perl.NetWindowsMS/SQL Server,MS/SQL Server,MS/SQL Server,MS/SQL ServerMSSQL;NET4.5; Web Services
Interwoven Web Content Management Products
Java/perlMS IIS</t>
  </si>
  <si>
    <t>WebTrends Analytics vesrion 9.2.NetWindowsMS/SQL Server,MS/SQL Server,MS/SQL Server,MS/SQL ServerWebTrends Analytics vesrion 9.2MS IIS</t>
  </si>
  <si>
    <t>.Net,Windows</t>
  </si>
  <si>
    <t>MS SQL ServerWindowsMySQLMS SQL Server</t>
  </si>
  <si>
    <t>SharePoint 2010, 2013
MS IIS
MS SQL ServerWindowsMS/SQL Server,MS/SQL ServerSharePoint 2010, 2013
MS IIS
MS SQL ServerMS IIS</t>
  </si>
  <si>
    <t>MS IIS
MS SQL Server
MS SharePoint.NetWindowsMS/SQL Server,MS/SQL ServerMS IIS
MS SQL Server
MS SharePointMS IIS</t>
  </si>
  <si>
    <t>MS .NET
MS IIS
MS SQL Server
MS SharepointWindowsMySQLMS .NET
MS IIS
MS SQL Server
MS SharepointMS IIS</t>
  </si>
  <si>
    <t>MS Active Directory.NetMS Active DirectoryMS IIS</t>
  </si>
  <si>
    <t>MyKey/EntrustMyKey/Entrust</t>
  </si>
  <si>
    <t>MS .NET Framework
MS IIS.NetWindowsMS/SQL Server,MS/SQL ServerMS .NET Framework
MS IISMS IIS</t>
  </si>
  <si>
    <t>MS .NET Framework
MS SQL Server
IIS.NetWindowsMS/SQL Server,MS/SQL ServerMS .NET Framework
MS SQL Server
IISMS IIS</t>
  </si>
  <si>
    <t>MS .Net Framework
MS IIS
MS SQL Server
MS SQL Server Reporting Services (SSRS).NetWindowsMS/SQL Server,MS/SQL ServerMS .Net Framework
MS IIS
MS SQL Server
MS SQL Server Reporting Services (SSRS)MS IIS</t>
  </si>
  <si>
    <t>MS IIS,</t>
  </si>
  <si>
    <t>MS .NET Framework
MS IIS
MS SQL Server.NetWindowsMS/SQL Server,MS/SQL ServerMS .NET Framework
MS IIS
MS SQL ServerMS IIS</t>
  </si>
  <si>
    <t>.NetWindows Server 2008 R2MS IIS</t>
  </si>
  <si>
    <t>PHP ApplicationLinux SLES x86MySQLPHP ApplicationApache</t>
  </si>
  <si>
    <t>MS Dynamics , MS CRM PortalMS Dynamics , MS CRM Portal</t>
  </si>
  <si>
    <t xml:space="preserve"> - COTSWindowsMS IIS</t>
  </si>
  <si>
    <t>Oracle, LDAPWebsphereAIXOracleOracle, LDAPApache</t>
  </si>
  <si>
    <t>Hosted ExternallyMySQLHosted ExternallyApache</t>
  </si>
  <si>
    <t>ScriptX (for PDF generation)WebsphereAIXOracleScriptX (for PDF generation)Apache</t>
  </si>
  <si>
    <t>Oracle, LotusNotesAIXOracleOracle, LotusNotes</t>
  </si>
  <si>
    <t>CITRIX, MSFT,  CSBF-Authentication, RightFax, RightFax API, Oracle, Oracle Packages, Oracle Scheduler, NSF Mount (IFMS), e-mail, JAVAWebsphereAIXOracleCITRIX, MSFT,  CSBF-Authentication, RightFax, RightFax API, Oracle, Oracle Packages, Oracle Scheduler, NSF Mount (IFMS), e-mail, JAVAApache</t>
  </si>
  <si>
    <t>Oracle, Oracle Application Server, JavaHPUXOracleOracle, Oracle Application Server, JavaApache</t>
  </si>
  <si>
    <t>Oracle, PDF-Loader, XML Reader, DB Links.NetAIXOracleOracle, PDF-Loader, XML Reader, DB LinksMS IIS</t>
  </si>
  <si>
    <t>Oracle, LDAP, Jasper SoftWebsphereAIXOracleOracle, LDAP, Jasper SoftApache</t>
  </si>
  <si>
    <t>Oracle, MSFTAIXOracleOracle, MSFT</t>
  </si>
  <si>
    <t>Email, ODBC Oracle, VerityWebsphereAIXOracleEmail, ODBC Oracle, VerityApache</t>
  </si>
  <si>
    <t>ODBCWebsphereAIXOracleODBCApache</t>
  </si>
  <si>
    <t>VPNVPN</t>
  </si>
  <si>
    <t>Ethernet over Fiber.NetWindowsMS/SQL Server,MS/SQL ServerEthernet over Fiber</t>
  </si>
  <si>
    <t>IBM Cognos BIHPUXIBM Cognos BI</t>
  </si>
  <si>
    <t>Java, WebsphereWebspherez/OSDB2Java, WebsphereApache</t>
  </si>
  <si>
    <t>OracleWebsphereAIXOracleOracleApache</t>
  </si>
  <si>
    <t>E-mailAIXOracleE-mailApache</t>
  </si>
  <si>
    <t>Oracle, E-mailWindowsOracleOracle, E-mailMS IIS</t>
  </si>
  <si>
    <t>ms accessWindows</t>
  </si>
  <si>
    <t>Archibus Web CentralOracleArchibus Web Central</t>
  </si>
  <si>
    <t>CLSS map servicesWindowsMS/SQL Server,MS/SQL ServerVM serverMS IIS</t>
  </si>
  <si>
    <t>PHPPHP</t>
  </si>
  <si>
    <t>Development
w-edm-elofson-ubuntu
192.139.7.200MySQLDevelopment
w-edm-elofson-ubuntu
192.139.7.200</t>
  </si>
  <si>
    <t>Data mining, simulation, modeling, optimization.Net,WindowsData mining, simulation, modeling, optimization</t>
  </si>
  <si>
    <t>Artificial intelligence, Modeling, prediction.Net,WindowsArtificial intelligence, Modeling, prediction</t>
  </si>
  <si>
    <t>Modeling, fault detection and diagnosis.Net,WindowsModeling, fault detection and diagnosis</t>
  </si>
  <si>
    <t>Implementation of weather forecast in building operationWindowsImplementation of weather forecast in building operation</t>
  </si>
  <si>
    <t>Data analysis, modeling and fault detection.Net,WindowsData analysis, modeling and fault detection</t>
  </si>
  <si>
    <t>Python, Java, C+, VB .Netupdating/access to ArcGIS dbsWindowsMS/SQL Server,MS/SQL ServerPython, Java, C+, VB .Net</t>
  </si>
  <si>
    <t>Microsoft SQL Serverinternal/external CLSS applicationsWindowsMS/SQL Server,MS/SQL ServerMicrosoft SQL ServerVM server</t>
  </si>
  <si>
    <t>MS Access 2010MS Access 2010</t>
  </si>
  <si>
    <t>FORTRANFORTRAN</t>
  </si>
  <si>
    <t>Drupal Open Source CMSMySQLDrupal Open Source CMSNeeds to be transferred to a VMApache</t>
  </si>
  <si>
    <t>Web infrastructure, Virtual infrastructure, RDBMS, VPN technologies, Network, Run Advertised ProgramsTomcatWindowsMS/SQL Server,MS/SQL ServerWeb infrastructure, Virtual infrastructure, RDBMS, VPN technologies, Network, Run Advertised ProgramsApache,MS IIS</t>
  </si>
  <si>
    <t>Secure interfaces, VMware, Firewalls, PKI Entrust Secure certificates, Voice over IP, IBM Informix databaseLinux RHEL x86OracleSecure interfaces, VMware, Firewalls, PKI Entrust Secure certificates, Voice over IP, IBM Informix databaseApache</t>
  </si>
  <si>
    <t>SQL and TomcatTomcatWindowsMS/SQL Server,MS/SQL ServerSQL and TomcatApache</t>
  </si>
  <si>
    <t>WindowsOracleTC StandardTC Standard</t>
  </si>
  <si>
    <t>Windows 7/8.1/10 Operating system for SASEG, Windows Server 2008 R2 for SAS BaseWindowsWindows 7/8.1/10 Operating system for SASEG, Windows Server 2008 R2 for SAS Base</t>
  </si>
  <si>
    <t>Windows 2008 and IIS 7.0 or above , .Net Framework 4.5.2, Oracle Client 11gR2 EN with the Oracle 11g 64bit ODP.NET driver for .NET 4.0, Oracle 11g DBMS, .Net framework 4.5.2, Internet Explorer 11,.NetHPUXOracleWindows 2008 and IIS 7.0 or above , .Net Framework 4.5.2, Oracle Client 11gR2 EN with the Oracle 11g 64bit ODP.NET driver for .NET 4.0, Oracle 11g DBMS, .Net framework 4.5.2, Internet Explorer 11,MS IIS</t>
  </si>
  <si>
    <t>WebsphereHPUXOracleall hardware scored the same, re: windows and unix hardware runs on hardware 3+ yrs with majority being 5+ yrs oldHPUX not supported in End State Data Center</t>
  </si>
  <si>
    <t>Name- Nom</t>
  </si>
  <si>
    <t>Features level 2 - Fonctionnalités niveau 2</t>
  </si>
  <si>
    <t>Features level 1 - Fonctionnalités niveau 1</t>
  </si>
  <si>
    <t>Acronym - Acronyme</t>
  </si>
  <si>
    <t>Acquired Product Manufacturer - Fabricant du produit acquis</t>
  </si>
  <si>
    <t>Acquired Product Name - Nom du produit acquis</t>
  </si>
  <si>
    <t>Other Acquired Product Name - Autre nom du produit acquis</t>
  </si>
  <si>
    <t>Department - Ministère</t>
  </si>
  <si>
    <t>Departmental Program - Programme ministériel</t>
  </si>
  <si>
    <t>Internal Services Domain - Domaine de services internes</t>
  </si>
  <si>
    <t>Status - Statut</t>
  </si>
  <si>
    <t>Delivery - Mode d'accès</t>
  </si>
  <si>
    <t>Developed or Acquired - Développé ou acquis</t>
  </si>
  <si>
    <t>Technologies used - Technologies utilisées</t>
  </si>
  <si>
    <t>Count of Acronym - Acronyme</t>
  </si>
</sst>
</file>

<file path=xl/styles.xml><?xml version="1.0" encoding="utf-8"?>
<styleSheet xmlns="http://schemas.openxmlformats.org/spreadsheetml/2006/main" xmlns:mc="http://schemas.openxmlformats.org/markup-compatibility/2006" xmlns:x14ac="http://schemas.microsoft.com/office/spreadsheetml/2009/9/ac" mc:Ignorable="x14ac">
  <fonts count="22" x14ac:knownFonts="1">
    <font>
      <sz val="10"/>
      <name val="Arial"/>
    </font>
    <font>
      <sz val="11"/>
      <color theme="1"/>
      <name val="Calibri"/>
      <family val="2"/>
      <scheme val="minor"/>
    </font>
    <font>
      <sz val="11"/>
      <color theme="1"/>
      <name val="Calibri"/>
      <family val="2"/>
      <scheme val="minor"/>
    </font>
    <font>
      <sz val="18"/>
      <color theme="3"/>
      <name val="Calibri Light"/>
      <family val="2"/>
      <scheme val="major"/>
    </font>
    <font>
      <b/>
      <sz val="15"/>
      <color theme="3"/>
      <name val="Calibri"/>
      <family val="2"/>
      <scheme val="minor"/>
    </font>
    <font>
      <b/>
      <sz val="13"/>
      <color theme="3"/>
      <name val="Calibri"/>
      <family val="2"/>
      <scheme val="minor"/>
    </font>
    <font>
      <b/>
      <sz val="11"/>
      <color theme="3"/>
      <name val="Calibri"/>
      <family val="2"/>
      <scheme val="minor"/>
    </font>
    <font>
      <sz val="11"/>
      <color rgb="FF006100"/>
      <name val="Calibri"/>
      <family val="2"/>
      <scheme val="minor"/>
    </font>
    <font>
      <sz val="11"/>
      <color rgb="FF9C0006"/>
      <name val="Calibri"/>
      <family val="2"/>
      <scheme val="minor"/>
    </font>
    <font>
      <sz val="11"/>
      <color rgb="FF9C6500"/>
      <name val="Calibri"/>
      <family val="2"/>
      <scheme val="minor"/>
    </font>
    <font>
      <sz val="11"/>
      <color rgb="FF3F3F76"/>
      <name val="Calibri"/>
      <family val="2"/>
      <scheme val="minor"/>
    </font>
    <font>
      <b/>
      <sz val="11"/>
      <color rgb="FF3F3F3F"/>
      <name val="Calibri"/>
      <family val="2"/>
      <scheme val="minor"/>
    </font>
    <font>
      <b/>
      <sz val="11"/>
      <color rgb="FFFA7D00"/>
      <name val="Calibri"/>
      <family val="2"/>
      <scheme val="minor"/>
    </font>
    <font>
      <sz val="11"/>
      <color rgb="FFFA7D00"/>
      <name val="Calibri"/>
      <family val="2"/>
      <scheme val="minor"/>
    </font>
    <font>
      <b/>
      <sz val="11"/>
      <color theme="0"/>
      <name val="Calibri"/>
      <family val="2"/>
      <scheme val="minor"/>
    </font>
    <font>
      <sz val="11"/>
      <color rgb="FFFF0000"/>
      <name val="Calibri"/>
      <family val="2"/>
      <scheme val="minor"/>
    </font>
    <font>
      <i/>
      <sz val="11"/>
      <color rgb="FF7F7F7F"/>
      <name val="Calibri"/>
      <family val="2"/>
      <scheme val="minor"/>
    </font>
    <font>
      <b/>
      <sz val="11"/>
      <color theme="1"/>
      <name val="Calibri"/>
      <family val="2"/>
      <scheme val="minor"/>
    </font>
    <font>
      <sz val="11"/>
      <color theme="0"/>
      <name val="Calibri"/>
      <family val="2"/>
      <scheme val="minor"/>
    </font>
    <font>
      <u/>
      <sz val="10"/>
      <color indexed="12"/>
      <name val="Arial"/>
      <family val="2"/>
    </font>
    <font>
      <sz val="10"/>
      <name val="Arial"/>
      <family val="2"/>
    </font>
    <font>
      <b/>
      <sz val="10"/>
      <name val="Arial"/>
      <family val="2"/>
    </font>
  </fonts>
  <fills count="34">
    <fill>
      <patternFill patternType="none"/>
    </fill>
    <fill>
      <patternFill patternType="gray125"/>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
      <patternFill patternType="solid">
        <fgColor theme="4" tint="0.59999389629810485"/>
        <bgColor indexed="64"/>
      </patternFill>
    </fill>
  </fills>
  <borders count="11">
    <border>
      <left/>
      <right/>
      <top/>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
      <left style="thin">
        <color auto="1"/>
      </left>
      <right style="thin">
        <color auto="1"/>
      </right>
      <top style="thin">
        <color auto="1"/>
      </top>
      <bottom style="thin">
        <color auto="1"/>
      </bottom>
      <diagonal/>
    </border>
  </borders>
  <cellStyleXfs count="56">
    <xf numFmtId="0" fontId="0" fillId="0" borderId="0"/>
    <xf numFmtId="0" fontId="3" fillId="0" borderId="0" applyNumberFormat="0" applyFill="0" applyBorder="0" applyAlignment="0" applyProtection="0"/>
    <xf numFmtId="0" fontId="4" fillId="0" borderId="1" applyNumberFormat="0" applyFill="0" applyAlignment="0" applyProtection="0"/>
    <xf numFmtId="0" fontId="5" fillId="0" borderId="2" applyNumberFormat="0" applyFill="0" applyAlignment="0" applyProtection="0"/>
    <xf numFmtId="0" fontId="6" fillId="0" borderId="3" applyNumberFormat="0" applyFill="0" applyAlignment="0" applyProtection="0"/>
    <xf numFmtId="0" fontId="6" fillId="0" borderId="0" applyNumberFormat="0" applyFill="0" applyBorder="0" applyAlignment="0" applyProtection="0"/>
    <xf numFmtId="0" fontId="7" fillId="2" borderId="0" applyNumberFormat="0" applyBorder="0" applyAlignment="0" applyProtection="0"/>
    <xf numFmtId="0" fontId="8" fillId="3" borderId="0" applyNumberFormat="0" applyBorder="0" applyAlignment="0" applyProtection="0"/>
    <xf numFmtId="0" fontId="9" fillId="4" borderId="0" applyNumberFormat="0" applyBorder="0" applyAlignment="0" applyProtection="0"/>
    <xf numFmtId="0" fontId="10" fillId="5" borderId="4" applyNumberFormat="0" applyAlignment="0" applyProtection="0"/>
    <xf numFmtId="0" fontId="11" fillId="6" borderId="5" applyNumberFormat="0" applyAlignment="0" applyProtection="0"/>
    <xf numFmtId="0" fontId="12" fillId="6" borderId="4" applyNumberFormat="0" applyAlignment="0" applyProtection="0"/>
    <xf numFmtId="0" fontId="13" fillId="0" borderId="6" applyNumberFormat="0" applyFill="0" applyAlignment="0" applyProtection="0"/>
    <xf numFmtId="0" fontId="14" fillId="7" borderId="7" applyNumberFormat="0" applyAlignment="0" applyProtection="0"/>
    <xf numFmtId="0" fontId="15" fillId="0" borderId="0" applyNumberFormat="0" applyFill="0" applyBorder="0" applyAlignment="0" applyProtection="0"/>
    <xf numFmtId="0" fontId="2" fillId="8" borderId="8" applyNumberFormat="0" applyFont="0" applyAlignment="0" applyProtection="0"/>
    <xf numFmtId="0" fontId="16" fillId="0" borderId="0" applyNumberFormat="0" applyFill="0" applyBorder="0" applyAlignment="0" applyProtection="0"/>
    <xf numFmtId="0" fontId="17" fillId="0" borderId="9" applyNumberFormat="0" applyFill="0" applyAlignment="0" applyProtection="0"/>
    <xf numFmtId="0" fontId="18" fillId="9" borderId="0" applyNumberFormat="0" applyBorder="0" applyAlignment="0" applyProtection="0"/>
    <xf numFmtId="0" fontId="2" fillId="10" borderId="0" applyNumberFormat="0" applyBorder="0" applyAlignment="0" applyProtection="0"/>
    <xf numFmtId="0" fontId="2" fillId="11" borderId="0" applyNumberFormat="0" applyBorder="0" applyAlignment="0" applyProtection="0"/>
    <xf numFmtId="0" fontId="18" fillId="12" borderId="0" applyNumberFormat="0" applyBorder="0" applyAlignment="0" applyProtection="0"/>
    <xf numFmtId="0" fontId="18" fillId="13" borderId="0" applyNumberFormat="0" applyBorder="0" applyAlignment="0" applyProtection="0"/>
    <xf numFmtId="0" fontId="2" fillId="14" borderId="0" applyNumberFormat="0" applyBorder="0" applyAlignment="0" applyProtection="0"/>
    <xf numFmtId="0" fontId="2" fillId="15" borderId="0" applyNumberFormat="0" applyBorder="0" applyAlignment="0" applyProtection="0"/>
    <xf numFmtId="0" fontId="18" fillId="16" borderId="0" applyNumberFormat="0" applyBorder="0" applyAlignment="0" applyProtection="0"/>
    <xf numFmtId="0" fontId="18" fillId="17" borderId="0" applyNumberFormat="0" applyBorder="0" applyAlignment="0" applyProtection="0"/>
    <xf numFmtId="0" fontId="2" fillId="18" borderId="0" applyNumberFormat="0" applyBorder="0" applyAlignment="0" applyProtection="0"/>
    <xf numFmtId="0" fontId="2" fillId="19" borderId="0" applyNumberFormat="0" applyBorder="0" applyAlignment="0" applyProtection="0"/>
    <xf numFmtId="0" fontId="18" fillId="20" borderId="0" applyNumberFormat="0" applyBorder="0" applyAlignment="0" applyProtection="0"/>
    <xf numFmtId="0" fontId="18" fillId="21" borderId="0" applyNumberFormat="0" applyBorder="0" applyAlignment="0" applyProtection="0"/>
    <xf numFmtId="0" fontId="2" fillId="22" borderId="0" applyNumberFormat="0" applyBorder="0" applyAlignment="0" applyProtection="0"/>
    <xf numFmtId="0" fontId="2" fillId="23" borderId="0" applyNumberFormat="0" applyBorder="0" applyAlignment="0" applyProtection="0"/>
    <xf numFmtId="0" fontId="18" fillId="24" borderId="0" applyNumberFormat="0" applyBorder="0" applyAlignment="0" applyProtection="0"/>
    <xf numFmtId="0" fontId="18" fillId="25" borderId="0" applyNumberFormat="0" applyBorder="0" applyAlignment="0" applyProtection="0"/>
    <xf numFmtId="0" fontId="2" fillId="26" borderId="0" applyNumberFormat="0" applyBorder="0" applyAlignment="0" applyProtection="0"/>
    <xf numFmtId="0" fontId="2" fillId="27" borderId="0" applyNumberFormat="0" applyBorder="0" applyAlignment="0" applyProtection="0"/>
    <xf numFmtId="0" fontId="18" fillId="28" borderId="0" applyNumberFormat="0" applyBorder="0" applyAlignment="0" applyProtection="0"/>
    <xf numFmtId="0" fontId="18" fillId="29" borderId="0" applyNumberFormat="0" applyBorder="0" applyAlignment="0" applyProtection="0"/>
    <xf numFmtId="0" fontId="2" fillId="30" borderId="0" applyNumberFormat="0" applyBorder="0" applyAlignment="0" applyProtection="0"/>
    <xf numFmtId="0" fontId="2" fillId="31" borderId="0" applyNumberFormat="0" applyBorder="0" applyAlignment="0" applyProtection="0"/>
    <xf numFmtId="0" fontId="18" fillId="32" borderId="0" applyNumberFormat="0" applyBorder="0" applyAlignment="0" applyProtection="0"/>
    <xf numFmtId="14" fontId="19" fillId="0" borderId="10" applyFill="0" applyProtection="0">
      <alignment horizontal="right"/>
    </xf>
    <xf numFmtId="0" fontId="1" fillId="8" borderId="8" applyNumberFormat="0" applyFont="0" applyAlignment="0" applyProtection="0"/>
    <xf numFmtId="0" fontId="1" fillId="10" borderId="0" applyNumberFormat="0" applyBorder="0" applyAlignment="0" applyProtection="0"/>
    <xf numFmtId="0" fontId="1" fillId="11" borderId="0" applyNumberFormat="0" applyBorder="0" applyAlignment="0" applyProtection="0"/>
    <xf numFmtId="0" fontId="1" fillId="14" borderId="0" applyNumberFormat="0" applyBorder="0" applyAlignment="0" applyProtection="0"/>
    <xf numFmtId="0" fontId="1" fillId="15" borderId="0" applyNumberFormat="0" applyBorder="0" applyAlignment="0" applyProtection="0"/>
    <xf numFmtId="0" fontId="1" fillId="18" borderId="0" applyNumberFormat="0" applyBorder="0" applyAlignment="0" applyProtection="0"/>
    <xf numFmtId="0" fontId="1" fillId="19" borderId="0" applyNumberFormat="0" applyBorder="0" applyAlignment="0" applyProtection="0"/>
    <xf numFmtId="0" fontId="1" fillId="22" borderId="0" applyNumberFormat="0" applyBorder="0" applyAlignment="0" applyProtection="0"/>
    <xf numFmtId="0" fontId="1" fillId="23" borderId="0" applyNumberFormat="0" applyBorder="0" applyAlignment="0" applyProtection="0"/>
    <xf numFmtId="0" fontId="1" fillId="26" borderId="0" applyNumberFormat="0" applyBorder="0" applyAlignment="0" applyProtection="0"/>
    <xf numFmtId="0" fontId="1" fillId="27" borderId="0" applyNumberFormat="0" applyBorder="0" applyAlignment="0" applyProtection="0"/>
    <xf numFmtId="0" fontId="1" fillId="30" borderId="0" applyNumberFormat="0" applyBorder="0" applyAlignment="0" applyProtection="0"/>
    <xf numFmtId="0" fontId="1" fillId="31" borderId="0" applyNumberFormat="0" applyBorder="0" applyAlignment="0" applyProtection="0"/>
  </cellStyleXfs>
  <cellXfs count="11">
    <xf numFmtId="0" fontId="0" fillId="0" borderId="0" xfId="0"/>
    <xf numFmtId="0" fontId="20" fillId="0" borderId="10" xfId="0" applyFont="1" applyBorder="1" applyAlignment="1">
      <alignment horizontal="left"/>
    </xf>
    <xf numFmtId="0" fontId="21" fillId="33" borderId="10" xfId="0" applyFont="1" applyFill="1" applyBorder="1" applyAlignment="1">
      <alignment horizontal="center"/>
    </xf>
    <xf numFmtId="0" fontId="20" fillId="0" borderId="10" xfId="0" applyFont="1" applyFill="1" applyBorder="1" applyAlignment="1">
      <alignment horizontal="left"/>
    </xf>
    <xf numFmtId="0" fontId="0" fillId="0" borderId="0" xfId="0" applyFill="1"/>
    <xf numFmtId="0" fontId="0" fillId="0" borderId="0" xfId="0"/>
    <xf numFmtId="0" fontId="0" fillId="0" borderId="0" xfId="0" pivotButton="1"/>
    <xf numFmtId="0" fontId="0" fillId="0" borderId="0" xfId="0" applyAlignment="1">
      <alignment horizontal="left"/>
    </xf>
    <xf numFmtId="0" fontId="0" fillId="0" borderId="0" xfId="0" applyNumberFormat="1"/>
    <xf numFmtId="0" fontId="0" fillId="0" borderId="0" xfId="0" applyAlignment="1">
      <alignment wrapText="1"/>
    </xf>
    <xf numFmtId="0" fontId="21" fillId="33" borderId="10" xfId="0" applyFont="1" applyFill="1" applyBorder="1" applyAlignment="1">
      <alignment horizontal="center" vertical="top" wrapText="1"/>
    </xf>
  </cellXfs>
  <cellStyles count="56">
    <cellStyle name="20% - Accent1" xfId="19" builtinId="30" customBuiltin="1"/>
    <cellStyle name="20% - Accent1 2" xfId="44"/>
    <cellStyle name="20% - Accent2" xfId="23" builtinId="34" customBuiltin="1"/>
    <cellStyle name="20% - Accent2 2" xfId="46"/>
    <cellStyle name="20% - Accent3" xfId="27" builtinId="38" customBuiltin="1"/>
    <cellStyle name="20% - Accent3 2" xfId="48"/>
    <cellStyle name="20% - Accent4" xfId="31" builtinId="42" customBuiltin="1"/>
    <cellStyle name="20% - Accent4 2" xfId="50"/>
    <cellStyle name="20% - Accent5" xfId="35" builtinId="46" customBuiltin="1"/>
    <cellStyle name="20% - Accent5 2" xfId="52"/>
    <cellStyle name="20% - Accent6" xfId="39" builtinId="50" customBuiltin="1"/>
    <cellStyle name="20% - Accent6 2" xfId="54"/>
    <cellStyle name="40% - Accent1" xfId="20" builtinId="31" customBuiltin="1"/>
    <cellStyle name="40% - Accent1 2" xfId="45"/>
    <cellStyle name="40% - Accent2" xfId="24" builtinId="35" customBuiltin="1"/>
    <cellStyle name="40% - Accent2 2" xfId="47"/>
    <cellStyle name="40% - Accent3" xfId="28" builtinId="39" customBuiltin="1"/>
    <cellStyle name="40% - Accent3 2" xfId="49"/>
    <cellStyle name="40% - Accent4" xfId="32" builtinId="43" customBuiltin="1"/>
    <cellStyle name="40% - Accent4 2" xfId="51"/>
    <cellStyle name="40% - Accent5" xfId="36" builtinId="47" customBuiltin="1"/>
    <cellStyle name="40% - Accent5 2" xfId="53"/>
    <cellStyle name="40% - Accent6" xfId="40" builtinId="51" customBuiltin="1"/>
    <cellStyle name="40% - Accent6 2" xfId="55"/>
    <cellStyle name="60% - Accent1" xfId="21" builtinId="32" customBuiltin="1"/>
    <cellStyle name="60% - Accent2" xfId="25" builtinId="36" customBuiltin="1"/>
    <cellStyle name="60% - Accent3" xfId="29" builtinId="40" customBuiltin="1"/>
    <cellStyle name="60% - Accent4" xfId="33" builtinId="44" customBuiltin="1"/>
    <cellStyle name="60% - Accent5" xfId="37" builtinId="48" customBuiltin="1"/>
    <cellStyle name="60% - Accent6" xfId="41" builtinId="52" customBuiltin="1"/>
    <cellStyle name="Accent1" xfId="18" builtinId="29" customBuiltin="1"/>
    <cellStyle name="Accent2" xfId="22" builtinId="33" customBuiltin="1"/>
    <cellStyle name="Accent3" xfId="26" builtinId="37" customBuiltin="1"/>
    <cellStyle name="Accent4" xfId="30" builtinId="41" customBuiltin="1"/>
    <cellStyle name="Accent5" xfId="34" builtinId="45" customBuiltin="1"/>
    <cellStyle name="Accent6" xfId="38" builtinId="49" customBuiltin="1"/>
    <cellStyle name="Bad" xfId="7" builtinId="27" customBuiltin="1"/>
    <cellStyle name="Calculation" xfId="11" builtinId="22" customBuiltin="1"/>
    <cellStyle name="Check Cell" xfId="13" builtinId="23" customBuiltin="1"/>
    <cellStyle name="DateHyperlink" xfId="42"/>
    <cellStyle name="Explanatory Text" xfId="16" builtinId="53" customBuiltin="1"/>
    <cellStyle name="Good" xfId="6" builtinId="26" customBuiltin="1"/>
    <cellStyle name="Heading 1" xfId="2" builtinId="16" customBuiltin="1"/>
    <cellStyle name="Heading 2" xfId="3" builtinId="17" customBuiltin="1"/>
    <cellStyle name="Heading 3" xfId="4" builtinId="18" customBuiltin="1"/>
    <cellStyle name="Heading 4" xfId="5" builtinId="19" customBuiltin="1"/>
    <cellStyle name="Input" xfId="9" builtinId="20" customBuiltin="1"/>
    <cellStyle name="Linked Cell" xfId="12" builtinId="24" customBuiltin="1"/>
    <cellStyle name="Neutral" xfId="8" builtinId="28" customBuiltin="1"/>
    <cellStyle name="Normal" xfId="0" builtinId="0" customBuiltin="1"/>
    <cellStyle name="Note" xfId="15" builtinId="10" customBuiltin="1"/>
    <cellStyle name="Note 2" xfId="43"/>
    <cellStyle name="Output" xfId="10" builtinId="21" customBuiltin="1"/>
    <cellStyle name="Title" xfId="1" builtinId="15" customBuiltin="1"/>
    <cellStyle name="Total" xfId="17" builtinId="25" customBuiltin="1"/>
    <cellStyle name="Warning Text" xfId="14" builtinId="11" customBuiltin="1"/>
  </cellStyles>
  <dxfs count="0"/>
  <tableStyles count="0" defaultTableStyle="TableStyleMedium2" defaultPivotStyle="PivotStyleLight16"/>
  <colors>
    <mruColors>
      <color rgb="FFFFCC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pivotCacheDefinition" Target="pivotCache/pivotCacheDefinition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pivotCache/_rels/pivotCacheDefinition1.xml.rels><?xml version="1.0" encoding="UTF-8" standalone="yes"?>
<Relationships xmlns="http://schemas.openxmlformats.org/package/2006/relationships"><Relationship Id="rId1" Type="http://schemas.openxmlformats.org/officeDocument/2006/relationships/pivotCacheRecords" Target="pivotCacheRecords1.xml"/></Relationships>
</file>

<file path=xl/pivotCache/pivotCacheDefinition1.xml><?xml version="1.0" encoding="utf-8"?>
<pivotCacheDefinition xmlns="http://schemas.openxmlformats.org/spreadsheetml/2006/main" xmlns:r="http://schemas.openxmlformats.org/officeDocument/2006/relationships" r:id="rId1" refreshedBy="Jean-Baptiste, Johanne" refreshedDate="43441.497214930554" createdVersion="5" refreshedVersion="5" minRefreshableVersion="3" recordCount="8622">
  <cacheSource type="worksheet">
    <worksheetSource ref="A1:P8623" sheet="APM-GPA GC Applications 201809"/>
  </cacheSource>
  <cacheFields count="16">
    <cacheField name="Features level 1 - Fonctionnalités niveau 1" numFmtId="0">
      <sharedItems count="13">
        <s v="Information Management Software"/>
        <s v="Operations Management Software"/>
        <s v="Enterprise Resource Management Software"/>
        <s v="Data Management Software"/>
        <s v=""/>
        <s v="Scientific &amp; Engineering Software"/>
        <s v="Client Productivity Software"/>
        <s v="Operating Systems Software"/>
        <s v="Development Environments Software"/>
        <s v="Security Operations Software"/>
        <s v="Middleware Software"/>
        <s v="Virtualization Software"/>
        <s v="Network Infrastructure Software"/>
      </sharedItems>
    </cacheField>
    <cacheField name="Features level 2 - Fonctionnalités niveau 2" numFmtId="0">
      <sharedItems count="123">
        <s v="Workflow &amp; Collaboration Software"/>
        <s v="Change and Configuration Management Software"/>
        <s v="Finance &amp; Accounting Software"/>
        <s v="Human Resource Management Systems Software"/>
        <s v="Data Warehouse Software"/>
        <s v=""/>
        <s v="Library Management Systems Software"/>
        <s v="Document Management Software"/>
        <s v="Content Management Software"/>
        <s v="Grants &amp; Contributions Management Software"/>
        <s v="Inventory &amp; Asset Management Software"/>
        <s v="Knowledge Management Software"/>
        <s v="Help Desk &amp; Call Center Software"/>
        <s v="Records Management Software"/>
        <s v="Geo-spatial Software"/>
        <s v="Master Data Management Software"/>
        <s v="Case Management Software"/>
        <s v="Web Analytical Software"/>
        <s v="Feedback Management Software"/>
        <s v="Electronic Forms Software"/>
        <s v="Transactional Processing &amp; Transaction Management"/>
        <s v="Electronic Mail and Messaging Software"/>
        <s v="Human Resource Evaluation &amp; Selection Systems Soft"/>
        <s v="Financial Auditing Software"/>
        <s v="Project Management Software"/>
        <s v="Statistical Analysis Software"/>
        <s v="Server Operating System Software"/>
        <s v="Translation Software"/>
        <s v="Search and Information Access Software"/>
        <s v="Software Development Platform Software"/>
        <s v="Relational Database Management Systems Software"/>
        <s v="Business Intelligence Software"/>
        <s v="Property Management Software"/>
        <s v="Calendar &amp; Scheduling Software"/>
        <s v="Database Modeling Software"/>
        <s v="Graphic Design, Imaging &amp; Viewing Software"/>
        <s v="Structured Content Authoring Software"/>
        <s v="Software Testing Software"/>
        <s v="Application Life-Cycle Management Software"/>
        <s v="Systems Architecture Design Software"/>
        <s v="Enterprise Resource Planning Software"/>
        <s v="Procurement &amp; Contract Management Software"/>
        <s v="Portal Software"/>
        <s v="Web Content Management Software"/>
        <s v="Intrusion Prevention and Detection Software"/>
        <s v="Database Tools, Utilities &amp; Management Software"/>
        <s v="Extract, Transformation and Load Software"/>
        <s v="Desktop Management Software"/>
        <s v="Office Automation Suite Software"/>
        <s v="Endpoint Security Software"/>
        <s v="Encryption Software"/>
        <s v="Governance Risk, Compliance &amp; Incident Management"/>
        <s v="Customer Relationship Management Software"/>
        <s v="E-Commerce Software"/>
        <s v="Identity Management Software"/>
        <s v="Application Integration &amp; Connectivity Software"/>
        <s v="Internet Monitoring, Filtering &amp; Access Control Software"/>
        <s v="Training and E-Learning Software"/>
        <s v="Performance Measurement Software"/>
        <s v="Application Infrastructure Software"/>
        <s v="Business Process Management Software"/>
        <s v="Personal Information Management Software"/>
        <s v="Incident and Field Resource Management Software"/>
        <s v="On-Line Analytical Processing Software"/>
        <s v="Budget Preparation Software"/>
        <s v="Salary Management &amp; Payroll Software"/>
        <s v="Not Assigned"/>
        <s v="Multimedia Streaming Software"/>
        <s v="Application Virtualization Software"/>
        <s v="Managed File Transfer Software"/>
        <s v="Bar-Coding &amp; Labeling Software"/>
        <s v="Desktop Publishing Software"/>
        <s v="Backup Software"/>
        <s v="Anti-Malware Software"/>
        <s v="Network Communications Software"/>
        <s v="Network Management Software"/>
        <s v="Virtualization Backup &amp; Recovery Software"/>
        <s v="Firewall Software"/>
        <s v="Security Risk Management and Policy Compliance Software"/>
        <s v="Public Key Infrastructure (PKI) Software"/>
        <s v="SOA Governance Software"/>
        <s v="Mainframe Operating System Software"/>
        <s v="Adaptive Computing Technology Software"/>
        <s v="Web Development Software"/>
        <s v="Message Oriented Middleware Software"/>
        <s v="Document Scanning and Image Recognition Software"/>
        <s v="Performance Testing &amp; Analysis Software"/>
        <s v="Social Media Software"/>
        <s v="Digital Asset Management Software"/>
        <s v="Computer Forensics Software"/>
        <s v="Geographic Information Systems (GIS) Software"/>
        <s v="Equipment Control Systems Software"/>
        <s v="Personal Database Software"/>
        <s v="Business Continuity Software"/>
        <s v="Mathematical and Computational Software"/>
        <s v="CAD, CAE &amp; CAM Software"/>
        <s v="Desktop Virtualization Software"/>
        <s v="Privacy Software"/>
        <s v="Mapping and Cartography Software"/>
        <s v="Lab &amp; Medical Equipment Software"/>
        <s v="Engineering Analysis Software"/>
        <s v="Software Asset Management Software"/>
        <s v="Pension Software"/>
        <s v="Vendor Management Software"/>
        <s v="Data Loss Prevention Software"/>
        <s v="Storage Management Software"/>
        <s v="Portable Document Software"/>
        <s v="Remote Access Software"/>
        <s v="Desktop Operating System Software"/>
        <s v="Patch Management Software"/>
        <s v="Security Information Event Management Software"/>
        <s v="Switching Software"/>
        <s v="Biometric Software"/>
        <s v="Real-Time Operating System Software"/>
        <s v="File and Print Services Software"/>
        <s v="Fax Software"/>
        <s v="Virtualization Security Software"/>
        <s v="Mobility Security Software"/>
        <s v="Archive Software"/>
        <s v="Virtualization Management Software"/>
        <s v="Remote Desktop Software"/>
        <s v="Unified Communications Software"/>
        <s v="Mobile Operating System Software"/>
      </sharedItems>
    </cacheField>
    <cacheField name="Name- Nom" numFmtId="0">
      <sharedItems count="8270">
        <s v="System for Tracking Agriculture Technologies"/>
        <s v="assyst"/>
        <s v="Advance Payments Program Electronic Delivery System"/>
        <s v="Specimen Signature Record for Delegated Authority"/>
        <s v="Competency Interview and Reference Check Guide"/>
        <s v="Nakisa"/>
        <s v="Enterprise Secure Access Services"/>
        <s v="Production Insurance National Statistics System"/>
        <s v="Farm Income Payment"/>
        <s v="Trade Data Retrieval System"/>
        <s v="Sierra"/>
        <s v="VDX Interlibrary Loan System"/>
        <s v="Web Content Management System"/>
        <s v="Grants and Contributions Delivery System"/>
        <s v="CISPro Global"/>
        <s v="Agricultural Industry Market Information System"/>
        <s v="Procurement Planning Solution"/>
        <s v="Environment Information and Performance Management System"/>
        <s v="Plant Germplasm Resource Information Network"/>
        <s v="Phone Log System for AESB Branch"/>
        <s v="Farm Debt Mediation Service"/>
        <s v="Minor Use Pesticide Program System"/>
        <s v="Farm Debt Mediation Service File Transfer Web Application"/>
        <s v="Labour Relations Issues Tracking Database"/>
        <s v="Agreements Registry Database"/>
        <s v="AgroBase"/>
        <s v="rarDA (formerly Cereal Quality Info System)"/>
        <s v="Cover Crop Protection Program"/>
        <s v="Tracking and Reporting Executive Correspondence Systems"/>
        <s v="Environmental Farm Planning/National Farm Stewardship Program"/>
        <s v="Greencover System"/>
        <s v="Irrigation Patron Billing System (IPBS)"/>
        <s v="NAIS Automated Weather Mapping"/>
        <s v="National Water Supply Expansion Program (NWSEP)"/>
        <s v="Periodical Routing System (ROU)"/>
        <s v="Permanent Cover Program System (PCP)"/>
        <s v="Range Management System (RGE)"/>
        <s v="Plan Index System (IDX)"/>
        <s v="Farm Income and Government Expenditure Database"/>
        <s v="Western Grains Transition Payment Program"/>
        <s v="AgriDOC"/>
        <s v="DirectInfo"/>
        <s v="E-Forms (Forms Catalogue)"/>
        <s v="PubliCentrale (External)"/>
        <s v="Records Classification System (REC)"/>
        <s v="Cost of Production"/>
        <s v="Livestock Drought Assistance Program"/>
        <s v="Office of Conflict Resolution Tracking"/>
        <s v="Circovirus Innoculation Program"/>
        <s v="Brassica Napus Genome Database"/>
        <s v="InfoHort"/>
        <s v="IBM Uncia NetInsight"/>
        <s v="HR National Classification Log"/>
        <s v="HR Innovations Portal"/>
        <s v="Drought Watch Map Selectors"/>
        <s v="Functional Foods and Nutraceuticals (Internal Data Administration)"/>
        <s v="Agriculture System for Tracking Account Receivables"/>
        <s v="ListServ"/>
        <s v="Community Pastures Program Land Management System (CPPLMS)"/>
        <s v="AgriShare"/>
        <s v="Canadian Pari-Mutuel Agency Statistical System"/>
        <s v="AgriConnexions"/>
        <s v="Email Subscription Service"/>
        <s v="HR Integrated Staffing Log Database - CGC"/>
        <s v="Land Based System (LBS)"/>
        <s v="Business Risk Management Suite Delivery Program"/>
        <s v="Tax Information Slip System"/>
        <s v="CPMA Monitoring System / Internal Control System"/>
        <s v="Agriculture Accounts Receivable Management System"/>
        <s v="National Mentoring Program Application"/>
        <s v="Monitoring and Reporting System (MRS)"/>
        <s v="Market Access Support System"/>
        <s v="Agroclimate Impact Reporter"/>
        <s v="Form Builder"/>
        <s v="PeopleSoft Access and Training Request Application"/>
        <s v="CPP Workplan"/>
        <s v="Agriculture and Agri-Food Canada's Collection Portal"/>
        <s v="SAS Enterprise Guide"/>
        <s v="AgriRecovery"/>
        <s v="AgriRisk"/>
        <s v="AgriRisk Initiatives System"/>
        <s v="AgriInvest Allowable Net Sales Web Calculator"/>
        <s v="My AAFC Account"/>
        <s v="PublicCentrale (Internal)"/>
        <s v="AccessPro Suite APCM Case Management"/>
        <s v="AccessPro Suite APCM Redaction"/>
        <s v="MultiCorpora MultiTrans"/>
        <s v="Biopesticides Database (a.k.a. Directory of Biopesticides for Agricultural Crops"/>
        <s v="New Participant Package/Harmonized Forms"/>
        <s v="Canadian Cheese Directory"/>
        <s v="GasBoy"/>
        <s v="Minor use pest program"/>
        <s v="Active MQ"/>
        <s v="Another Neat Tool"/>
        <s v="ESRI - ArcGIS for Desktop"/>
        <s v="Bare Tail"/>
        <s v="Beyond Compare"/>
        <s v="Bugzilla"/>
        <s v="Real Time Weather Data System"/>
        <s v="Graphic Image Manipulation Program"/>
        <s v="Notepad ++"/>
        <s v="Maven"/>
        <s v="Nexus"/>
        <s v="Visual Studio MSDN"/>
        <s v="Tortoise Subversion"/>
        <s v="Subversion (svn.agr.gc.ca)"/>
        <s v="Project Information Hub"/>
        <s v="Fiddler"/>
        <s v="Science Publication System"/>
        <s v="FishEye"/>
        <s v="Eclipse"/>
        <s v="Cygwin"/>
        <s v="XmlPad"/>
        <s v="Firefox Firebug"/>
        <s v="Integrated Reporting System"/>
        <s v="Contact forms (Contact Us, Contact the Minister)"/>
        <s v="Agri-Info Form"/>
        <s v="Real Property Information System"/>
        <s v="Proposal Submission System"/>
        <s v="Employee Activity Reporting System"/>
        <s v="UAT Effort Tracking and Reporting application"/>
        <s v="Program Delivery Support System"/>
        <s v="Service Delivery Support Suite"/>
        <s v="Leave Calendar (Farm Income Programs Senior Management Team)"/>
        <s v="Leave Calendar (ISB Application and Knowledge Services)"/>
        <s v="TeamMate"/>
        <s v="Equine Drug Control System"/>
        <s v="FIPD AARMS XML Utility"/>
        <s v="AgriStability Interims Calculator and COB"/>
        <s v="Enrollment Notice Calculator"/>
        <s v="Automated Risk Assessment"/>
        <s v="AgriStability Peer Review"/>
        <s v="Target Advance Payments"/>
        <s v="Accrual Breeding Herd Adjustments"/>
        <s v="Master AARM"/>
        <s v="Advance Payments Program"/>
        <s v="AgriInvest"/>
        <s v="Agri-Stability"/>
        <s v="Kickstart"/>
        <s v="Farm Information Loader"/>
        <s v="GIT"/>
        <s v="HR Tier 1 Info Base"/>
        <s v="Erwin Data Modeler"/>
        <s v="Firefox Developer Edition"/>
        <s v="PCI Geomatica"/>
        <s v="Enterprise Mapping Application Framework"/>
        <s v="Gradle"/>
        <s v="Grunt"/>
        <s v="Informatica Powercenter"/>
        <s v="Interim Repository"/>
        <s v="Infosphere"/>
        <s v="Jameleon"/>
        <s v="FileZilla"/>
        <s v="Firefox FTP"/>
        <s v="Irfanview"/>
        <s v="Firefox Selenium Expert"/>
        <s v="Charles"/>
        <s v="Geany"/>
        <s v="Textpad"/>
        <s v="Jaws"/>
        <s v="Jira"/>
        <s v="Apache Jmeter"/>
        <s v="Junit"/>
        <s v="Adobe Livecycle Enterprise Suite"/>
        <s v="Microsoft Visio"/>
        <s v="MySQL Workbench"/>
        <s v="Netbeans"/>
        <s v="node.js"/>
        <s v="Oracle Developer Suite"/>
        <s v="Putty"/>
        <s v="PyCharm Community Edition"/>
        <s v="PythonWin"/>
        <s v="Real-time In-situ Soil Monitoring for Agriculture"/>
        <s v="Specify6"/>
        <s v="FormViewer and Builder"/>
        <s v="AAFC Online Presentation Layer"/>
        <s v="Multi-site Presentation Layer"/>
        <s v="AgriSource Presentation Layer"/>
        <s v="JAVA-jdk"/>
        <s v="Selenium"/>
        <s v="SOAP UI"/>
        <s v="Spring IDE"/>
        <s v="Subclipse"/>
        <s v="Toad for Oracle"/>
        <s v="VIM for Windows"/>
        <s v="ERWin Web Portal"/>
        <s v="Winmerge"/>
        <s v="IntelliJ"/>
        <s v="Xming"/>
        <s v="XML Notepad 2007"/>
        <s v="XML Spy"/>
        <s v="ColdFusion"/>
        <s v="IBM Cognos"/>
        <s v="Microsoft Sharepoint Designer"/>
        <s v="Colour Contrast Analyser"/>
        <s v="Compliance Sheriff"/>
        <s v="Groovy"/>
        <s v="AgriStability and AgriInvest Forecasting Model"/>
        <s v="Food Processing Information System"/>
        <s v="The Surplus Store"/>
        <s v="Dairy Farm Investment Program System"/>
        <s v="DirectInfo ETL"/>
        <s v="Internet Java Wrapper"/>
        <s v="Address Lookup Service"/>
        <s v="Business Development and Competitiveness Directorate"/>
        <s v="Open Data Harvester"/>
        <s v="Application Portfolio Management Data Entry"/>
        <s v="SAP"/>
        <s v="Transitional Industry Support Payment"/>
        <s v="HR Work Description Builder"/>
        <s v="Government of Canada Workplace Charitable Campaign"/>
        <s v="Workplace Conflict Assessment System"/>
        <s v="Adaptation Extranet System"/>
        <s v="PeopleSoft HRMS"/>
        <s v="HR Integrated Staffing Log Database - AAFC"/>
        <s v="Management Information System"/>
        <s v="NISA Client Services System"/>
        <s v="Employee Time Reporting System"/>
        <s v="GX-Corporate Financial System"/>
        <s v="Quick Access"/>
        <s v="Procurement Requisition Information System"/>
        <s v="ACOA Direct"/>
        <s v="Rendezvous"/>
        <s v="Continuous Learning Plan"/>
        <s v="AccessPro Suite"/>
        <s v="ACOA Public Web Site"/>
        <s v="SharePoint"/>
        <s v="ACOA Public Web Site - Media Room"/>
        <s v="Proactive Disclosure"/>
        <s v="Fast Track Staffing"/>
        <s v="Document Action Request Response Tracking"/>
        <s v="Learning Event Calendar"/>
        <s v="Media Clippings"/>
        <s v="Multi Media Case Management and Publication"/>
        <s v="Recovery Case Management"/>
        <s v="Business Mission Management"/>
        <s v="Axiom"/>
        <s v="Plumsail"/>
        <s v="TrackIt"/>
        <s v="Corporate Programs Dashboard Suite"/>
        <s v="Agency File Plan"/>
        <s v="Team Foundation Server"/>
        <s v="Corporate Data Warehouse"/>
        <s v="Spotlight on SQL Server Enterprise"/>
        <s v="Red Gate SQL Compare"/>
        <s v="Red Gate SQL Data Compare"/>
        <s v="Visual Studio"/>
        <s v="TX Text Control"/>
        <s v="ScriptX"/>
        <s v="InfoPath"/>
        <s v="OnePlaceMail"/>
        <s v="Admin Studio"/>
        <s v="System Center Configuration Manager"/>
        <s v="Microsoft Office Professional Plus 2013"/>
        <s v="SQL Navigator"/>
        <s v="Microsoft Endpoint Protection Management"/>
        <s v="Microsoft BitLocker Administration and Monitoring"/>
        <s v="Integrated Customs Enforcement System"/>
        <s v="Batch Accounting Reporting K32 System"/>
        <s v="Commercial Cash Entry Processing System"/>
        <s v="Customs Commercial System"/>
        <s v="Customs Interest Calculation Program"/>
        <s v="Customs Officer Scheduling System"/>
        <s v="Canada Processing Centre System"/>
        <s v="Casual Refund System"/>
        <s v="Enforcement Library"/>
        <s v="Intelligence Management System"/>
        <s v="Nafta Inventory System"/>
        <s v="Postal Import Control System"/>
        <s v="Postal Import Control System - HQ"/>
        <s v="Travelers Entry Processing System"/>
        <s v="Travelers Entry Processing System - HQ"/>
        <s v="Tariff Publishing and History System"/>
        <s v="Accelerated Commercial Release Operational Support System"/>
        <s v="Automated Border Clearance"/>
        <s v="Administrative Monetary Penalty System"/>
        <s v="Access to Information"/>
        <s v="Automated Personal Security Screening"/>
        <s v="Border Wait Times"/>
        <s v="Administrative Fee System"/>
        <s v="Nexus Air (Kiosk)"/>
        <s v="Customs Automated Reporting System"/>
        <s v="Corporate Admin Systems"/>
        <s v="Communications Portal"/>
        <s v="Consolidated Management Reporting System"/>
        <s v="Trade Compliance Management System"/>
        <s v="CBSA Web Site"/>
        <s v="Facility for Information Retrieval Management"/>
        <s v="Global Enrollment Component"/>
        <s v="Integrated  Border Query"/>
        <s v="Integrated Primary Inspection Line - Air"/>
        <s v="Integrated Primary Inspection Line - Highway"/>
        <s v="Secondary Processing"/>
        <s v="Laboratory Analysis Support System"/>
        <s v="National Case Management System"/>
        <s v="NEXUS Highway"/>
        <s v="Occurrence Reporting System"/>
        <s v="Passenger Information System"/>
        <s v="Customs Electronic Commerce Platform - Query &amp; Data Viewing Utility"/>
        <s v="Risk Assessment Component"/>
        <s v="Radiation Alert Viewer"/>
        <s v="Revenue Ledger"/>
        <s v="Support System for Intelligence"/>
        <s v="Secure Tracking System (Protected)"/>
        <s v="TITAN"/>
        <s v="Telephone Reporting Centre System"/>
        <s v="Technical Reference System"/>
        <s v="Windows Licensee Evaluation and Monitoring System"/>
        <s v="Incident Response Tool"/>
        <s v="Rogue Data Corporation"/>
        <s v="Question Mark"/>
        <s v="Commercial Off-Site Monitoring System"/>
        <s v="CPCS and TRCS Security Admin"/>
        <s v="Business Control Data"/>
        <s v="Casual Refund System (HQ)"/>
        <s v="AIS Help Desk"/>
        <s v="Customs Electronic Commerce Platform"/>
        <s v="Customs Query"/>
        <s v="Enhanced Drivers License"/>
        <s v="Global Query Component"/>
        <s v="ICS - Case and Workflow"/>
        <s v="Lookout Sharing"/>
        <s v="Passage Component"/>
        <s v="Customs Internet Gateway"/>
        <s v="Data Acquisition System - Client Profile System"/>
        <s v="Data Acquisition System"/>
        <s v="Data Acquisition System  - Monitor"/>
        <s v="Directory of Offices"/>
        <s v="Data Acquisition System  - Internet API Gateway"/>
        <s v="Central Course Registration System"/>
        <s v="Information Technology Management System"/>
        <s v="Accounts Receivable Ledger"/>
        <s v="Correspondence Tracking System"/>
        <s v="Internal Placement Process"/>
        <s v="Incident Management Reporting System"/>
        <s v="Recourse Content Management System - Trade"/>
        <s v="Temporary Residents Biometrics Project"/>
        <s v="CBSA Intranet"/>
        <s v="ICS - Hub and Navigation"/>
        <s v="Work Order Database"/>
        <s v="DARRYL (Carrier Code Program)"/>
        <s v="Commercial Threat Assessment System (Risk Assessment User Determination)"/>
        <s v="CBSA Wiki"/>
        <s v="Biometric Exchange Service"/>
        <s v="ICS Admin &amp; Hot Message"/>
        <s v="ICS Framework &amp; Common Service"/>
        <s v="Travelers National Database System"/>
        <s v="Portal Account Administration"/>
        <s v="Commercial Document and Entity Management"/>
        <s v="Commercial Flow Orchestrator / Commercial Data Cleansing and Standardization"/>
        <s v="Tariff and Risk Assessment System"/>
        <s v="Entry Exit Information System"/>
        <s v="Task and Defect Tracking System (JIRA)"/>
        <s v="Teammate Audit Management"/>
        <s v="Enrolment Query Service"/>
        <s v="Enhanced Per Agent System"/>
        <s v="CA Clarity"/>
        <s v="Apollo - Electronic Document and Records Management System"/>
        <s v="Recourse Content Management System - Enforcement"/>
        <s v="eManifest Portal"/>
        <s v="Commercial Passage"/>
        <s v="Salary Forecasting System"/>
        <s v="Q Management Console"/>
        <s v="Web Access Management"/>
        <s v="Interdiction and Border Alerting Service"/>
        <s v="Risk Assessment Program Maintenance"/>
        <s v="Virtual Learning Environment"/>
        <s v="Marine Domain Awareness (MDA) Watchkeeper"/>
        <s v="MEI-B2B - Web Services Gateway"/>
        <s v="Trusted Trader Portal"/>
        <s v="Trusted Trader Management System"/>
        <s v="Trusted Trader Exchange System"/>
        <s v="Postal Operation Support Tool"/>
        <s v="CBSA Subversion"/>
        <s v="CBSA Sonar"/>
        <s v="CBSA Build"/>
        <s v="Unified Functional Testing"/>
        <s v="HP Application Lifecycle Management"/>
        <s v="Business Rules Management System (BRMS) - eManifest Risk Rules"/>
        <s v="Carrier Data Management System (LARRY/CSA-FAST)"/>
        <s v="ANCILE uPerform (SAP Productivity Pak)"/>
        <s v="SAP Solution Manager"/>
        <s v="Global Case Management System (GCMS) Printing Solution"/>
        <s v="Commercial Data Cleansing and Standardization"/>
        <s v="Automated Risk Determination"/>
        <s v="Risk Commodity Identification / LanguageWare"/>
        <s v="Business Warehouse"/>
        <s v="SAP Process Orchestrator"/>
        <s v="Remote Traveller Processing"/>
        <s v="Mobile IPIL"/>
        <s v="IT Service Management &amp; Production Assurance Website"/>
        <s v="Self-service portal for Corporate and Program Services Division"/>
        <s v="IBM Master Data Management Server"/>
        <s v="Passage History"/>
        <s v="System Access Management"/>
        <s v="MEI-B2B - Tracking Service"/>
        <s v="External Client Communication"/>
        <s v="Address Residence Indicator Service"/>
        <s v="Articulate Storyline"/>
        <s v="ICS - User Information Service"/>
        <s v="Personnel Security Screening System"/>
        <s v="Data Acquisition Application"/>
        <s v="PAXIS - Rules Management Application"/>
        <s v="MEI-B2B - Electronic Data Interchange (EDI) Gateway"/>
        <s v="Crucible and FishEye - CBSA"/>
        <s v="Contracting Allocation Database"/>
        <s v="Participating Government Agency Trade Document Management"/>
        <s v="Participating Government Agency Registration and Enrolment Web"/>
        <s v="Commercial Search Service"/>
        <s v="Commercial Identity Resolution"/>
        <s v="Business Rules Management System (BRMS-SWI) - Data Sharing Rules"/>
        <s v="Reference Data Service"/>
        <s v="Operational Profile"/>
        <s v="Risky Party Identification"/>
        <s v="Commercial Data Quality Service - Quality Stage / Address Verification Interface"/>
        <s v="Consolidated Management Reporting System Enterprise Data Warehouse"/>
        <s v="eDeclaration Mobile Application"/>
        <s v="External Client Notice Profile"/>
        <s v="MEI-B2B - Administration and Configuration Web Application"/>
        <s v="SSA Name 3"/>
        <s v="SPSS Modeler - CBSA"/>
        <s v="Risk Indicator Maintenance / Risk Algorithm Maintenance"/>
        <s v="IBM Cognos Business Intelligence (BI) Suite"/>
        <s v="SWI-Business Process Orchestration"/>
        <s v="Integrated Passage Services"/>
        <s v="Travel Document Verification Service"/>
        <s v="Primary Inspection Kiosk Service"/>
        <s v="Primary Inspection Kiosk Management System"/>
        <s v="Criminal Investigations Information Management System (new)"/>
        <s v="AccessProSuite (SQL Win2003)"/>
        <s v="Trackit (SQL Win2003)"/>
        <s v="Performance Budgeting for Human Capital"/>
        <s v="Web based Correspondence &amp; Issues Management System"/>
        <s v="Transport Integrated Personnel System (App server 2003)"/>
        <s v="StreetPerfect"/>
        <s v="Hermes Financials"/>
        <s v="Hermes programs"/>
        <s v="Dashboard"/>
        <s v="Discoverer Plus (App Server 2003)"/>
        <s v="Compensation Web Application"/>
        <s v="Activities Information Systems"/>
        <s v="Ministerial Announcement Calendar"/>
        <s v="GCDOCS"/>
        <s v="Proactive Disclosure Management"/>
        <s v="Electronic Forms"/>
        <s v="Periscope"/>
        <s v="Office of Clientele Satisfaction"/>
        <s v="Internal Broadcasting Tool"/>
        <s v="Post Payment Verification"/>
        <s v="Netmail"/>
        <s v="Crystal Reporting tool application"/>
        <s v="OrgPlus"/>
        <s v="Integrated Risk Management"/>
        <s v="Management of Oracle Systems"/>
        <s v="Statistical Package for the Social Sciences"/>
        <s v="RHSFormulairesCotesSecurite"/>
        <s v="Reflexion 7"/>
        <s v="Equifax"/>
        <s v="IRIMS"/>
        <s v="Intranet"/>
        <s v="Internet"/>
        <s v="Intermediate group survey"/>
        <s v="Car registry inventory"/>
        <s v="Videoconference log"/>
        <s v="Beyond"/>
        <s v="Citrix (SQL Win2003)"/>
        <s v="CCURE"/>
        <s v="Screening Request"/>
        <s v="Communications Security Establishment"/>
        <s v="Controle D'autochargement du client (SIF)"/>
        <s v="Security Administration Control Officer"/>
        <s v="Central System Mailbox"/>
        <s v="Standard Payment System"/>
        <s v="Central Financial Management Reporting System"/>
        <s v="Public Accounts Production System"/>
        <s v="Regional Pay System"/>
        <s v="Trial Balance"/>
        <s v="Managed Secure File Transfer"/>
        <s v="Electronic Authorization and Authentication"/>
        <s v="Shared Travel Services Initiative"/>
        <s v="DocPath"/>
        <s v="GMAX"/>
        <s v="Bank Interface"/>
        <s v="Direct Deposit for employees"/>
        <s v="Direct Deposit Notification"/>
        <s v="TOAD"/>
        <s v="SQL Developer"/>
        <s v="Antidote"/>
        <s v="Dun and Bradstreet"/>
        <s v="Publisher"/>
        <s v="Copernic Desktop search"/>
        <s v="Discoverer Viewer"/>
        <s v="CIF Import Module"/>
        <s v="DymoLabel"/>
        <s v="LePetitRobert2010"/>
        <s v="SOQUIJ"/>
        <s v="RDPRM"/>
        <s v="Régistre foncier"/>
        <s v="Land registry"/>
        <s v="Office of the superintendant of Bankruptcy Canada"/>
        <s v="Business registry of Quebec"/>
        <s v="Adobe Suite (Premiere, Dreamweaver, Photoshop, etc)"/>
        <s v="Hootsuite: Social Media Dashboard"/>
        <s v="IPAD Apps - Skype"/>
        <s v="Webex"/>
        <s v="Videoconference system"/>
        <s v="ArcView"/>
        <s v="FIT-SOIF"/>
        <s v="SPS Emailer"/>
        <s v="Sharepoint 2013"/>
        <s v="Bitlocker Application management"/>
        <s v="AirWatch"/>
        <s v="Quebec Economic Development Program"/>
        <s v="Public Servant Performance Management"/>
        <s v="CIIF Import Module"/>
        <s v="Office of Cliente Satisfaction"/>
        <s v="Exchange 2007"/>
        <s v="Vehicule Fleet Management"/>
        <s v="Intermediary group survey"/>
        <s v="Arcserve (SQL Win2003)"/>
        <s v="McAfee"/>
        <s v="Blackbberry Enterprise Server (SQL Win2003)"/>
        <s v="Windows Server Update Services"/>
        <s v="Domain Name Services External"/>
        <s v="Solarwinds"/>
        <s v="VMWare (SQL Win2003)"/>
        <s v="VMWare Update Manager (SQL Win2003)"/>
        <s v="vRanger"/>
        <s v="Ghost"/>
        <s v="Kiwi Syslog Daemon Server"/>
        <s v="Fortinet Single Sign on Agent"/>
        <s v="Crystal Reports"/>
        <s v="Microsoft Office Communicator 2007"/>
        <s v="Microsoft SQL Server 2005"/>
        <s v="Vice Versa Pro"/>
        <s v="Intranet old Portal site"/>
        <s v="Internet site old"/>
        <s v="Acrobat Pro"/>
        <s v="Audition"/>
        <s v="Entrust"/>
        <s v="Eviews"/>
        <s v="HyperSnap"/>
        <s v="Idea"/>
        <s v="Ideclic"/>
        <s v="MindManager"/>
        <s v="MS Live Meeting"/>
        <s v="MS Outlook"/>
        <s v="MS Access"/>
        <s v="MS Project"/>
        <s v="MS PowerPoint"/>
        <s v="MS Visio 2010"/>
        <s v="Pension Reform - Telephone Information System"/>
        <s v="AgriStability/AgriInvest"/>
        <s v="Synergy Document Repository"/>
        <s v="T1 Returns Processing"/>
        <s v="MultiTrans Prism"/>
        <s v="Analytics Correspondence Performance Measurement Datamart"/>
        <s v="Generic eDocs Upload"/>
        <s v="Charities Assessing and Registration - Online Processes"/>
        <s v="Analytics Correspondence Central Data Provider"/>
        <s v="T1 Matching Online Services"/>
        <s v="Computerized Screening System"/>
        <s v="Information Technology Self Service Portal"/>
        <s v="Enterprise Fraud Management Solution"/>
        <s v="Compliance Risk Profiling Viewer"/>
        <s v="Identity and Access Management"/>
        <s v="Data Acquisition, Analysis and Preparation Service for SIB"/>
        <s v="Register my Formal Dispute"/>
        <s v="Disbursement Notices Online"/>
        <s v="Immigration/Emigration Statistics Data Mart - SIB Individual"/>
        <s v="Goods &amp; Services Tax/Harmonized Sales Tax Returns Application - SIB Business"/>
        <s v="Pre-Authorized Debit - Web Service"/>
        <s v="CRA WiKi"/>
        <s v="Reportable Tax Avoidance Transactions"/>
        <s v="Identity Access Management Operational Data Mart"/>
        <s v="T1 Adjustments &amp; Corrections"/>
        <s v="Tax free savings account BI"/>
        <s v="T1Accounting Information Server EJB"/>
        <s v="T1 Accounting Mainframe Application Server"/>
        <s v="Access Review and Certification"/>
        <s v="Forms and Publications Ordering System"/>
        <s v="Business Tax Reminders"/>
        <s v="CAS - Asset, Inventory and Procurement"/>
        <s v="My Account - Client Summary"/>
        <s v="Office of the Taxpayer's Ombudsman (OTO) Case System"/>
        <s v="Compliance Risk Profiling - Decision"/>
        <s v="VDP  Reporting"/>
        <s v="T1 Ident Reporting"/>
        <s v="e-Alerts"/>
        <s v="T1 Account Management Data Capture"/>
        <s v="VA/T1 Accounting"/>
        <s v="Compliance Program Branch Query Repository"/>
        <s v="Data Exploration Environment"/>
        <s v="LEADS Operational Monitoring and Reporting"/>
        <s v="Integras Operational Monitoring and Reporting"/>
        <s v="Compliance Data capture Operational Monitoring &amp; Reporting"/>
        <s v="Compliance Data Capture Business Performance Measurement"/>
        <s v="Non-Emigrant Disposition Database Business Performance Measurement"/>
        <s v="Tax Earned by Audit"/>
        <s v="Electronic Waivers on Withholding - Decision Support System"/>
        <s v="Persistent Staging Area Business Operations"/>
        <s v="Persistent Staging Area Business Extension"/>
        <s v="Persistent Staging Area Business Analytics"/>
        <s v="Country by Country"/>
        <s v="Electronic Waiver On Withholding"/>
        <s v="CAS - Finance and Resource Management"/>
        <s v="CAS - Human Resources"/>
        <s v="SUBSIDIARY LEDGER ENQUIRY"/>
        <s v="CASE Rules Administration"/>
        <s v="CASE AUDIT"/>
        <s v="CASE CORTAX"/>
        <s v="CASE CPPEI"/>
        <s v="Analytics Appeals Datamart"/>
        <s v="Analytics T2 Datamart"/>
        <s v="Analytics Canada Pension Plan/Employment Insurance Datamart"/>
        <s v="Analytics Non-Resident Operations Division Datamart"/>
        <s v="Analytics Standardized Accounting Datamart"/>
        <s v="Analytics Electronic Revenue Accounting Datamart"/>
        <s v="Analytics T1 Benefit Datamart"/>
        <s v="Analytics Other Levies Datamart"/>
        <s v="Analytics Service Complaints Datamart"/>
        <s v="Printer Addresses"/>
        <s v="Analytics Taxpayer Relief Registry Datamart"/>
        <s v="CASE APPEALS"/>
        <s v="CASE NROD NEDD"/>
        <s v="CASE NROD"/>
        <s v="CASE OL"/>
        <s v="CASE SA"/>
        <s v="CASE T1 &amp; Benefits"/>
        <s v="Utilities Remits Case Enquiry"/>
        <s v="Corporate Audit Trails"/>
        <s v="Child Credit Management"/>
        <s v="Continuous Controls Monitoring System"/>
        <s v="Canada Child Tax Benefit Finance Modelling"/>
        <s v="Child and Family Benefits Online"/>
        <s v="City Index - Web"/>
        <s v="Charities Internet Display System"/>
        <s v="EBCI IVR Interface Module"/>
        <s v="Change My Address"/>
        <s v="Common Operator Information Facility"/>
        <s v="Compliance Measurement, Profiling and Assessment System"/>
        <s v="Client Other Party System"/>
        <s v="Corporate Internet Filing"/>
        <s v="Corporate Reporting"/>
        <s v="Corporate Tax"/>
        <s v="CPPEI Rulings"/>
        <s v="My Business Account - Request a CPP/EI Ruling"/>
        <s v="CSR SR&amp;ED Risk Scoring"/>
        <s v="CRA Departmental Contact System"/>
        <s v="Children Special Allowance Data Exchange"/>
        <s v="INSTALMENT NOTICES"/>
        <s v="Children Special Allowances on the Net"/>
        <s v="CTB Collections"/>
        <s v="CTB Rundates"/>
        <s v="Concurrent Versioning System Administration"/>
        <s v="Direct Deposit Request - Batch"/>
        <s v="My Account - Direct Deposit Request"/>
        <s v="Data Exchange Income Verification"/>
        <s v="Disbursement System - Customs"/>
        <s v="Disbursement System - Electronic Interjurisdictional Set-off"/>
        <s v="Disbursement System - Individual Credit Determination"/>
        <s v="Disbursement System - Miscellaneous"/>
        <s v="Disbursement System - Refund Requisition System"/>
        <s v="Department of Finance Data Exchange"/>
        <s v="My Account - Disability Tax Credit"/>
        <s v="INCOME &amp; DEDUCTIONS"/>
        <s v="Electronic Authentication Authorisation System"/>
        <s v="Enterprise Customized Outputs"/>
        <s v="T1 Assessing Error Detection"/>
        <s v="LIFELONG LEARNING PLANS ENQUIRY"/>
        <s v="Electronic Letter Creation System"/>
        <s v="Electronic Letter Verse System"/>
        <s v="Storage &amp; Retrieval"/>
        <s v="Efiler Postal Code Search"/>
        <s v="Processing Review Selection"/>
        <s v="BENEFIT PROGRAMS"/>
        <s v="External Payment Interface"/>
        <s v="Appeals"/>
        <s v="Electronic Revenue Accounting View"/>
        <s v="Electronic Requests for Business"/>
        <s v="Enterprise Transactions Outputs LITE (BCCS-LITE)"/>
        <s v="Electronic Waivers on Withholding View"/>
        <s v="Federal Court Request"/>
        <s v="Financial Input Processing"/>
        <s v="Foreign Reporting Requirements Management System"/>
        <s v="GST Returns Document Capture"/>
        <s v="GST Returns Processing System"/>
        <s v="CDD Greenbook Reports"/>
        <s v="GST Audit"/>
        <s v="GST Internet Filing"/>
        <s v="Analytics Goods &amp; Services Tax Reports Datamart"/>
        <s v="SA Disbursements Processing System"/>
        <s v="GST Historical"/>
        <s v="GST Extracts/Mainframe Reports"/>
        <s v="Home Buyers Plan"/>
        <s v="Horizontal Carousel"/>
        <s v="Service Canada Benefit Claim Support"/>
        <s v="TEAMMATE SUITE"/>
        <s v="Individual Credit Determination (Assess Client Credit)"/>
        <s v="Individual Credit Determination (Manage Client Account)"/>
        <s v="Individual Credit Determination (Manage Client Communication)"/>
        <s v="Provincial Data Transfer"/>
        <s v="ICD Verse Management System"/>
        <s v="Intranet Content Management Solution"/>
        <s v="Individual Enquiries News"/>
        <s v="Individual Enquiries Print"/>
        <s v="Individual Ident Broadcaster"/>
        <s v="Individual Ident Event Handler"/>
        <s v="INFODEC Amendments"/>
        <s v="INFODEC Initial Processing Services"/>
        <s v="INFODEC Data Capture"/>
        <s v="INFODEC File Transfer"/>
        <s v="INFODEC Magnetic Media"/>
        <s v="INFODEC Web Access Code"/>
        <s v="INNS Account Number Maintenance"/>
        <s v="INNS - Batch Quarterly Issuance"/>
        <s v="Online Interest Calculator"/>
        <s v="Notepad Facility"/>
        <s v="Integrated Revenue Collections"/>
        <s v="Integrated Spend Management"/>
        <s v="Individual Tax Data Capture"/>
        <s v="Lifelong Learning Plan"/>
        <s v="Matching Action Review System"/>
        <s v="T1 Matching System - Case Creation"/>
        <s v="Matching Actions Statistics Reports"/>
        <s v="GOL - My Business Account - Register a Formal Dispute"/>
        <s v="Miscellaneous Data Capture"/>
        <s v="T1 Migrations Data Capture"/>
        <s v="My Account for Business"/>
        <s v="My Account Portal"/>
        <s v="National Audit Trail Search"/>
        <s v="National Child Benefit Web"/>
        <s v="National Child Benefit Viewer"/>
        <s v="National Child Benefit System Data Exchange"/>
        <s v="Data Exchange Two-Way"/>
        <s v="Automated Assessment Control"/>
        <s v="Non-Resident Emigrant Dispositions"/>
        <s v="T1 Netfile Helpdesk"/>
        <s v="National Routing System"/>
        <s v="Non-Resident Source Deductions"/>
        <s v="Nova Scotia Workers Compensation Board"/>
        <s v="CCTB and Provincial Credit Statistics System"/>
        <s v="My Business Account - Other Levies Registration"/>
        <s v="Analytics Other Levies/Partnership"/>
        <s v="My Business Account - Other Levies Returns"/>
        <s v="Other Levies System"/>
        <s v="Case Tracker"/>
        <s v="OOBand Activation Letter"/>
        <s v="Automobile Benefit Online Calculator"/>
        <s v="Operator Information Facility"/>
        <s v="Organizational Profiles"/>
        <s v="Pre-Authorized Debit System"/>
        <s v="Electronic Pre-Authorized Debit System"/>
        <s v="Program Account Information System"/>
        <s v="Payroll Deduction, Account &amp; Collections (PAYDAC)"/>
        <s v="PAYDAC Data Capture"/>
        <s v="PAYDAC Error Corrections"/>
        <s v="T1 PC Tax Calculation Program"/>
        <s v="Payroll Deduction Online Calculator"/>
        <s v="Performance Measurement Program System"/>
        <s v="Identity Exchange Facility (Portageur)"/>
        <s v="CAS ESS/MSS Portal"/>
        <s v="Pension Reform Data Capture"/>
        <s v="Pension Reform - 1028 Stmt Print"/>
        <s v="Automated Collections System"/>
        <s v="INFODEC DISPLAY MENU"/>
        <s v="INDIVIDUAL IDENT"/>
        <s v="PAYMENT ENQUIRY"/>
        <s v="CITY INDEX"/>
        <s v="Agency Data Warehouse"/>
        <s v="T1 CARDING"/>
        <s v="HOME BUYERS  PLAN"/>
        <s v="SUMMARY OF T1 DATA"/>
        <s v="RAPI/K.2 Historical Prematch Display"/>
        <s v="T1 PRINT REQ MENU"/>
        <s v="RAPI/K.04 Historical Tapma Print Request"/>
        <s v="T1 ACTION REQ MENU"/>
        <s v="Agent Information"/>
        <s v="CPP Election / Revocation (T1 Edits)"/>
        <s v="Audit Information Management System"/>
        <s v="T.R.I.S."/>
        <s v="RAPI/M.06 Trustee Enquiry (DIMT)"/>
        <s v="RAPI/M.07 Discounter Online (DIMT)"/>
        <s v="T1 MIGRATION SYSTEM"/>
        <s v="T1 ACCOUNTING"/>
        <s v="PAYDAC DISPLAY MENU/RAPI PP"/>
        <s v="DISCOUNTER CLEARANCE"/>
        <s v="PAYDAC ACTION REQ/RAPI QQ"/>
        <s v="PENSION REFORM ENQ."/>
        <s v="Efiler List Program Search"/>
        <s v="Assessing Master Batch Jobs"/>
        <s v="INDIVIDUAL SEARCH"/>
        <s v="Represent A Client Management Enquiries"/>
        <s v="PROCESSING STATUS"/>
        <s v="CORRESPONDENCE"/>
        <s v="RAPI/Z.01 OTCS Activity"/>
        <s v="RAPI/Z.02 ELCS Letters"/>
        <s v="RAPID Menu"/>
        <s v="Rebates Document Capture"/>
        <s v="TAXPAYER RELIEF REGISTRY"/>
        <s v="TAXPAYER RELIEF REGISTRY NEWS"/>
        <s v="Service Desk"/>
        <s v="Revenue Enforcement System"/>
        <s v="REMITS Rules Administration"/>
        <s v="AMS for Internet Access"/>
        <s v="REMITS GUI"/>
        <s v="Refund Examination Program"/>
        <s v="Representatives Online"/>
        <s v="Residency Determination"/>
        <s v="PR &amp; CV Results"/>
        <s v="RH BRIDGE APPLICATION (BATCH)"/>
        <s v="T1 Edits - Report On Reassessing Actions (RORA)"/>
        <s v="Registered Plans Application Suite"/>
        <s v="Registered Plans Decision Support System"/>
        <s v="Rebates Processing System"/>
        <s v="Refund Requisition System"/>
        <s v="Refund Setoffs and Offsets Processing"/>
        <s v="RV Scoring &amp; Results"/>
        <s v="Standardized Accounting"/>
        <s v="SA Online Stats"/>
        <s v="Spousal Account Maintenance"/>
        <s v="PR &amp; CV Scoring"/>
        <s v="All Revenue Tables (IRC)"/>
        <s v="Online Simulator"/>
        <s v="Employee System Access Review"/>
        <s v="My Business Account - Source Deductions"/>
        <s v="Statistical Tracking Analysis &amp; Reporting System-PRF MF"/>
        <s v="Statistical Tracking Analysis and Reporting System - WEB"/>
        <s v="Subsidiary Ledger"/>
        <s v="Universal DELPAC System"/>
        <s v="SUDS Decision Support"/>
        <s v="Automated Subsidiary Ledger - Batch"/>
        <s v="System Processing Status Update"/>
        <s v="T1 Data Mart"/>
        <s v="T1 Error Correction"/>
        <s v="T1 Efile Helpdesk"/>
        <s v="T1 Efile Online"/>
        <s v="T1 Efile Online Plus"/>
        <s v="T1 Migration Decision Support"/>
        <s v="Automated Trust System"/>
        <s v="T1 Master Selects Batch"/>
        <s v="T1 Internet Filing"/>
        <s v="T1 Notices"/>
        <s v="My Account - T1 Account Balances"/>
        <s v="T1 Edits - Daily Peel System, T1 Acknowledgment Letter, Historical Tapma Report"/>
        <s v="T1 Edits - Non Resident Return Processing Report"/>
        <s v="T1 Edits - Cancellation List and Prints"/>
        <s v="ATS Decision Support"/>
        <s v="T1 Edits - Daily Assessing System"/>
        <s v="T1 Edits - Daily Processing Automated Audit Group"/>
        <s v="T1 Edits - EI Selection Lists"/>
        <s v="T1 Edits - Field Usage Report"/>
        <s v="T1 Edits - Follow-up List and Accounts Error Clue Listing"/>
        <s v="T1 Edits - Internet Access Code and Activation Code Letters"/>
        <s v="TRIS - Letter of Intent"/>
        <s v="T1 Edits - Migration Letters"/>
        <s v="T1 Edits - Old Age Security Return on Income"/>
        <s v="T1 Edits - Accounting Over Limit on a Reassessment Report"/>
        <s v="T1 Edits - Possible Re-Assessment Report"/>
        <s v="T1 Edits - PSN Labels"/>
        <s v="T1 Edits - Quebec Transfer Lists"/>
        <s v="T1 Edits - Letter to Return Documents (Subcode 9)"/>
        <s v="T1 Edits - Single Cycle Stats"/>
        <s v="T1 Edits - T529 Labels"/>
        <s v="T1 Edits - Weekly Assessing System"/>
        <s v="T1 Edits - Weekly Ident System"/>
        <s v="My Account - T1 Instalments"/>
        <s v="T1 ACCOUNTING LOCK AND UNLOCK (ADHOC)"/>
        <s v="T1 Processing Review"/>
        <s v="T1 Account Balancing"/>
        <s v="T1 Accounting Follow-up"/>
        <s v="T1 Accounting Payments"/>
        <s v="T1 Accounting Selects"/>
        <s v="T1 Master Selects (Online)"/>
        <s v="T1 Weekly File Transfers to SDC"/>
        <s v="T3 Notices"/>
        <s v="T4 Record of Earnings"/>
        <s v="T4 Webform"/>
        <s v="Automated Interest Calculator"/>
        <s v="Telephone Arrangements"/>
        <s v="Telerefund"/>
        <s v="Individual Ident Batch"/>
        <s v="T1 Tax Account Info Application Server TEST"/>
        <s v="Tax Rebate Discounting Act"/>
        <s v="Authorize My Representative"/>
        <s v="TAXPAYER SERVICES AGENT DESKTOP for BUSINESS"/>
        <s v="Taxpayer Services Desktop for Individuals"/>
        <s v="My Business Account - INFODEC View Return Status"/>
        <s v="My Account - View T1 Assessing Data"/>
        <s v="ICD Validation and Controls"/>
        <s v="View mail"/>
        <s v="BCCS Verse Management Facility"/>
        <s v="Weekly T1 Assessing Splitter"/>
        <s v="WEBCIMS"/>
        <s v="Audit Laptop System/Mainframe"/>
        <s v="Weekly Ident System"/>
        <s v="Work Management Services"/>
        <s v="Business Client Communications System Online"/>
        <s v="INDIVIDUAL IDENT APPLICATION SERVER"/>
        <s v="Nova Scotia Pharmacare"/>
        <s v="Employment Insurance Family Supplement Datafeed"/>
        <s v="Canada Education Savings Grant / Canada Learning Bond Datafeed"/>
        <s v="Guaranteed Income Supplement"/>
        <s v="BCCS e-Requests"/>
        <s v="Ministère du Revenu du Québec Data Transfer"/>
        <s v="Data Exhange Regie des Rentes du Québec"/>
        <s v="Telephone Information Processing System - CDD"/>
        <s v="CASE REGISTERED PLANS"/>
        <s v="Information Returns Master"/>
        <s v="Analytics GST Audit Datamart"/>
        <s v="Business Number"/>
        <s v="Automated Benefits Application"/>
        <s v="Registered Disability Savings Plan Feed"/>
        <s v="Analytics Appeals-Canada Pension Plan/Employment Insurance Datamart"/>
        <s v="Bank Address Display"/>
        <s v="TFSA Application"/>
        <s v="Service Management Application and Reporting Tool"/>
        <s v="T1 Intercepts/Inhibits"/>
        <s v="Benefits Processing System"/>
        <s v="Correspondence Tracking Inventory System"/>
        <s v="FIP My Payment"/>
        <s v="Enterprise Search Component and Applications"/>
        <s v="Program Support Log"/>
        <s v="Communication Management Portal"/>
        <s v="Electronic Waivers on Withholding- Legacy"/>
        <s v="Non-Resident Tax Calculator"/>
        <s v="Compliance Systems Redesign Business Intelligence"/>
        <s v="System Access Definition Catalogue / Role Based Access Guide"/>
        <s v="Enterprise Automated Outputs"/>
        <s v="Enterprise Correspondence History"/>
        <s v="Enterprise Personalized Correspondence"/>
        <s v="Saperion"/>
        <s v="Enterprise Verse Management Facility"/>
        <s v="Ident Application Server Interface"/>
        <s v="Home Buyers Program Error Detection"/>
        <s v="Home Buyers Program Bi-Annual Matching T4RSP Update"/>
        <s v="Home Buyers Program Weekly Monitor/Statistics Report"/>
        <s v="Home Buyers Program Address Update"/>
        <s v="Home Buyers Program Account Number Maintenance"/>
        <s v="Home Buyers Program Daily Assessing System"/>
        <s v="Pension Reform Account Number Maintenance"/>
        <s v="Pension Reform Matching"/>
        <s v="Pension Reform Mustrap"/>
        <s v="Pension Reform Revenue Quebec"/>
        <s v="LIFELONG LEARNING PLAN ACCOUNT NUMBER MAINTENANCE"/>
        <s v="LIFELONG LEARNING PLAN ETC REPORT"/>
        <s v="Lifelong Learning Plan Matching - Cancels"/>
        <s v="LIFELONG LEARNING PLAN MATCHING"/>
        <s v="Lifelong Learning Plan Monitor Report"/>
        <s v="Lifelong Learning Plan T1UPDATE"/>
        <s v="CRA - Credential Management Service"/>
        <s v="Change My Marital Status"/>
        <s v="T1 PR Account Number Maintenance"/>
        <s v="Assessing Master Account Number Maintenance"/>
        <s v="T1 Processing Review Rules"/>
        <s v="T1 ASSESS Return Tracking"/>
        <s v="Benefits Online Application"/>
        <s v="BENEFITS PROGRAM DECISION SUPPORT"/>
        <s v="MinDirect (Minister's Mailbox)"/>
        <s v="Educators Ordering &amp; Tracking System"/>
        <s v="Internal PKI Registration System -  Admin Services"/>
        <s v="Benefit Programs Electronic Reports"/>
        <s v="Individual Ident Update Panel"/>
        <s v="Governor Interface"/>
        <s v="INFODEC Penalty Assessment"/>
        <s v="Message Centre"/>
        <s v="TRIS T1013 Web Service"/>
        <s v="Business Registration Online"/>
        <s v="Skills Based Human Resource Management"/>
        <s v="Authentication Credential Enquiry"/>
        <s v="Infodec Return Master Application Server"/>
        <s v="Online Standardized Testing System"/>
        <s v="T1 Processing Review Edocuments Application"/>
        <s v="Payroll Deduction Support Application"/>
        <s v="Electronic Delivery of CRA Correspondence"/>
        <s v="Federal Court Legal Documents"/>
        <s v="ART Consolidated"/>
        <s v="ART Non-Filer"/>
        <s v="Trust Account Calculation Tool"/>
        <s v="Performance Reporting Analytical Solution"/>
        <s v="IRC Data Mining"/>
        <s v="Customs Case Platform"/>
        <s v="Government Programs Letterbook System"/>
        <s v="T1 Assessment"/>
        <s v="My Account - Change My Return Reports"/>
        <s v="Electronic Complaints Form for the  Office of the Taxpayers' Ombudsman"/>
        <s v="End Child Care"/>
        <s v="CAS HelpDesk Web Portal"/>
        <s v="Secured e-Manual Search Environment"/>
        <s v="Integrated Staffing System"/>
        <s v="Compliance Desktop application  - Integras"/>
        <s v="Business Client Communication System Batch"/>
        <s v="Electronic Message Management"/>
        <s v="T1 Business Rules Parameters"/>
        <s v="T1 Desktop"/>
        <s v="T1 Edits - ROE (Record of Earnings) Letter"/>
        <s v="Analytics Enterprise Communication Online Datamart"/>
        <s v="Analytics External Service Standards Datamart"/>
        <s v="Analytics Payment Processing Datamart"/>
        <s v="Filenet"/>
        <s v="Business Menu"/>
        <s v="Central Debt Expiry Calculator"/>
        <s v="T1 Reporting"/>
        <s v="TD1 Wizard"/>
        <s v="Audit Laptop System Distributed"/>
        <s v="Smartlinks Click to Talk Web Form"/>
        <s v="SA/T2 MF Reports"/>
        <s v="Outlook Properties Web Form"/>
        <s v="My Account - Client Data Enquiry"/>
        <s v="TFNnet"/>
        <s v="Agent Scheduler"/>
        <s v="Tax Data Delivery"/>
        <s v="Manage Online Mail"/>
        <s v="HBP and LLP account details"/>
        <s v="Benefits Submit Documents"/>
        <s v="Taxpayer Services Debt Management Branch Custom-made User View"/>
        <s v="MyCRA"/>
        <s v="Compliance Enterprise Business Intelligence Solution"/>
        <s v="Community Volunteer Income Tax Program"/>
        <s v="My Account - Submit Documents"/>
        <s v="Foreign Exchange Information Tool"/>
        <s v="My Account - Remittance Voucher"/>
        <s v="Audit Trails for Local Solutions"/>
        <s v="My Account - Change my T1 Return"/>
        <s v="RRSP details"/>
        <s v="E-Manual Search"/>
        <s v="T1 Datamart - ABSB Benefits"/>
        <s v="T1 Data Mart - SIB"/>
        <s v="T1 Data Mart - CVB"/>
        <s v="CAFM Archibus"/>
        <s v="CPP/EI Rulings External Web Application"/>
        <s v="Publishing Content Management Solution"/>
        <s v="SABA - Integrated Learning Management System"/>
        <s v="Arial"/>
        <s v="Cognos Businees Intelligence"/>
        <s v="GCcampus"/>
        <s v="Cognos TM1"/>
        <s v="AccessPro Bundle"/>
        <s v="CCM Enterprise"/>
        <s v="SimpleSurvey"/>
        <s v="Microsoft Team Foundation"/>
        <s v="Help Desk Authority"/>
        <s v="Learning Product Application"/>
        <s v="SmartSheet"/>
        <s v="OSTicket"/>
        <s v="InMagic DB\TextWorks"/>
        <s v="Platinum"/>
        <s v="infoZone"/>
        <s v="WorkPlan"/>
        <s v="Mailing List"/>
        <s v="Enterprise Application Services (SOA)"/>
        <s v="COM Lookup Services"/>
        <s v="Client Management System"/>
        <s v="Client Management System (Fresh Fruit and Vegetable)"/>
        <s v="Common Data Management System"/>
        <s v="Reset Intranet Password (used by SOS - Help desk)"/>
        <s v="Animal Health Risk Assessment (SP)"/>
        <s v="Identification / Designation Card System"/>
        <s v="Procurement and Contract Request Tracking"/>
        <s v="Reference Database for Hazard Identification (internal)"/>
        <s v="Staffing Log"/>
        <s v="Fast Tracking Staffing"/>
        <s v="SAP Interface"/>
        <s v="Standalone Electronic Invoicing System"/>
        <s v="SAP Upload"/>
        <s v="SAP-FIRM Upload"/>
        <s v="SAP-Admin version"/>
        <s v="Product Registration System"/>
        <s v="Alert Import/AIL"/>
        <s v="Canadian Emergency Management Response System"/>
        <s v="Issues Management System"/>
        <s v="Outbreak Control Monitoring System OCMS/ALHB"/>
        <s v="Export Certification System"/>
        <s v="Meat Export Importing Country Requirements (ICR) Manager (Client)"/>
        <s v="Meat Export Read Importing Country Requirements (ICR) (Web)"/>
        <s v="Management System for Meat Program Establishments"/>
        <s v="ASISST"/>
        <s v="AIRS Manager"/>
        <s v="AIRS Requirements Analysis (Web)"/>
        <s v="AIRS Query (Citrix)"/>
        <s v="AIRS Verification Service"/>
        <s v="AIRS Web Query"/>
        <s v="Automated Directive Management System"/>
        <s v="E-Cert Meat Import"/>
        <s v="Electronic Data Interface Input"/>
        <s v="Ministerial Exemption Authorization System"/>
        <s v="Import Control and Tracking System Phase 2"/>
        <s v="Import Control and Tracking System"/>
        <s v="Import Permit System"/>
        <s v="Import Retrieval System"/>
        <s v="MCAP Return (background tasks)"/>
        <s v="MCAP Tracking (background tasks)"/>
        <s v="Digital Document Store"/>
        <s v="Compliance Verification System"/>
        <s v="Multi-Commodity Activities Program"/>
        <s v="MCAP-Remote"/>
        <s v="SPRINT (Citrix)"/>
        <s v="Management Resource and Results Structure - Work Planning Tool"/>
        <s v="Quality Management System (Web)"/>
        <s v="Quality Management System Admin (Gupta)"/>
        <s v="National Enforcement Tracking Sytem"/>
        <s v="CLGA Data Sharing"/>
        <s v="LSTS User Services 2006 (Web)"/>
        <s v="LSTS SampleManager   v10.0"/>
        <s v="Residue, Anti-Microbial &amp; Micro-Organism System"/>
        <s v="Gemini"/>
        <s v="Executive Correspondence System - TRECS"/>
        <s v="Internal Conflict Management System - ICMS"/>
        <s v="Conflict and Appeals Office Tracking System - CAO"/>
        <s v="Regulatory Affairs Workflow Management System - RAWMS"/>
        <s v="RDIMS - Records, Document and Information Management System"/>
        <s v="Research Branch - STAT"/>
        <s v="Netmail Search"/>
        <s v="Alert Package- Reporting"/>
        <s v="Audits Package- Reporting"/>
        <s v="Authorizations Package- Reporting"/>
        <s v="ECS Fish Package- Reporting"/>
        <s v="ECS Meat- Reporting"/>
        <s v="Fish Imports- Reporting"/>
        <s v="Imports Inspections Package- Reporting"/>
        <s v="Imports Cube - EN - Reporting"/>
        <s v="Imports Cube - FR - Reporting"/>
        <s v="Inspections Package- Reporting"/>
        <s v="Licences Package- Reporting"/>
        <s v="IMS - Reporting"/>
        <s v="EDI - Feed- Reporting"/>
        <s v="EDI - Fertilizer- Reporting"/>
        <s v="EDI - Plant Health- Reporting"/>
        <s v="EDI - IMFD- Reporting"/>
        <s v="EDI - Animal Health- Reporting"/>
        <s v="EDI - Common- Reporting"/>
        <s v="PRS Applications - Feed- Reporting"/>
        <s v="PRS Registrations - Feed- Reporting"/>
        <s v="PRS Registrations - Fertilizer- Reporting"/>
        <s v="PRS Submissions - Fertilizer- Reporting"/>
        <s v="Lab - Feed- Reporting"/>
        <s v="Lab - FSAP- Reporting"/>
        <s v="Lab - Fertilizer- Reporting"/>
        <s v="CDMS- Reporting"/>
        <s v="IRS- Reporting"/>
        <s v="MRRS - Reporting"/>
        <s v="IPS - Reporting"/>
        <s v="EAS - Processed Products- Reporting"/>
        <s v="MCAP Facility - Processed Products- Reporting"/>
        <s v="LSTS - Food - Reporting"/>
        <s v="LSTS - Animal Health- Reporting"/>
        <s v="Plant Health- Reporting"/>
        <s v="IMFD Audit- Reporting"/>
        <s v="TNIP - Reporting"/>
        <s v="CVS - Meat- Reporting"/>
        <s v="US Export- Reporting"/>
        <s v="E-Cert- Reporting"/>
        <s v="ICTS - Meat- Reporting"/>
        <s v="QMS - Meat- Reporting"/>
        <s v="HR - Reporting"/>
        <s v="Feed - Metrics - Reporting"/>
        <s v="Fertilizer - Metrics - Reporting"/>
        <s v="Processes products(fruits &amp; vegetables) - Metrics - Reporting"/>
        <s v="Fish &amp; Seafood - Metrics - Reporting"/>
        <s v="Maple Products - Metrics - Reporting"/>
        <s v="Meat Hygiene - Metrics - Reporting"/>
        <s v="Animal Health - Metrics - Reporting"/>
        <s v="Parlimentary - Metrics - Reporting"/>
        <s v="CFIA RSS Feeds"/>
        <s v="CFIA External Website Search"/>
        <s v="NetInsight"/>
        <s v="Adobe Livecycle"/>
        <s v="e-forms (IBM)"/>
        <s v="Internal Image Gallery"/>
        <s v="Asset Master Record Number (AMR) and/or Equipment Number Request"/>
        <s v="Email Notification Subscription Self-Service (Listserv sign-up) - internal"/>
        <s v="Ground Transportation Cost Calculator"/>
        <s v="Employee Exit Survey"/>
        <s v="Veterinary Medicine (VM) Group Classification Decisions"/>
        <s v="CFIA Course Catalogue plus Admin Module"/>
        <s v="Software Certification for Infrastructure Environment (SCIE)"/>
        <s v="Addition Request for New Employees (DirectInfo)"/>
        <s v="Finance &quot;Cash Only&quot; Table"/>
        <s v="Saturn Customer Table"/>
        <s v="Forms Catalogue plus Admin Module"/>
        <s v="HR Web Publishing Request Form"/>
        <s v="Notice of Recourse plus Admin Module"/>
        <s v="New Blackberry User Request"/>
        <s v="&quot;Contact Us&quot; page (Internal)"/>
        <s v="Proactive Disclosure Reports"/>
        <s v="CFIA Feedback form (external)"/>
        <s v="Federally Registered Meat Establishments and Licensed Operators"/>
        <s v="Mandatory Inspection List (Fish)"/>
        <s v="List of Establishments Approved for Export (Fish)"/>
        <s v="CFIA Fish List"/>
        <s v="List of Permitted Additives in Fish &amp; Fish Products"/>
        <s v="Reference Listing of Accepted Construction Materials, Packaging Materials and No"/>
        <s v="Veterinary Biologics Licensed in Canada"/>
        <s v="Registered Products List (Fertilizer)"/>
        <s v="Email Notification Subscription Self-Service (Listserv sign-up) - external"/>
        <s v="Plants Evaluated for Environmental and Livestock Feed Safety"/>
        <s v="Internal Website Search"/>
        <s v="Foodrecall Publishing Service"/>
        <s v="Chemical Residue and Biological Reports"/>
        <s v="Watchfire"/>
        <s v="ATIP"/>
        <s v="GIS"/>
        <s v="Fumigant"/>
        <s v="Employee Transition Management System"/>
        <s v="Electronic Exchange of Export Certificates"/>
        <s v="Traceability National Information Portal"/>
        <s v="RSTS (Rabies Sample Tracking System)   v1.0"/>
        <s v="Ombudsman - Tracking System"/>
        <s v="Center of Administration"/>
        <s v="CCM Exchange"/>
        <s v="Guidance Document Repository"/>
        <s v="Report a Food Safety Concern"/>
        <s v="Foreign countries establishments eligible to export meat products to Canada Sear"/>
        <s v="Food Labelling - Oracle Policy Analyst"/>
        <s v="Food Safety Process (HTML5 Interactive Content)"/>
        <s v="Professional Development and Continuous Learning"/>
        <s v="Trial Tracker"/>
        <s v="MQ - Sphere"/>
        <s v="Samplemanager - mail gateway"/>
        <s v="AIRS Query Web - External"/>
        <s v="AIRS Query Service"/>
        <s v="MISB - Reporting"/>
        <s v="Regulatory Science (SR) Classification"/>
        <s v="Mental Health Peer Support Program (PSP) Tool"/>
        <s v="Together Working for Canadians Submit"/>
        <s v="Together Working for Canadians Vote"/>
        <s v="Pres Info"/>
        <s v="Status Update on the Surveillance of Wild Anadromous Salmonids in British Columb"/>
        <s v="Epidemiological Evaluation of Surveillance Activities in British Columbia Farmed"/>
        <s v="Web Coding Form"/>
        <s v="Questions and Comments Form"/>
        <s v="LSTS  Reports"/>
        <s v="Plant Varieties of Crop Kinds Registered in Canada"/>
        <s v="Payment and Invoicing System"/>
        <s v="Enterprise Secure Authentication Services"/>
        <s v="CRM"/>
        <s v="Electronic Data Interface Output"/>
        <s v="Electronic Data Interface Manager Services"/>
        <s v="AIRS Query (Internal web)"/>
        <s v="ABBYY processing (DDS)"/>
        <s v="DDS Monitoring Dashboard"/>
        <s v="Common lookup - Recherche Commune"/>
        <s v="SPLUNK"/>
        <s v="SQUID"/>
        <s v="IBM License Management Tool"/>
        <s v="Oracle Report Server"/>
        <s v="Single Sign On"/>
        <s v="Application Integration Hub"/>
        <s v="License management System"/>
        <s v="Import Admissability Application"/>
        <s v="SWI Receiver Service"/>
        <s v="SWI Responder Service"/>
        <s v="SWI Processor Service"/>
        <s v="SWI Tasks Service"/>
        <s v="WSFTP Pro"/>
        <s v="SWI HS Code Filter"/>
        <s v="Docushare Tier 1"/>
        <s v="Compliance Verification System  (secondary)"/>
        <s v="WEB_CDO"/>
        <s v="Public Web Site"/>
        <s v="Listserv sign up: Food recall notifications"/>
        <s v="Listserv sign up: Other food-related notifications"/>
        <s v="Listserv sign up: Animal health and feed-related notifications"/>
        <s v="Listserv sign up: Plant health, seed and fertilizer-related notifications"/>
        <s v="Listserv sign up: &quot;What's New&quot; and general information notifications"/>
        <s v="Electronic Inspection Worksheet (Wave 1)"/>
        <s v="RDHI External"/>
        <s v="Farm Layout Manager"/>
        <s v="Pre-market Application Submission"/>
        <s v="TMA/EMM"/>
        <s v="Regulatory Agenda &quot;Green and Gold&quot;"/>
        <s v="Accredited Veterinarian Information System"/>
        <s v="ACIA Enquete Quebec Principal"/>
        <s v="Aquapiq"/>
        <s v="EJS"/>
        <s v="Business Continuity Planning data"/>
        <s v="CCVB Annual Licence Permit Holders"/>
        <s v="CCVB Export Certificates Log 2012"/>
        <s v="CCVB Inspection tracking Log 2012"/>
        <s v="CCVB New Product Submission"/>
        <s v="CCVB Non-Annual Import Permit Log 2012"/>
        <s v="CCVB Permit to Release Log Book"/>
        <s v="CCVB Revenues-VB Log 2012"/>
        <s v="CCVB Serial Release Log 2012"/>
        <s v="CCVB Suspected Adverse Events Log 2012"/>
        <s v="CFIA Fish List (dai)"/>
        <s v="CVS Feed Database"/>
        <s v="CVS Rendereing database"/>
        <s v="Canada Organic Office Complaint Register"/>
        <s v="Canadian Emergency Management Response System(dai)"/>
        <s v="Challenge Check Samples 2012"/>
        <s v="Charlottetown Lab Culture Collection Database"/>
        <s v="Charlottetown Laboratory Master Sample Inventory"/>
        <s v="Cheese Import database"/>
        <s v="Culture Validation database"/>
        <s v="Dairy List of Registered Establishments and List of Establishments for Distribut"/>
        <s v="Dairy MCAP data"/>
        <s v="Dairy Program Policy Decision Database"/>
        <s v="Dairy QLIs and audit findings"/>
        <s v="Data_0910"/>
        <s v="Egg - Decisions and Label database"/>
        <s v="Egg - List of registered establishments"/>
        <s v="Egg  Inspection Reports"/>
        <s v="Equipment database"/>
        <s v="List of Regulated Commodoties"/>
        <s v="FSD_Micro_STEC Trims Industry Database"/>
        <s v="fact2013"/>
        <s v="Fish List reporting names solution"/>
        <s v="Foreign Plant Quarantine Import Requirement Forestry Tracking Sheet"/>
        <s v="Guide to Additives Permitted in Fish and Fish Products"/>
        <s v="HT draft master"/>
        <s v="ID draft master"/>
        <s v="Illegal Importation of VB, Log Book"/>
        <s v="Inquiry team - Tracking Document"/>
        <s v="Complaints &amp; Appeals Log"/>
        <s v="Language Training Status Report - Non Imperative Appointments"/>
        <s v="Learning Activity Database"/>
        <s v="Letter of No Objection Log"/>
        <s v="List of Cheese Import Licenses"/>
        <s v="List of USDA Processed Egg Establishment"/>
        <s v="Liste d'etablissement du Quebec"/>
        <s v="Liste de permis MRS"/>
        <s v="Live Animal Health Module - ICTS"/>
        <s v="ATIES"/>
        <s v="ARCigs"/>
        <s v="Mail_Services"/>
        <s v="NHP Database Temporary Marketing Authorization Letters"/>
        <s v="Net Quantity Verification Tool"/>
        <s v="New_Inquiry"/>
        <s v="PIP access"/>
        <s v="Plandac2000"/>
        <s v="Plant Breeders' right FoxPro database"/>
        <s v="Plant Protection Survey databases (pre-2010)"/>
        <s v="Poultry Team Folder"/>
        <s v="Quality Management System Document Database (charlottetown)"/>
        <s v="Risk-based data - RTE Meat Environmental Sampling"/>
        <s v="Security Incident Reports database"/>
        <s v="Simultation Exam for Inspectors"/>
        <s v="Staffing Log (DAI)"/>
        <s v="SurveyMonkey / FluidSurvey's"/>
        <s v="System des autorisations/exemtions"/>
        <s v="TIES Historical"/>
        <s v="TMA Simplified Process - Tracking Table"/>
        <s v="Tracking"/>
        <s v="Tracking Import Export System"/>
        <s v="Tracking sheet for IMFD Web Responses"/>
        <s v="db3"/>
        <s v="CIAQ - Semences des bovins"/>
        <s v="Base de données pour les fromages importés"/>
        <s v="Recall Publishing"/>
        <s v="National Strain Bank"/>
        <s v="(6 Spreadsheets) 1) PSP Sample Submission Tracking and Contacts, 2) Contaminated"/>
        <s v="NCFADDocControldb6.mdb"/>
        <s v="LRRU Reg Database 1999(H) - 2013 AND LRRU eSubmissions_data2005 - 2013"/>
        <s v="Orchard"/>
        <s v="MSDS Manager &amp; Chemical Inventory"/>
        <s v="CertExp.mdb"/>
        <s v="AGM Ship Database"/>
        <s v="ciesubs 2k2a.mdb"/>
        <s v="Check Samples"/>
        <s v="Alberta South Egg Tracking Report 2012-2013"/>
        <s v="PT Trending Control Charts"/>
        <s v="IMFP Establishment Lists"/>
        <s v="Quality Management System Document Database (saskatoon)"/>
        <s v="CFIA Fleet Inventories and Fleet Reporting"/>
        <s v="MC Sample Log In"/>
        <s v="BioSubs1 2k2a.mdb"/>
        <s v="RABDATABASE"/>
        <s v="ACCU Database"/>
        <s v="Calgary Lab Chemical Inventory"/>
        <s v="ACCU QA Database"/>
        <s v="Monthly Test Tally"/>
        <s v="QC Charts"/>
        <s v="Plate Reader Verifications"/>
        <s v="Nov2006_database.mdb (2)"/>
        <s v="ofsr recall database jan 14 2009"/>
        <s v="Crop Inspection"/>
        <s v="Grande Prairie 2012 Crop Inspection.mdb"/>
        <s v="ZY Index"/>
        <s v="PSP Sample Submission Tracking and Contacts"/>
        <s v="Vancouver Harbour Post Office Database"/>
        <s v="Grain Samples Data base"/>
        <s v="DQUAL"/>
        <s v="Active crop inspection database"/>
        <s v="Social Media monitoring database"/>
        <s v="téléphonieXP"/>
        <s v="Inventory"/>
        <s v="Multiple Endnote libraries"/>
        <s v="Base de données exportation produits laitiers 03-06-2010"/>
        <s v="Quality Managment System Document Database (dai)"/>
        <s v="samples 2k2a.mdb"/>
        <s v="BioSubs1_Access97.mdb"/>
        <s v="ciesubsAccess97.mdb"/>
        <s v="samplesAccess97.mdb"/>
        <s v="ACC Column Inventory"/>
        <s v="Calgary Laboratory Document Tracking System - ACC Documents"/>
        <s v="Data Backup Information Directory"/>
        <s v="MSP-003 Trend Chart, Cooked ELISA"/>
        <s v="North Alberta MRRS database"/>
        <s v="Nested Experiment Template V2.04.xlt"/>
        <s v="données Nématode doré version 3"/>
        <s v="Equipment Inventory"/>
        <s v="CAHSN ordering"/>
        <s v="SschenkeveldS"/>
        <s v="@RISK 7.5   v7.5.01146.0"/>
        <s v="Accelrys Gene 2.5   v2.5"/>
        <s v="ACD/Labs Software in C:\ACD12\   vv12.00, NETWORK"/>
        <s v="ACDSee Photo Manager 2009   v11.0.115"/>
        <s v="ACDSee Pro 8 (64-bits)   v8.2.0.287"/>
        <s v="ActivePerl 5.18.2 Build 1802 (64-bit)   v5.18.1802"/>
        <s v="ActiveState Komodo Edit 10.1.4   v10.1.4"/>
        <s v="Adobe Acrobat XI Standard   v11.0.19"/>
        <s v="Adobe After Effects CS4   v9"/>
        <s v="Adobe Animate CC 2017   v16.1"/>
        <s v="Adobe Captivate 5   v5"/>
        <s v="Adobe Contribute CS4   v5"/>
        <s v="Adobe Creative Cloud   v3.9.5.353"/>
        <s v="Adobe Creative Suite 5 Web Premium   v5"/>
        <s v="Adobe CS6 Design and Web Premium   v6"/>
        <s v="Adobe Device Central CS4   v2"/>
        <s v="Adobe Dreamweaver CS6   v12"/>
        <s v="Adobe eLearning Suite   v1"/>
        <s v="Adobe Encore CS4   v4"/>
        <s v="Adobe Fireworks CS6   v12.0.1"/>
        <s v="Adobe Flash Professional CC 2014   v14.2"/>
        <s v="Adobe Illustrator CC 2014   v18.1.1"/>
        <s v="Adobe Illustrator CS6   v16"/>
        <s v="Adobe InDesign CS4   v6"/>
        <s v="Adobe Photoshop CS6   v13"/>
        <s v="Adobe Photoshop Elements 5.0   v5"/>
        <s v="Adobe Photoshop Elements 9   v9.0.3.0"/>
        <s v="Adobe Photoshop Lightroom 5.3 64-bit   v5.3.1"/>
        <s v="Adobe Prelude CC 2017   v6.0.2"/>
        <s v="Adobe Premiere Pro CS4   v4"/>
        <s v="Adobe Reader 9   v9.0.0"/>
        <s v="Adobe Refresh Manager   v1.8.0"/>
        <s v="Adobe SING CS4   v2"/>
        <s v="Adobe SpeedGrade CC 2015   v9.1.0"/>
        <s v="Adobe Stock Photos CS3   v1.5"/>
        <s v="Agilent ChemStation   v04.03.054"/>
        <s v="Agilent Lab Advisor   v02.08.169"/>
        <s v="Agilent MassHunter Workstation Quantitative Analysis Supplemental B.07.01   v7.1"/>
        <s v="Alertus Desktop Alert   v3.2.34.188"/>
        <s v="AlleleID 7.83   v7.83"/>
        <s v="Altova MissionKit 2015 sp1 (x64) Enterprise Edition   v2015.00.01"/>
        <s v="Analyst® 1.6 Software   v1.6.0.3773"/>
        <s v="Analytica 4.2, from Lumina Decision Systems, Inc.   vAnalytica 4.2.3"/>
        <s v="Antidote HD   v7.6.7022"/>
        <s v="AppGate Client 11.1.2   v11.1.2"/>
        <s v="Applied Biosystems ViiA 7 Software   v1.2.3"/>
        <s v="ArcGIS 10.2 for Desktop   v10.2.3348"/>
        <s v="ArcGIS Desktop   v9.2.1324"/>
        <s v="ArcGIS Diagrammer   v1.0.16"/>
        <s v="ArcGIS Earth   v1.3.1472"/>
        <s v="ArcPad 10.2   v10.2.00020050"/>
        <s v="APM Repository   v1.0"/>
        <s v="Fertilizer Tracking System"/>
        <s v="ArrayStar 5.1.0.114   v5.1.0.114"/>
        <s v="Audacity 2.1.2   v2.1.2"/>
        <s v="AutoCAD 2016   v20.1.49.0"/>
        <s v="AutoCAD LT 2017 - English   v21.0.52.0"/>
        <s v="Autodesk App Manager 2016   v2.0.0"/>
        <s v="Autodesk AutoCAD LT 2015 - English   v20.0.51.0"/>
        <s v="Autodesk Design Review 2013   v13.0.0.82"/>
        <s v="Autodesk Inventor Fusion 2013   v2.0.0.206"/>
        <s v="Autodesk ReCap   v1.0.43.27"/>
        <s v="Autodesk ReCap 2016   v1.5.0.33"/>
        <s v="BAX Q7 Install   v3.5.4135"/>
        <s v="Beacon Designer 8.02   v8.02"/>
        <s v="BEAGLE   v2.1"/>
        <s v="Bentley Geo Web Publisher Map Viewer V8i (SELECTseries 5)   v08.11.13.26"/>
        <s v="BindIt for KingFisher   v3.1.024"/>
        <s v="BindIt Software 3.2 for KingFisher Instruments   v3.2.0"/>
        <s v="BindIt Software 3.3 for KingFisher Instruments   v3.3.0"/>
        <s v="BioEdit   v7.2.5.0"/>
        <s v="Biolog GENIII Database"/>
        <s v="BioNumerics 7.6   v7.6.32287"/>
        <s v="Bio-Rad CFX Manager 3.0   v3.0.1216.0723"/>
        <s v="Bio-Rad iQ5 2.1 Standard Edition   v2.1.97"/>
        <s v="Bio-Rad Precision Melt Analysis Software 1.2   v1.2.131.1030"/>
        <s v="BlackBerry 10 Desktop Software   v1.1.0.22"/>
        <s v="Brackets   v1.3"/>
        <s v="CA ERwin Data Modeler r8.2   v8.200.3598"/>
        <s v="CambridgeSoft ChemOffice Ultra 2010   v12"/>
        <s v="CamStudio 2.7.4   v2.7.4"/>
        <s v="Camtasia 9   v9.0.3.1627"/>
        <s v="Camtasia Studio 8   v8.1.2.1327"/>
        <s v="CDAP   v2.1"/>
        <s v="Cellometer AutoT4   v3.1.1"/>
        <s v="CLC Genomics Workbench 9.5.2   v9.5.2"/>
        <s v="CLC Sequence Viewer 7.0.2   v7.0.2"/>
        <s v="Climex and Dymex   v3.0.2"/>
        <s v="Clone Manager Professional 9   v9.2"/>
        <s v="ClustalX2   v2.0.11"/>
        <s v="ClustalX2   v2.1"/>
        <s v="CodonCode Aligner   v4.2.2"/>
        <s v="Content Manager   v2.7"/>
        <s v="CorelDRAW Graphics Suite X5   v15.3"/>
        <s v="CPDSIndex 1.0"/>
        <s v="Crystal Reports 9   v1.00.0000"/>
        <s v="Cumulus 6 Workgroup Client   v6.0.1.0"/>
        <s v="Cytoscape 3.2.0   v3.2.0"/>
        <s v="DASHost 2.16 (remove only)   v2.16"/>
        <s v="DecisionTools Suite 7.5   v7.5.00104.0"/>
        <s v="Dendroscope 3.2.9   v3.2.9"/>
        <s v="Design-Expert 10   v10.0.0"/>
        <s v="Desktop Garp   v1.00.000"/>
        <s v="diashapes   v0.2.2"/>
        <s v="diashapes   v0.3.0"/>
        <s v="DNASTAR Lasergene 14   v14.0.0"/>
        <s v="Doc-It Colony Counter   v7.0.1"/>
        <s v="Dotfuscator and Analytics Community Edition 5.18.1   v5.18.1.2898"/>
        <s v="Dragon NaturallySpeaking 13   v13.00.000"/>
        <s v="EID Tag Manager version 2.0.4   v2.0.4"/>
        <s v="EidTagManager   v1.1.2"/>
        <s v="Embarcadero RAD Studio XE2   v9"/>
        <s v="EndNote X7   v17.7.1.10036"/>
        <s v="Enthought Canopy (64-bit)   v1.6.1.3253"/>
        <s v="Epi Info 7   v7.2.0.1"/>
        <s v="EPI Suite 6.3   v6.3.30"/>
        <s v="EpiData Analysis 2.2.2.185"/>
        <s v="EpiData Entry 3.1.2701.2008"/>
        <s v="EpiData Manager 4.0.0.95"/>
        <s v="ET GeoWizards 11.2 for ArcGIS 10.3   v11.2"/>
        <s v="eviSENSE   v1.1"/>
        <s v="EziLink   v3.4.0"/>
        <s v="Fact Sheet Fusion   v1.0.25"/>
        <s v="FedEx Ship Manager   v26.08.3905"/>
        <s v="Fiddler   v4.6.2.0"/>
        <s v="FileMaker Pro 14 (x64)   v14.0.3.0"/>
        <s v="FileSecure Lite   v2.92.0.0"/>
        <s v="FlowBreeze3   v3.6.717"/>
        <s v="FlyCapture 2.4 Release Candidate 8 (x64)   v2.4.8"/>
        <s v="Flypaper for Lectora   v3.9.0.2435"/>
        <s v="Food Defense Plan Builder   v1.1.8"/>
        <s v="Freedom Scientific Braille   v18.0.2515.0"/>
        <s v="Freezerworks Unlimited 6.0 Client   v6.0.0"/>
        <s v="FTDIDevice   v1.0.0"/>
        <s v="Galapagos   v1.0.0.0"/>
        <s v="Garmin Express   v5.3.1.0"/>
        <s v="Gen5 1.10   v1.10.8"/>
        <s v="Gene Runner   v5.0.998"/>
        <s v="Geneious 9.1.7   v9.1.7"/>
        <s v="Genie Explorer   v2.0.3"/>
        <s v="GenieII   v1.2.9"/>
        <s v="Git version 2.9.0   v2.9.0"/>
        <s v="GlobalMapper 15 (64-bit)   v15.00.0010"/>
        <s v="GraphPad Prism 7   v7.02"/>
        <s v="HerdMASTER Suite   v1.0.0"/>
        <s v="Hydranal Multimedia Guide   v4.0.0"/>
        <s v="i2 Analyst's Notebook 8   v8.5.1"/>
        <s v="i2 iBase 8   v8.1.1"/>
        <s v="i2 TextChart 8   v8.0.1"/>
        <s v="IATA Réglementation du transport des animaux vivants 2012   v39.00.000"/>
        <s v="IBM Cognos Insight   v10.2.2254.0"/>
        <s v="IBM i2 Analyst's Notebook 8   v8.9.7"/>
        <s v="IBM Informix Client-SDK 3.00   v3"/>
        <s v="IBM Notes 9.0.1 Social Edition   v9.01.13294"/>
        <s v="IBM Rational System Architect   v11.04.10252"/>
        <s v="IBM SmartCloud Meetings for IBM   v8.2.1"/>
        <s v="IBM SPSS Statistics 21   v21.0.0.0"/>
        <s v="iClone v5.51 PRO   v5.51.3507.1"/>
        <s v="IDEA 10.1   v10.1.2.11"/>
        <s v="Illumina Experiment Manager   v1.12.0"/>
        <s v="Illumina Sequencing Analysis Viewer 1.8.46.0   v1.8.46.0"/>
        <s v="Image Retriever 10   v10"/>
        <s v="Image Lab 5.2.1   v5.2.1.164"/>
        <s v="ImageJ 1.48v"/>
        <s v="Impromptu v7.1_EN   v0"/>
        <s v="Inkscape 0.91   v0.91"/>
        <s v="IntelliJ IDEA Community Edition 2016.3.5   v163.13906.18"/>
        <s v="IntelliPRINT Analytics   v3.5.36.6"/>
        <s v="InterSpread Plus CFE v6   v6.1.1.25"/>
        <s v="IPAK   v1.1.2148"/>
        <s v="IPAK   v1.5.0001"/>
        <s v="JAGS 3.3.0   v3.3.0"/>
        <s v="JAX-CMS   v1.0.0"/>
        <s v="JetBrains PyCharm 2016.3.1   v163.9735.8"/>
        <s v="JetBrains PyCharm Community Edition 3.4.1   v135.1057"/>
        <s v="Kaluza 1.2   v1.2.12286.11234"/>
        <s v="Kaluza Analysis 1.5a   v1.5.20365.16139"/>
        <s v="LabX direct balance v2.5   v2.5.9"/>
        <s v="LabX direct pH   v3.3.6"/>
        <s v="LAMP Designer 1.15   v1.15"/>
        <s v="Leica Application Suite V4.9   v4.9.0.129"/>
        <s v="LightCycler® 96   v1.1.1320"/>
        <s v="Livetrack Manager 4.1.5   v4.1.5"/>
        <s v="Lotus Notes 8.5.3   v8.53.11258"/>
        <s v="Macromedia Dreamweaver 8   v8.0.0.2734"/>
        <s v="Macromedia Fireworks 8   v8.0.0.777"/>
        <s v="Manager   v15.5.3"/>
        <s v="MapInfo Professional 9.0   v9"/>
        <s v="MATLAB(R) Compiler Runtime 7.14   v7.14"/>
        <s v="MedCalc v17.2   v17.2.2"/>
        <s v="MedCalc statistical software v8.1   v8.1.0.0"/>
        <s v="MedCalc statistical software v8.2   v8.2.1.0"/>
        <s v="MEGA7 version 7.0.14   v7.0.14"/>
        <s v="MEGAN 4.70.4   v4.70.4"/>
        <s v="MestReNova LITE 5.2.5-4731   v5.2.5-4731"/>
        <s v="MicroLog 3, Version 5.2.2"/>
        <s v="Micromass MassLynx V4.1   v04.10.0000"/>
        <s v="Microplate Manager 6 v3.2   v3.2.1"/>
        <s v="Microsoft Azure Authoring Tools - v2.9.5.2   v2.9.8599.18"/>
        <s v="Microsoft Blend for Visual Studio 2015   v14.0.25420"/>
        <s v="Microsoft Dynamics CRM 2013 English (United States) Language Pack   v6.1.0004.01"/>
        <s v="Microsoft InfoPath MUI (English) 2016   v16.0.4266.1001"/>
        <s v="Microsoft Lync 2010   v4.0.7577.4109"/>
        <s v="Microsoft Mathematics (64-bit)   v4"/>
        <s v="Microsoft NuGet - Visual Studio Express 2013 for Windows Desktop   v2.8.50926.66"/>
        <s v="Microsoft Office Publisher 2007   v12.0.4518.1014"/>
        <s v="Microsoft Office SharePoint Designer 2010   v14.0.4763.1000"/>
        <s v="Microsoft Office Visio 2010   v14.0.4763.1000"/>
        <s v="Microsoft Project Professional 2002   v10.0.2915.0"/>
        <s v="Microsoft SharePoint Designer 2010   v14.0.7015.1000"/>
        <s v="Microsoft Silverlight   v5.1.50906.0"/>
        <s v="Microsoft SQL Server 2016"/>
        <s v="Microsoft Streets &amp; Trips 2013   v19.0.18.2600"/>
        <s v="Microsoft Visual Studio Enterprise 2015   v14.0.23107.178"/>
        <s v="Microsoft Web Deploy 3.6 3.1   v3.1238.1962"/>
        <s v="Microsoft Windows Server 2003 Standard Edition   v5.2.3790"/>
        <s v="Mindjet 14   v14.0.345"/>
        <s v="MindMapper 12   v12.00.6010"/>
        <s v="Minitab 17   v17.2.1"/>
        <s v="MKS Platform Components 9.x   v9.4.0100"/>
        <s v="Mplus Version 7.11 Base Program and Combination Add-On (64-bit)   v7.1.1"/>
        <s v="mRemoteNG 1.74   v1.74.6023.15437"/>
        <s v="MySQL Server 5.5   v5.5.8"/>
        <s v="MySQL Workbench 6.0 CE   v6.0.8"/>
        <s v="NanoDrop 2000 1.6   v1.6.198"/>
        <s v="NetBeans IDE 8.2   v8.2"/>
        <s v="NetDraw   v2.133"/>
        <s v="NIS-Elements D 4.20.00 (build 967)   v4.20.0.9670"/>
        <s v="NIS-Elements HASP Utilities 2.2 (build 851)   v2.2.0.8510"/>
        <s v="Nitro Pro 10   v10.5.8.44"/>
        <s v="NWA Quality Analyst 6.3   v2.4.208"/>
        <s v="Oligo 7.60"/>
        <s v="OligoArray 2.1.3"/>
        <s v="OligoArrayAux 3.8   v3.8"/>
        <s v="OneTouch 4.6.2   v4.6.2716.11040"/>
        <s v="OpenProj   v1.4.0"/>
        <s v="Oracle Database 11g Express Edition   v11.2.0"/>
        <s v="Oracle VM VirtualBox 5.1.8   v5.1.8"/>
        <s v="Paint Shop Pro 7   v7.0.4.0000"/>
        <s v="Papers 3   v3.2.42"/>
        <s v="PASW Statistics 18   v18.0.0"/>
        <s v="PAUP4   v3.99.151"/>
        <s v="PDF Architect 4   v4.0.34.26215"/>
        <s v="PDF995   v7.61.1"/>
        <s v="PDFill PDF Editor with FREE Writer and FREE Tools   v10"/>
        <s v="PDF-XChange 4   v4.0.191.0"/>
        <s v="PDQuest   v16.0.0"/>
        <s v="PMI Byonic Node for Proteome Discoverer 2.1 (1.0.342)   v1.0.342"/>
        <s v="PostgreSQL 9.2   v9.2"/>
        <s v="PQR 5   v5"/>
        <s v="Prezi 5.2   v5.2.8"/>
        <s v="Prezi Desktop   v6.15.0.0"/>
        <s v="Primer Premier 6.20   v6.2"/>
        <s v="PrioSCAN 3.0   v3.0.2"/>
        <s v="Privasoft AccessPro Redaction   v2.5.1.24"/>
        <s v="ProjectLibre 1.7   v1.7.0.0"/>
        <s v="PSTrace 3.0   v3.0.6"/>
        <s v="PyroMark Q24 2.0.6.20   v2.0.6"/>
        <s v="Python 3.5.1 Add to Path (32-bit)   v3.5.1150.0"/>
        <s v="QGIS 2.18 2.18.0 Las"/>
        <s v="QGIS Wien 2.8.3 Wien"/>
        <s v="QIAxcel BioCalculator   v3.2.07"/>
        <s v="QIAxcel ScreenGel 1.2.1   v1.2.1"/>
        <s v="QIAxcel ScreenGel 1.5.0   v1.5.0"/>
        <s v="Qtegra iCAP Q 2.1.1367.17   v2.1.1367.17"/>
        <s v="Quantity One 29   v29.0.0"/>
        <s v="QuantStudio(TM) Real-Time PCR Software   v1.3"/>
        <s v="R for Windows 3.3.3   v3.3.3"/>
        <s v="rapidN exceed 1.0.7   v1.0.7"/>
        <s v="Reference Manager 12 Professional Edition   v12.0.3.3262"/>
        <s v="RetroSpect2   v2.1.01"/>
        <s v="Rotor-Gene Q 2.3.1 (Build 49)"/>
        <s v="Rstudio 1   v1.0.136"/>
        <s v="Rtools 3.4"/>
        <s v="Sample   v1.00.0000"/>
        <s v="SampleManager 10 SP1 Client   v10.1"/>
        <s v="SampleManager for Windows 2004 R2   v8.1.0.0"/>
        <s v="SAS 9.4   v9.4"/>
        <s v="Scan to Microsoft SharePoint   v3.4.1"/>
        <s v="Sequencher 5.4.1   v5.4.1"/>
        <s v="Sequencing Analysis v5.2.0   v5.2.0"/>
        <s v="SharpDevelop 4.3   v4.3.9430"/>
        <s v="SigmaPlot 13.0   v13"/>
        <s v="SigmaStat 3.5   v3.5"/>
        <s v="SlimDX Runtime .NET 4.0 x86 (January 2012)   v2.0.13.43"/>
        <s v="SmartDraw 2007   v8"/>
        <s v="Smart-Vue   v1.0.0"/>
        <s v="Snagit 13   v13.0.3"/>
        <s v="SnapGene Viewer   v2.1.2"/>
        <s v="SoapUI 5.3.0 5.3.0   v5.3.0"/>
        <s v="SoftMax Pro v5.4   v5.4"/>
        <s v="Specify 6.5.02   v6.5.02"/>
        <s v="SplitsTree4 4.13.1   v4.13.1"/>
        <s v="SSE version 1.1"/>
        <s v="Staden Package   v2.0.0.9"/>
        <s v="STAMP v2.1.3"/>
        <s v="Stata 14   v14"/>
        <s v="STATISTICA 8.0.725.0 CS   v8.0.725.0"/>
        <s v="StepOne Software v2.3   v2.3"/>
        <s v="Stick Reader Configurator   v2.29.0"/>
        <s v="Stylusoft Asset Trak Manager   v2.1.0"/>
        <s v="Symantec Backup Exec (TM) 2010 R3   v13.0.5204"/>
        <s v="Tableau Public 8.2 (32-bit)   v8.2.1961"/>
        <s v="TeeChart Standard 2013 for RAD XE2   vVersion 2013"/>
        <s v="The Merck Index v 14.0   v14"/>
        <s v="The Unscrambler® X 10.4 (64-bit)   v10.4"/>
        <s v="Thermo SampleManager 11.2   v11.2.0.0"/>
        <s v="ThermoIQ 2.15   v2.0.15"/>
        <s v="ThermoIQ 2.16   v2.0.26"/>
        <s v="Toad for Oracle 2015 R2 Suite (x64)   v2.0.0.1"/>
        <s v="Topaz e-Signatures SigPlus 4.4.0.24   v4.4.0.24"/>
        <s v="TopStyle Lite (Version 3.0)   v3.1.0"/>
        <s v="TortoiseGit 1.8.16.0 (64 bit)   v1.8.16.0"/>
        <s v="TortoiseSVN 1.9.4.27285 (64 bit)   v1.9.27285"/>
        <s v="Total Validator Tool 8.6   v8.6.1"/>
        <s v="UCSF Chimera 1.8"/>
        <s v="V9PFAM   v9.3.0000"/>
        <s v="Variant Reporter Software v2.0   v2"/>
        <s v="Vector NTI 9   v9.1.0000"/>
        <s v="Waters MassLynx V4.1 SCN909   v04.20.0001"/>
        <s v="Waters TargetLynx   v4.00.0000"/>
        <s v="Web Link Validator 5.7 build 574"/>
        <s v="Wildlife Disease Database version 5.7.1   v5.7.1"/>
        <s v="AMPS Tracking"/>
        <s v="Animal Humane Transport draft master"/>
        <s v="Animal ID (traceability) draft master"/>
        <s v="Annual Plant Protection Survey Reports"/>
        <s v="SAS Studio 3.3 Single-User Edition (32-bit)   v3.3.1768.0"/>
        <s v="ASC check inspection tracking sheet (3695396)"/>
        <s v="ASD-ACIS applications (RDIMS 3784701)"/>
        <s v="Asian Gypsy Moth (AGM) Ship Database"/>
        <s v="Asset disposition list (ADL)"/>
        <s v="Blackberry/Cell phone Statistics"/>
        <s v="Border Lookout Monitoring Report"/>
        <s v="BSE Enhanced Surveillance Program"/>
        <s v="Canadian Centre for Veterinary Biologics (CCVB) Illegal Importation of VB / Impo"/>
        <s v="Complaints and Appeals Office quarterly data"/>
        <s v="Configuration Management database (CMDB)"/>
        <s v="Consultations"/>
        <s v="Database containing details regarding imported cheese products."/>
        <s v="Departmental Performance Report"/>
        <s v="Designation Cards Log"/>
        <s v="Enforcement and Investigation Services (EIS)"/>
        <s v="Federally Reportable Aquatic Animal Diseases in Canada"/>
        <s v="Federally Reportable Diseases for Terrestrial Animals in Canada"/>
        <s v="Feed Application Report by Officer"/>
        <s v="Fertilizer Registered Products"/>
        <s v="FIN Interim Invoicing"/>
        <s v="Food Safety Enhancement Program (FSEP) Tracking"/>
        <s v="Food Safety Testing Reports"/>
        <s v="Future-Oriented Financial Statements"/>
        <s v="IBM contractors"/>
        <s v="Imported and Manufactured Food Program (IMFP), Establishment Lists"/>
        <s v="Installation Sources"/>
        <s v="Invoice system"/>
        <s v="Isolated Bacterial Strains from CFIA Labs*"/>
        <s v="IT Equipment"/>
        <s v="Knowledge base (PHPKB)"/>
        <s v="Leases for Managed Print Services (MPS)"/>
        <s v="List of Pests Regulated by Canada"/>
        <s v="List of propagative plant material and other commodities that require an import"/>
        <s v="Managed Print Services (MPS) deployed sites"/>
        <s v="Managed Print Services (MPS) devices"/>
        <s v="Mandatory Notification Tracking Log"/>
        <s v="Microbiology reports"/>
        <s v="Monthly ATIP summaries"/>
        <s v="MyKey Validation"/>
        <s v="National Health Products (NHP), Database Temporary Marketing Authorization Lette"/>
        <s v="Non Technical Course Catalogue"/>
        <s v="Notice of Recourse"/>
        <s v="Phone statistics"/>
        <s v="Plant Growth Promoting Rhizbacteria Project database"/>
        <s v="Plant Variety Registration"/>
        <s v="Plant with novel traits (PNT) database"/>
        <s v="PPB Governance Outlook"/>
        <s v="Print Device Monitoring Statistics"/>
        <s v="Proactive Disclosure Reports (Wrong Doing)"/>
        <s v="Prosecution Bulletins"/>
        <s v="QP card log"/>
        <s v="Quarterly Financial Report"/>
        <s v="Quarterly reports of Administrative Monetary Penalties"/>
        <s v="Quarterly reports of Food Shipments Refused Entry into Canada"/>
        <s v="Quarterly reports of non-compliant and disposed food products"/>
        <s v="Rabies in Canada"/>
        <s v="Registered Seed Establishment-Canadian Seed Institute database, is not owned or"/>
        <s v="Registered user statistics for Enterprise Secure Access Services (ESAS)"/>
        <s v="Registered Varieties and Cancellations"/>
        <s v="Report on Plans and Priorities"/>
        <s v="Safe Food for Canadians Action Plan - News Releases"/>
        <s v="Science Branch Research and Arrangements Database (RAD)"/>
        <s v="Seed Identification Guide"/>
        <s v="Selfie Reporting SPRINT"/>
        <s v="Service request, incident and change data"/>
        <s v="Severity reports"/>
        <s v="signing authority list"/>
        <s v="Software licences"/>
        <s v="Special Project Officer Log"/>
        <s v="Susceptible Species of Aquatic Animals"/>
        <s v="Suspended and Cancelled Accreditation of Certification Bodies"/>
        <s v="Suspended and Cancelled Organic Certifications"/>
        <s v="Threat events"/>
        <s v="Traceability data by province, livestock category and time period."/>
        <s v="Training log"/>
        <s v="Viral and cell culture inventories"/>
        <s v="VRO - List of crop kinds from different sources"/>
        <s v="VRO- Multiplication Agreements Summary Tracking Sheet"/>
        <s v="VRO Name Check Database (7763312)"/>
        <s v="VRO Pedigree Database of Registered Varieties  O:\FID\PPD\Variety\VRO\PEDIGREE a"/>
        <s v="VRO Reference Sample Tracking (1399622)"/>
        <s v="VRO Registered Variety List"/>
        <s v="VRO-maf-CGSA Plant Breeders List, July 2014"/>
        <s v="Canadian Establishments Approved List for Fish and Seafood Export"/>
        <s v="Chemical residue reports"/>
        <s v="RightFax [SSC Managed]"/>
        <s v="Array Designer 4.40   v4.4"/>
        <s v="Array-Pro Analyzer   v6.3.1"/>
        <s v="ZaPrompt Pro 3.4.4   v3.4.4"/>
        <s v="XMind 6 (v3.5.1)   v3.5.1.201411201906"/>
        <s v="XLSTAT 2017   v19.02.01.43255"/>
        <s v="X-FIRE Client   v2.3.0.0"/>
        <s v="xChekPlus   v4.1.0"/>
        <s v="Xamarin   v4.1.0.530"/>
        <s v="WordPerfect Office X6 - WT   v16.1"/>
        <s v="Cargo Complaints"/>
        <s v="CIPRS"/>
        <s v="Data Dictionary"/>
        <s v="Grain Safety"/>
        <s v="Grain Standards"/>
        <s v="GRL Monitoring of Export Cargoes (GMEC)"/>
        <s v="GRL Sample"/>
        <s v="GRL Service Requests"/>
        <s v="GRL Tally"/>
        <s v="GSC Database"/>
        <s v="Licensing and Bonding Financials (LBFIN)"/>
        <s v="Licensed Elevators in Canada (LEIC)"/>
        <s v="MT Maintenance"/>
        <s v="National Inspection Monitoring - Outwards (NIM-O)"/>
        <s v="National Inspection Monitoring - Submitted Samples (NIM-SOS)"/>
        <s v="OSCAR"/>
        <s v="Security Application"/>
        <s v="Submitted/Official Samples (SOS)"/>
        <s v="Weed Seeds"/>
        <s v="Budget"/>
        <s v="CGC Website"/>
        <s v="Data Collection"/>
        <s v="FIS"/>
        <s v="Grain Dealers Monthly Reporting"/>
        <s v="Grain Elevators in Canada Online (GEICO)"/>
        <s v="Harvest Reporting"/>
        <s v="Harvest Sample Web Inquiry"/>
        <s v="LEIC Web (Renewal, Maintenance, and Producer Purchases)"/>
        <s v="PAA"/>
        <s v="Primary Elevator Annual Reporting (PEAR)"/>
        <s v="Primary /Process Weekly Reporting (PPEWR)"/>
        <s v="Producer Cars"/>
        <s v="Producer Cars - Online Ordering"/>
        <s v="SAS"/>
        <s v="SE Suites"/>
        <s v="IS Docs"/>
        <s v="PowerBuilder"/>
        <s v="Aboriginal Affairs Database"/>
        <s v="Call Log Database"/>
        <s v="CHIN Members DB"/>
        <s v="AC Contributor Registration Form"/>
        <s v="Fogbugz"/>
        <s v="PCH gateway"/>
        <s v="Authentication - CAS"/>
        <s v="Artefacts Canada Humanities"/>
        <s v="Artefacts Canada Contribution"/>
        <s v="Artefacts Canada Registration Admin Tool"/>
        <s v="World War Commemoration Community Fund - Tools and Templates"/>
        <s v="Artists in Canada Reference Database and Administration"/>
        <s v="Data Dictionaries Reference Database and Administration"/>
        <s v="Reference Database - Parks Visual Dictionary"/>
        <s v="Forum - Administration"/>
        <s v="Feedback and Administration"/>
        <s v="SVN Version Control"/>
        <s v="Wordpress CHIN and Administration"/>
        <s v="Nagios"/>
        <s v="Wiki"/>
        <s v="eNewsletter Admin Form"/>
        <s v="Help Desk/Bureau d'Aide"/>
        <s v="Preservation Information Management System"/>
        <s v="Risk Compliation Database"/>
        <s v="Shipment / Expédition"/>
        <s v="Sigma Plot"/>
        <s v="GCBO/CCPERB"/>
        <s v="Human Rights Publications"/>
        <s v="TracerPlus - Bar Code Tracking System"/>
        <s v="Access to Information Privacy ATIP (COTS: Access Pro Case Management and Access"/>
        <s v="Book Index Management System"/>
        <s v="Book Publishing Industry Development Program - Aid to Publishers / Supply Chain"/>
        <s v="DGIC Launcher"/>
        <s v="Music Entrepreneur Component- Canadian Music Fund (CMF) program IMSU"/>
        <s v="Publications Assistance Program (From 2003-2004 to 2012-2013)"/>
        <s v="SendSuite Package (Pitney Bowes)"/>
        <s v="CCM Correspondence Tracking Ministerial Correspondence System"/>
        <s v="Arts Policy Database"/>
        <s v="Grants and Contributions Business Online (GCBO/CAVCO)"/>
        <s v="Cultural Sector Investment Review (CSIR)"/>
        <s v="WCMS - Teamsite (Internet and Intranet)"/>
        <s v="PCH Telephone Directory"/>
        <s v="Gap Analyzer"/>
        <s v="Peoplesoft GC HRMS"/>
        <s v="Facilities Management Client Tracking"/>
        <s v="Site Secure Project (Formerly Personel Security Management System)"/>
        <s v="Org Plus"/>
        <s v="Nakisa Org Management"/>
        <s v="Ombudsman Tracking System"/>
        <s v="Staffing Tools / Outils de dotation"/>
        <s v="GiC Appointment Database"/>
        <s v="Reservations and Itineraries Services (Tours)"/>
        <s v="Protocol"/>
        <s v="IntelliEvent"/>
        <s v="Volunteer Works"/>
        <s v="Commemorate Canada"/>
        <s v="Gift Bank Database"/>
        <s v="Quebec Room Reservation"/>
        <s v="Athlete Assistance Program Management  Information System (AAPMIS)  - Business E"/>
        <s v="Sport Tracking, Assessment and Technical Statistic"/>
        <s v="Sports Canada Contribution Database"/>
        <s v="Grants and Contributions Information System"/>
        <s v="GCLinks (Grants and Contributions Information Management System .Net component )"/>
        <s v="Phone Directory Administrator's Tools"/>
        <s v="InfoCentre"/>
        <s v="Remedy"/>
        <s v="GCIMS Web Form"/>
        <s v="Records Document Information Management System"/>
        <s v="IRIMS Client"/>
        <s v="Pay List and cheques distribution / Liste de paie et distribution des cheques"/>
        <s v="Taxi Chits Information System"/>
        <s v="TBD"/>
        <s v="Transactional system - SAP Financial Management System"/>
        <s v="Business Warehouse - SAP Financial Management System"/>
        <s v="Portal - SAP Financial Management System"/>
        <s v="Sales and Billings"/>
        <s v="Treasury Board Submissions Program"/>
        <s v="FIS Interface Files Tool"/>
        <s v="Museum Assistant Program"/>
        <s v="Web workflow tool - CMS (Content Management Solution)"/>
        <s v="Work Force Adjustment"/>
        <s v="Client eNews Subscription Tool"/>
        <s v="TableCurve"/>
        <s v="Angus Anywhere"/>
        <s v="MatLab"/>
        <s v="Hoboware"/>
        <s v="Analytica"/>
        <s v="SketchUp"/>
        <s v="SolidWorks"/>
        <s v="Wufi Bio"/>
        <s v="Publications sales"/>
        <s v="Internal Audit - TeamMate"/>
        <s v="Authent"/>
        <s v="PCH Online Forms"/>
        <s v="Archaeological Conservation Treatment - Pre-excavation (Web forms)"/>
        <s v="Archaeological Conservation Treatment - Post-excavation/Museum Collections (Web"/>
        <s v="Conservation Treatments (Web forms)"/>
        <s v="Conservation Services - On-site (Web forms)"/>
        <s v="Environmental Monitoring Equipment Loans (Web forms)"/>
        <s v="Facilities Assessments (Web forms)"/>
        <s v="Artifact Analysis and Examination (Web forms)"/>
        <s v="Product and Material Evaluation (Web forms)"/>
        <s v="On-site Scientific Services (Web forms)"/>
        <s v="Contact Us (enquiry) Form (Web form)"/>
        <s v="Internships (Web forms)"/>
        <s v="Host a CCI Workshop (Web forms)"/>
        <s v="CIOB &amp; CCI Document Library"/>
        <s v="Crystal Report"/>
        <s v="MediaScope"/>
        <s v="Arc GIS"/>
        <s v="SPSS"/>
        <s v="nVivo"/>
        <s v="Public Opinion Research Database"/>
        <s v="FluidSurveys"/>
        <s v="Data Integration Tool"/>
        <s v="Beyond 20/20"/>
        <s v="Statistical Analysis System"/>
        <s v="Smart URL Redirect Management Tool"/>
        <s v="InfoSys (Formerly BBM)"/>
        <s v="Konversation"/>
        <s v="Mobile App: Winterlude"/>
        <s v="Mobile App: Canada Day in the Capital"/>
        <s v="Mobile App: Canadian Crown"/>
        <s v="Mobile App: Canada's Capital Walking Tour"/>
        <s v="PCH Application Inventory"/>
        <s v="Events Calendar"/>
        <s v="DM Blog"/>
        <s v="Distribution List Server"/>
        <s v="Tour of the Capital"/>
        <s v="Citrix"/>
        <s v="Vubis Smart Integrated Library System"/>
        <s v="Microsoft System Center Configuration Manager"/>
        <s v="Microsoft Deployment Toolkit"/>
        <s v="MBAM"/>
        <s v="Iguana"/>
        <s v="MOVEit"/>
        <s v="Promotional Items"/>
        <s v="VSysOne"/>
        <s v="Transformation Timeline Tool"/>
        <s v="Online Auction"/>
        <s v="SQL Monitor"/>
        <s v="WordToWET"/>
        <s v="PCH Dataset Inventory"/>
        <s v="Tableau Desktop/Server"/>
        <s v="PadCad"/>
        <s v="Evaluation"/>
        <s v="Recipient Audit"/>
        <s v="PaperCut"/>
        <s v="Site Server"/>
        <s v="EOS"/>
        <s v="AutoCad Design Review"/>
        <s v="Autocad LT"/>
        <s v="AutoDesk DWG TrueView 2014"/>
        <s v="AutoDesk"/>
        <s v="CanadaPostEST"/>
        <s v="Adobe CC - DreamWeaver"/>
        <s v="Encore Program"/>
        <s v="InteGREAT"/>
        <s v="TabQuik"/>
        <s v="VMWare Workstation"/>
        <s v="nLogic MicroPPM"/>
        <s v="nLogic Infosys+ Meter"/>
        <s v="nLogic MicroBBM"/>
        <s v="nLogic Infosys+ Diary"/>
        <s v="C150"/>
        <s v="AMX Xpert Management Suite – Composer"/>
        <s v="Proactive Disclosure Reporting"/>
        <s v="MailChimp"/>
        <s v="R (R Studio)"/>
        <s v="Canada 150 Skating Day Fund"/>
        <s v="Canadian Artists / Artist Materials Database / IcePatch"/>
        <s v="Canadian Artists / Artist Materials Database / Riopelle"/>
        <s v="Researchnet"/>
        <s v="GX MSFT"/>
        <s v="Annual Compliance Reports"/>
        <s v="Access Pro"/>
        <s v="Applicant Tracking System"/>
        <s v="BORIS"/>
        <s v="BORIS Calendar of Events"/>
        <s v="Computer Associates (CA) Project and Portfolio Management (PPM)"/>
        <s v="Case Management"/>
        <s v="Correspondance Tracking"/>
        <s v="Central Event Reporting &amp; Tracking System"/>
        <s v="Business Intelligence Software"/>
        <s v="e-Access statistics"/>
        <s v="Integrated Library System (Horizon)"/>
        <s v="Occupational Safety and  Health / Dose Information Tracking"/>
        <s v="Regulatory Document Public Consultation System"/>
        <s v="e-Access"/>
        <s v="Electronic Individual Learning Plan"/>
        <s v="Event Information Tracking System"/>
        <s v="BORIS New Employee Orientation with Quizzes"/>
        <s v="Executive Tracking System"/>
        <s v="FreeBalance Financial Management System"/>
        <s v="CNSC Google Maps (Nuclear, medical facilities, etc.)"/>
        <s v="TSC-CST Ticket System"/>
        <s v="Human Resources Information System"/>
        <s v="BORIS Health and Safety Orientation with Quizzes"/>
        <s v="Internet Content Administration Modules"/>
        <s v="Subscription service for public to manage alerts from CNSC"/>
        <s v="Records Information Management System"/>
        <s v="Integrated Time Accounting System"/>
        <s v="Job Management System"/>
        <s v="Laboratory Information Management System"/>
        <s v="Licensing Information Management System for Export and Import Controls"/>
        <s v="Learning Management System"/>
        <s v="Licensing Operations User Integrated System"/>
        <s v="Legal Service Records Information Management System"/>
        <s v="On-line Licence Search"/>
        <s v="Mobile Inspection Kit"/>
        <s v="Nuclear Materials Accountancy Reporting"/>
        <s v="Nuclear Materials Accounting System"/>
        <s v="Interactive Outreach Tool"/>
        <s v="Operational Planning and Reporting Tool"/>
        <s v="Org. Charts"/>
        <s v="Personnel Allocation Lists"/>
        <s v="Personnel Information Profile"/>
        <s v="e-business Portal"/>
        <s v="Regulatory Information Bank"/>
        <s v="Radiation Protection Online Orientation/Quizzes"/>
        <s v="Research and Support Program Division"/>
        <s v="Safety Performance Indicators Evaluation System"/>
        <s v="Sealed Source Tracking System"/>
        <s v="SSTS statistics"/>
        <s v="Single Window Initiative"/>
        <s v="Transport Package Certification System"/>
        <s v="Webtrends"/>
        <s v="E-Hearing"/>
        <s v="K2 IDOL"/>
        <s v="PDFConvert"/>
        <s v="Secure Intranet"/>
        <s v="Secure Web"/>
        <s v="Registre de contrôles des accès au bâtiment"/>
        <s v="Configuration Management Statistics"/>
        <s v="Système d'accès aux ressources informatiques"/>
        <s v="Répertoire des applications"/>
        <s v="IBM Rational DOORS"/>
        <s v="Système de départs"/>
        <s v="Electronic Document Release Administration"/>
        <s v="Gestion des incidents"/>
        <s v="Nucleus"/>
        <s v="Integrated Planning System"/>
        <s v="Jeeves"/>
        <s v="Gestion des clés"/>
        <s v="Livelink"/>
        <s v="Materials, Parts and Procedures"/>
        <s v="PlannExpert"/>
        <s v="Réception, Expédition et Douanes"/>
        <s v="Sécurité, Administration, Installations"/>
        <s v="Système d'enquête de sécurité"/>
        <s v="Système principal des Ressources humaines"/>
        <s v="Système de la bibliothèque"/>
        <s v="Tracer ES"/>
        <s v="Proactive Disclosure Sytem"/>
        <s v="Electronic Work Plan"/>
        <s v="Electronic Resource Allocation Matrix"/>
        <s v="Artisan Studio"/>
        <s v="IT Asset Management System"/>
        <s v="Certification of Flight Readiness"/>
        <s v="Demandes pour des services aux installations"/>
        <s v="AD User Management"/>
        <s v="Scientific and Operational Applications Research"/>
        <s v="Portail des RH incluant LEX"/>
        <s v="RETOS"/>
        <s v="Canadian Automated Export Declaration"/>
        <s v="Warehouse Management Tracer"/>
        <s v="Business Intelligence"/>
        <s v="Earth Observation Radarsat Reporting"/>
        <s v="Système d'inventaire des Communications"/>
        <s v="Unitas"/>
        <s v="ESA Program Application"/>
        <s v="Assembly/Integration/Testing Facilities and R&amp;D Laboratories database"/>
        <s v="Map Server"/>
        <s v="Apprentissage, conférences et événements"/>
        <s v="Executive Committee Presentation Management"/>
        <s v="Security Profiler"/>
        <s v="Approved Parts List"/>
        <s v="Platform to Organize"/>
        <s v="Project Status Report System"/>
        <s v="Drupal"/>
        <s v="Target 911"/>
        <s v="Reqtify"/>
        <s v="S-Filer"/>
        <s v="Média entrevues communication"/>
        <s v="Gestion des accès au réseau sécurisé"/>
        <s v="Lyris Listmanager"/>
        <s v="Snap survey"/>
        <s v="Laserfiche"/>
        <s v="Enteliweb"/>
        <s v="Autocad Vault"/>
        <s v="Cadenassage"/>
        <s v="Configuration and data management system"/>
        <s v="Bureau des conférenciers"/>
        <s v="GER (Global Exploration Roadmap) Technology Development Map"/>
        <s v="Demande de permis de visite au LDF"/>
        <s v="Gestion Automatisé des Comptes Réseaux"/>
        <s v="MGE Enterprise Power Manager"/>
        <s v="Bureau de commande de Radarsat2"/>
        <s v="Système d’inventaire et de diffusion des données et de l’information"/>
        <s v="Builder Operational Baseline"/>
        <s v="Canadian Space Station OnLine Document System"/>
        <s v="Data Management Application"/>
        <s v="Mission Planning Tool"/>
        <s v="Intranet System Access Request Program"/>
        <s v="Exploration Ground Infrastructure Activity Manager"/>
        <s v="CSSP Operations and Engineering Center Console Position Information Tracker"/>
        <s v="Exploration Ground Infrastructure Software Accounts Portal"/>
        <s v="Query Based Entity Relationship Tool"/>
        <s v="Standard Out Search"/>
        <s v="Mobile Servicing System (MSS) Operational Workaround Parsing Tool"/>
        <s v="Ground Segment Data Redistribution System"/>
        <s v="Space Exploration Technology Database"/>
        <s v="RADARSAT Constellation Mission (RCM) Order Handling Subsystem"/>
        <s v="RADARSAT Constellation Mission (RCM ) Restoration and Archiving Subsystem"/>
        <s v="Oracle RDBMS"/>
        <s v="AccessPro Case Management (CSC-APCM)"/>
        <s v="Access Pro Case Management PBC"/>
        <s v="ANGUS Maintenance System"/>
        <s v="Archived File Management System"/>
        <s v="Arrival XE (Pitney Bowes) CSC"/>
        <s v="Service Management for Information Management - Assyst Enterprise"/>
        <s v="Awards Database"/>
        <s v="Botin Téléphonique"/>
        <s v="Canadian Police Information Centre - OMS (MOM)"/>
        <s v="Force Ten - PWGSC"/>
        <s v="Claims Settlement Management System - ccmEnterprise"/>
        <s v="Computerized Assessment of Substance Abuse"/>
        <s v="Computerized Mental Health Intake Screening System-WEB"/>
        <s v="PBC - Conditional Release Information Management System"/>
        <s v="Contact Information Manager"/>
        <s v="Continuum"/>
        <s v="CORCAN Warehouse Management System"/>
        <s v="Correctional Intelligence Management System"/>
        <s v="Crisis Response and Security Information Management System"/>
        <s v="CSC Uniform"/>
        <s v="Data Warehouse System MCINT"/>
        <s v="DBX Geomatics - GeoCoding"/>
        <s v="Electronic Work Order System - Demande de Service Electronique"/>
        <s v="Documentum - PBC"/>
        <s v="Email Web Service"/>
        <s v="ALGO - Enterprise Recording System"/>
        <s v="NMC - EPAS Suite"/>
        <s v="Enterprise Project Management System"/>
        <s v="HR eForms"/>
        <s v="Fiche pour les cas de liberté illégale"/>
        <s v="Documentum - Records Manager (CSC)"/>
        <s v="PBC - FreeBalance Financials"/>
        <s v="Gestion de l'Emploi et de la Rémunération des Détenus"/>
        <s v="CSIS Canadian Security Information Service Screening Request - PBC"/>
        <s v="Health Vision"/>
        <s v="Horaire des detenues - Inmate schedule"/>
        <s v="Human Resources Management System"/>
        <s v="InfoPol - Information for Police"/>
        <s v="Internet National Injury Compensation System"/>
        <s v="Inmate Account Balances"/>
        <s v="Inmate Bank"/>
        <s v="Inmate Movement System"/>
        <s v="Integrated Financial and Materiel Management System"/>
        <s v="International Transfers System"/>
        <s v="PBC - Justice Time Keeping System"/>
        <s v="Logiterm"/>
        <s v="Compliance and Operational Risk Report"/>
        <s v="MEK Inventory Application (National Depot)"/>
        <s v="Food Services Information Management System"/>
        <s v="Offender Based Content Management"/>
        <s v="Offender Management System - Migration"/>
        <s v="Offender Management System - Renewal"/>
        <s v="Offender Placement and Institutional Counts"/>
        <s v="Resource Management Tool"/>
        <s v="PBC - Pardon and Record Suspension System"/>
        <s v="EPAS Suite (PBC, IMS, HR, Victims)"/>
        <s v="Personal Security Screening"/>
        <s v="Point of Sale"/>
        <s v="Police and Court Information Module"/>
        <s v="Position Exclusion System"/>
        <s v="Provincial Access II"/>
        <s v="RDIMS - Records Document and Information Management System"/>
        <s v="Real Time Identification"/>
        <s v="Reports of Automated Data Applied to Reintegration"/>
        <s v="Reservations System"/>
        <s v="Salary Management System CSC"/>
        <s v="PBC - Salary Management System"/>
        <s v="Scheduling and  Deployment System"/>
        <s v="Security Clearance System (ATL)"/>
        <s v="Sex Offender Tracking System"/>
        <s v="Site Orders (PAC)"/>
        <s v="Site Secure"/>
        <s v="Speakers Bureau"/>
        <s v="Système Consultation adresses personnelles des employés 343"/>
        <s v="Security Clearance System - Système d'autorisation de sécurité (QUE)"/>
        <s v="Système de Gestion des Documents de la Cour"/>
        <s v="Système de gestion des permis (groupe)"/>
        <s v="GeoTalent"/>
        <s v="Web-Infectious Disease Surveillance System"/>
        <s v="Force Ten - CSC"/>
        <s v="Inmate Pay System (ATL)"/>
        <s v="Institutional Services System (ATL)"/>
        <s v="InfoPoint"/>
        <s v="Forms Management InfoNet site"/>
        <s v="COGZ Maintenance Management System"/>
        <s v="PharmaClik Rx"/>
        <s v="Cardex"/>
        <s v="Calendrier Visites Familiales Privees"/>
        <s v="Application and Network Availability"/>
        <s v="Isolement préventif"/>
        <s v="Système de Laisser-Passez - Pass System (ePass)"/>
        <s v="PRS"/>
        <s v="Dossier"/>
        <s v="Calendrier de réservation des visites"/>
        <s v="Portal on Results, Information, Measurement and Evaluation"/>
        <s v="Performance Direct / Performance Measurement Framework"/>
        <s v="Cuisine"/>
        <s v="Victims Portal"/>
        <s v="Archives"/>
        <s v="CSC Internet Site"/>
        <s v="TeamMate Audit Management System ( CCH TeamMate )"/>
        <s v="Data Access and Tracking Information System"/>
        <s v="Grapevine"/>
        <s v="Electronic Monitoring"/>
        <s v="Human Resources Reporting System-CSC"/>
        <s v="Information Sharing with External Partners Web Services"/>
        <s v="Inmate Accounting System Replacement"/>
        <s v="L'ordonnance - Services LogiPharm"/>
        <s v="Integrated Decision System-PBC"/>
        <s v="Telus Simplicity"/>
        <s v="Translation Requests Register System"/>
        <s v="IBM Rational System Architect"/>
        <s v="Secure Web Intelligence Forms Tool"/>
        <s v="eGang (ATL)"/>
        <s v="eGang (ONT)"/>
        <s v="eGang (QUE)"/>
        <s v="Access Pro Case Management (OCI-APCM)"/>
        <s v="BitLocker MBAM"/>
        <s v="Blancco"/>
        <s v="AutoCad License Server"/>
        <s v="Offender Health Informaiton System - OSCAR"/>
        <s v="IBM Rational ClearQuest"/>
        <s v="IBM Rational Jazz"/>
        <s v="Information Screen Board"/>
        <s v="Liste de distribution"/>
        <s v="Oracle Enterprise Manager"/>
        <s v="HRMS - Oracle Productivity Kit"/>
        <s v="Parole Office Dashboard"/>
        <s v="Recruitement Initiatives Testing Application (RITA)"/>
        <s v="Corporate Reporting System - Modernization SharePoint Business Intelligence"/>
        <s v="Snap Survey License Server"/>
        <s v="SourceSafe"/>
        <s v="Special Initiatives Workflow"/>
        <s v="SPSS License Server"/>
        <s v="MapInfo Professional"/>
        <s v="Mastercook (Mountain)"/>
        <s v="CCM Enterprise-CCU (Correspondence Control Manager )"/>
        <s v="IMS Solutions Portal"/>
        <s v="ipMonitor"/>
        <s v="IMS Information System"/>
        <s v="Medinet"/>
        <s v="Infonet Hub CSC/PBC on SP2013"/>
        <s v="IFMMS - Oracle User Productivity Kit"/>
        <s v="POpedia"/>
        <s v="CSC Data Dictionary Wiki"/>
        <s v="Corridor"/>
        <s v="Computerized Maintenance Management System"/>
        <s v="HR Services Portal"/>
        <s v="Community Management Information System"/>
        <s v="Mastercook (Matsqui )"/>
        <s v="Overtime Tracking and Reporting System"/>
        <s v="RADAR Ticket Administration"/>
        <s v="Telephone Listing - Liste Téléphonique"/>
        <s v="Media Streaming System"/>
        <s v="Epost Connect"/>
        <s v="Resource Reporting System"/>
        <s v="Enterprise Vault"/>
        <s v="PVCS"/>
        <s v="Oracle Designer"/>
        <s v="Approval Workflow"/>
        <s v="Intake assessment -  Évaluation initiale"/>
        <s v="Management Action Plan Integration Tool"/>
        <s v="CORCAN Uniform Ordering System"/>
        <s v="Blueworks BPMS tool"/>
        <s v="ThePathHome Section 84"/>
        <s v="Microsoft Visual Basic"/>
        <s v="Microsoft Visual Studio Ultimate"/>
        <s v="MS SQL server"/>
        <s v="iReport"/>
        <s v="MS OpenXML SDK"/>
        <s v="TX_Text_Control_DotNet_2100"/>
        <s v="TX_Spell_DotNet_0500"/>
        <s v="Atalsoft DotImage"/>
        <s v="Atalsoft DotTwain"/>
        <s v="Safenet Authentication Client/PKI Key Access"/>
        <s v="DiffMerge"/>
        <s v="Oracle 6i forms &amp; Reports"/>
        <s v="Tomcat"/>
        <s v="Tommee"/>
        <s v="Squirrel SQL"/>
        <s v="Java"/>
        <s v="Smart Label Printer"/>
        <s v="VB Build"/>
        <s v="Active Reports"/>
        <s v="XpdfPrint"/>
        <s v="Rational Team Concert Eclipse"/>
        <s v="SQL Plus"/>
        <s v="Java Server Faces"/>
        <s v="JSP"/>
        <s v="JDK"/>
        <s v="J2EE"/>
        <s v="Ant"/>
        <s v="Spring"/>
        <s v="IIS"/>
        <s v="MySQL"/>
        <s v="Teleform"/>
        <s v="UltraEdit"/>
        <s v="SharePoint Designer 2013"/>
        <s v="Dynamics CRM SDK"/>
        <s v="XRM toolbox"/>
        <s v="Microsoft SQL Server Management Studio 2012"/>
        <s v="Microsoft SQL Server Report Builder"/>
        <s v="DoISO"/>
        <s v="JDeveloper"/>
        <s v="Workflow Builder"/>
        <s v="OpenText"/>
        <s v="VMware VSphere Client"/>
        <s v="Activiti Workflow Eclipse Plug in"/>
        <s v="Window Builder Eclipse Plug in"/>
        <s v="NetBean"/>
        <s v="IBM Rational Team Concert Shell"/>
        <s v="VidCoder"/>
        <s v="Java JDK"/>
        <s v="IBM Rational Software Architect"/>
        <s v="Toad for Oracle Professionals"/>
        <s v="Business Objects Enterprise"/>
        <s v="Acceptable Use Policy"/>
        <s v="AccessPro Case Management and AccessPro Redaction"/>
        <s v="ACL Analytics"/>
        <s v="Acrobat Professional"/>
        <s v="Acrobat Reader"/>
        <s v="Acrobat Standard"/>
        <s v="Adobe AcroForm"/>
        <s v="Adobe Creative Suite Web Premium"/>
        <s v="Adobe Flash Player"/>
        <s v="Aspera"/>
        <s v="ATIPOnline"/>
        <s v="AutoCAD"/>
        <s v="Avery DesignPro"/>
        <s v="BurpPro Suite"/>
        <s v="CANSIM Download"/>
        <s v="Caseware"/>
        <s v="Central Financial Management Reporting System  - Trial Balance (CFMRS)"/>
        <s v="Google Chrome"/>
        <s v="Cisco AnyConnect Mobility Client"/>
        <s v="Citrix XenApp"/>
        <s v="Color Contrast Analyser (CCA)"/>
        <s v="Proactive Disclosure - Contracts"/>
        <s v="Corporate Templates"/>
        <s v="CutePDF"/>
        <s v="Cyclic (Canada Yield Curve Live Calculator)"/>
        <s v="Daniel's XL Toolbox"/>
        <s v="DCU Standard Response"/>
        <s v="DocAve  (for SharePoint)"/>
        <s v="Double-Take (for SharePoint)"/>
        <s v="Dragon Naturally Speaking"/>
        <s v="DYMO Label Printer"/>
        <s v="Eclipse Integrated Development Environment"/>
        <s v="eCopy ShareScan"/>
        <s v="Finance Email Alert"/>
        <s v="Entrust Security Provider"/>
        <s v="Equitrac Office"/>
        <s v="File Open (PDF) client"/>
        <s v="Filezilla Client"/>
        <s v="Financial Coding Manual"/>
        <s v="Mozilla Firefox"/>
        <s v="Forensic Toolkit (FTK)"/>
        <s v="F-Response Tactical"/>
        <s v="General Algebraic Modeling System (GAMS)"/>
        <s v="GAUSS"/>
        <s v="Global Economic Model"/>
        <s v="G/On"/>
        <s v="Proactive Disclosure - Grants and Contributions"/>
        <s v="GST Partner"/>
        <s v="Harmon.ie (for SharePoint)"/>
        <s v="Haver DLX Analytics"/>
        <s v="IATI Data Converter"/>
        <s v="Inter-Corporate Ownership (ICO)"/>
        <s v="IMIT Banner"/>
        <s v="Information Rights Management (IRM) Client"/>
        <s v="Java Runtime"/>
        <s v="Kaola"/>
        <s v="Lending Rates"/>
        <s v="MSM Integrated IT Service Management (ITSM)"/>
        <s v="MasterCard Formatter (BMO)"/>
        <s v="MATLAB (Matrix Laboratory)"/>
        <s v="Macroeconomic Advisers U.S. (MA/US)"/>
        <s v="Minister's Directory System"/>
        <s v="Minister's Invitations System"/>
        <s v="Microsoft Access"/>
        <s v="Microsoft FrontPage"/>
        <s v="Microsoft HTML Workshop"/>
        <s v="Microsoft Desktop Optimization Pack"/>
        <s v="Microsoft Office Professional Plus Suite"/>
        <s v="Microsoft Project Professional"/>
        <s v="Microsoft Security Compliance Manager"/>
        <s v="Microsoft Silverlight"/>
        <s v="Microsoft Team Foundation Server"/>
        <s v="Microsoft Visio Professional"/>
        <s v="Microsoft Visio Standard"/>
        <s v="Microsoft Visual Studio"/>
        <s v="Microsoft Web Deploy"/>
        <s v="Microsoft Windows Assessment and Deployment Toolkit"/>
        <s v="Microsoft Windows Management Framework"/>
        <s v="NetLogo"/>
        <s v="NightWatchman"/>
        <s v="Nintex (for SharePoint)"/>
        <s v="NotePad++"/>
        <s v="Online Training Registration"/>
        <s v="PageScope Enterprise Suite"/>
        <s v="PointFire (for SharePoint)"/>
        <s v="PowerGen (Synthetic Data Generator)"/>
        <s v="Pre-Budget Survey Consultation"/>
        <s v="SafeNet Authentication Client"/>
        <s v="Statistical Analysis Software (SAS)"/>
        <s v="ScanAll Pro"/>
        <s v="ScanSnap Manager"/>
        <s v="Scientific Workplace"/>
        <s v="Screening Software - RTID (Fingerprint)"/>
        <s v="Financial Section 34 (Phoenix extract)"/>
        <s v="Screaming Frog SEO Spider Tool"/>
        <s v="Service Desk Express (BMC"/>
        <s v="SharePoint (Fin-B) - Information Management"/>
        <s v="SharePoint (Fin-S) - Information Management"/>
        <s v="Financial Signing Authority"/>
        <s v="Survey of Labour and Income Dynamics (SLID)"/>
        <s v="SlideShows"/>
        <s v="SnagIt"/>
        <s v="SourceTree"/>
        <s v="Social Policy Simulation Database and Model (SPSD/M)"/>
        <s v="Staffing and Classification Workload Tracking System"/>
        <s v="Stata"/>
        <s v="Stat/Transfer"/>
        <s v="StudioTax"/>
        <s v="Stylizer"/>
        <s v="Tax Partner, Provincial Tax Partner and Solution fiscal à l&quot;impot"/>
        <s v="TaxFind Pro"/>
        <s v="TaxNet Pro"/>
        <s v="Tenable Nessus"/>
        <s v="Thomson Reuters Financial Market Feed"/>
        <s v="Thunder"/>
        <s v="Transaction Management System"/>
        <s v="Finance Toolkit"/>
        <s v="Transfer Payments To Provinces and Territories"/>
        <s v="Proactive Disclosure - Travel and Hospitality"/>
        <s v="University Recruitment"/>
        <s v="Values and Ethics"/>
        <s v="Virtual Call Centre"/>
        <s v="Web Replicator"/>
        <s v="WebCIMS Reporting"/>
        <s v="Windows RATS (Regression Analysis of Time Series)"/>
        <s v="WinEdt"/>
        <s v="WinHTTrack"/>
        <s v="WinZip"/>
        <s v="WordCleaner"/>
        <s v="Workshare Compare"/>
        <s v="Workshare Professional"/>
        <s v="WPSS Validation Tool"/>
        <s v="WS_FTP Professional"/>
        <s v="Electronic Register for Visitor Management"/>
        <s v="Change Request and Issue Tracking (JUST)"/>
        <s v="BCRO - Mail and Reception Deliveries Log"/>
        <s v="QRO - Gestionnaire d'appel"/>
        <s v="Departmental  Departure Application"/>
        <s v="Nakisa OrgManagement Series"/>
        <s v="QRO - Employees directory (and profile)"/>
        <s v="NovaBrain"/>
        <s v="Microsoft Tools - Team Foundation Server"/>
        <s v="QRO - Applications and Project Portfolio Management"/>
        <s v="BCRO - Media Enquiry Tracking System"/>
        <s v="Digital Workspace (SharePoint)"/>
        <s v="BCRO - New Staff Notifications (NSN)"/>
        <s v="Family, Children and Youth Information Line System (FCYInfoline)"/>
        <s v="NUIX"/>
        <s v="LiveNote"/>
        <s v="Sierra (ILS)"/>
        <s v="Employee Mass Notification System"/>
        <s v="BCRO - Management Commentary"/>
        <s v="QRO - Gestionnaire d'absences"/>
        <s v="Justice SharePoint 2010"/>
        <s v="QRO - Boardroom Booking"/>
        <s v="BCRO - Legal Risk Managent Risk (LRMS)"/>
        <s v="QRO - Sondages-Evaluation"/>
        <s v="QRO - Gestion des demandes (ticket manager)"/>
        <s v="QRO - Infonet"/>
        <s v="PRO - iCal Web Calendars"/>
        <s v="Government of Canada Records and Documents Management System (GCdocs)"/>
        <s v="National Mentoring Program (NMP)"/>
        <s v="Grants and Contributions Information Management System (GCIMS)"/>
        <s v="Legal Case Management (iCase)"/>
        <s v="Human Resource Management System (PeopleSoft, HRMS)"/>
        <s v="Intranet (JUSnet)"/>
        <s v="Public DOJ Internet (iNet)"/>
        <s v="Family Orders and Agreements Enforcement Assistance (FOAEA)"/>
        <s v="Canadian Registry of Divorce Proceedings (CRDP)"/>
        <s v="Legal Case Analytics and Reporting Tool (Explore)"/>
        <s v="Legal Knowledge Management (Justipedia)"/>
        <s v="Property Management (Archibus)"/>
        <s v="Form Catalogue (eFormXpress)"/>
        <s v="Integrated Finance and Materiel System (IFMS/SAP)"/>
        <s v="Access To Informationand Privacy (ATIP) tool suite"/>
        <s v="Ministerial Correspondence System (ccmMercury)"/>
        <s v="Drug Treatment Court Information System (DTCIS)"/>
        <s v="Evidence Management System (eDiscovery, Ringtail Litigation, Ringtail Analytics)"/>
        <s v="ORO Intranet"/>
        <s v="PRO Intranet"/>
        <s v="ARO - Staff Entry Exit Tool"/>
        <s v="Employer ROE Analysis"/>
        <s v="Employment History File"/>
        <s v="Application for Employment Insurance Benefits Online"/>
        <s v="Employment Insurance Financial Accounting and Control System"/>
        <s v="Enterprise Web Services - WSAddress"/>
        <s v="Group Information Session Planner"/>
        <s v="Appeals Delivery and Management System - Employment Insurance"/>
        <s v="HRCC Split Utilities"/>
        <s v="HRSDC Internet"/>
        <s v="HRSDC Intranet"/>
        <s v="International Benefits and Foreign Affairs T4"/>
        <s v="ATOM"/>
        <s v="Canada Pension Plan Calculation Module"/>
        <s v="IT Renewal Delivery System"/>
        <s v="Statement of Contribution Online"/>
        <s v="International Agreements"/>
        <s v="Old Age Security"/>
        <s v="Workers Injury Compensation System"/>
        <s v="Inquiry Reporting and Information System"/>
        <s v="Insurance Internet Web Sites"/>
        <s v="Insurance Intranet Applications"/>
        <s v="Insurance Benefit Pay Batch Systems"/>
        <s v="Insurance - Database Maintenance"/>
        <s v="Processing Accuracy Measurement System (Employment Insurance)"/>
        <s v="Insured Earning Match"/>
        <s v="Interactive Fact Finding Service"/>
        <s v="Internet Forms"/>
        <s v="Internet Reporting Service"/>
        <s v="National Integrity Investigation System"/>
        <s v="Integrity Operations Quality Monitoring System"/>
        <s v="Investigation Audit Trail Database"/>
        <s v="ISP 2005 - Statement of Contributions"/>
        <s v="OAS IA Reporting Database"/>
        <s v="Automated Claims Processing"/>
        <s v="Job Bank - Translation"/>
        <s v="ISP Labels Macro"/>
        <s v="Automated Correspondence Solution"/>
        <s v="Local Web Receipt"/>
        <s v="Major Investigations and Sensitive Cases Information System"/>
        <s v="Automated Earnings Reporting System"/>
        <s v="Manual Pay System"/>
        <s v="Federal Mediation and Conciliation Services Information System"/>
        <s v="My Employment Insurance Information On-line"/>
        <s v="My Service Canada Account"/>
        <s v="National Automated Template System"/>
        <s v="National Injury Compensation System"/>
        <s v="National Occupational Classification"/>
        <s v="National Workload System"/>
        <s v="Negotech"/>
        <s v="NHQ Inquiry Screens"/>
        <s v="Automated Purge and Recreate System"/>
        <s v="Online Insurance System"/>
        <s v="Online Learning Campus"/>
        <s v="Ontario Region Intranet Site"/>
        <s v="Organization Observation Statistical System"/>
        <s v="Regional decentralized data bank (T2) (Insurance)"/>
        <s v="Pay History Summary"/>
        <s v="Paylist Archive De-Archive"/>
        <s v="Payroll Deduction Accountings and Correction"/>
        <s v="Personal Access Code"/>
        <s v="Premium Reduction System"/>
        <s v="Purge and Recreate System"/>
        <s v="Quality Assurance Numerical Transaction Analysis"/>
        <s v="Quality Monitoring System"/>
        <s v="Quebec Parental Benefit Exchange"/>
        <s v="Record of Earnings DISC (ROEDISC)"/>
        <s v="ROE - Capture Module"/>
        <s v="ROE - Management and Distribution System"/>
        <s v="ROE - Web"/>
        <s v="ROE - Secure Automated Transfer"/>
        <s v="Registration and Authentication"/>
        <s v="Report on Hirings"/>
        <s v="Returning Canadian Residents Program"/>
        <s v="ROE Integrity System"/>
        <s v="Rules Based Reassessment System"/>
        <s v="Self Employed Earnings Match"/>
        <s v="Service Canada Internet Site"/>
        <s v="Service Canada Intranet Site"/>
        <s v="SIN - SIR"/>
        <s v="Supplementary Unemployment Benefits"/>
        <s v="Support System for Agents"/>
        <s v="T4 Supplementary"/>
        <s v="T4E System"/>
        <s v="Targeting, Referral and Feedback"/>
        <s v="Tax Information Slips Online"/>
        <s v="ISP Telecentre Email Forms"/>
        <s v="Unemployment Insurance Calculation"/>
        <s v="View and Update Personal Information"/>
        <s v="Violations"/>
        <s v="Integration Hub"/>
        <s v="Wage Recovery Appeals System"/>
        <s v="Warrant Production ISPRINT"/>
        <s v="Web Error Code System"/>
        <s v="Correspondence and Issues Management System"/>
        <s v="Work Item and Inventory Distribution System"/>
        <s v="False Claim Detection Program"/>
        <s v="Family Supplement"/>
        <s v="Foreign Worker System"/>
        <s v="Full Text Screens"/>
        <s v="Appeals Management System - Office of the Umpire"/>
        <s v="Canadian Occupation Projection System"/>
        <s v="Ellis Chart"/>
        <s v="Work Skills Knowledge Checklist Admin Tool"/>
        <s v="Integrity Risk Analysis Strategies"/>
        <s v="Integrity Data Mining"/>
        <s v="Corporate Management System - Finance"/>
        <s v="CanLearn Pro"/>
        <s v="Canadian Centre for Occupational Health and Safety"/>
        <s v="Benefit Repayment Adjustment Calculation"/>
        <s v="Federal Activities and Expenditures for Young Children"/>
        <s v="Governor in Council Appointments System"/>
        <s v="Homeless Individuals and Families Information System"/>
        <s v="Homelessness Electronic Reporting and Information Network"/>
        <s v="Integrated Planning Assistant"/>
        <s v="Knowledge Portal"/>
        <s v="Master Certification List"/>
        <s v="Publications Management and Planning System"/>
        <s v="Research Management System"/>
        <s v="Surplus Federal Real Property for Homelessness Initiative"/>
        <s v="Red Seal"/>
        <s v="Workplace Equity Information Management System"/>
        <s v="Youth Employment Strategy - Interdepartmental Data Collection System"/>
        <s v="Federal Jurisdiction Work Injuries Database"/>
        <s v="Business Registration Information"/>
        <s v="IRIS - Foreign Worker"/>
        <s v="IRIS - Common System for Grants and Contributions"/>
        <s v="Enterprise Web Services - WSAudit"/>
        <s v="Enterprise Web Services - WSDBLink"/>
        <s v="Enterprise Web Services - WSED"/>
        <s v="Enterprise Web Services - IMCCE"/>
        <s v="LA2000"/>
        <s v="SIN Deactivation System"/>
        <s v="ROE - Data and Web Services"/>
        <s v="IRIS - Job Bank"/>
        <s v="IRIS - CAWS"/>
        <s v="IRIS - Canada Pension Plan"/>
        <s v="IRIS - Call Centre"/>
        <s v="Canada Disability Savings Program System"/>
        <s v="Corporate Solution Directory"/>
        <s v="Benefit Pay Control System"/>
        <s v="BNOP History"/>
        <s v="Insurance Name and Address"/>
        <s v="Family Order Agreement"/>
        <s v="Insurance Data Exchange System"/>
        <s v="ME06 Archive"/>
        <s v="Canada News Centre"/>
        <s v="Canada Student Loans System"/>
        <s v="Wage System"/>
        <s v="CanLearn"/>
        <s v="Canada Education Savings Grants System"/>
        <s v="Boardroom Booking System - New"/>
        <s v="Enterprise Web Services - WSEMail"/>
        <s v="IRIS - In-Person Reporting Module"/>
        <s v="IRIS - Aboriginal Program Unified Solution"/>
        <s v="EduCanada"/>
        <s v="Expanding Predictive Analytic for All Regions"/>
        <s v="Access To Information and Privacy (AccessPro-NHQ)"/>
        <s v="Appeals Delivery and Management System - Pension"/>
        <s v="AdminLauncher"/>
        <s v="Government Online Support Services"/>
        <s v="Corporate Payment Management System"/>
        <s v="Integrity Program Reporting Tool"/>
        <s v="Self Employment Data Exchange"/>
        <s v="Civil Service Insurance"/>
        <s v="PeopleSoft HCM 9.1"/>
        <s v="Action Item Management System"/>
        <s v="Office Profiles"/>
        <s v="CSLP System of Record"/>
        <s v="Canadian Government Annuities"/>
        <s v="Enterprise Web Content Management System"/>
        <s v="SAS Desktop Migration to Server Solution 1"/>
        <s v="Docket Tracking System"/>
        <s v="Grants and Contributions Online Services"/>
        <s v="Canadian Retirement Income Calculator"/>
        <s v="Canada’s Volunteer Awards"/>
        <s v="Business Expertise Support System"/>
        <s v="Communications Translation System"/>
        <s v="Social Insurance Registration Information Tracking System"/>
        <s v="IRIS - CMS-Financial"/>
        <s v="Aboriginal Human Resource Development Strategy"/>
        <s v="Central Production"/>
        <s v="IRIS - CMS-HR"/>
        <s v="IRIS - Departmental Accounts Receivable System"/>
        <s v="Compensation Inventory Management System"/>
        <s v="Parking Pass Management Tool"/>
        <s v="Grants and Contributions Questionnaire"/>
        <s v="ROE - Automated Readiness Trigger"/>
        <s v="SharePoint Generic Collaboration - 2010"/>
        <s v="Falcon"/>
        <s v="Phoenix"/>
        <s v="Citizen Access Workstation Services"/>
        <s v="Employment Insurance Processing Automation Reporting"/>
        <s v="Secure AHRDS"/>
        <s v="Human Resources Service Center"/>
        <s v="Integration Hub - Quebec Parental Benefits Exchange"/>
        <s v="IRIS - My Service Canada Account"/>
        <s v="Integration Hub - APUS ASETS"/>
        <s v="Integration Hub - Vital Events Linkages"/>
        <s v="Insurance Payment Operational Centre - Quality Monitoring"/>
        <s v="BNOP Statistics"/>
        <s v="Quebec Information Exchange (M210)"/>
        <s v="MSCA eQuestionnaire"/>
        <s v="IRIS - Federal Jurisdiction Work Injuries Database"/>
        <s v="Appeals Delivery and Management System - EI - SST"/>
        <s v="Atrium for the Social Security Tribunal Appeals"/>
        <s v="National Work Description Bank"/>
        <s v="Employment Insurance Workload Report"/>
        <s v="Collective Agreements Information Retrieval System"/>
        <s v="Centralized Integrity Management Information System"/>
        <s v="Statement of Accounts"/>
        <s v="IRIS - Social Insurance Registry"/>
        <s v="Blocked Claims System"/>
        <s v="Combined Overpayment Detection System"/>
        <s v="CSL Credit Refunds"/>
        <s v="POS Inventory System"/>
        <s v="IVR Call Center Program Delivery"/>
        <s v="IVR - Employment"/>
        <s v="IVR Labour Program"/>
        <s v="IVR Enterprise Services"/>
        <s v="IVR EI Business solutions"/>
        <s v="IVR - Main"/>
        <s v="MSCBA Portal"/>
        <s v="MSCBA for Agents"/>
        <s v="MSCBA Services"/>
        <s v="Common Reference Tool"/>
        <s v="Corporate Management System - HR"/>
        <s v="Common System for Grants and Contributions"/>
        <s v="Corporate Management System Common Modules"/>
        <s v="Invoicing - OGD Invoices"/>
        <s v="Compassionate Care Tracking System"/>
        <s v="Integrated Learning Management System"/>
        <s v="Payment Accuracy Measurement System"/>
        <s v="Performance Reporting System"/>
        <s v="Premium Reduction Program Data Extraction"/>
        <s v="Appeals Delivery and Management System - EI - Cognos Reports"/>
        <s v="Computer Assisted Appeals Preparation System"/>
        <s v="Systems Data Holdings"/>
        <s v="BC Letter System"/>
        <s v="Corporate Correspondence Tool"/>
        <s v="Haver DLX"/>
        <s v="IBM Statistical Package for the Social Sciences"/>
        <s v="MultiTrans"/>
        <s v="IRIS - Local Web Receipt"/>
        <s v="Employment Insurance Benefit Information System"/>
        <s v="Nesstar"/>
        <s v="Oracle Business Process Management (BPM) Suite"/>
        <s v="Dynacom Accounting Platinum Edition"/>
        <s v="Accrual System"/>
        <s v="FileScan"/>
        <s v="Correspondence Management and Prioritization System"/>
        <s v="Job Bank - Feeder"/>
        <s v="Control Indicator System"/>
        <s v="Office of Literacy and Essential Skills"/>
        <s v="Appeals Delivery and Management System - EI - SST - Cognos Reports"/>
        <s v="Statement of Accounts-EI"/>
        <s v="Pensions - Business Client Management System"/>
        <s v="RnA - Information System"/>
        <s v="Departmental Service Bus"/>
        <s v="ITRDS - Web Services"/>
        <s v="CCH TeamMate"/>
        <s v="BNOP - Applied Results"/>
        <s v="Enterprise Process Repository"/>
        <s v="CPP/OAS Imaging Web Services"/>
        <s v="Self Install Printer Tool"/>
        <s v="Application Launcher"/>
        <s v="IMPACT/ISCC 7.0 - InPerson Network (http://impact.prv)"/>
        <s v="Staffing Task Authorization Request"/>
        <s v="Ticket-Tracker"/>
        <s v="National Performance Management Tool"/>
        <s v="IRIS - CPP Disability Reassessment"/>
        <s v="IRIS-Federal Mediation and Conciliation Services Information System"/>
        <s v="Corporate Letterbook System"/>
        <s v="IRIS-Labour Market Development Agreement"/>
        <s v="Business Expertise Request Tool"/>
        <s v="Registered Disability Savings Plan (RDSP) On-line Calculator"/>
        <s v="IMPACT 6.0 - Telephone Services"/>
        <s v="1800OCanada.gc.ca (http://1800OCanada.gc.ca &amp; http://impactweb.prv)"/>
        <s v="Electronic Monitoring System"/>
        <s v="Report Builder"/>
        <s v="CEC Web Services"/>
        <s v="Information Management System"/>
        <s v="The Daily Administration"/>
        <s v="Action Request Forms"/>
        <s v="Product Management System"/>
        <s v="IMS Document Service"/>
        <s v="User Administrator"/>
        <s v="Detailed Call Tracking – for PPSB Specialized call centers"/>
        <s v="Enterprise Hub Data Warehouse-Integrated Business Intelligence"/>
        <s v="Nortel Call Center Management Information System"/>
        <s v="Talisma Customer Interaction Management - E-mail Management System"/>
        <s v="Verint Impact 360 Workforce Management solution"/>
        <s v="Nxi Nextalk TTY"/>
        <s v="Intranet http://cec-crc.prv"/>
        <s v="WebDirect"/>
        <s v="Job Bank 2.0"/>
        <s v="IVR - Factory Framework"/>
        <s v="IVR - Mail Fulfilment"/>
        <s v="IVR - National Quality Assurance Tool"/>
        <s v="IVR - Reporting Services"/>
        <s v="IVR - Administrative Services"/>
        <s v="IVR - Client Self-Serve"/>
        <s v="ccmEnterprise"/>
        <s v="Statistical Reporting Utility Tool"/>
        <s v="IRIS - Homelessness Electronic Reporting and Information Network"/>
        <s v="Group Management Portal"/>
        <s v="IRIS Build"/>
        <s v="Personnel Security Screening"/>
        <s v="Ei-Microsimulation"/>
        <s v="Online Labour Standards Calculation Tools"/>
        <s v="Common Application Deployment Engine"/>
        <s v="Supporting Services Repository"/>
        <s v="Electronic Document and Records Management Solution"/>
        <s v="Expand Predictive Analytics to all Regions – Second Generation Risk Model"/>
        <s v="IRIS-CMS-Archive"/>
        <s v="Application Catalogue"/>
        <s v="Office for Client Satisfaction"/>
        <s v="Claimant Pay Summary Report"/>
        <s v="Industrial Relations Information System"/>
        <s v="SCCM PC Admin"/>
        <s v="Project Management Information System"/>
        <s v="Employer Events"/>
        <s v="Pensions Workload System"/>
        <s v="View My Application Status"/>
        <s v="IRIS - IT Asset Management"/>
        <s v="Document Control System - Web"/>
        <s v="Department of Legal Services Unit"/>
        <s v="Data Gateway"/>
        <s v="Emergency Management and Business Continuity"/>
        <s v="Security Incident Case Management System"/>
        <s v="Portfolio Stakeholder Database"/>
        <s v="Job Bank Reporting Data warehouse"/>
        <s v="Disability Statistics System"/>
        <s v="Departmental Accounts Receivable System"/>
        <s v="Family CareGiver National Repository"/>
        <s v="Ministerial Case Management"/>
        <s v="Youth Service Initiative"/>
        <s v="Wisdom Work Force Optimizer"/>
        <s v="Rogers Virtual Contact Centre"/>
        <s v="Partner Applications Messaging System"/>
        <s v="Integrated Labour System"/>
        <s v="Direct Deposit"/>
        <s v="FileScan 3.0"/>
        <s v="1800Assign"/>
        <s v="CESP Customer Relations Management System"/>
        <s v="Corporate Affairs Application (Québec)"/>
        <s v="Management of workforce tracking"/>
        <s v="Direct Deposit Account Analysis System"/>
        <s v="IT Security Exceptions site"/>
        <s v="ITAM Control Board Proposals and Requests"/>
        <s v="Leadership program - Service Canada College"/>
        <s v="Québec Central Purchasing"/>
        <s v="Paiement prossessing services (West)"/>
        <s v="Resources Center (BSI)"/>
        <s v="SEED (IITB)"/>
        <s v="Vigie scan (Quebec)"/>
        <s v="SIRWeb-SIN Rapid Access"/>
        <s v="SIRWeb-SIN Rapid Access For Training"/>
        <s v="SIRWeb-Quality Management Agent Performance"/>
        <s v="SIRWeb-Quality Management Agent Performance For training"/>
        <s v="SIRWeb-SIN Validation"/>
        <s v="SIRWeb-Data Exchange"/>
        <s v="AIHMS Replacement"/>
        <s v="Disposition Tracking Tool"/>
        <s v="Regional Storekeeper"/>
        <s v="Sensitive Document Collaboration Service-Including MinO"/>
        <s v="SharePoint Record management label printing"/>
        <s v="Batch Metadata Tagging Tool"/>
        <s v="Departmental Information Resource Inventory"/>
        <s v="Litigation Holds Database"/>
        <s v="Integrity Case Management system"/>
        <s v="SIRWeb-Loads"/>
        <s v="SIRWeb-SIN Validation - CSLP"/>
        <s v="Minimum Wage Database"/>
        <s v="Document Control System"/>
        <s v="SIRWeb -SIN Validation – CESG"/>
        <s v="SIRWeb-Business Intelligence Data"/>
        <s v="Easy Access"/>
        <s v="Electronic Claimants Report Systems"/>
        <s v="Electronic Documents System"/>
        <s v="Electronic Forms on the Intranet"/>
        <s v="Electronic Worksharing System"/>
        <s v="Stratus"/>
        <s v="AMRemote"/>
        <s v="Real-time hydrometric data"/>
        <s v="Regulation of Great Lakes Systems"/>
        <s v="Marine Emissions Inventory Tool"/>
        <s v="CCFD - Canada's Climate Financing Database"/>
        <s v="DryClean"/>
        <s v="HR Onboarding Notification"/>
        <s v="GCWCC - Online Auction &amp; Bingo"/>
        <s v="Information Tracking System"/>
        <s v="SARB Database"/>
        <s v="Ecogift Program - EGP Online Management Database"/>
        <s v="System Center Configuration Manager 2012"/>
        <s v="Customs Import Data Integration Program (CIDIP)"/>
        <s v="EC Subscription Service"/>
        <s v="Offenders Registry"/>
        <s v="Directory of Scientists"/>
        <s v="CAPMoN Field Data Collection Process"/>
        <s v="CAPMoN Raw Data Ingestion"/>
        <s v="Laboratory Instrumentation Control System"/>
        <s v="Single Window Regulatory Reporting - Operational Worker"/>
        <s v="Fleet Management System"/>
        <s v="Shared Enterprise Application Services"/>
        <s v="National Pollutant Release Inventory Online Query Tool"/>
        <s v="Air Pollutant Emissions Inventory Online Query Tool"/>
        <s v="Numerical Weather Prediction System"/>
        <s v="PESC Web Client Inquiry Log"/>
        <s v="PESC PDP"/>
        <s v="Integrated Watershed and Lake Modelling Decision Support Tools"/>
        <s v="Aquatic (Developmental)"/>
        <s v="NPRI Explorer"/>
        <s v="Environmental Emergencies Mapping Application"/>
        <s v="QSAR Toolbox"/>
        <s v="Viewfinity Privilege Management"/>
        <s v="inGeo"/>
        <s v="Canadian Environmental Protection Act Environmental Registry"/>
        <s v="RealTime WaterWeb"/>
        <s v="ACD Licence Server"/>
        <s v="RepliWeb"/>
        <s v="ArcGIS"/>
        <s v="Disclosure of Travel and Hospitality Expenses"/>
        <s v="GCCF|GetAccess"/>
        <s v="Web Publishing Tool"/>
        <s v="Ice 30-Year Atlas 1.0"/>
        <s v="Système de Suivi du Service à la Clientèle"/>
        <s v="iNotify"/>
        <s v="Thermobot"/>
        <s v="Disclosure of Grant and Contribution Awards Over $25k"/>
        <s v="Forecast notification product"/>
        <s v="Meteo4U-Street Level Lightning"/>
        <s v="MetManager-Aviation Defence Services"/>
        <s v="CNMTS - ECITON"/>
        <s v="Canadian Pollution Prevention Information Centre (CPPIC) Website"/>
        <s v="Portal site for users of PSES"/>
        <s v="Portal site for users of HRSO"/>
        <s v="Grants &amp; Contributions Reporting Application"/>
        <s v="Long Term CLIMATE Extremes for Canada"/>
        <s v="CLIMATE Archive: Volume A Report"/>
        <s v="CLIMATE Archive: WaterOffice"/>
        <s v="CLIMATE Archive: Cableway"/>
        <s v="CLIMATE Archive: Kpix"/>
        <s v="CLIMATE Archive: WinIDE"/>
        <s v="CLIMATE Archive: Bulletin Extractor"/>
        <s v="CLIMATE Archive: Bulk Extractor"/>
        <s v="CLIMATE Archive: Radar Extractor"/>
        <s v="CLIMATE Archive: Station Information System"/>
        <s v="CLIMATE Archive: File Ingesters"/>
        <s v="CLIMATE Archive: Image DB"/>
        <s v="CLIMATE Archive: Extract Upper Air"/>
        <s v="CLIMATE Archive: Generate Weekly Inventory"/>
        <s v="CLIMATE Archive: Water Inventories"/>
        <s v="CLIMATE Archive: Barometry"/>
        <s v="CLIMATE Archive: QC_MNGR"/>
        <s v="CLIMATE Archive: RPM"/>
        <s v="CLIMATE Archive: BullPDS"/>
        <s v="CLIMATE Archive: Web Services for External Clients"/>
        <s v="Disposal at Sea Permits Application"/>
        <s v="CLIMATE Archive: Batch HLY Corrections"/>
        <s v="CLIMATE Archive: DLY04 Corrections"/>
        <s v="CLIMATE Archive: HLY Archive Corrections"/>
        <s v="CLIMATE Archive: Hydrometric Archive Uploader (HYDAT)"/>
        <s v="CLIMATE Archive: Solar Radiation"/>
        <s v="CLIMATE Archive: CSCN01 Messages"/>
        <s v="CLIMATE Archive: CLIMATE Data Online (CDO)"/>
        <s v="CLIMATE Archive: CISE"/>
        <s v="Disclosure of Contracts over $10 000"/>
        <s v="EC RFISS Federal Identification Registry for Storage Tank Systems"/>
        <s v="Single Window Secure Systems Administrator"/>
        <s v="Environmental Emergency (E2) Plan Notices"/>
        <s v="CITES Registered Breeders Website/Database (Extranet)"/>
        <s v="CITES Conference of the Parties Extranet"/>
        <s v="HP Autonomy IDOL"/>
        <s v="Web Renewal Assessment Tool"/>
        <s v="Species at Risk Act Permit Tracking System"/>
        <s v="Recovery Information Management System"/>
        <s v="Habitat Stewardship Program for Species at Risk"/>
        <s v="Aboriginal Fund for Species at Risk"/>
        <s v="Harvest Survey Data Web Site"/>
        <s v="Interdepartmental Recovery Fund"/>
        <s v="National Environmental Assessment System"/>
        <s v="PCB Reporting System"/>
        <s v="Compliance Promotion CRM"/>
        <s v="Consultation CRM"/>
        <s v="Microsoft Dynamics CRM"/>
        <s v="Canadian Environment Sustainability Indicators Web Mapping Application"/>
        <s v="CPIQ web portal"/>
        <s v="ArcGIS suite"/>
        <s v="Message-Passing Interface"/>
        <s v="ArcGIS ArcSDE"/>
        <s v="ArcIMS suite"/>
        <s v="ArcSDE"/>
        <s v="CSSPWebTools"/>
        <s v="Bottom substrates in lakes and rivers repository"/>
        <s v="WILDSPACE"/>
        <s v="CAPMoN Archive and Backup Process - Symantec Backup Exec"/>
        <s v="Single Window Regulatory Reporting - National Pollutant Release Inventory and ON"/>
        <s v="Apache Webserver (module)"/>
        <s v="Aquarius - CHCQ"/>
        <s v="Aquarius - FTP"/>
        <s v="Articulate online"/>
        <s v="Cornwall Cmd"/>
        <s v="Flow calculation daily"/>
        <s v="FTP Server (Radar Configuration Archiving)"/>
        <s v="Moodle Online Training"/>
        <s v="National Radar Program Watch"/>
        <s v="North American Water Watch"/>
        <s v="NRPWatch Active system Backups"/>
        <s v="NRPWatch Display"/>
        <s v="NRPWatch WebGallery"/>
        <s v="ParserPartner"/>
        <s v="TortoiseSVN"/>
        <s v="Canadian Aquatic Biomonitoring Network"/>
        <s v="Canadian Centre for Climate Modelling and Analysis (CCCMA) Data"/>
        <s v="CCCMA Analysis, Plots and Animations"/>
        <s v="Greenhouse Gas Reporting Program Online Data Search"/>
        <s v="Sorbent Technology Databases"/>
        <s v="ETC Spills Technology Database: Oil Properties Database"/>
        <s v="ETC Spills Technology Database: Spilltox Database"/>
        <s v="Search Engine for Chemicals and Polymers"/>
        <s v="Jervis archive"/>
        <s v="Regulatory Information Submission System"/>
        <s v="Canadian Climate Change Scenarios Network"/>
        <s v="Pollution Prevention Planning Online Reporting Tool"/>
        <s v="Search Engine for Organisms"/>
        <s v="Data logger Acquisition, Retrieval and Transmission System"/>
        <s v="Climat Québec"/>
        <s v="Canadian Shellfish Sanitation Program Web Mapping Application"/>
        <s v="Migratory Game Birds Hunting Permits"/>
        <s v="Sparx Enterprise Architect"/>
        <s v="GAVIA"/>
        <s v="CEAA Collaboration Tool"/>
        <s v="King Radar Center Surveillance System"/>
        <s v="DHI MIKE 21 and MIKE 3"/>
        <s v="Oil Spill modelling software"/>
        <s v="Chemical Spill Modelling Software"/>
        <s v="Discoverer"/>
        <s v="WQIDatWebService"/>
        <s v="Real Time Water Quality Monitoring Interface"/>
        <s v="Water Survey Canada RealTime Service"/>
        <s v="KML Service for Atlantic Canada water quality monitoring sites"/>
        <s v="Real Time Photos FTP and Virtual Directories"/>
        <s v="Bird Banding Database and Permits System"/>
        <s v="Hurricane GUI"/>
        <s v="WeatherRadio"/>
        <s v="WxView"/>
        <s v="CEE"/>
        <s v="Marine Synopsis Assistant"/>
        <s v="Multi-Agency Situational Awareness System"/>
        <s v="Forest Fire Smoke prediction system"/>
        <s v="Canadian Lightning Detection Network-get"/>
        <s v="METAREAs Marine Forecast and Warning  bulletin system"/>
        <s v="ArcGIS ArcMap"/>
        <s v="Product Dashboard"/>
        <s v="OrderDesk"/>
        <s v="Canadian Coast Guard (CCG) Performance Reporting Tool"/>
        <s v="CIS Product Distribution System"/>
        <s v="Canadian Ice Service Website"/>
        <s v="Acquisition, processing and display  satellite imagery"/>
        <s v="Modis, AVHRR and VIRRS satellite imagery"/>
        <s v="Sentinel Satellite imagery"/>
        <s v="Interactive Bulletin Maker"/>
        <s v="Common Alerting Protocol"/>
        <s v="Bulletins Translation"/>
        <s v="Integrated Forecaster Workstation Menus"/>
        <s v="Automated Telephone Answering Devices"/>
        <s v="National Severe Weather Event Database GUI"/>
        <s v="NinJo Batch"/>
        <s v="Avalanche"/>
        <s v="Egrapher"/>
        <s v="Data Warehouse"/>
        <s v="Ozone and UV monitoring"/>
        <s v="Vehicle &amp; Engine Emissions Reporting Registry"/>
        <s v="Dendroica"/>
        <s v="Status of Birds in Canada"/>
        <s v="Canadian Atlas of Bird Banding"/>
        <s v="Canadian Notice and Movement Tracking System"/>
        <s v="Renewable Fuels"/>
        <s v="Oil Sands Data Portal"/>
        <s v="Single Window Regulatory Reporting - Ontario Greenhouse Gasses"/>
        <s v="Single Window Regulatory Reporting - Environment Canada Greenhouse Gasses"/>
        <s v="Single Window Regulatory Reporting - British Columbia Greenhouse Gasses"/>
        <s v="Single Window Regulatory Reporting - Chemicals Management Plan"/>
        <s v="Effluent Regulatory Reporting Information System (Wastewater/WSER/ERRIS)"/>
        <s v="EC Data Catalogue"/>
        <s v="St Lawrence Plan"/>
        <s v="EC Alert me:Tools"/>
        <s v="Species at Risk Public Registry"/>
        <s v="Single Window Information Managment"/>
        <s v="Environmental Emergencies Mapping System"/>
        <s v="Axios Assyst"/>
        <s v="Financial Delegation Tool"/>
        <s v="Automated Real Property Management System"/>
        <s v="Real Estate Tracker"/>
        <s v="Promium Element (AKA National Laboratory Information Management System)"/>
        <s v="Web Content Management System (WCMS)"/>
        <s v="Envirotel"/>
        <s v="National Emergencies and Enforcement Management Information and Intelligence Sys"/>
        <s v="Road Salts Annual Report"/>
        <s v="Breeding Bird Survey Database"/>
        <s v="Security Operations System"/>
        <s v="PeopleSoft Datawarehouse (Oracle Discoverer)"/>
        <s v="Financial Data Warehouse (Oracle Discoverer)"/>
        <s v="Ecollab Sharepoint 2013"/>
        <s v="Learning Management System for EC Enforcement Branch"/>
        <s v="Inter-Departmental Data Exchange Application"/>
        <s v="Human Resources Statistical Overview  - Portal"/>
        <s v="Shellfish Surveillance Database and Shellfish Data Management and Reporting Syst"/>
        <s v="Automated Sampling (near real-time)"/>
        <s v="National Water Quality database for the Atlantic Ocean Watershed and Verificatio"/>
        <s v="Fresh Water Quality Monitoring and Surveillance Web Mapping Application"/>
        <s v="Aquatic Chemical and Biological Information System"/>
        <s v="Envirodat-PYR, eGrapher and Web data extraction"/>
        <s v="Fraser River and Osoyoos Lake Water Quality Buoys"/>
        <s v="EcoAction MIS"/>
        <s v="AccessPro CaseManagement"/>
        <s v="Meteorological Verification System"/>
        <s v="Meteorological Dissemination System"/>
        <s v="Automated Voice Interactive Processing and Distribution System"/>
        <s v="NinJo"/>
        <s v="Unified Radar Processing System"/>
        <s v="Bulletin Preparation"/>
        <s v="Meteorological Data Acquisition  System"/>
        <s v="Meteorological Data Management System"/>
        <s v="Meteorological Applied Science Processing System"/>
        <s v="Ice Service Integrated System"/>
        <s v="Polaris Ice Analysis System"/>
        <s v="Berg Analysis and Prediction System"/>
        <s v="Integrated Satellite Tracking of Polluters"/>
        <s v="IceView"/>
        <s v="ICEggs"/>
        <s v="ICE Flight Planning"/>
        <s v="ICE Tracker"/>
        <s v="Coupled Ice Ocean Model"/>
        <s v="Canadian East coast Coupled Ocean model"/>
        <s v="Maritime Surveillance System"/>
        <s v="MetManager-regional"/>
        <s v="Data Simulation and Numerical Weather and Environmental Prediction System (NWEPS"/>
        <s v="SCRIBE-Post Processing Application"/>
        <s v="Atlantic Telecom"/>
        <s v="Edigraf-Aviation package"/>
        <s v="Geostationary Operational Environmental Satellite"/>
        <s v="High-Resolution Picture Transmission"/>
        <s v="MultiAlert"/>
        <s v="Roving Terminal Aerodrome Forecast"/>
        <s v="XWeather Watch / XVeille"/>
        <s v="Meteorological Product Exchanger"/>
        <s v="Target"/>
        <s v="National Inquiry Response Team - Client Relationship Management"/>
        <s v="Seasonal Water Monitoring and Reporting Sys."/>
        <s v="EC Science Alert"/>
        <s v="Hard Coded Reports"/>
        <s v="Ozone depleating Substances Tracking System"/>
        <s v="Disclosure of Grant and Contribution Awards Over $25k (Intranet)"/>
        <s v="Environmental Science Expert"/>
        <s v="Horizon Integrated Library System"/>
        <s v="Tarian-Departmental Records Automated Management System"/>
        <s v="Esperant"/>
        <s v="Canadian Ice Data Archive System"/>
        <s v="CLIMATE Archive: Hardcopy Archives Database"/>
        <s v="CLIMATE Archive: Radar Ingester &amp; Decoder"/>
        <s v="Hydrometric Archive: HYDAT"/>
        <s v="HYDEX Cold Fusion"/>
        <s v="CLIMATE Archive : Climatological Data Ingester"/>
        <s v="CLIMATE Archive: Upload System"/>
        <s v="CLIMATE Bulletin Editor"/>
        <s v="ClearSCADA"/>
        <s v="Interactive Landsat Executive"/>
        <s v="Aquarius Application Server"/>
        <s v="ATOME"/>
        <s v="Flowcal"/>
        <s v="Mackenzie River forecast model"/>
        <s v="Logger Viewer utilities"/>
        <s v="Alerting Tools - Workstation Popups"/>
        <s v="Advanced Scatterometer"/>
        <s v="AirNOW-BDQ"/>
        <s v="CMAC Operations Webpage"/>
        <s v="Coast Guard Observations"/>
        <s v="Ensemble Imagery"/>
        <s v="Fuzzy TAF guidance"/>
        <s v="GeoNetwork open source"/>
        <s v="Edigraf-CMC"/>
        <s v="High Impact Weather Aware"/>
        <s v="Hydrology NB river watch"/>
        <s v="Integrated Ecosystem Response Modelling"/>
        <s v="MAX"/>
        <s v="Meteogram"/>
        <s v="Meteorology Display Package"/>
        <s v="Physical modelling of the St-Lawrence"/>
        <s v="Base de données de qualité"/>
        <s v="Ontario storm prediction center web page"/>
        <s v="Quilt"/>
        <s v="Regional Multispectral Imagery Scripting"/>
        <s v="Road Condition Map"/>
        <s v="Rob's CLIMATE Search"/>
        <s v="Simulations Hydrodynamiques Opérationnelles du St-Laurent"/>
        <s v="Site Intranet - Section Hydrologie"/>
        <s v="Smog scripts"/>
        <s v="Spherical Projection Interface"/>
        <s v="Stackwinds"/>
        <s v="Storm Surge"/>
        <s v="SX2Bufr Messaging conversion"/>
        <s v="UPS fog"/>
        <s v="Volcanic Ash Website"/>
        <s v="WatchDog"/>
        <s v="CITES Export Permitting System"/>
        <s v="Trend View"/>
        <s v="National Radar Information System"/>
        <s v="InfoBase"/>
        <s v="National Data Quality Assurance Desk - Action Remedy"/>
        <s v="National Data Quality Assurance Desk - Data Visualization Tools"/>
        <s v="Asset Life Cycle Management"/>
        <s v="Services Techniques"/>
        <s v="Java Interactive CodeCon"/>
        <s v="Trend Analysis and Load Estimation (Life-Reg)"/>
        <s v="Two-dim. Lake Hydrodynamics and Pollution"/>
        <s v="Air Quality Forecast Model GEM-MACH"/>
        <s v="Air Quality Forecast  Model  AURAMS"/>
        <s v="Emissions Processing System SMOKE"/>
        <s v="FedDev Ontario Proactive Disclosure: Contracts"/>
        <s v="FedDev Ontario Proactive Disclosure: Grants &amp; Contributions"/>
        <s v="Fed Dev Ontario Proactive Disclosure: Travel &amp; Hospitality Expense"/>
        <s v="Fed Dev Ontario Proactive Disclosure: Reclassification"/>
        <s v="Fed Dev Ontario Grants and Contributions"/>
        <s v="Fed Dev Ontario G&amp;C PDF Loader"/>
        <s v="FedDev Ontario: Question Period Cards"/>
        <s v="BassetPro Material Management System"/>
        <s v="ATIP Case Management"/>
        <s v="Money Services Business Registry Search"/>
        <s v="Defect and Enhancement Management Tool"/>
        <s v="Information technology tool"/>
        <s v="Reporting tool"/>
        <s v="Encryption tool"/>
        <s v="facilities tool"/>
        <s v="Incident and Problem Management Tool"/>
        <s v="software development tool"/>
        <s v="External CDN"/>
        <s v="Internal CDN"/>
        <s v="Operations"/>
        <s v="Records and Document Management System"/>
        <s v="CRA-EFT"/>
        <s v="Internal JMS"/>
        <s v="Reports Disposition"/>
        <s v="Requirements Management Tool"/>
        <s v="Public VIR Intake"/>
        <s v="Security Management System"/>
        <s v="Visitor Management System"/>
        <s v="Batch Reporting"/>
        <s v="Compliance tool"/>
        <s v="Compliance Assessment Report Web"/>
        <s v="Compliance Deficiency Tracking Tool"/>
        <s v="Compliance Assessment Report Administration"/>
        <s v="Contact Management System"/>
        <s v="Examinations"/>
        <s v="Money Services Businesses Registration Processing System"/>
        <s v="Workload Delivery System"/>
        <s v="Reports Monitoring"/>
        <s v="Review and Appeals"/>
        <s v="Asset Management System"/>
        <s v="F2R Reporting"/>
        <s v="Secure Money Services Business Registration System"/>
        <s v="SecureLane"/>
        <s v="Simple Query Tool"/>
        <s v="Strategic Analytical Query Tool"/>
        <s v="ATIP Case Management and Redaction - new"/>
        <s v="Analysis Tool"/>
        <s v="Strategic Spatial Query Tool"/>
        <s v="Financial Management System"/>
        <s v="User Rights Software"/>
        <s v="Programming Software"/>
        <s v="Adobe suite of apps"/>
        <s v="Performance Building for Human Capital"/>
        <s v="Spatial data tool"/>
        <s v="Database tool"/>
        <s v="file transfer tool"/>
        <s v="Snag it"/>
        <s v="HR Management Tool"/>
        <s v="Antidote HD"/>
        <s v="CorelDRAW Graphics Suite X4"/>
        <s v="analyst tool"/>
        <s v="ATIP Case Management and Redaction"/>
        <s v="chrome"/>
        <s v="IE"/>
        <s v="Security tool"/>
        <s v="TransfertChenal"/>
        <s v="Traverse"/>
        <s v="Tides and Water Levels"/>
        <s v="User Registry Management"/>
        <s v="Odin data validator"/>
        <s v="ValidSineco"/>
        <s v="Vessel Hail in/out Report System, Licensing Data Portal"/>
        <s v="Vessel Hail-Out Report"/>
        <s v="Vessel Monitoring System (VMS)"/>
        <s v="WPT - Web Publishing Tool (OWF Integrated Tool)"/>
        <s v="DFO and Sentinel Fisheries Survey System"/>
        <s v="Commercial Catch Sampling System"/>
        <s v="CARIS notebook"/>
        <s v="CARIS Spatial Fusion"/>
        <s v="Dkart Image Inspector"/>
        <s v="Filemaker Pro"/>
        <s v="WS FTP Pro"/>
        <s v="User Productivity Kit"/>
        <s v="Markview"/>
        <s v="Kofax Capture"/>
        <s v="VDE+ Data Entry System"/>
        <s v="Data Migration Project"/>
        <s v="Whale Sightings Database"/>
        <s v="Aquatic Biotechnology Laboratory Database"/>
        <s v="Shipboard Request System Maintenance"/>
        <s v="Otolith Laboratory Reader"/>
        <s v="Otolith Online Manager"/>
        <s v="Salmon Escapement Data System"/>
        <s v="Fish Aging Data System"/>
        <s v="nuSEDS"/>
        <s v="Mark Recovery Program System"/>
        <s v="Mark Recovery Program Web Services"/>
        <s v="Mark Recovery Program Data Entry Interface"/>
        <s v="Mark Recovery Program Archive"/>
        <s v="Shellfish Licencing Application"/>
        <s v="Species at Risk Web Mapping"/>
        <s v="Gulf Fisheries Information System (GFIS) - C&amp;P component"/>
        <s v="Gulf Fisheries Information System (GFIS) - LICENSING component"/>
        <s v="Gulf Fisheries Information System (GFIS) - QUOTA component"/>
        <s v="Gulf Fisheries Information System (GFIS) - STATS component"/>
        <s v="Common Core*"/>
        <s v="Information Systems Inventory"/>
        <s v="My DFO - Fish n Ships"/>
        <s v="Pathways of Effects"/>
        <s v="Observed Water Levels"/>
        <s v="CHS Training Database"/>
        <s v="CHS Quality Management System"/>
        <s v="Webleave"/>
        <s v="Climat (Module d'analyse des donnee climatologiques d'emplacement)"/>
        <s v="Management of fisheries activities - catch and effort"/>
        <s v="Gap - Gestion des activités de la pêche - Permis"/>
        <s v="Gap - Gestion des activités de la pêche - Production usine"/>
        <s v="Gap - Gestion des activités de la pêche - Donnée des observateurs"/>
        <s v="Gap - Gestion des activités de la pêche - Gestion"/>
        <s v="Gap - Gestion des activités de la pêche - Rapports"/>
        <s v="Groundfish Survey Entry"/>
        <s v="DFO Intranet Search Platform (http://search-recherche.ent.dfo-mpo.ca/)"/>
        <s v="DFO Web Analytics (https://webstats.ent.dfo-mpo.ca)"/>
        <s v="APS CMDB"/>
        <s v="Suggestions Box"/>
        <s v="RESSAR"/>
        <s v="Poaching Alerts"/>
        <s v="Network Account Management e-Form"/>
        <s v="eXpenditure Control System"/>
        <s v="Chaines de traitement d'images satellites NOAA"/>
        <s v="Système de contrôle de bassins hypoxiques"/>
        <s v="Monitorage de températures"/>
        <s v="notSHIPS/Avis à la navigation écrits (Quebec)"/>
        <s v="Ichthyoplankton Surveys"/>
        <s v="Activity Based Budgeting"/>
        <s v="National Training Tracking Tool"/>
        <s v="NL C&amp;P Variation Order"/>
        <s v="Application for Buoys"/>
        <s v="Government of Canada Correspondence Management System"/>
        <s v="WS-Carto"/>
        <s v="Central Permanent Water Level Network"/>
        <s v="ESRI ArcGIS License Server - NCR"/>
        <s v="ESRI ArcGIS License Server - BIO"/>
        <s v="ESRI ArcGIS License Server - C&amp;A"/>
        <s v="ESRI ArcGIS License Server - Quebec"/>
        <s v="ESRI ArcGIS License Server - Pacific"/>
        <s v="Archives SHC Québec"/>
        <s v="Canadian Shellfish Sanitation Program"/>
        <s v="CHS National Website"/>
        <s v="ESRI ArcGIS Online"/>
        <s v="ET GeoWizard"/>
        <s v="Geocortex"/>
        <s v="HPDProjectReleaser"/>
        <s v="ISDM National Website"/>
        <s v="LIMa"/>
        <s v="NaviSailor"/>
        <s v="OpenCPN"/>
        <s v="Spine.NET"/>
        <s v="TidePredictionsTools"/>
        <s v="xTools Pro"/>
        <s v="Marine Technical Review Board"/>
        <s v="IBM Control Desk"/>
        <s v="Project Management Information System (Capital) - Phase 2 of ABB"/>
        <s v="Incident Control System"/>
        <s v="Pacific Permanent Water Level Network"/>
        <s v="ASVPCleaner"/>
        <s v="National Fisheries Intelligence Service"/>
        <s v="Fisheries Regulations Information System"/>
        <s v="DFO Data Catalogue"/>
        <s v="Atlas de la Division de la protection des pêches"/>
        <s v="Collaborative Agreements Recording System (ARC)"/>
        <s v="IT Self-Service Portal (assystNet)"/>
        <s v="RM"/>
        <s v="SWI - Single Window Initiative"/>
        <s v="Project and Portfolio Management"/>
        <s v="Fusion Reactor"/>
        <s v="DFO Mailing Lists"/>
        <s v="Asset Tracking"/>
        <s v="BIO Internet Website"/>
        <s v="Bug Tracking"/>
        <s v="CANRMS"/>
        <s v="Common Data Application"/>
        <s v="Application Platform Services Configuration Management Database"/>
        <s v="Daisy CMS"/>
        <s v="Event Calendar"/>
        <s v="EOS PCODES Master"/>
        <s v="EOS Standards"/>
        <s v="Fisheries Information Management Program Operational Data Store"/>
        <s v="Integrated Taxonomic Information System"/>
        <s v="In the Loop"/>
        <s v="Integrated Water Level System"/>
        <s v="Distribution List Membership System"/>
        <s v="NFNWAG"/>
        <s v="Salmon Escapment for GIS mapping"/>
        <s v="National oceanographic profile database"/>
        <s v="OpenLM"/>
        <s v="Gulf Science Datasets"/>
        <s v="Aquaculture Activities Regulations"/>
        <s v="Client Portfolio Management Tracking Database"/>
        <s v="WS Sentinelles Fixed"/>
        <s v="WS Sentinelle Mobile"/>
        <s v="WS Halieutic"/>
        <s v="WS Observations"/>
        <s v="ABACUS Financial System"/>
        <s v="VHF Digital Select Calling"/>
        <s v="Sutron XConnect"/>
        <s v="Aboriginal Policy and Governance Information System"/>
        <s v="Aquaculture Collaborative Research and Development Program"/>
        <s v="Acronyms Index System"/>
        <s v="Active Fishing Vessel Reports Process"/>
        <s v="MFD Ages DB"/>
        <s v="Aides - Balisage"/>
        <s v="AIMS - Aboriginal Information Management System"/>
        <s v="Anonymous QA"/>
        <s v="Aquaculture Integrated Information System"/>
        <s v="Aquatic Invasive Species"/>
        <s v="ARCHIBUS Space Management Pilot"/>
        <s v="ARGO"/>
        <s v="Access Pro Case Management"/>
        <s v="Atlantic Salmon Diary Database"/>
        <s v="Atlantic Salmon Enumeration Facilities"/>
        <s v="Atlantic Salmon Index Rivers"/>
        <s v="Interactive Atlas of the St. Lawrence gulf"/>
        <s v="Available Water Depth Forecasting (Fraser River)"/>
        <s v="Fledermaus Pro"/>
        <s v="FME Professional"/>
        <s v="Axios Assyst Entreprise"/>
        <s v="Batch Management Application"/>
        <s v="BioChem"/>
        <s v="Blog Tool (OWF Integrated Tool)"/>
        <s v="C&amp;P Inspection Database"/>
        <s v="C&amp;P Legacy Pacific Regional Violations and Charges System"/>
        <s v="Conservation Protection Operational Planning System"/>
        <s v="C&amp;P Voluntary Fitness Objective Results"/>
        <s v="Calendar Tool (OWF Integrated Tool)"/>
        <s v="Canadian Fisheries Information Network"/>
        <s v="Canadian Groundfish Surveys Database"/>
        <s v="Canadian Science Advisory Secretariat"/>
        <s v="Canadian Search and Rescue Planning Program"/>
        <s v="Capelin Sampling Program"/>
        <s v="CARIS Bathy DataBase Manager"/>
        <s v="CARIS HIPS and SIPS"/>
        <s v="CARIS Hydrographic Production Database"/>
        <s v="Kept and Released Estimation Survey Tool"/>
        <s v="Catch at Age"/>
        <s v="CCG Five Star Hotel System"/>
        <s v="CCG Fleet Data Admin Tool"/>
        <s v="CCG IRIS"/>
        <s v="CCG Maritime Fleet Management System"/>
        <s v="CCG notships Application"/>
        <s v="CCG Technical Data Management System"/>
        <s v="Configuration Change Request (CCR) Admin Tool"/>
        <s v="Change Management Automation Tool"/>
        <s v="CHS Digital Data Portal"/>
        <s v="Chart Server"/>
        <s v="CHSDir2"/>
        <s v="Coastal Time Series Query"/>
        <s v="Coastal Time Series Maintenance"/>
        <s v="Collaborative Agreements Recording System"/>
        <s v="Common Language Management System"/>
        <s v="Communications Automated Tracking System"/>
        <s v="Communications Control System"/>
        <s v="ArcGIS (ESRI)"/>
        <s v="Compliance Enforcement System"/>
        <s v="Conference and Foreign Travel System"/>
        <s v="Contaminated Sites Management"/>
        <s v="Common Operating Picture"/>
        <s v="Crossfire case management (AKA X-Fire, xFire)"/>
        <s v="Crustacean Research Information System"/>
        <s v="DFO Collaboration Portal (Daisy 2.4)"/>
        <s v="Departmental Violations System (DVS)"/>
        <s v="Application de gestion des marchandises"/>
        <s v="DFO - Forms"/>
        <s v="DFO Digital Image Database for Quebec"/>
        <s v="DMP Reports System"/>
        <s v="DMP/Call Centre MARFIS access"/>
        <s v="Domoic Acid and Pseudo-nitzschia References"/>
        <s v="Dragage 2.0"/>
        <s v="DRIBU"/>
        <s v="Dynamic Object Oriented Requirements System"/>
        <s v="Eel and Elver"/>
        <s v="EFM Checklist"/>
        <s v="Electronic Knowledge Management Environment"/>
        <s v="Electronic Logbook Database"/>
        <s v="Employee Directory (OWF Integrated Tool)"/>
        <s v="Cognos Business Intelligence Version 8"/>
        <s v="Salmon Enhancement Planning and Assessment Database"/>
        <s v="Enhancement Project Database"/>
        <s v="Enterprise Reporting Solution"/>
        <s v="Export Import Reporting System"/>
        <s v="Fast Track Staffing System"/>
        <s v="FIN-Analysis"/>
        <s v="Fish Health Audit and Surveillance System"/>
        <s v="Fisheries Certificate System"/>
        <s v="Fisheries Enforcement Activity Tracking System (FEATS)"/>
        <s v="Fisheries Management Harvest Information System"/>
        <s v="Fisheries Operations System"/>
        <s v="Fisheries Notification System"/>
        <s v="Fisheries Officers Information Portal"/>
        <s v="Fishery Operating System - Fishery notice Module"/>
        <s v="Fishery Operating System - Groundfish Module"/>
        <s v="Fishery Operations System - Importer Module"/>
        <s v="Fishery Operations System - Salmon Module"/>
        <s v="Fishery Operating System - Web Services"/>
        <s v="Forum Tool (OWF Integrated Tool)"/>
        <s v="Frequently Asked Question (OWF Integrated Tool)"/>
        <s v="FS3 - Fleet Safety and Security System"/>
        <s v="Gaspereau Commercial Catch and Effort"/>
        <s v="Maritime Live Genebank Database"/>
        <s v="GeoNetwork"/>
        <s v="GeoPortal"/>
        <s v="Gestion de l'information Fonciere et Territoriale"/>
        <s v="Gestion des ateliers"/>
        <s v="Gestion Temps supplémentaires"/>
        <s v="GPS Pathfinder Office"/>
        <s v="Groundfish Port Sampling Database"/>
        <s v="Habitat Training System"/>
        <s v="Hatchery Distribution"/>
        <s v="HÉLICO - Système de gestion de vol des hélicoptères"/>
        <s v="Harbour Porpoise Application"/>
        <s v="HR Classification Forms"/>
        <s v="Ice Drifter System"/>
        <s v="Icebreaking Operation Data Information System"/>
        <s v="Icebreaking Services Fee Information System"/>
        <s v="Ship Information Management"/>
        <s v="IMAGEO"/>
        <s v="In The Loop Intranet Form"/>
        <s v="Industries Survey Database"/>
        <s v="Information System on Marine Navigation (OpNet)"/>
        <s v="Intergrated Catch and Effort Reporting System"/>
        <s v="Integrated Response Capacity Management System"/>
        <s v="Intelex Software"/>
        <s v="Interactive Voice Response Platform (Voice Enabled Telephony (VET) Project)"/>
        <s v="Inventaire à bord des navires"/>
        <s v="iPrivileges"/>
        <s v="IQSR - Individual Quota Status Report"/>
        <s v="iResolve"/>
        <s v="ISDM Request System"/>
        <s v="MediaWiki (ISDM &amp; BSWEOS)"/>
        <s v="Issues Management and Project Management Application"/>
        <s v="Kantech EntraPass"/>
        <s v="Kofax Ascent Capture"/>
        <s v="Kofax VirtualReScan"/>
        <s v="LANikom (OpNet)"/>
        <s v="Large Pelagics Data Entry"/>
        <s v="Licence Revenue Interface - PLS and TWS revenue components for Finance staff"/>
        <s v="Licensing Conditions Management System"/>
        <s v="Licensing Forms Substitute Operator"/>
        <s v="Licensing Reports"/>
        <s v="Lobster Catch and Length Composition Database"/>
        <s v="MAINTelligence"/>
        <s v="Marine Finfish Aquaculture Decision Support System"/>
        <s v="Marine Pollution Incident Reporting System (MPIRS)"/>
        <s v="Marine Services Fee - Billing Template"/>
        <s v="Marine Services Fee Information System"/>
        <s v="Marinfo - Site web de la Garde Côtière, région du Québec"/>
        <s v="Maritime Fishery Information System"/>
        <s v="Mark Recovery Program Extractor"/>
        <s v="MASE - Mactaquac Atlantic Salmon Entry"/>
        <s v="MAXIMO Inventory management system"/>
        <s v="MDS/NAVTEX"/>
        <s v="Media Room Admin Tool"/>
        <s v="Message Board (OWF Integrated Tool)"/>
        <s v="MRS - Management Reporting System"/>
        <s v="MRS - Management WEB Reporting System"/>
        <s v="MRS Impromptu"/>
        <s v="Multi-year Financial Planning System (iMYFPS)"/>
        <s v="Nakisa - Organizational Management Web Applications"/>
        <s v="National Archive of Wave Data (Waves)"/>
        <s v="National Electronic Access Solution"/>
        <s v="National Environmental Compliance Assurance Program"/>
        <s v="National Online Licensing System"/>
        <s v="National Recreational Licensing System"/>
        <s v="National Recreational Licensing System DFO Administrative Application"/>
        <s v="National Special Licensing Issurance System"/>
        <s v="NCR HR Staffing Fast Track Forms"/>
        <s v="Newfoundland &amp; Labrador Fisheries Information Network"/>
        <s v="NL Catch and Effort"/>
        <s v="NL In-Season River Status Tool"/>
        <s v="NL Salmon Form"/>
        <s v="Observations Temps réel"/>
        <s v="Ocean Climate Database"/>
        <s v="OCEAN"/>
        <s v="Ocean Climate database query"/>
        <s v="Ocean Color Database System Query"/>
        <s v="Ocean Color Database System Update"/>
        <s v="Ocean Data Inventory Database Query"/>
        <s v="Ocean Data Inventory"/>
        <s v="Oceans Coral Sponge Intranet Web Atlas"/>
        <s v="ODIN (SINECO)"/>
        <s v="Offshore Clam Archival and Code Table Maintenance Database"/>
        <s v="Offshore Scallop Surveys"/>
        <s v="OHEB Spatial Information Infrastructure"/>
        <s v="Open Web Framework Hub (OWF Integrated Tool)"/>
        <s v="Orders Management System (OMS)"/>
        <s v="OSUM - Ocean Science User Update(OSCI)"/>
        <s v="Otolith Inventory (OTOINV) at Saint Andrews Biological Station (SABS)"/>
        <s v="Open Web Framework (OWF) Administration Tool"/>
        <s v="OWF Portal (OWF Integrated Tool)"/>
        <s v="Pacific Licensing System"/>
        <s v="Pacific notification System (Inbound) (Voice Enabled Telephony (VET) Project)"/>
        <s v="Pacific Region Fisheries Data Gateway"/>
        <s v="Pacific Region Environmental Database  "/>
        <s v="Pacific Single-Sign-On User Access Administrative Application"/>
        <s v="Pacific Wiki and Knowledgebase"/>
        <s v="Pelagic Samples Database"/>
        <s v="PeopleSoft Data at DFO"/>
        <s v="Photo Gallery Module (OWF Integrated Tool)"/>
        <s v="Polaris"/>
        <s v="Proactive Disclosure of Travel and Hospitality System (component of 164 ABACUS)"/>
        <s v="Production ISDM Look and Feel"/>
        <s v="Products Database"/>
        <s v="Program Activity Tracking for Habitat"/>
        <s v="Pulse Energy Management System"/>
        <s v="Q-Pulse"/>
        <s v="QR - Gulf Quota Report"/>
        <s v="Query Agent"/>
        <s v="Quota Management System"/>
        <s v="Real Property Information Management System"/>
        <s v="(Retired) Real Property Information System"/>
        <s v="Real Time Water Level System"/>
        <s v="Reference Data Repository Comparison process"/>
        <s v="PacFish Reference Data"/>
        <s v="Contaminated Sites Directory"/>
        <s v="Request Management Tool (OWF Integrated Tool)"/>
        <s v="Réservation de salles"/>
        <s v="Réservation de véhicule"/>
        <s v="S52- Section 52"/>
        <s v="Salmon Angling Licensing Monitoring Nova Scotia"/>
        <s v="SCE - Shipboard Computing Environment - CTD Data Acquisition and Processing Syst"/>
        <s v="SCH Reports (Cognos 8)"/>
        <s v="SCHMIR - Small Craft Harbours Management Information Retriever"/>
        <s v="SCOOP Viewer"/>
        <s v="Sea Lamprey Information Management System"/>
        <s v="Sea Surface Temperature Database Query"/>
        <s v="Sea Surface Temperature Database Update"/>
        <s v="CHS Service Request and Monitoring Application"/>
        <s v="WDS Observations web service"/>
        <s v="WDS Predictions web service"/>
        <s v="WDS SPINE web service"/>
        <s v="Servox"/>
        <s v="Shellfish Health System"/>
        <s v="Shellfish Research CTD Data Acquisition System"/>
        <s v="Shipboard Request System"/>
        <s v="SIPA - Aids Information Program System"/>
        <s v="Search and Rescue Information System"/>
        <s v="Canadian Hydrographic Service Tidal Website"/>
        <s v="Small Craft Harbours Data Portal"/>
        <s v="Small Craft Harbours Data Retrieval System"/>
        <s v="SMIS - Salary Management Information System"/>
        <s v="Tides Currents and Water Levels Tool Kit"/>
        <s v="Staff Publications Application"/>
        <s v="Stratified Analysis"/>
        <s v="Survey and Feedback Tool (OWF Integrated Tool)"/>
        <s v="Ocean Data Management System"/>
        <s v="Tag Return Database"/>
        <s v="CRAFT - CMS (Corporate Memory System)"/>
        <s v="CRAFT - Lesson Learned"/>
        <s v="CRAFT on the Web"/>
        <s v="Credit Reporting System"/>
        <s v="EDRMS Common Interface Component"/>
        <s v="EDRMS - DM (eDOCS)"/>
        <s v="EDRMS - RM (eDOCS)"/>
        <s v="EDRMS - WebTop"/>
        <s v="Fiduciary Risk Evaluation Tool"/>
        <s v="IATI - XML Activity and Organisation file Publication"/>
        <s v="iRIMS (Livelink Record Server)"/>
        <s v="CRAFT - AIDIS Archive."/>
        <s v="Remedy - BMC Action Request (AR) System"/>
        <s v="Results Base Management"/>
        <s v="RM Navigator"/>
        <s v="ARAF Workplan Application"/>
        <s v="Remedy - Bell MITNET Service Request"/>
        <s v="ccm - Briefing Products Tracking System"/>
        <s v="Business Intelligence Platform Legacy"/>
        <s v="Remedy - Change Management"/>
        <s v="Corporate Governance Database"/>
        <s v="ccm - Intervention Tracking System"/>
        <s v="Correspondence Registry"/>
        <s v="COSMOS"/>
        <s v="Countries"/>
        <s v="Dialogue"/>
        <s v="Diplomatic Registration System"/>
        <s v="EDSIM-P"/>
        <s v="Edu-Canada"/>
        <s v="EICS Legacy"/>
        <s v="Remedy - ESM Trouble Ticketing"/>
        <s v="EXCOL Legacy"/>
        <s v="FACTS/RCS"/>
        <s v="Foreign Representatives in Canada (Protocol)"/>
        <s v="GEDS Feed"/>
        <s v="ccm - General Correpsondence System"/>
        <s v="Global Opportunities for Associations System - Administration"/>
        <s v="Global Opportunities for Associations System"/>
        <s v="HRMS - Platform"/>
        <s v="HRMS - Designations / Accreditations Bolt-on"/>
        <s v="HRMS - Exclusions / De-exclusions Bolt-on"/>
        <s v="HRMS - General Inquiries Bolt-on"/>
        <s v="HRMS - Medical Appointments Bolt-on"/>
        <s v="HRMS - Personnel Security Bolt-on"/>
        <s v="HRMS - Posting Administration Bolt-on"/>
        <s v="Commercial-Economic Program Planning and Reporting Application"/>
        <s v="DFATD Interwoven Platform"/>
        <s v="Enquiries Data Services -  InfoEX/DataEng"/>
        <s v="Remedy - IT Asset Management System"/>
        <s v="Remedy - Mail Automated Processing System"/>
        <s v="ccm - Media Calls"/>
        <s v="ccm - Ministerial Correspondence Management System"/>
        <s v="Mission Maintenance Workplan"/>
        <s v="Official Events System"/>
        <s v="Online Course Nofitification System"/>
        <s v="Performance Management Program Online"/>
        <s v="PRIME"/>
        <s v="Proactive Disclosure of Contracts"/>
        <s v="Proactive Disclosure of Grants and Contributions (Admin)"/>
        <s v="Proactive Disclosure of Travel and Hospitality Expenses"/>
        <s v="ccm - Questions and Answers"/>
        <s v="Security Incident Reporting Tool"/>
        <s v="Remedy - Service Request Module"/>
        <s v="Shop@DFATD"/>
        <s v="Infobank DM-RM - SIGNET-D (Client and Server)"/>
        <s v="Space Inventory Tool"/>
        <s v="TeamInfo"/>
        <s v="Trade Commissioner Service Website"/>
        <s v="Treaties"/>
        <s v="Velocity (IDACS-HQ)"/>
        <s v="Visits Calendar"/>
        <s v="Wiki@International"/>
        <s v="HRMS - Employee Self Service Bolt-on"/>
        <s v="HRMS - Manager Self-Service Bolt-on"/>
        <s v="HRMS - Position Activity Bolt-on"/>
        <s v="Mission Planning and Reporting System"/>
        <s v="Remedy - Shipment Module"/>
        <s v="Remedy - Procurement"/>
        <s v="Remedy - Library"/>
        <s v="Remedy SIGNET-D Platform"/>
        <s v="LESPay-T4"/>
        <s v="Canadian Heads of Posts Abroad from 1880"/>
        <s v="Accommodation Reporting and Tracking System"/>
        <s v="Scholarships"/>
        <s v="FSD Portal"/>
        <s v="ccmMercury Platform - D (for unclassified information)"/>
        <s v="Application Portfolio Management"/>
        <s v="Content Management System"/>
        <s v="Registry Information System"/>
        <s v="International Experience Canada"/>
        <s v="Summits, Official Events &amp; Management Services Registration and Accreditatio"/>
        <s v="Web Security Module"/>
        <s v="Agora"/>
        <s v="Case Management Tracking System"/>
        <s v="Business Intelligence - Manager's Dashboard"/>
        <s v="Business Intelligence - International Business Development Dashboard"/>
        <s v="Business Intelligence - Information Management Improvement Plan Dashboard"/>
        <s v="Emergency Management Portal"/>
        <s v="Remedy - Automated Incident Management Application"/>
        <s v="TRIO2"/>
        <s v="Mission Emergency Plan Generator"/>
        <s v="Panorama (MAPS America)"/>
        <s v="Web Reporting"/>
        <s v="Division IT Asset Report System"/>
        <s v="Mission Online Payment System"/>
        <s v="My International"/>
        <s v="Travel Advice Management Application"/>
        <s v="Modus"/>
        <s v="Canada's Trade Facts"/>
        <s v="Mission Request Online"/>
        <s v="Lyris"/>
        <s v="Pureshare Service Portal"/>
        <s v="Partners@International"/>
        <s v="Security Stability Project Management Tool"/>
        <s v="Strategia"/>
        <s v="SCCM Reports"/>
        <s v="SAP Portal for the SAP Corporate Reporting"/>
        <s v="Scholarships (Admin)"/>
        <s v="Canadian Heads of Posts Abroad from 1880 (Admin)"/>
        <s v="Invest in Canada-Community Initiative (Admin)"/>
        <s v="Panorama Admin"/>
        <s v="Panorama (OGD Admin)"/>
        <s v="Shop@DFATD (Admin)"/>
        <s v="Treaties (Admin)"/>
        <s v="Proactive Disclosure of Travel and Hospitality Expenses (Admin)"/>
        <s v="Proactive Disclosure of Contracts (Admin)"/>
        <s v="idM"/>
        <s v="AppStore"/>
        <s v="xCIDA and XDFAIT Account Provisioning"/>
        <s v="MIISReplace Apps"/>
        <s v="GiftBank"/>
        <s v="Official Events System Standalone"/>
        <s v="Travel Smart Mobile App"/>
        <s v="Totaux du SICS / KISS Totals"/>
        <s v="Forms Portal"/>
        <s v="SAP Financial Administration System - SAP GUI"/>
        <s v="Finance and Administration System Portal"/>
        <s v="SAP Financial Administration Reporting System"/>
        <s v="Travel Wizard Interactive Consular Inquiry Guide"/>
        <s v="Canadian Immigration Biometric System"/>
        <s v="Position Costing Automation Tool"/>
        <s v="ICCI Cognos Reporting"/>
        <s v="ARBD Facts Reports"/>
        <s v="BPC Minutes"/>
        <s v="Mary"/>
        <s v="MPSR Exec Summary"/>
        <s v="Zebra"/>
        <s v="GACTracker"/>
        <s v="NAFTA Now"/>
        <s v="Passport Canada Parliament Portal"/>
        <s v="Consular Management Information Program"/>
        <s v="Resource Availability Manager Web Application"/>
        <s v="Training Course Calendar and Catalogue Search Web Application"/>
        <s v="Travel Expenses Log"/>
        <s v="Velocity (IDACS at Missions)"/>
        <s v="Dialogue Admin"/>
        <s v="Hazard Prevention Program Online Tool"/>
        <s v="Mission Content Management Application"/>
        <s v="NAFTA Secretariat - Canadian Site"/>
        <s v="NAFTA Secretariat - American Site"/>
        <s v="NAFTA Secretariat - Mexican Site"/>
        <s v="Proactive Disclosure of Grants and Contributions"/>
        <s v="CESSAutoGroup"/>
        <s v="AMU Reports"/>
        <s v="Sinker-Export"/>
        <s v="CESS Cardholder PIN Generation and Reset Application"/>
        <s v="GroupAutoMem"/>
        <s v="Berlin CMS"/>
        <s v="Managed Secure File Transfer (MSFT)"/>
        <s v="Emergency Notification and Mass Communciation"/>
        <s v="Year-end Information Session"/>
        <s v="Account Services Web Application"/>
        <s v="PACCB Requests Content | Edition: N/A | Version: N/A"/>
        <s v="Public Opinion Research | Edition: N/A | Version: N/A"/>
        <s v="BCGAdmin | Edition: N/A | Version: Not Yet Assessed"/>
        <s v="Births | Edition: N/A | Version: Not Yet Assessed"/>
        <s v="Communicable Disease Control | Edition: N/A | Version: Not Yet Assessed"/>
        <s v="Community Profiles | Edition: N/A | Version: Not Yet Assessed"/>
        <s v="Deaths | Edition: N/A | Version: Not Yet Assessed"/>
        <s v="Dental Appeals Database | Edition: N/A | Version: Not Yet Assessed"/>
        <s v="DT_Service Program | Edition: N/A | Version: Not Yet Assessed"/>
        <s v="DT_Supply Order | Edition: N/A | Version: Not Yet Assessed"/>
        <s v="eChart Requirement Tracking | Edition: N/A | Version: Not Yet Assessed"/>
        <s v="Immunization | Edition: N/A | Version: Not Yet Assessed"/>
        <s v="Drug Master File | Edition: N/A | Version: Not Yet Assessed"/>
        <s v="Inventory_Database | Edition: N/A | Version: Not Yet Assessed"/>
        <s v="Mail Room Postage Database | Edition: N/A | Version: V2"/>
        <s v="Medgate 97 | Edition: N/A | Version: Not Yet Assessed"/>
        <s v="Medical Records Chart (MRC) Index | Edition: N/A | Version: Not Yet Assessed"/>
        <s v="MentalF, MentalB | Edition: N/A | Version: Not Yet Assessed"/>
        <s v="Sexually Transmitted Infections | Edition: N/A | Version: Not Yet Assessed"/>
        <s v="SOA_Service Records | Edition: N/A | Version: Not Yet Assessed"/>
        <s v="SOA_Supply Order | Edition: N/A | Version: Not Yet Assessed"/>
        <s v="SOAMental, SOAMentalB | Edition: N/A | Version: Not Yet Assessed"/>
        <s v="Statuts IM | Edition: N/A | Version: N/A"/>
        <s v="Suicide Surveillance | Edition: N/A | Version: Not Yet Assessed"/>
        <s v="Sydney Tar Ponds.APR Database | Edition: N/A | Version: N/A"/>
        <s v="Tuberculosis Case Reports | Edition: N/A | Version: Not Yet Assessed"/>
        <s v="NIHB Crisis Mental Health Database | Edition: N/A | Version: Not Yet Assessed"/>
        <s v="TCPA Report | Edition: N/A | Version: N/A"/>
        <s v="Dental Equipment Sioux Lookout Zone office | Edition: N/A | Version: N/A"/>
        <s v="Contracts_Notes | Edition: N/A | Version: Not Yet Assessed"/>
        <s v="Dental_Renewal | Edition: N/A | Version: Not Yet Assessed"/>
        <s v="FCD_SupplyOrder | Edition: N/A | Version: Not Yet Assessed"/>
        <s v="HIV | Edition: N/A | Version: Not Yet Assessed"/>
        <s v="New MTRS Issue Maintenance Log | Edition: N/A | Version: Not Yet Assessed"/>
        <s v="Lookup - FNIHB MB | Edition: N/A | Version: Not Yet Assessed"/>
        <s v="Population | Edition: N/A | Version: Not Yet Assessed"/>
        <s v="STD | Edition: N/A | Version: Not Yet Assessed"/>
        <s v="ILI | Edition: N/A | Version: Not Yet Assessed"/>
        <s v="Mass Vaccination | Edition: N/A | Version: Not Yet Assessed"/>
        <s v="FNIHB_Formulary_June_2011 | Edition: N/A | Version: Not Yet Assessed"/>
        <s v="Vaccine Management | Edition: N/A | Version: Not Yet Assessed"/>
        <s v="Fleet app | Edition: N/A | Version: Version 14"/>
        <s v="Facility Condition Database | Edition: N/A | Version: Version 14"/>
        <s v="SMTP (Special Medical Treatment Plan) | Edition: N/A | Version: N/A"/>
        <s v="FOREIGN SITES_TRACKING SHEETS_2014.APR | Edition: N/A | Version: N/A"/>
        <s v="Web Pubs | Edition: N/A | Version: N/A"/>
        <s v="NIHB Mental Health Management System Ontario | Edition: N/A | Version: TBD"/>
        <s v="Communicable Disease Case Management Tool SK | Edition: N/A | Version: Not Yet A"/>
        <s v="Security Sweeps | Edition: N/A | Version: N/A"/>
        <s v="BEET Training [BEET] | Edition: N/A | Version: 9.8"/>
        <s v="EAS Reporting System | Edition: N/A | Version: 2.0"/>
        <s v="Healthy Canadians Internet | Edition: N/A | Version: N/A"/>
        <s v="Health Information Claims Processing System (HICPS) Ad Hoc | Edition: N/A | Vers"/>
        <s v="UptoDate | Edition: N/A | Version: Not Yet Assessed"/>
        <s v="NHP-OS - CMS-Content Management System | Edition: N/A | Version: 5.1"/>
        <s v="JIRA Medical Cannabis Registry (MCR) | Edition: N/A | Version: 6.3.14"/>
        <s v="Personnel Security Mail Log | Edition: N/A | Version: Not Yet Assessed"/>
        <s v="Vision Care System (AB) | Edition: N/A | Version: N/A"/>
        <s v="Vision Care System (MB) | Edition: N/A | Version: N/A"/>
        <s v="Vision Care System (SK) | Edition: N/A | Version: N/A"/>
        <s v="Vision Care System (QC) | Edition: N/A | Version: N/A"/>
        <s v="Vision Care System (ATL) | Edition: N/A | Version: N/A"/>
        <s v="Security Sweeps APR | Edition: N/A | Version: N/A"/>
        <s v="APM-Core | Edition: N/A | Version: 1.1.5"/>
        <s v="G and C - Grants and Contributions - CFOB | Edition: N/A | Version: N/A"/>
        <s v="SAP Related - CFOB | Edition: N/A | Version: N/A"/>
        <s v="Contract Disclosure | Edition: N/A | Version: N/A"/>
        <s v="MECS | Edition: N/A | Version: N/A"/>
        <s v="Change-Release Management CSB | Edition: N/A | Version: N/A"/>
        <s v="PIRT - Project Implementation &amp; Reporting Tool | Edition: 2017-2018 | Versio"/>
        <s v="Morbidite | Edition: N/A | Version: N/A"/>
        <s v="QP Notes - FNIHB | Edition: N/A | Version: N/A"/>
        <s v="Real Property Management Information System | Edition: N/A | Version: N/A"/>
        <s v="QP Issues - HECSB | Edition: N/A | Version: N/A"/>
        <s v="QSI - HPFB - BCS-Approved | Edition: N/A | Version: N/A"/>
        <s v="QSI - HPFB - BGTD | Edition: N/A | Version: N/A"/>
        <s v="QSI - HPFB - FOOD | Edition: N/A | Version: N/A"/>
        <s v="HPFB - HPFBi - QSI_new | Edition: N/A | Version: N/A"/>
        <s v="QSI - HPFB - MHPD | Edition: N/A | Version: N/A"/>
        <s v="PMRA - QP Issues | Edition: N/A | Version: N/A"/>
        <s v="2016 - Inspector and Analyst Database | Edition: N/A | Version: N/A"/>
        <s v="QSI - BRITISH COLUMBIA - QSI9000 | Edition: N/A | Version: N/A"/>
        <s v="QSI - ONTARIO - QSI9000 | Edition: N/A | Version: N/A"/>
        <s v="QSI - QUEBEC - DPSA | Edition: N/A | Version: N/A"/>
        <s v="CHAD | Edition: N/A | Version: N/A"/>
        <s v="QP Notes - SPB | Edition: N/A | Version: N/A"/>
        <s v="Health Canada Nursing Application | Edition: N/A | Version: 1.0"/>
        <s v="Byte | Edition: N/A | Version: 2.0"/>
        <s v="Scooter | Edition: N/A | Version: 11"/>
        <s v="Base de données des ressources humaines et de formation | Edition: N/A | Version"/>
        <s v="ArcGIS Server | Edition: N/A | Version: 10.5"/>
        <s v="IceBarClient - Quebec | Edition: N/A | Version: 8"/>
        <s v="Ice Administrator - Quebec | Edition: N/A | Version: 8"/>
        <s v="Ice Monitor - Quebec | Edition: N/A | Version: 8"/>
        <s v="EAS - Employee Assistance Services | Edition: N/A | Version: N/A"/>
        <s v="DLS 5 | Edition: N/A | Version: 1.5"/>
        <s v="ATIP Solution - RICOH | Edition: N/A | Version: 9.2"/>
        <s v="IceBarClient - Ontario | Edition: N/A | Version: 8"/>
        <s v="Ice Administrator - Ontario | Edition: N/A | Version: 8"/>
        <s v="Ice Monitor - Ontario | Edition: N/A | Version: 8"/>
        <s v="IceBarClient - Manitoba | Edition: N/A | Version: 8"/>
        <s v="Ice Administrator - Manitoba | Edition: N/A | Version: 8"/>
        <s v="Ice Monitor - Manitoba | Edition: N/A | Version: 8"/>
        <s v="IceManager Monitor - EPAS | Edition: N/A | Version: 6.1.2.0"/>
        <s v="Recalls &amp; Safety Alerts Mobile Application | Edition: N/A | Version: 3.0"/>
        <s v="My Food Guide Mobile application | Edition: N/A | Version: 1.8"/>
        <s v="Pesticides Label Search mobile app | Edition: N/A | Version: 2.3"/>
        <s v="Vision Care System (NR) | Edition: N/A | Version: N/A"/>
        <s v="WaterTrax (ON) | Edition: N/A | Version: N/A"/>
        <s v="WaterTrax (SK) | Edition: N/A | Version: N/A"/>
        <s v="Milestone XProtect | Edition: N/A | Version: 10.1A - 2016 R2"/>
        <s v="Data Management System - GHS | Edition: N/A | Version: N/A"/>
        <s v="OLS K-School | Edition: N/A | Version: N/A"/>
        <s v="Environmental Management System (EMS) | Edition: N/A | Version: N/A"/>
        <s v="Drug Shortages Canada website | Edition: N/A | Version: 1.0"/>
        <s v="Issue Management System | Edition: N/A | Version: Not Yet Assessed"/>
        <s v="Protecting Personal Information Training Website (PPI) | Edition: N/A | Version:"/>
        <s v="Ontario Medical Transportation System SLZ | Edition: N/A | Version: TBD"/>
        <s v="Ontario Medical Transportation System TBZ | Edition: N/A | Version: TBD"/>
        <s v="Ontario Medical Transportation System WAHA | Edition: N/A | Version: TBD"/>
        <s v="Pharmacy Drug Information System (RXVigilance) | Edition: N/A | Version: October"/>
        <s v="Controlled Drugs and Substances Database (CDSD) | Edition: N/A | Version: 4"/>
        <s v="Apollo Access Control System | Edition: N/A | Version: Not Yet Assessed"/>
        <s v="TCP Online Mass Media | Edition: N/A | Version: N/A"/>
        <s v="Addictions Management Information System | Edition: N/A | Version: 1"/>
        <s v="Medical Transportation Data Store 2.0 | Edition: N/A | Version: 2.0"/>
        <s v="Canadian Nutrient File - Internal | Edition: N/A | Version: 3.2.2"/>
        <s v="Alberta Medical Transportation System | Edition: N/A | Version: 120.227a"/>
        <s v="Amega Monitoring System (Food Directorate (FD) /Biologics and Genetics Therapies"/>
        <s v="ePRS - Electronic Pesticide Regulatory System | Edition: N/A | Version: 7.02.0"/>
        <s v="Application Development Requests (ADR) | Edition: 2017-2018 | Version: N/A"/>
        <s v="Incident System (OnNet V50) | Edition: N/A | Version: 2.0"/>
        <s v="Patent Register - Internal | Edition: N/A | Version: Not Yet Assessed"/>
        <s v="Scientific Experts Database - Internal | Edition: N/A | Version: 1.2.16"/>
        <s v="ATL FNIHB Community Contact DB | Edition: N/A | Version: 1"/>
        <s v="Border Centre | Edition: N/A | Version: N/A"/>
        <s v="Chronic Condition Monitoring System | Edition: N/A | Version: 1"/>
        <s v="Broadcast news | Edition: N/A | Version: N/A"/>
        <s v="Electronic Service Delivery Template | Edition: N/A | Version: TBD"/>
        <s v="Canada Vigilance Electronic Reporting System | Edition: N/A | Version: Not Yet A"/>
        <s v="First Nations and Inuit Health Information System | Edition: N/A | Version: 2.2"/>
        <s v="Canada Vigilance System (ARISg and AGSignals) | Edition: N/A | Version: 5.0.2.17"/>
        <s v="Immunization Record System | Edition: N/A | Version: 1.3"/>
        <s v="Status Verification System | Edition: N/A | Version: 2.0"/>
        <s v="Canadian Health Measures Survey | Edition: N/A | Version: Cycle 5"/>
        <s v="Medical Transportation Record System (MTRS) | Edition: N/A | Version: 5.5"/>
        <s v="Secure Access for Medical Marijuana II (SAMM II) | Edition: N/A | Version: 2.0"/>
        <s v="Drug Product Database | Edition: N/A | Version: 2.6"/>
        <s v="Drug Submission Tracking System | Edition: N/A | Version: 2.8.0.0"/>
        <s v="Chemical Emergency Response Unit (CERU) Incident Report Log | Edition: N/A | Ver"/>
        <s v="Chemical Emergency Response Unit (CERU) Information Library | Edition: TBD | Ver"/>
        <s v="CHHAD Reference Library | Edition: N/A | Version: N/A"/>
        <s v="Export Certificate Database | Edition: N/A | Version: 2.5"/>
        <s v="Notice of Compliance | Edition: N/A | Version: 3.0.0"/>
        <s v="NHPD Submission Approval System | Edition: N/A | Version: 1.6.0.3"/>
        <s v="BCP - PCO | Edition: N/A | Version: N/A"/>
        <s v="Computed Radiography - Manitoba | Edition: N/A | Version: Not Yet Assessed"/>
        <s v="e-Paper | Edition: N/A | Version: N/A"/>
        <s v="Customs Refusal-Release | Edition: TBD | Version: Not Yet Assessed"/>
        <s v="FIRMS SAP | Edition: N/A | Version: ERP 6 EHP 7"/>
        <s v="Data Management System | Edition: N/A | Version: N/A"/>
        <s v="Activity Tracking System | Edition: N/A | Version: Not Yet Assessed"/>
        <s v="Dental Client Referral MB | Edition: N/A | Version: N/A"/>
        <s v="Dosimetry Management System | Edition: N/A | Version: 2.0"/>
        <s v="DAIS | Edition: N/A | Version: 2.32B Server &amp; 3.57.0.23 Desktop"/>
        <s v="Watchdog Environmental Monitoring System | Edition: N/A | Version: N/A"/>
        <s v="Docubridge | Edition: N/A | Version: 5.8"/>
        <s v="Canada Vigilance Online Query and Data Extract | Edition: N/A | Version: Unknown"/>
        <s v="Environmental Health Information System | Edition: N/A | Version: N/A"/>
        <s v="Environmental Public Health Information Suite | Edition: N/A | Version: 1.0"/>
        <s v="NewFrench | Edition: N/A | Version: N/A"/>
        <s v="Canadian Nutrient File - On Web | Edition: N/A | Version: TBD"/>
        <s v="Centre and Systems in support of the Federal Nuclear Emergency Plan (FNEP) | Edi"/>
        <s v="Clinical Trials Database Online Query | Edition: N/A | Version: Not Yet Assessed"/>
        <s v="FNIH Community Visit &amp; Reporting | Edition: N/A | Version: N/A"/>
        <s v="FNIH Mental Health DB - Atlantic | Edition: N/A | Version: 2.0"/>
        <s v="CHAIS 2002.1 | Edition: N/A | Version: N/A"/>
        <s v="GCDOCS | Edition: SP1 | Version: 10.5"/>
        <s v="GC-HRMS Peoplesoft | Edition: N/A | Version: 8.9"/>
        <s v="Travel and Hospitality Expenses | Edition: N/A | Version: N/A"/>
        <s v="Health Canada (HC) Internet | Edition: N/A | Version: N/A"/>
        <s v="Health Information Claims Processing System (HICPS) | Edition: N/A | Version: 20"/>
        <s v="HICPS Fraud Detection Solution | Edition: N/A | Version: Not Yet Assessed"/>
        <s v="HR Reports Online | Edition: N/A | Version: BO XI (3.1)"/>
        <s v="Adjunct Professorship | Edition: N/A | Version: N/A"/>
        <s v="Dental DB | Edition: N/A | Version: TBD"/>
        <s v="MCCS | Edition: N/A | Version: N/A"/>
        <s v="IRS - SRI | Edition: N/A | Version: N/A"/>
        <s v="Drug Product Database (DPD) - Online Query | Edition: N/A | Version: Unknown"/>
        <s v="FNIHB Mental Health Services Tracking System | Edition: N/A | Version: 3"/>
        <s v="Drug Submission Tracking System - Industry Access | Edition: N/A | Version: Unkn"/>
        <s v="Joint Emergency Preparedness Committee, sub-Committee on Chemical Emergencies |"/>
        <s v="HC Research Forum | Edition: N/A | Version: N/A"/>
        <s v="Publications and Web Document Tracking (v3) | Edition: N/A | Version: N/A"/>
        <s v="Laboratory Information Management System (LIMS) HPFB-VDD-EDR | Edition: N/A | Ve"/>
        <s v="LIMS-HECSB-RPB | Edition: N/A | Version: Labware 6"/>
        <s v="Laboratory Information Management System (LIMS) HPFB-BGTD | Edition: N/A | Versi"/>
        <s v="Laboratory Information Management System (LIMS) HPFB-HBFBI | Edition: N/A | Vers"/>
        <s v="Electronic Compliance and Enforcement System | Edition: N/A | Version: 1.0.0"/>
        <s v="CRRS | Edition: N/A | Version: N/A"/>
        <s v="Management of Contracts and Contributions | Edition: N/A | Version: 9.7"/>
        <s v="Manitoba FNIH Nursing Occurrences | Edition: N/A | Version: 1"/>
        <s v="Manitoba Medevac Abstract Surveillance | Edition: N/A | Version: Excel 2010"/>
        <s v="MCCS Tracking | Edition: N/A | Version: N/A"/>
        <s v="IceBarClient - EPAS | Edition: N/A | Version: 6.1.0.13"/>
        <s v="Federal Electronic Tobacco Reporting Evaluation System (FETRES) | Edition: N/A |"/>
        <s v="Medical Supplies &amp; Equipment Audit System | Edition: N/A | Version: Not Yet"/>
        <s v="Good Guidance Practices | Edition: N/A | Version: Not Yet Assessed"/>
        <s v="Methadone Database | Edition: N/A | Version: Not Yet Assessed"/>
        <s v="AB Nursing eLearning Portal (Moodle LMS) | Edition: N/A | Version: Not Yet Asses"/>
        <s v="New Employee Database - Regional | Edition: N/A | Version: N/A"/>
        <s v="e-Index Builder | Edition: N/A | Version: 2.8.1"/>
        <s v="NNADAP Client Tracking Database | Edition: N/A | Version: N/A"/>
        <s v="MAMD Standard Query Roll-Up Tool | Edition: N/A | Version: N/A"/>
        <s v="Licensed Natural Health Products Database | Edition: N/A | Version: Not Yet Asse"/>
        <s v="Laboratory Information Management System (LIMS) RAPB-DAS | Edition: N/A | Versio"/>
        <s v="Notifiable Disease Registry | Edition: N/A | Version: 1.0"/>
        <s v="Mail Tracking System/Submission Tracking System | Edition: N/A | Version: 1.1"/>
        <s v="MDELS Online | Edition: N/A | Version: TBD"/>
        <s v="Nurse Employee Register | Edition: N/A | Version: N/A"/>
        <s v="Nursing Service Log MB | Edition: N/A | Version: N/A"/>
        <s v="Medical Devices System (MDS) | Edition: N/A | Version: Unknown"/>
        <s v="Online Reporting for Controlled Substance License Dealers | Edition: N/A | Versi"/>
        <s v="Ontario Medical Transportation System | Edition: N/A | Version: TBD"/>
        <s v="National Dose Registry | Edition: N/A | Version: 3.1"/>
        <s v="Natural Health Products Directorate Ingredients Database | Edition: N/A | Versio"/>
        <s v="Notice of Compliance - Online | Edition: N/A | Version: Unknown"/>
        <s v="NSS | Edition: N/A | Version: N/A"/>
        <s v="EDMS (Electronic Document Management System) | Edition: N/A | Version: 5.3.0.516"/>
        <s v="LRS - Livelink Records Server | Edition: N/A | Version: 9.2.0.0"/>
        <s v="Information Notes | Edition: N/A | Version: N/A"/>
        <s v="Patent Register - OnLine | Edition: N/A | Version: 4.3"/>
        <s v="Phonetic Orthographic Computer Analysis | Edition: N/A | Version: v2.10"/>
        <s v="Authorities Database | Edition: N/A | Version: N/A"/>
        <s v="Single Window Initiative | Edition: N/A | Version: 1.2"/>
        <s v="Regulatory Action Depot d'Action Reglementaire | Edition: N/A | Version: Not Yet"/>
        <s v="Integrated Planning and Performance Reporting System | Edition: N/A | Version: 2"/>
        <s v="Enterprise Risk Management Tool | Edition: N/A | Version: 1.8"/>
        <s v="TB Screening | Edition: N/A | Version: 1.0"/>
        <s v="Special Access Programme (eSAP) | Edition: N/A | Version: 1.7"/>
        <s v="Tobacco Control Programme activities | Edition: N/A | Version: N/A"/>
        <s v="Tobacco Compliance Information Management System (TCIMS) | Edition: N/A | Versio"/>
        <s v="Health Canada Scientific Publications Management System | Edition: N/A | Version"/>
        <s v="Tobacco Reporting Regulations System (TRRS) | Edition: N/A | Version: 3.0"/>
        <s v="Management Report Solutions (MRS/MVR/MRE) | Edition: N/A | Version: V7 rel 7"/>
        <s v="Vital Statistics Database | Edition: N/A | Version: 1.0"/>
        <s v="PMRA WCAG Forms | Edition: N/A | Version: 2.0"/>
        <s v="Water | Edition: N/A | Version: N/A"/>
        <s v="WaterTrax (Atl) | Edition: N/A | Version: N/A"/>
        <s v="WaterTrax (MB) | Edition: N/A | Version: N/A"/>
        <s v="Recalls and Safety Alerts Management System (RSAMS) | Edition: N/A | Version: 1"/>
        <s v="Consultation and Stakeholder Information Management System | Edition: N/A | Vers"/>
        <s v="Arrival and Departure Application | Edition: N/A | Version: 1"/>
        <s v="ATL User Access Card System | Edition: N/A | Version: Not Yet Assessed"/>
        <s v="DLS 2002 | Edition: N/A | Version: 2.0.2.34"/>
        <s v="DCS Performance Metrics Dashboard | Edition: N/A | Version: N/A"/>
        <s v="LIMS change requests | Edition: N/A | Version: 8"/>
        <s v="Ontario Region Occurrence Reports | Edition: N/A | Version: Not Yet Assessed"/>
        <s v="NHPD Issues Tracking System | Edition: N/A | Version: 2.51"/>
        <s v="Chemical Database V8 | Edition: N/A | Version: 8"/>
        <s v="Canadian Laboratory Information Network | Edition: N/A | Version: 4.0.1"/>
        <s v="OBT SED | Edition: N/A | Version: Not Yet Assessed"/>
        <s v="NHP On-line System | Edition: N/A | Version: 1.0"/>
        <s v="Ontario NIHB Mail and Appeals Log | Edition: N/A | Version: N/A"/>
        <s v="TPD Mail Merge for OCT | Edition: N/A | Version: N/A"/>
        <s v="iScheduler | Edition: N/A | Version: Unknown"/>
        <s v="Manitoba Online | Edition: N/A | Version: Not Yet Assessed"/>
        <s v="eChart Manitoba | Edition: N/A | Version: Not Yet Assessed"/>
        <s v="Vision Care System (ON) | Edition: N/A | Version: N/A"/>
        <s v="NIHB - OMTS Security | Edition: N/A | Version: N/A"/>
        <s v="NIHB - Ontario MS&amp;E Reporting System | Edition: N/A | Version: N/A"/>
        <s v="NIHB - Ontario MS&amp;E Looklist | Edition: N/A | Version: N/A"/>
        <s v="JIRA SC Defect Tracking | Edition: N/A | Version: 4.x"/>
        <s v="Psych Map | Edition: N/A | Version: 2.0"/>
        <s v="Repertoire des inventaires des laboratoires de Longueuil V8 (RILL) | Ed:NA | V:8"/>
        <s v="Systeme de Gestion des Informations du Laboratoire (SGIL) | Edition: N/A | Versi"/>
        <s v="Pedigree | Edition: N/A | Version: 8"/>
        <s v="FNIHB PMP Database | Edition: N/A | Version: Not Yet Assessed"/>
        <s v="Mental Health Information System -Alberta Region | Edition: N/A | Version: 1.0"/>
        <s v="Synergy In Action (SIA) | Edition: N/A | Version: N/A"/>
        <s v="MySource | Edition: N/A | Version: N/A"/>
        <s v="Atlas (JIRA) | Edition: N/A | Version: 6"/>
        <s v="Laboratory Information Management System (LIMS) HECSB-PSL | Edition: N/A | Versi"/>
        <s v="PMRA eDB (Electronic Dossier Builder) | Edition: N/A | Version: N/A"/>
        <s v="Drug &amp; Health Product Inspections (public-facing name); Health Canada Inspec"/>
        <s v="Drug and Health Product Register | Edition: TBD | Version: 2.0"/>
        <s v="Gestion des Installations/Hesk | Edition: N/A | Version: TBD"/>
        <s v="DELIM | Edition: N/A | Version: 8"/>
        <s v="NIHB Online Drug Benefit List | Edition: N/A | Version: N/A"/>
        <s v="Client Information System for Aboriginal Health Facilities | Edition: N/A | Vers"/>
        <s v="BioNumerics - FOOD | Edition: N/A | Version: 6.6.11.0"/>
        <s v="DS Admin (Digital Sentry) | Edition: N/A | Version: 7.4.320.7640"/>
        <s v="DS Control Point | Edition: N/A | Version: 7.7.309.9631"/>
        <s v="Hedgehog | Edition: N/A | Version: 4.4"/>
        <s v="Keyscan VII | Edition: N/A | Version: 7.0.20"/>
        <s v="Matrix Electron Access System | Edition: N/A | Version: 2009"/>
        <s v="Kroll RX | Edition: N/A | Version: Not Yet Assessed"/>
        <s v="Audiolog | Edition: N/A | Version: 1.0"/>
        <s v="EPAS-Icemail | Edition: N/A | Version: Not Yet Assessed"/>
        <s v="Site Secure | Edition: N/A | Version: 3.6 R4"/>
        <s v="Common Electronic Submission Gateway (CESG) | Edition: N/A | Version: 2.10.03.0"/>
        <s v="Manitou CS | Edition: N/A | Version: 1.61.0.767"/>
        <s v="Real Time Identification | Edition: N/A | Version: COGENT 4.5 NMSO"/>
        <s v="Maximizer CRM | Edition: Group Edition | Version: 10.5.1905.961"/>
        <s v="Telax Call Centre | Edition: N/A | Version: 10.4"/>
        <s v="Nortel (Avaya) Business Communication Manager | Edition: N/A | Version: N/A"/>
        <s v="IceManager Administrator - NDS | Edition: N/A | Version: 6.2.0.0"/>
        <s v="IceBarClient - EAS | Edition: N/A | Version: 6.1.1.0"/>
        <s v="IceManager Monitor - EAS | Edition: N/A | Version: 6.1.2.0"/>
        <s v="IceManager Administrator - EPAS | Edition: N/A | Version: 6.1.0.3"/>
        <s v="Rogers SK Region | Edition: N/A | Version: Version 4 SU6-ES"/>
        <s v="IUCLID | Edition: N/A | Version: 5.5"/>
        <s v="RDIMS Instance | Edition: N/A | Version: 5.3.0.516"/>
        <s v="ATIP Flow - PHAC | Edition: N/A | Version: N/A"/>
        <s v="ATIP Flow - HC | Edition: N/A | Version: N/A"/>
        <s v="WinRecs | Edition: N/A | Version: V3 2016.02"/>
        <s v="BGTD Reviewers Toolkit (BGTD SRT Word ADDIN) | Edition: N/A | Version: 1.0"/>
        <s v="Hearing Day Management System"/>
        <s v="Digital Audio Recording"/>
        <s v="Embarcadero ERStudio Data Architect"/>
        <s v="Financial Accountability"/>
        <s v="Financial Integtrated Tool System"/>
        <s v="Hearing Booking Tool"/>
        <s v="Higher Court Decisions"/>
        <s v="IRB Internet Site"/>
        <s v="Judicial Review Tracking Reports"/>
        <s v="Microsoft Lync"/>
        <s v="Manage Secure File Transfer"/>
        <s v="Microsoft SQL Server Database"/>
        <s v="Multi Translation"/>
        <s v="Nova FOSS Interface"/>
        <s v="NOVA Case Tracking System"/>
        <s v="OFFICENOVA"/>
        <s v="Insperity OrgPlus"/>
        <s v="SQL Server Analysis Services"/>
        <s v="SAS - Activity Based Management"/>
        <s v="SQL Server Integration Services"/>
        <s v="SQL Server management Studio"/>
        <s v="SQL Server Reporting Services"/>
        <s v="Time Management Sheet - Legal"/>
        <s v="Track-It!"/>
        <s v="Access Manager"/>
        <s v="Answers"/>
        <s v="Remedy Action Request System"/>
        <s v="ATIP On Line Request"/>
        <s v="ATIP Suite"/>
        <s v="Beyond 20 20"/>
        <s v="Biometric Immigration Fingerprints Tool"/>
        <s v="Business Intelligence Publisher"/>
        <s v="Barcode Tracking System, Kit Tracking System"/>
        <s v="Crown Copyright Clearance Application"/>
        <s v="Cognos Disclosure Management"/>
        <s v="Canadian Electoral District Information System"/>
        <s v="Client Feedback Mechanism"/>
        <s v="Canadian Immigration Biometrics Identification System"/>
        <s v="CIC Intranet"/>
        <s v="CICWiki"/>
        <s v="Citizenship Ceremony Search"/>
        <s v="Controlled Key Forms Inventory Tracking System"/>
        <s v="Classified Ads"/>
        <s v="Cognos Business Intelligence"/>
        <s v="Comments (Connexion)"/>
        <s v="CPC M - Imaging"/>
        <s v="CPC Images"/>
        <s v="CPC-M Stats"/>
        <s v="Case Processing Systems"/>
        <s v="Case Specific Enquiry (Canada) / Case Specific Enquiry (International)"/>
        <s v="Client Service Management System"/>
        <s v="Client Status Query - Lite"/>
        <s v="Case Tracking System"/>
        <s v="Departmental Financial Materiel System - SAP"/>
        <s v="Director Awards"/>
        <s v="Digital X-ray Mgmt System"/>
        <s v="Dual Nationals Travel Authorization"/>
        <s v="Data Visualization Dashboard"/>
        <s v="e-Application"/>
        <s v="Electronic - Client Application Status - Change of Address"/>
        <s v="Enhanced Drivers Licence SFTP Windows Service"/>
        <s v="Enhanced Drivers Licence Quality Assurance Imaging System"/>
        <s v="SPSS CnDs"/>
        <s v="Informatica Address Dr"/>
        <s v="Informatica DQ"/>
        <s v="Netezza IBM PureData System for Analytics"/>
        <s v="SAS Forecast Solution"/>
        <s v="SPSS Scoring"/>
        <s v="Sentinel RMS"/>
        <s v="Enterprise Connect (Open Text)"/>
        <s v="e-Payment"/>
        <s v="Erwin"/>
        <s v="Ethics Challenge"/>
        <s v="File Request      "/>
        <s v="File Tracking                      "/>
        <s v="Forms Inventory Management System"/>
        <s v="Federal Internship for Newcomers Program - Application Form for Managers"/>
        <s v="Global Case Management System"/>
        <s v="GCMS Issues Report"/>
        <s v="GCMS Outbound Service"/>
        <s v="GCMS Simulator"/>
        <s v="Grants and Contributions System"/>
        <s v="Answers (GCS)"/>
        <s v="HR Dashboard"/>
        <s v="Immigration Contribution Agreement Reporting Environment"/>
        <s v="Identity Management"/>
        <s v="IBM Licensing Monitoring Tool"/>
        <s v="Immigration Language Online Verification Environment"/>
        <s v="IM/IT Intake Request Form"/>
        <s v="Import Tool for Digitized Records of Landing"/>
        <s v="Info-Client"/>
        <s v="Informatica PC"/>
        <s v="Instant Awards"/>
        <s v="Integrated Payment Revenue Management System"/>
        <s v="IRCC web site"/>
        <s v="Kit Management System"/>
        <s v="KMS Postal Code"/>
        <s v="Litigation Information Management System"/>
        <s v="Living in Canada"/>
        <s v="Live, Learn and Succeed"/>
        <s v="Mail Tracking - Sydney"/>
        <s v="Mailroom Stats-Kit Reporting"/>
        <s v="Media Port"/>
        <s v="My CIC"/>
        <s v="Notice of an International Event of Meeting"/>
        <s v="Occupational Health and Safety Training"/>
        <s v="Online Data Gathering Tool / Cost Management Model"/>
        <s v="On-Line Services"/>
        <s v="Online Manuals"/>
        <s v="Outreach Tracking System"/>
        <s v="Passport - Compliments and General Feedback"/>
        <s v="Passport - Feedback on Interactive Forms"/>
        <s v="Passport - General Inquiries"/>
        <s v="Passport - Official Travel Contact Us"/>
        <s v="Passport - Request the Status of Your Application"/>
        <s v="Rational Team Concert"/>
        <s v="Passport - Status of Your Child's Application"/>
        <s v="Passport - Submit a Complaint"/>
        <s v="File Transfer Web Registry"/>
        <s v="IRIS - AdminPPT"/>
        <s v="GCMS Inbound Service"/>
        <s v="IRIS - MARA"/>
        <s v="IRIS - MARA Viewer"/>
        <s v="IRIS - OT Tracking"/>
        <s v="IRIS - PASSAP"/>
        <s v="IRIS - PCI"/>
        <s v="IRIS - Photocard Manager"/>
        <s v="IRIS - PMP - Simplified Renewal Abroad Service"/>
        <s v="IRIS - PMP - Transfer Service"/>
        <s v="IRIS - PTF Reports"/>
        <s v="IRIS - Address Label"/>
        <s v="IRIS - QAP"/>
        <s v="IRIS - Qmonitor"/>
        <s v="IRIS - SL Extract"/>
        <s v="IRIS - Call Center"/>
        <s v="IRIS - CI-SL Alerts"/>
        <s v="IRIS - CIC Extract"/>
        <s v="IRIS - CSC Parser"/>
        <s v="IRIS - DOJ C41"/>
        <s v="IRIS - ePPS IEC API"/>
        <s v="IRIS - ESRF Viewer"/>
        <s v="Passport Canada MP Portal"/>
        <s v="Remote Access System / Remote Secure Access"/>
        <s v="Rational Clear Case"/>
        <s v="Rational Functional Tester"/>
        <s v="Rational Quality Manager"/>
        <s v="Parents and Grandparents"/>
        <s v="Program Integrity Tool"/>
        <s v="Piwik"/>
        <s v="Passport Issuance System"/>
        <s v="Case Management System"/>
        <s v="Facial Recognition"/>
        <s v="Change Request Management System"/>
        <s v="PPTC Mail Tracking System"/>
        <s v="Queue Management System"/>
        <s v="Receiving Agent Checklist"/>
        <s v="Return Passport"/>
        <s v="Configuration Management System"/>
        <s v="Cost and Profitability Management"/>
        <s v="Operations Knowledge Centre"/>
        <s v="PRC Scanning"/>
        <s v="Proactive Disclosure - Grants &amp; Contributions"/>
        <s v="Proactive - Travel &amp; Hospitality"/>
        <s v="PeopleSoft Human Resource Management System"/>
        <s v="Residence Calculator"/>
        <s v="Request for a Retirement Letter or Certificate"/>
        <s v="Regional Foreign Worker System"/>
        <s v="CIC Call Centre System - Rogers Virtual Contact Centre"/>
        <s v="Regional Operations Mgmt System"/>
        <s v="Google Search Appliance"/>
        <s v="SendSuite"/>
        <s v="Siebel Client and Tools"/>
        <s v="SMART database"/>
        <s v="SPSS Modeler"/>
        <s v="SPSS Statistics"/>
        <s v="SQL Server Tools"/>
        <s v="Shared System Services Report Scheduling Service"/>
        <s v="Update DMP Information"/>
        <s v="Computer Assisted Reference Tool (Call Centre)"/>
        <s v="WebCIMS BMQ / CIC /  CMB - Correspondence &amp; Issues Management System"/>
        <s v="Aboriginal and Treaty Rights Information System"/>
        <s v="AccessPro Case Management"/>
        <s v="Adobe Learning Management System"/>
        <s v="Band Governance Management System"/>
        <s v="CallBase Web"/>
        <s v="Collaboration"/>
        <s v="Comprehensive Integrated Document Management System"/>
        <s v="Comprehensive Land Claim Agreement (.net)"/>
        <s v="Corporate Application Security Controller"/>
        <s v="CT Summation"/>
        <s v="Education Information System"/>
        <s v="Education Reporting and Analysis Solution"/>
        <s v="Estates Reporting System"/>
        <s v="Executive Appointment System"/>
        <s v="Financial Status Reporting (FSR)"/>
        <s v="First Nation Profiles System"/>
        <s v="First Nations Child &amp; Family Services"/>
        <s v="FORTIS Electronic Imaging Management System"/>
        <s v="Grants and Contributions Information Management System"/>
        <s v="Indian Government Support System"/>
        <s v="Indian Land Registry System"/>
        <s v="Indian Registration System"/>
        <s v="Integrated Capital Management System"/>
        <s v="Integrated Capital Management System Reporting System"/>
        <s v="Integrated Environment Management System"/>
        <s v="Integrated Financial Solution (IFS)"/>
        <s v="Integrated Human Resource Reporting System"/>
        <s v="Web Content Management System (Teamsite)"/>
        <s v="Inuit Nanilavut Database (Inuit Graves)"/>
        <s v="ITSM Tool (Remedy)"/>
        <s v="Land Administration System"/>
        <s v="MIMSY-XG Indian and Inuit Art Collections Management System"/>
        <s v="National Additions to Reserves Tracking System"/>
        <s v="NETLANDS"/>
        <s v="Nutrition North Canada"/>
        <s v="Nutrition North Canada Reporting System"/>
        <s v="PeopleSoft Nakisa OrgChart"/>
        <s v="Proposal Information Management System (Office of the Federal Interlocutor)"/>
        <s v="Rational Portfolio Manager"/>
        <s v="Real Time Identification System"/>
        <s v="Resource Information Management System"/>
        <s v="Secure Certificate of Indian Status"/>
        <s v="Security Services Information System"/>
        <s v="Single Access to Dispute Resolution Enterprise"/>
        <s v="Specific Claims Branch Database"/>
        <s v="Specific Claims Branch Reporting Interface"/>
        <s v="Specific Claims Branch Settlements Interactive Maps"/>
        <s v="Treaty Assessment Database"/>
        <s v="Treaty Payment System"/>
        <s v="Trust Funds Management System"/>
        <s v="Virginia Tech Library System - VIRTUA"/>
        <s v="TestTrack Pro"/>
        <s v="Nunavut Map Selection"/>
        <s v="Guaranteed Loan Management System"/>
        <s v="First Nations Community Profiles"/>
        <s v="Aboriginal and Treaty Rights Information System - Map Selection"/>
        <s v="Electronic Registry Index Plan"/>
        <s v="First Nations Child &amp; Family Services - Interactive Map"/>
        <s v="First Nations Child and Family Services - Reporting Solution"/>
        <s v="First Nations Profile - Interactive Maps"/>
        <s v="Interactive Map on Emergency and Related"/>
        <s v="Land Administration System - Interactive Map"/>
        <s v="Litigation Management System"/>
        <s v="Nutrition North Canada - Interactive Map"/>
        <s v="Nutrition North Query Package - Interactive Map"/>
        <s v="Results Based Information System"/>
        <s v="Virginia Tech Library System (web interface)"/>
        <s v="Modern Treaty Management Environment"/>
        <s v="Digital Asset Management System"/>
        <s v="iBUY"/>
        <s v="Oracle Financials"/>
        <s v="Oracle Salary Management System"/>
        <s v="CABank"/>
        <s v="Cognos BI"/>
        <s v="Financial Status Reporting System"/>
        <s v="HR Reporting"/>
        <s v="Infrastructure Recipients Information System"/>
        <s v="Lexicon"/>
        <s v="OPROMA - Central Collab"/>
        <s v="Planning and Budget Management System"/>
        <s v="Program Information Management System"/>
        <s v="Quotes"/>
        <s v="TeamMate AM"/>
        <s v="Web Correspondence Information Management System"/>
        <s v="Patent Workstation - Abstract Translations Request/Load"/>
        <s v="Adobe LiveCycle Enterprise Suite (ES)"/>
        <s v="Online Reporting Applications  (formally Automated Inspection Results Reporting"/>
        <s v="ALSC Admin"/>
        <s v="Amika Mobile Alert Messaging System"/>
        <s v="Antenna Issues Tracking Database"/>
        <s v="Patent Workstation - Patent Cooperation Treaty (PCT) Application Entry"/>
        <s v="Patent Workstation - Patent Dissemination Application (AppExport)"/>
        <s v="AP7Capture - Space Notification System"/>
        <s v="Aurea List Manager (LISTMGR/LISTSERV)"/>
        <s v="CIO Project Tracking Tool"/>
        <s v="ATRS Reporting System"/>
        <s v="AXCESS1 Access to Information Case Management"/>
        <s v="Bacnet"/>
        <s v="Business Classification Structure Application"/>
        <s v="BizPaL"/>
        <s v="Bank of Speakers"/>
        <s v="Occupational Health and Workplace Safety Training"/>
        <s v="Co-operative Administrative and Statistical System"/>
        <s v="Travel &amp; Hospitality Expense Proactive Disclosure"/>
        <s v="Bureau Information Management System (BIMS)"/>
        <s v="CA Identification Number"/>
        <s v="Directors Information System"/>
        <s v="IBM i2 Analyst's Notebook"/>
        <s v="Canada Business Network FTP"/>
        <s v="Competition Bureau Record Management Information System"/>
        <s v="Ringtail Litigation Support Software"/>
        <s v="CBSC Multi-Channel Service Delivery Assistant"/>
        <s v="Company Creditor's Arrangement Act Application"/>
        <s v="Client Contact Database"/>
        <s v="Electronic Business Environment"/>
        <s v="ccmMercury - Ministerial Correspondence"/>
        <s v="Canadian Copyright Search System"/>
        <s v="Canadian Importers Database"/>
        <s v="Campus Energy Management system"/>
        <s v="Client Feedback Management System (Corporate)"/>
        <s v="Campus HVAC system"/>
        <s v="Copyright Creation"/>
        <s v="Industrial Design Executive Information System"/>
        <s v="Copyright E-Commerce Website"/>
        <s v="Trademark Search System"/>
        <s v="CIPO File Transfer Console"/>
        <s v="List of Geographic Indicators"/>
        <s v="Industrial Design Web Search"/>
        <s v="Rational System Architect"/>
        <s v="Trademarks E-Commerce Website"/>
        <s v="Canadian Industry Statistics"/>
        <s v="CMB Web Integrated Performance (WIP)"/>
        <s v="Contribution Management Information System (CMIS)"/>
        <s v="Cognos"/>
        <s v="Patent Workstation - Commissioners of Patents Decisions Db Maintenance"/>
        <s v="Corporations Canada Information System"/>
        <s v="NUANS - New"/>
        <s v="CoverPages"/>
        <s v="Canadian Patent Database Search Application"/>
        <s v="Canadian Patent Office Record (Gazette) Creation Application"/>
        <s v="CRC Sharepoint"/>
        <s v="IMCC Client Relationship Management System"/>
        <s v="CROWD Internal ID Management System"/>
        <s v="CSBFP/CALA Shared System"/>
        <s v="Industrial Design DesignPlus"/>
        <s v="Clarity PPM (Formally DPPM)"/>
        <s v="IC E-Commerce Common Payment Processing System"/>
        <s v="Copyright Application Filing"/>
        <s v="Copyright Executive Information System"/>
        <s v="EPIC"/>
        <s v="Equitrac"/>
        <s v="Emergency Telecommunications Data System"/>
        <s v="Financial Information Transaction Tracking"/>
        <s v="Government of Canada Document Management System"/>
        <s v="Grants and Contributions Intake"/>
        <s v="FedNor GC Intake"/>
        <s v="AMIS Generic Search"/>
        <s v="Incident Management Software"/>
        <s v="Human Resource Management System"/>
        <s v="HRB Reclassification Proactive Disclosure"/>
        <s v="HRStats Staffing"/>
        <s v="Proactive Disclosure Contracts"/>
        <s v="Proactive Disclosure Gs&amp;Cs"/>
        <s v="IC WEB collaboration tool (ICWIKI)"/>
        <s v="Industrial Design E-Commerce Website"/>
        <s v="IC Identity Management Application"/>
        <s v="Integrated Finance and Material Management System (IFMS)"/>
        <s v="Electronic Document and Records Management System (EDRMS/RDIMS)IMB"/>
        <s v="IMCC Knowledge Base"/>
        <s v="Canadian Company Capabilities"/>
        <s v="Trade Data Online"/>
        <s v="Patent Intellect (Open For Inspection Search)"/>
        <s v="InterApp International Patent Application"/>
        <s v="Intrepid II (Integrated Trademark Electronic Processing of Info and Designs)"/>
        <s v="Intellectual Property Information System"/>
        <s v="ITB Accolade Management Information System"/>
        <s v="ISOC DF Mapping Interface"/>
        <s v="ITO Data Warehouse"/>
        <s v="International Telecommunications Union Space Data and Apps"/>
        <s v="IBM i2 Chartreader"/>
        <s v="IBM i2 iBase Designer"/>
        <s v="IBM i2 Base User (database software)"/>
        <s v="JIRA Bug Tracking, Issue Tracking and Project Tracking Software"/>
        <s v="JasperServer Web Reporting Tool"/>
        <s v="LENEL Security Management System"/>
        <s v="Patent Line of Business (TechSource)"/>
        <s v="Lotus Approach"/>
        <s v="MapInfo"/>
        <s v="MCIS Authorized Service Providers"/>
        <s v="MC - Authorized Service Provider Search"/>
        <s v="Calibration and Approval Tracking System"/>
        <s v="Contractors Registry Search"/>
        <s v="Device Testing and Calibration System"/>
        <s v="Gravity Calculator"/>
        <s v="Mass Comparator Program"/>
        <s v="Measurement Canada Notice Of Approval Notebook (Inspector)"/>
        <s v="Measurement Canada Approval Index Search"/>
        <s v="Pseudo Random Sampling Application"/>
        <s v="Measurement Canada Strategic Tracking and Reporting System"/>
        <s v="Millennium Integrated Library System"/>
        <s v="Mimosa Export"/>
        <s v="Translation Memory Software"/>
        <s v="Meeting Room Manager (Corporate Boardroom Reservation System)"/>
        <s v="Management Reporting System (MRS)"/>
        <s v="Forefront Identity Manager"/>
        <s v="Notification and Application Tracking Information System (NATIS)"/>
        <s v="National Maritime Information Database"/>
        <s v="Consumer Research Database Admin"/>
        <s v="Consumer Research Database Public"/>
        <s v="ITO Online Document Exchange Sytem (rename from ITO PDF Loader)"/>
        <s v="E-Filing (OSB)"/>
        <s v="OSB - Industry Canada Data Warehouse"/>
        <s v="IMPACT/Info+"/>
        <s v="Name Search Call Center and Zetafax Server"/>
        <s v="Bankruptcy/Insolvency Name Search"/>
        <s v="IMPACT Bankruptcy Statistics"/>
        <s v="Trustee Licencing Renewal"/>
        <s v="Trustee Directory Search"/>
        <s v="Unclaimed Dividends Search"/>
        <s v="Patent Ecommerce Maintenance Fees"/>
        <s v="Patent E-filing Form Application"/>
        <s v="Patent Executive Information System"/>
        <s v="Patent WebSite (Incl Ecommerce)"/>
        <s v="Patent PCTSafe Sofware International Patent Cooperation E-Filing Apltn"/>
        <s v="OSB PDF Converter"/>
        <s v="Industry Canada Points of Interest Interactive Map"/>
        <s v="Productivity Accelerator Tool"/>
        <s v="Xerox Device Manager"/>
        <s v="Patent Web General Correspondence"/>
        <s v="Patent Workstation - Identify Gene Seq Listings"/>
        <s v="Rational Policy Tester"/>
        <s v="Electronic Document and Records Management System (EDRMS) Quebec"/>
        <s v="RightFax JAVA API"/>
        <s v="Registrar General of Canada Official Document Repository"/>
        <s v="IC Client Registration (was Strategis Client Registration)"/>
        <s v="RightFax"/>
        <s v="SAS Activity Based Management (ABM)"/>
        <s v="Financial Performance Data"/>
        <s v="SI Reference Application"/>
        <s v="Electronic Document and Records Management System (EDRMS) SITT"/>
        <s v="Geographical Information System"/>
        <s v="SPECTRA"/>
        <s v="SonarQube"/>
        <s v="Stakeholder Relationship Management"/>
        <s v="Stash Git Repository Management"/>
        <s v="TeamMate Audit Management System for AEB"/>
        <s v="TeamMate Audit Management System for Corporations"/>
        <s v="TeamMate Audit Management System"/>
        <s v="Trademark Agent List Database Search"/>
        <s v="TMA Work Order System"/>
        <s v="Trademark Executive Information System"/>
        <s v="CIPO Trade-mark Journal"/>
        <s v="CIPO Trade-mark Refusals"/>
        <s v="Technical Measurement Reporting System"/>
        <s v="Threat and Risk Assessments"/>
        <s v="Patent LOB TechSource GUI"/>
        <s v="SAP Productivity Pack (Ancile UPerform)"/>
        <s v="User Infor Tool"/>
        <s v="Webfocus"/>
        <s v="Web traffic analyser"/>
        <s v="Patent Workstation - Custom Correspondence"/>
        <s v="Patent Zoned OCR and Edit (ZOE)"/>
        <s v="Amicus Web including OPAC"/>
        <s v="Web-Trakker"/>
        <s v="AMICUS Gui"/>
        <s v="AMICUS reports - Impromptu"/>
        <s v="Access Pro-redaction and Case Management (Private network)"/>
        <s v="Access Pro-redaction and Case Management (Protected B network)"/>
        <s v="Client Information Management"/>
        <s v="Collection Management System (Analog and high Density versions)"/>
        <s v="CONTROL-M (Batch job)"/>
        <s v="Amicus Directory--Canadian Library Gateway"/>
        <s v="Electronic Publication Pilot Project"/>
        <s v="FedSearch"/>
        <s v="Freebalance"/>
        <s v="GenAmicus (Amicus collections - 12 collections)"/>
        <s v="GenApp Application - Base Toolkit (108 different subsets of LAC holdings)"/>
        <s v="Integrated Holdings Management System"/>
        <s v="Canadian ISBN Service System (ISBN, ISSN, ISMN)"/>
        <s v="Microsoft System Center(SCCM, SCO, SCSM)"/>
        <s v="Mikan"/>
        <s v="MIKAN - Public Access Module"/>
        <s v="Mikan reports - Cognos"/>
        <s v="MINISIS9 - Base toolkit ( 11 different subset of LAC holdings)"/>
        <s v="Persfile - personal records (military and civilians)."/>
        <s v="Records Disposition Authority Control System"/>
        <s v="StreetPerfect Address Accuracy software"/>
        <s v="Preservation Masters Database"/>
        <s v="Web Archiving - Heritrix/Azure"/>
        <s v="Theses Canada OAI Portal"/>
        <s v="Webtrends web analytics"/>
        <s v="Genealogy (Gen Apps 62 &amp; Census 14 )"/>
        <s v="Reprography Management Application"/>
        <s v="Internet (WCMS)"/>
        <s v="LAC Direct"/>
        <s v="Collaboration Portal"/>
        <s v="Canadian Information Publication"/>
        <s v="Phoenix (People Soft)"/>
        <s v="Performance Management Program System"/>
        <s v="My GC HR"/>
        <s v="Subversion Code Repository"/>
        <s v="Lansweeper"/>
        <s v="Cireson Total Management Suite"/>
        <s v="Query Management System"/>
        <s v="Team Foundation Server Code Repository"/>
        <s v="Skype"/>
        <s v="Comvault"/>
        <s v="CollectionsCanada.gc.ca"/>
        <s v="Goverland"/>
        <s v="Microsoft System Center (Squaredup)"/>
        <s v="Dspace ( Theses Harvesting)"/>
        <s v="Donation"/>
        <s v="ATIP Requests Form"/>
        <s v="RGBB Moneris"/>
        <s v="LAC Central"/>
        <s v="LAC Mylac"/>
        <s v="Co-Lab websites"/>
        <s v="SPOnline - LAC Direct"/>
        <s v="Client Facing Collections Search"/>
        <s v="Documentum"/>
        <s v="Language Training Integrated Information System"/>
        <s v="Système de gestion des congés et activités"/>
        <s v="Bibliothèque Virtuelle"/>
        <s v="Bistro"/>
        <s v="Critique de cours"/>
        <s v="Examen Virtuel"/>
        <s v="Inventaire des Armes"/>
        <s v="Inventaire Informatique"/>
        <s v="Jade"/>
        <s v="Reconcilliation budgétaire"/>
        <s v="Naval Reserve Integrated Management System"/>
        <s v="Event Log"/>
        <s v="Verint"/>
        <s v="Omega PS Analyzer"/>
        <s v="Record and Document Information Management System"/>
        <s v="Biblionet"/>
        <s v="ID Works"/>
        <s v="CCM Author"/>
        <s v="CCM Editor"/>
        <s v="CCM Consumer"/>
        <s v="Rightfax Maint/Tech Sp"/>
        <s v="RoomMate"/>
        <s v="LOCI"/>
        <s v="Canadian Forces College Opportunities Database"/>
        <s v="Prior Learning Assessment Information Database"/>
        <s v="BTL Mngt System (Virtual File)"/>
        <s v="Learning Support Portal"/>
        <s v="WebExpres"/>
        <s v="Career Manager Information System"/>
        <s v="Imposed Restriction"/>
        <s v="Releases Reserve Members"/>
        <s v="Releases Regular Force"/>
        <s v="Manual Cost Moves database"/>
        <s v="Admin Review and Grievances"/>
        <s v="Drug Test Upload"/>
        <s v="DGMC Database"/>
        <s v="Terms of Service"/>
        <s v="Education"/>
        <s v="MailSort"/>
        <s v="Fincode"/>
        <s v="D Mil C 7-5 Component Transfer"/>
        <s v="Automated Data for Aerospace Maintenance"/>
        <s v="Distribution Resource Planning"/>
        <s v="Monitor MASS"/>
        <s v="Instant Persistent War Room"/>
        <s v="SAP Business Explorer"/>
        <s v="Team Sessions - Server"/>
        <s v="Combat Readiness - Ammunition Tracking"/>
        <s v="NMS-Edit Professional"/>
        <s v="PrintKey"/>
        <s v="Typing Tutor"/>
        <s v="Substance Abuse Subtle Screening Inventory"/>
        <s v="WIAT-II Scoring Assistant"/>
        <s v="WAIS-III--WMS-III--WIAT-II Scoring Assistant"/>
        <s v="Boss DSCo XXI Body Scanning System"/>
        <s v="GeoMedia Professional"/>
        <s v="CCPS broadcasts"/>
        <s v="Production Calendar Updates"/>
        <s v="RPSR Broadcast Messages List"/>
        <s v="Canadian Forces Quarterly Write Off / Public Accounts Database"/>
        <s v="High-Risk Hazmat Products Search"/>
        <s v="Contributors"/>
        <s v="Operations Database"/>
        <s v="CWO's/CPO's Appointments Address Book"/>
        <s v="CWO's/CPO's Appointments Search"/>
        <s v="Citation"/>
        <s v="Canadian Army Overseas Honours &amp; Awards (1939 - 1945)"/>
        <s v="Surgeon General Health Research Program Proposal System (Intranet)"/>
        <s v="Prehospital Care Tracking Database"/>
        <s v="DHRRE Report"/>
        <s v="DMPORA Admin"/>
        <s v="Individual Training &amp; Education Costing Model Database"/>
        <s v="DOL Search"/>
        <s v="Dependent Education Management (DEM)"/>
        <s v="Aircraft Part Certificate"/>
        <s v="Land Equipment Materiel Database"/>
        <s v="CADWorx"/>
        <s v="MOODLE Application"/>
        <s v="Auxiliary Vessel Information System"/>
        <s v="Media Tracking Information System"/>
        <s v="Perseus Survey Solutions"/>
        <s v="MARLANT IM Requirements Application"/>
        <s v="SeaSpace TeraScan Software (HRPT)"/>
        <s v="Spatial Analyst"/>
        <s v="Trinity Personnel Tracker"/>
        <s v="QHM Berthing Database"/>
        <s v="Trinity Conference Room Booking Application"/>
        <s v="Dalcoast Ocean Model"/>
        <s v="Image Analyst Professional"/>
        <s v="GeoMedia"/>
        <s v="GeoMedia WebMap"/>
        <s v="VFA"/>
        <s v="RENIK"/>
        <s v="Blue Card Database"/>
        <s v="Claims Registry DB"/>
        <s v="RoomMaster 2000"/>
        <s v="EventPro"/>
        <s v="Data Management Tool"/>
        <s v="The VTS Operator Workstation (VOC5060)"/>
        <s v="Warning &amp; Integration Server (WIS5060)"/>
        <s v="VTS Logging &amp; Replay VLR5070"/>
        <s v="Formation Phonebook - Halifax"/>
        <s v="Base Security Information System"/>
        <s v="MARLANT Community Bulletin Board"/>
        <s v="Community Bulletin Board - FMF Cape Scott"/>
        <s v="Network Operations On Call Website"/>
        <s v="Satellite Frequency Plan Database"/>
        <s v="PSP Locker Rental Application"/>
        <s v="JTFA Calendar Command Application"/>
        <s v="CFNES Activity Calendar Application"/>
        <s v="Cashier for Windows"/>
        <s v="Interactive Electronic Technical Manual - CH146"/>
        <s v="Cashier Sub"/>
        <s v="Cognos Windows Common Logon Server, PowerPlay"/>
        <s v="Global Interactive Information Management"/>
        <s v="Federal Health Claims Processing System"/>
        <s v="Canadian Forces Military Studies System"/>
        <s v="Enhanced Talent Bank"/>
        <s v="Image Library Database"/>
        <s v="Canadian Forces Equivalencies Database"/>
        <s v="AIM / Directa"/>
        <s v="Configuration Management Information System Configuration Repository"/>
        <s v="Activity Tracking System - DSB"/>
        <s v="Enterprise Information Technology Service Management"/>
        <s v="Defence Resource Management Information System"/>
        <s v="Simplicity Plus"/>
        <s v="Military Establishment Designer"/>
        <s v="SmartTerm Essential"/>
        <s v="Mission Support System"/>
        <s v="Gestionnaire 2006"/>
        <s v="Publication and Library Management System CF188"/>
        <s v="Gestion de Personnel"/>
        <s v="WayBill OCA"/>
        <s v="Relocatable Temporary Camps"/>
        <s v="Canadian Forces Leadership Institute"/>
        <s v="Surtemps"/>
        <s v="Achat - Local Procurement"/>
        <s v="Team Integrated Architecture CC130"/>
        <s v="Aircraft Reports Management System / Logistics Management Planning Tool CF188"/>
        <s v="Annual Reference Level Update"/>
        <s v="AssystRX"/>
        <s v="Canadian Forces Health Information System"/>
        <s v="CCH TeamMate Electronic Working Papers"/>
        <s v="Housing Agency Management Information System Financials"/>
        <s v="Fortress"/>
        <s v="CF Lessons Learned Knowledge Management System - DSB"/>
        <s v="Clinic Data Tool - Radiology"/>
        <s v="Health Electronic Document Imaging Scanning Repository System"/>
        <s v="Disease Injury Surveillance System"/>
        <s v="Emergency Medical Training"/>
        <s v="Medical Employment Limitations"/>
        <s v="Posting Preference"/>
        <s v="D-Fit"/>
        <s v="MFSP eBusiness Centre"/>
        <s v="Canadian Forces Range Information System"/>
        <s v="Family Force"/>
        <s v="Family Information Line"/>
        <s v="CRS DataBase"/>
        <s v="CCH TeamCentral"/>
        <s v="Canadian Forces Applicant Database"/>
        <s v="HR Research Data"/>
        <s v="Personal Computer Comprehensive Occupational Data Analysis Programs"/>
        <s v="Qualification Requirements System"/>
        <s v="Canadian Forces Task Planning and Operation"/>
        <s v="Corporate Management Information System"/>
        <s v="Support Request Management Systems"/>
        <s v="AutoDesk BCE"/>
        <s v="Condition Based Maintenance Software System - CF188"/>
        <s v="CostWorks"/>
        <s v="WiseTrack"/>
        <s v="GeoMedia NodeLock"/>
        <s v="Petrovend"/>
        <s v="Operational Stress Injury Social Support"/>
        <s v="Data Management System / Maintenance Record Set - CF188"/>
        <s v="Defence Forms Catalogue"/>
        <s v="Description Plus"/>
        <s v="Government OnLine Publishing System"/>
        <s v="Collective Training and Exercise Schedule"/>
        <s v="Washington Personnel Application"/>
        <s v="NATO STANAG Database"/>
        <s v="FreeFlow Software Suite"/>
        <s v="MLS6 - Mail List Database"/>
        <s v="Reserve Force Gratuity Database"/>
        <s v="Problem Report Database"/>
        <s v="Attractions"/>
        <s v="Système de pré-approbation de déplacement pour Commandants d'unités"/>
        <s v="Federal Logistics Information System"/>
        <s v="PrimalScript"/>
        <s v="Requetes Resources Humaine - Human Resource Service Request Management System"/>
        <s v="Requetes Electronique - Service Requests"/>
        <s v="Requetes Manutention - Service Request Handling"/>
        <s v="Tableau Bord - Performance Indicators"/>
        <s v="Liste de chargement (Student Loading List)"/>
        <s v="Système Intégré d'Information pour l'Enseignement des Langues."/>
        <s v="Hanse-Blampain 2008"/>
        <s v="L&amp;H TTS3000 Français"/>
        <s v="@promt Professional 8 EFFE"/>
        <s v="Miktek"/>
        <s v="ACIS 3D Open Viewer"/>
        <s v="Geo Gebra"/>
        <s v="Octopus"/>
        <s v="e-Start"/>
        <s v="PhotoScore Lite"/>
        <s v="Remove FleetZone"/>
        <s v="Sibelius Software, a Division of Avid Technology, Inc."/>
        <s v="Interactive Electronic Technical Manual - CF188"/>
        <s v="Prowatch"/>
        <s v="Matrice Voile Suite OA - Module GTV 2005 Suite OA - Module GTV Suite OA - Module"/>
        <s v="Suite OA - Module GTV"/>
        <s v="Suite OA - Module BD Pilote"/>
        <s v="Suite OA - Module MAJ"/>
        <s v="SGAD"/>
        <s v="AMM"/>
        <s v="Alimentation"/>
        <s v="Revue annuelle"/>
        <s v="Canadian Military History Gateway"/>
        <s v="Banque des cadets"/>
        <s v="WIM - Enterprise Web Content Management System"/>
        <s v="Employee Member Access Application"/>
        <s v="National Defence Index of Documentation"/>
        <s v="Datacard ID Works Standard Production"/>
        <s v="Forces"/>
        <s v="Gardes"/>
        <s v="IGOR"/>
        <s v="ORA Unite"/>
        <s v="Parts and Assembly Guide - Vehicle"/>
        <s v="RFS"/>
        <s v="SAB II"/>
        <s v="SAB II Gestion des accès"/>
        <s v="Human Resources Management System - Military"/>
        <s v="eDOCS DM"/>
        <s v="Rational Dynamic Object Oriented Requirements System"/>
        <s v="ADSTRA Capture Agent"/>
        <s v="Quality Assurance Information System"/>
        <s v="Integrated Enterprise Web Service System"/>
        <s v="CADDBM"/>
        <s v="IDISP"/>
        <s v="ISM"/>
        <s v="Propre"/>
        <s v="Realty Asset Information System - RAIS / RAIS Lite"/>
        <s v="SGSR"/>
        <s v="Interactive Electronic Technical Manual - CH148"/>
        <s v="Interactive Electronic Technical Manual - M777"/>
        <s v="Revised Pay System for the Reserves"/>
        <s v="Maintenance Data Acquisition and Diagnostic System - CF188"/>
        <s v="Winpriser"/>
        <s v="Identite"/>
        <s v="Inspiration"/>
        <s v="Policy Tracker Database"/>
        <s v="Security and Military Police Information System"/>
        <s v="Canadian Forces Job Description Database"/>
        <s v="Gateway Database"/>
        <s v="CFEMS Web Work Request Tool"/>
        <s v="Training Registration Application (Unclas Only)"/>
        <s v="Registre du COSAC"/>
        <s v="Configuration Management Database"/>
        <s v="Personnel Access Support System - Verification of Former Service"/>
        <s v="Reserve Employment Opportunities"/>
        <s v="Health Promotion Vegetable and Fruit Tracker"/>
        <s v="Health Services Financial Organizer Electronic"/>
        <s v="On-Line Confirmation Application"/>
        <s v="Injury Reduction Strategies"/>
        <s v="Military Compensation Service Request Database"/>
        <s v="Streaming Video Mediasite"/>
        <s v="Orenda CBMSS Reports"/>
        <s v="Logistics Planning Model"/>
        <s v="F404 Dashboard"/>
        <s v="Compressor"/>
        <s v="Cutie Melody"/>
        <s v="Tactical Asset Configuration Information System"/>
        <s v="Case Management System - Halifax"/>
        <s v="HRIC Fax FanOut &amp; FAQs Database"/>
        <s v="Logic Express"/>
        <s v="Main Stage"/>
        <s v="Mphase"/>
        <s v="PinPoint Auditor"/>
        <s v="Service Number Allocation Management System"/>
        <s v="Compensation Enquiry System"/>
        <s v="Record of Airworthiness Risk Management Database"/>
        <s v="Electronic Report System - CF188"/>
        <s v="Maintenix - CH148"/>
        <s v="Innovator - CH148"/>
        <s v="LearningLogics - CH148"/>
        <s v="Learning Management System (Saba) - CH148"/>
        <s v="Structural Repair Manual  (Fox) - CH148"/>
        <s v="Weight and Balance - CH148"/>
        <s v="Mentoring"/>
        <s v="Interactive Documentation Library System - CH146"/>
        <s v="ICD"/>
        <s v="ROUTINE PRACTICES: INFECTION PREVENTION AND CONTROL CORE COMPETENCIES"/>
        <s v="Operational Performance Measurement System"/>
        <s v="ClaimsX"/>
        <s v="Content Management Forms - DAPPP"/>
        <s v="Radio Propagation Simulation Tool - Mentum Planet"/>
        <s v="Power Director Premium"/>
        <s v="Automated Requirement Measurement Tool"/>
        <s v="Chain of Transmission: Infection Prevention &amp; Control Core Competencies"/>
        <s v="eXchange Rate Service"/>
        <s v="Easy Survey"/>
        <s v="EMAGINE"/>
        <s v="Epi Info"/>
        <s v="EQS"/>
        <s v="FORMDOCS OFFICE"/>
        <s v="Proactive Disclosure of Grants and Contribution Awards Over $25,000"/>
        <s v="Stuff-It Deluxe"/>
        <s v="Learner Surveys"/>
        <s v="CDAO Rations &amp; Quarters"/>
        <s v="Receiver General Deposit Facility Cashier Database"/>
        <s v="Problem Report History Database"/>
        <s v="Script Request Database"/>
        <s v="Rational Change"/>
        <s v="SERV+ Viewer"/>
        <s v="Canvas"/>
        <s v="RTEdge"/>
        <s v="Canadian Forces Organization Orders"/>
        <s v="Interactive Electronic Technical Manual - CP140"/>
        <s v="LibView - CC130"/>
        <s v="Employer Information System"/>
        <s v="Prosecution Tracking System"/>
        <s v="Organization Chart"/>
        <s v="Organization Management System Actual"/>
        <s v="Performance Measurement Decision Support System"/>
        <s v="Estates and Elections"/>
        <s v="eJag"/>
        <s v="IDOL (Enterprise Search)"/>
        <s v="Canadian Forces Mine Database"/>
        <s v="Domestic Operations / Force Protection (WebApp)"/>
        <s v="Ration Card Management System"/>
        <s v="Frequency Fill Application"/>
        <s v="Defence Architecture Repostory and Registries"/>
        <s v="Web Site Security Database"/>
        <s v="PMO Aurora and Maritime Training"/>
        <s v="LiBRARYSOFT"/>
        <s v="Air Combat Maneuvering Instrumentation System"/>
        <s v="RNP -Equations"/>
        <s v="MergeMet"/>
        <s v="Radio Active Material Databases"/>
        <s v="Officier de service"/>
        <s v="Entrust Authority Administration Services"/>
        <s v="Healthcare Eligibility Management Application (Regular Forces/Pensioners)"/>
        <s v="BIRT Performance Scorecard"/>
        <s v="Observer"/>
        <s v="BKS Fox (DLN)"/>
        <s v="Kenexa OutStart - DLN"/>
        <s v="Saba Publisher - DLN"/>
        <s v="Saba Centra - DLN"/>
        <s v="Saba LMS - DLN"/>
        <s v="Distribution List Provisioning Systems"/>
        <s v="Multitrans Suite"/>
        <s v="Human Dimensions of Deployment Survey"/>
        <s v="CSTATS"/>
        <s v="National Centralized Attendant Service"/>
        <s v="Automated Posting Message System"/>
        <s v="Call Tracer"/>
        <s v="Individual Learning Plan - CDA"/>
        <s v="AF9000 Suite"/>
        <s v="Boeing Partner Network"/>
        <s v="Canadian Forces Health Service Eligibility Utility"/>
        <s v="National Defence Identification System"/>
        <s v="Central Computational Pay System"/>
        <s v="Canadian Forces Integrated Relocation Program"/>
        <s v="DND Species at Risk Inventory &amp; Reporting"/>
        <s v="Environmental Assessment Tracking System"/>
        <s v="D Pers AR Historical Report Inventory"/>
        <s v="Dental Information System"/>
        <s v="DGADR Online Data Collection"/>
        <s v="Newsletter Survey"/>
        <s v="The Museum System"/>
        <s v="DSA Senior Officer Biographies"/>
        <s v="Quick Scene"/>
        <s v="Military Employment Management System"/>
        <s v="Rimage Software Suite"/>
        <s v="Assets Accounting Tool - Class"/>
        <s v="Silverrun"/>
        <s v="Performance Evaluation Report Monitoring"/>
        <s v="Quality of Life Human Dimensions Deployment Study"/>
        <s v="Electronic Selection Board"/>
        <s v="Canadian Forces Employment Equity Database"/>
        <s v="eRecruiting - Online Employment Application"/>
        <s v="DHRIM Security Database"/>
        <s v="Human Resources Management System - Civilian"/>
        <s v="Canadian Government Cataloging System"/>
        <s v="Canadian Government Catalogue of Materiel on DVD Image"/>
        <s v="Rational DOORS Web Access"/>
        <s v="Rational DOORS Tender Assessment"/>
        <s v="Primavera"/>
        <s v="Account Management"/>
        <s v="Aircraft Maintenance Records Repository"/>
        <s v="Ammunition Information &amp; Management System"/>
        <s v="Army Scaling Tool"/>
        <s v="Associated Docs Viewer"/>
        <s v="Contract Data Management System"/>
        <s v="Dangerous Goods Certification Recertification"/>
        <s v="Personnel Electronic Records Management Information System"/>
        <s v="Demilitarization Code Challenge"/>
        <s v="Docking Work Period"/>
        <s v="Hazardous Materials Reference Application"/>
        <s v="Information Handling Services"/>
        <s v="ImagePrep Plus"/>
        <s v="In-Service Trials Agenda"/>
        <s v="Maritime Open Data Environment - Operational Data Store"/>
        <s v="National Access Control Point of Sale System"/>
        <s v="National Payload Coordination Centre application"/>
        <s v="AEPM Performa"/>
        <s v="Postal Tracing System"/>
        <s v="Print On Demand"/>
        <s v="Quartermasters Transfer Order"/>
        <s v="Materiel Group Technical Resource Centre (Library)"/>
        <s v="Unsatisfactory Condition Reporting"/>
        <s v="Integrated Fire Services Management and Reporting System"/>
        <s v="CFPSA Community Gateway"/>
        <s v="Spatial Information Management System"/>
        <s v="Incident Management System - Unclassified"/>
        <s v="Health Promotion Gateway"/>
        <s v="HR Member Services Portal"/>
        <s v="EXPRES Fit Test Application"/>
        <s v="Met Manager"/>
        <s v="Project Portfolio Management"/>
        <s v="7-Zip"/>
        <s v="Map 3D"/>
        <s v="Raster Design"/>
        <s v="PowerShell Studio"/>
        <s v="Purkinje Electronic Medical Record"/>
        <s v="ADSTRA Dental XRay &amp; Imaging - CFHIS"/>
        <s v="SCC SoftRad Radiology Information System - CFHIS"/>
        <s v="SCC SoftLab Laboratory Information System - CFHIS"/>
        <s v="GCDocs - DND hosted"/>
        <s v="Electronic Data Exchange"/>
        <s v="LabelView"/>
        <s v="Enterprise Data Collaborative System - CC130J"/>
        <s v="Learning and Development Plan"/>
        <s v="Critical Work Orders"/>
        <s v="Canadian Infrastructure Database - CJOC"/>
        <s v="Air Force Grow"/>
        <s v="Integrate Program View"/>
        <s v="Interactive Authoring and Display System - CH147F"/>
        <s v="General Officer Flag Officer Succession Planner"/>
        <s v="What's Up Gold"/>
        <s v="Pointwise"/>
        <s v="Solidworks Platinum"/>
        <s v="Wolfram Research"/>
        <s v="Interactive Electronic Technical Manual - CT114"/>
        <s v="Call Pilot"/>
        <s v="uPerform"/>
        <s v="Geomagic Capture"/>
        <s v="BarTender Professional"/>
        <s v="Canadian Forces Europe Database"/>
        <s v="Power BI"/>
        <s v="Naval Integrated Tactical Environmental System II ReDesign"/>
        <s v="Aeroport - CC130J"/>
        <s v="Interactive Electronic Technical Publication - CC130J"/>
        <s v="Block 4 Configuration Management - CP140"/>
        <s v="Professional Development Training Management System"/>
        <s v="Digital Negative Converter"/>
        <s v="Solid Edge Viewer"/>
        <s v="Installation Manager"/>
        <s v="Python"/>
        <s v="Logitech Gaming Software"/>
        <s v="SecureFX"/>
        <s v="FlexLM - AutoDesk"/>
        <s v="Architecture, Engineering &amp; Construction Collection"/>
        <s v="Ammunition Material Management System Backup Viewer"/>
        <s v="Health Usage and Monitoring System - CH146"/>
        <s v="Audit and Evaluation Recommendation Management System"/>
        <s v="GLAS and WebOPAC Software"/>
        <s v="Autoload Control MFC Application"/>
        <s v="Military Compensation Systems Change Request Database"/>
        <s v="Contingency Payments Database"/>
        <s v="DG FinOps Nominal Roll Database"/>
        <s v="Office of the Superintendant of Financial Institutions Arrears"/>
        <s v="Optional Survivors Benefits"/>
        <s v="Overpayment Recovery Calculator"/>
        <s v="Past Service Pensionable Calculation System"/>
        <s v="Pension Adjustment Reversal"/>
        <s v="Pension Benefit Division Act"/>
        <s v="SIN to Service Number Converter"/>
        <s v="Reserve Force T4 Database"/>
        <s v="Authoring, Publishing and Distribution System"/>
        <s v="Automated Fuel Data System"/>
        <s v="Batch Upload System"/>
        <s v="Interactive Electronic Technical Manual - CC130 E/H"/>
        <s v="CAP Database (Capital funds)"/>
        <s v="Configuration Management Information System"/>
        <s v="OpenText Desktop Viewer"/>
        <s v="Intergraph SmartPlant Markup Plus Graphics Viewer"/>
        <s v="Defence Customs Brokerage System (Visual Importer)"/>
        <s v="Laboratory Virtual Instrument Engineering Workbench"/>
        <s v="Automated Cashier System"/>
        <s v="PitStop Professional"/>
        <s v="PMO - Configuration Management - Aurora CP140"/>
        <s v="PVCS Tracker"/>
        <s v="PVCS Version Manager"/>
        <s v="Furniture and Effects Automated Management System"/>
        <s v="Range Safety Templating Software NATO Armaments Ballistic Kernel"/>
        <s v="File Transfer Protocol SERVER-U"/>
        <s v="Engine Parts Life Tracking - T56"/>
        <s v="Unitrak"/>
        <s v="Housing Agency Management Information System"/>
        <s v="DB Notional Database"/>
        <s v="Publication Depot Information System"/>
        <s v="Court Martial Reporting System"/>
        <s v="Training"/>
        <s v="Summary Trials"/>
        <s v="Memoranda of Understanding"/>
        <s v="Procurement Register"/>
        <s v="Army On Line"/>
        <s v="ARI"/>
        <s v="CCGR (RISQ)"/>
        <s v="CONDOC"/>
        <s v="Destruction des Dossiers"/>
        <s v="Address and Routing Indicator System"/>
        <s v="DND 506"/>
        <s v="Matrice de Formation"/>
        <s v="ORA"/>
        <s v="Prestation de Service"/>
        <s v="Système de Gestion des rapports de radiation"/>
        <s v="SPÉCIMEN DE SIGNATURE (spec)"/>
        <s v="Système de révision des salaires"/>
        <s v="CTCM (SÉLECTION DU PERSONNEL)"/>
        <s v="Gestion des Comptes"/>
        <s v="Logements Célibataires"/>
        <s v="Matrice WEB (formation sur le Web)"/>
        <s v="Mouvement des Données du Personnel à l'Unité"/>
        <s v="Plan Sports Loisirs"/>
        <s v="Points de Vente"/>
        <s v="Rendez Vous"/>
        <s v="Système Admin Médical"/>
        <s v="Salles de rapport"/>
        <s v="Fort Frontenac Library (Horizon Information Portal - HIP - and Horizon Server an"/>
        <s v="DOCUMENTUM AITIS"/>
        <s v="Training Log - CFSU(O)"/>
        <s v="Training Cell Registration - CFSU(O)"/>
        <s v="Connaught Ranges Booking Viewer: DIN Version"/>
        <s v="Capability Investment Database"/>
        <s v="Harassment Complaint Tracking System"/>
        <s v="Employee Assistance Program Statistical Reporting"/>
        <s v="eLearning courses:  Managing Civilian Human Resources, Labour Relations"/>
        <s v="Learning and Career Center Course Calendar"/>
        <s v="Employment Equity Representation Calculator"/>
        <s v="Defence Subject Classification and Disposition System"/>
        <s v="Online Complaint Form"/>
        <s v="Post-it Notes"/>
        <s v="Legacy HR Applications (HR Oracle)"/>
        <s v="BPC"/>
        <s v="Gestion des Appels"/>
        <s v="Registre d'étalonnage"/>
        <s v="SINC 2004"/>
        <s v="Recrutement"/>
        <s v="Système d'approvisionnement et de prêts de matériel  Supply and equipment loans"/>
        <s v="Qualité de vie"/>
        <s v="Gestion Financière"/>
        <s v="National Movement &amp; Distribution System"/>
        <s v="Digital Sentry"/>
        <s v="ProWatch for WinNT"/>
        <s v="Security Info System - Alarm Center"/>
        <s v="4D Admin07"/>
        <s v="4D Armes &amp; Munitions (4D Weapons &amp; Ammunition)"/>
        <s v="4D Calibration"/>
        <s v="4D Inventaire (4D Inventory)"/>
        <s v="InfoCible"/>
        <s v="Automated Control of Electrical Systems"/>
        <s v="Système de Gestion du Personnel"/>
        <s v="Système de Gestion des Opérations"/>
        <s v="Ardoises"/>
        <s v="Gestion Arrivées &amp; Départs"/>
        <s v="Estimation du Service Racheté Acquité"/>
        <s v="SIGMA"/>
        <s v="Sonar"/>
        <s v="nBoss"/>
        <s v="SAP BW"/>
        <s v="RDIMS"/>
        <s v="docZone"/>
        <s v="Learnet"/>
        <s v="HR Espresso"/>
        <s v="myZone"/>
        <s v="File Index System"/>
        <s v="Staff Files"/>
        <s v="Security"/>
        <s v="Global Public Health Information Network"/>
        <s v="Riskwatch"/>
        <s v="Concierge"/>
        <s v="Linkurious"/>
        <s v="AMIei"/>
        <s v="Intellixir"/>
        <s v="FSL"/>
        <s v="NRC Digital Repository"/>
        <s v="Nparc"/>
        <s v="PUBMED"/>
        <s v="Archibus"/>
        <s v="SAP Success Factors"/>
        <s v="Ontario Research Sites Database (ORS)"/>
        <s v="Insect Producer Database"/>
        <s v="Chemical Inventory"/>
        <s v="CNVC (Canadian National Vegetation Classification)"/>
        <s v="Collaborative Web Space (Space sharing with external organizations)"/>
        <s v="Resource Share (resource booking tool)"/>
        <s v="Publication Tracking System"/>
        <s v="Canadian Forest Genetic Resources Information System (CAFGRIS)"/>
        <s v="Canadian Forest Invasive Alien Species Database and Document Library (CanFIAS)"/>
        <s v="National Tree Seed Centre Database"/>
        <s v="TreeSource"/>
        <s v="Plant Hardiness Database"/>
        <s v="Plant Taxonomy Database"/>
        <s v="VUnits_VPro"/>
        <s v="GLFC Insect Production Storefront"/>
        <s v="RESumé - CFS Researchers CV database"/>
        <s v="LFC Employees database"/>
        <s v="Online Calculators"/>
        <s v="CFS Datasets &amp; Applications Inventory"/>
        <s v="CFS Photo Library"/>
        <s v="Delta System"/>
        <s v="ProMIS"/>
        <s v="CFS Publications"/>
        <s v="CFS CMS"/>
        <s v="National Forestry Database website"/>
        <s v="ATLAS des dispositifs expérimentaux du CFL"/>
        <s v="BioSIM"/>
        <s v="MicroSigeb"/>
        <s v="Trees, insects and diseases of Canada's forests"/>
        <s v="NoFC Health and Safety Training Database"/>
        <s v="Ecosystem Management Emulating Natural Disturbance (EMEND) Database"/>
        <s v="Canadian Wildland Fire Information System"/>
        <s v="National Forest Information System"/>
        <s v="National Forest Information System sub-application: NFIS.App.NFI - National Fore"/>
        <s v="The System of Agents for Forest Observation Research and Advanced Hierarchies"/>
        <s v="Arthropods Collections Holdings Database"/>
        <s v="British Columbia Ectomycorrhizal Research Network"/>
        <s v="Operational Scale CBM CFS3"/>
        <s v="Awards and Recognition"/>
        <s v="Connexus"/>
        <s v="Career Progression Support System"/>
        <s v="Directory of People &amp; Services"/>
        <s v="Electronic Personnel Action Request"/>
        <s v="ePayment"/>
        <s v="eProcurement"/>
        <s v="File Exchange"/>
        <s v="Health and Safety Program Application"/>
        <s v="InfoFORM"/>
        <s v="JetForm"/>
        <s v="NRTube (Clipshare)"/>
        <s v="Proactive Disclosure - Grant &amp; Contribution Awards"/>
        <s v="Proactive Disclosure - Position Reclassification"/>
        <s v="Proactive Disclosure - Travel &amp; Hospitality Expenses"/>
        <s v="Regulated Products System Admin"/>
        <s v="Regulated Products System"/>
        <s v="Travel and Conference Plan"/>
        <s v="Values &amp; Ethics Code Acceptance"/>
        <s v="Vehicle Fleet Management System"/>
        <s v="Wireless Products and Services"/>
        <s v="Young Professionals Network"/>
        <s v="NRCan Library - Evergreen ILS"/>
        <s v="Enterprise Mobile Management for iPad"/>
        <s v="NRCan Resource Wiki"/>
        <s v="Mailbox Application"/>
        <s v="Secure module of PeopleSoft"/>
        <s v="Statement of Qualifications"/>
        <s v="NRCan SharePoint (Windows SharePoint Services 3.0)"/>
        <s v="Language Evaluation and Training Plan (Official Languages)"/>
        <s v="Electronic Projects Intake Tool - Outil électronique de la prise en charge des p"/>
        <s v="Livelink Records Server"/>
        <s v="Software Licences (sso_soft_licenses(ADS/BR-WS) )"/>
        <s v="Specimen Signature Record / Fiche de spécimen de signature"/>
        <s v="Subscription - Abonnement"/>
        <s v="eTaxi"/>
        <s v="Application Modules and Interface AMI/GUFI)"/>
        <s v="Payment After Year End"/>
        <s v="Receiver General Buy Button"/>
        <s v="AccessLvL"/>
        <s v="CFS NCR Arrivals and Departures Database"/>
        <s v="AtsHard"/>
        <s v="databases"/>
        <s v="ecoERP"/>
        <s v="Exhibits"/>
        <s v="First Nation Client Database"/>
        <s v="FNFP (National Database)"/>
        <s v="LIN_DESS"/>
        <s v="CERL Database"/>
        <s v="Content Server (GCDOCS server)"/>
        <s v="ccmMercury / ccmMercury Enterprise (client &amp; server)"/>
        <s v="docAlpha (client &amp; server)"/>
        <s v="eDocs DM (client &amp; server)"/>
        <s v="Livecycle (client &amp; server)"/>
        <s v="MS Dynamics (CRM)"/>
        <s v="MS Project (server)"/>
        <s v="TeamMate (server)"/>
        <s v="FleetSmart SmartDriver E-Learning System"/>
        <s v="Autonomy Knowledge Search"/>
        <s v="AccessPro"/>
        <s v="ChangeGear"/>
        <s v="Quick Test Professional"/>
        <s v="Drupal Content Management System"/>
        <s v="Biofuels Management System"/>
        <s v="Transportation Fuel Prices"/>
        <s v="OERD Extranet"/>
        <s v="Ministerial Correspondence"/>
        <s v="Wind Power Production Incentive Tracking &amp; Administration"/>
        <s v="CCM DOCKETS DATABASE"/>
        <s v="National Energy Use Database"/>
        <s v="Form 11"/>
        <s v="Canadian Active Control System"/>
        <s v="Canadian Geodetic Information System"/>
        <s v="CACS - HPGNSS-C corrections service"/>
        <s v="National Earth Observation Data Framework"/>
        <s v="CasaXPS"/>
        <s v="CrystalMaker"/>
        <s v="Design Expert Version 8"/>
        <s v="GanFeld Data Management Tools -  (Tools4GanFeld)"/>
        <s v="IGOR PRO"/>
        <s v="Orgin Pro 7.5"/>
        <s v="CEPS Canadian Earthquake Processing System"/>
        <s v="GSC BASIN Web Access Application"/>
        <s v="Geomagnetic Monitoring System"/>
        <s v="GDR Metadata Editor"/>
        <s v="GSC Personnel Database &amp; Tools"/>
        <s v="Laboratory Information Management System (LIMS)"/>
        <s v="Sample Management System"/>
        <s v="Geoscience data repository for geophysics and geochemistry"/>
        <s v="Système de Gestion des Bases de Données à Références Spatiales (anciennement Bas"/>
        <s v="ESS Publication Process Integration (PPI)"/>
        <s v="GSC Expedition Database Web Access Application"/>
        <s v="GEOSCAN"/>
        <s v="Atlas of Canada"/>
        <s v="Canadian Geographical Names Database Web Data Entry"/>
        <s v="GeoName Discovery"/>
        <s v="Système Générique de Production de données géospatiales"/>
        <s v="Système d'information de la BNDT"/>
        <s v="CLSS Web Map Browser"/>
        <s v="CLSS Integrated Cadastral Management - Internal Management"/>
        <s v="CLSS Survey Records Information Systems"/>
        <s v="Ansys CFX"/>
        <s v="Dabo Data Acquisition"/>
        <s v="Enerpool"/>
        <s v="Orcaview"/>
        <s v="Phoenics (Outil de calcul PHOENICS)"/>
        <s v="Sample Master v.9"/>
        <s v="Swift"/>
        <s v="HOT2000"/>
        <s v="RETScreen Clean Energy Project Analysis Software"/>
        <s v="Restricted Components"/>
        <s v="Ammonium Nitrate Report"/>
        <s v="LMS"/>
        <s v="Pyro Database"/>
        <s v="Systematic Treatment of Pitting Sequence"/>
        <s v="CanmetMINING JobBoss"/>
        <s v="BassetPro"/>
        <s v="Meritus"/>
        <s v="3D-CANVENT"/>
        <s v="DieselCom"/>
        <s v="CCRMP Database"/>
        <s v="SAS - Statistical Analysis System"/>
        <s v="Kimberley Process Remote Printing"/>
        <s v="Canadian Metals Recycling Website (NRCan)"/>
        <s v="Minerals and Metals Statistics Division On-line"/>
        <s v="SoftAccess Canadian Minerals Yearbook"/>
        <s v="SoftAccess Exploration"/>
        <s v="SoftAccess Mineral Use"/>
        <s v="SoftAccess Production"/>
        <s v="SoftAccess Trade Retrieval and Aggregation System"/>
        <s v="MPMO Tracker"/>
        <s v="NPMO - Northern Projects Management Office"/>
        <s v="2012 ENERGY STAR for New Homes online enrolment and compliance system"/>
        <s v="CanMost Software Download"/>
        <s v="Climate Zones for ENERGY STAR"/>
        <s v="Comprehensive Energy Use Database"/>
        <s v="Directory of Energy Efficiency Programs for Industry"/>
        <s v="Existing Housing Problem Files"/>
        <s v="Energy Advisor Workshop Exam"/>
        <s v="Energy Cost Calculator for New Appliances"/>
        <s v="ENERGY STAR Participants Site / ENERGY STAR Login"/>
        <s v="ENERGY STAR Savings Calculator"/>
        <s v="Equipment Contact Database (ECD)"/>
        <s v="Equipment DB - Reports, Imports &amp; Compliance"/>
        <s v="Find service organizations for existing homes"/>
        <s v="FleetSmart"/>
        <s v="Fuel Consumption Ratings"/>
        <s v="Join ENERGY STAR as a Manufacturer"/>
        <s v="Join ENERGY STAR as a Promoter"/>
        <s v="Join ENERGY STAR as a Retailer or Distributor"/>
        <s v="LINGUISTIC APPLICATION"/>
        <s v="New Housing Administration Centre"/>
        <s v="Products Search"/>
        <s v="NRCan's Portal to the Administration Centre"/>
        <s v="SmartWay Database"/>
        <s v="Subscribe to Heads Up Newsletters"/>
        <s v="Upload advisor data"/>
        <s v="Contact Us / CFAQ "/>
        <s v="Communication PSP (CPSP  Planning)"/>
        <s v="Oidling"/>
        <s v="Publishing_Database (CPSP Production)"/>
        <s v="Commport"/>
        <s v="FMP Project Tracking Database"/>
        <s v="OID LING (Web Team APPLICATION)"/>
        <s v="Better Energy Efficiency Reporting System"/>
        <s v="QR Code Generator"/>
        <s v="Business Energy Efficiency Client Relationship Management System"/>
        <s v="ecoENERGY Retrofit - Homes Resource Cente - File Exchange"/>
        <s v="Find a Service Provider for New Homes"/>
        <s v="NRCan Photo database"/>
        <s v="RESORS"/>
        <s v="ESRI Web Services"/>
        <s v="Alloy Navigator -  Service Management"/>
        <s v="Wiki - CITS"/>
        <s v="Geospatial LoB-License server"/>
        <s v="Paleo Information Management System"/>
        <s v="ACCESS - Paleo Report Access Database/Core and Sample Point of Sale"/>
        <s v="DELPHI - Earth Material Manager/Extraction Lab Information Management System/GSC"/>
        <s v="DotNET - GSC Calgary database application management system/Sample Loader/Weblex"/>
        <s v="Lab Study Agreement System"/>
        <s v="Program Tracking System"/>
        <s v="EQCan Community Internet Intensity Maps"/>
        <s v="EQCan Did You Feel It - Earthquake questionnaire"/>
        <s v="EQCan National Building Code seismic hazard calculator (2005 building code)"/>
        <s v="EQCan National Building Code seismic hazard calculator (2010 building code)"/>
        <s v="EQCan Automatic Data Request Manager (AutoDRM)"/>
        <s v="EQCan Canadian National Seismic Network (CNSN) Station Book"/>
        <s v="EQCan Search the Earthquakes Database"/>
        <s v="EQCan National Waveform Archive (NWFA)"/>
        <s v="GMS Magnetic declination calculator"/>
        <s v="GMS Magnetic field calculator"/>
        <s v="EQCan Live seismogram viewer"/>
        <s v="GMS Forecast of Energetic Electron Fluence"/>
        <s v="GMS 27 Day Magnetic Activity Forecast"/>
        <s v="GMS Long Term Review of Magnetic Activity"/>
        <s v="Current Regional Magnetic Conditions"/>
        <s v="GMS Geomagnetic Activity"/>
        <s v="GMS Short Term Magnetic Forecasts (7 variations)"/>
        <s v="GMS Geomagnetic Data Download"/>
        <s v="GMS Geomagnetic Indices (HTML variant)"/>
        <s v="GMS Plotting service - Geoelectric Field"/>
        <s v="GMS Magnetic plots"/>
        <s v="GMS Magnetic Summary plots - Archives"/>
        <s v="GMS Magnetic Summary plots - Last 24 hours"/>
        <s v="GMS Solar radio flux - Latest solar radio flux report"/>
        <s v="GMS Solar radio flux - Monthly and rotational averages"/>
        <s v="GMS Pipeline Service - PSP plot"/>
        <s v="Electron Flux plots for Satellite Service"/>
        <s v="EQCan National Building Code seismic hazard calculator (1985 building code)"/>
        <s v="CCDS - Tsunami Warning"/>
        <s v="CCDS - Data Monitor"/>
        <s v="CCDS - ETS (Slip) Monitor"/>
        <s v="Tremor Activity Monitoring System (TAMS)"/>
        <s v="Groundwater Information Network - ESS Groundwater Application"/>
        <s v="Aquifer database management application"/>
        <s v="Canadian Spatial Reference System"/>
        <s v="CSRS - Login"/>
        <s v="CSRS - Download geoid models"/>
        <s v="CSRS - Passive Control Network"/>
        <s v="CSRS - Desktop applications"/>
        <s v="CGIS - GNSS calendar"/>
        <s v="CSRS - GPS-H tool"/>
        <s v="CSRS - INDIR tool"/>
        <s v="CSRS - NTV2 tool"/>
        <s v="CACS - Precise Point Positioning (CSRS-PPP)"/>
        <s v="CSRS - TRX tool"/>
        <s v="CLSS Survey Plan Search (SRIS external)"/>
        <s v="CLSS Survey Project Search (PMIS - external)"/>
        <s v="CLSS Oil and Gas Tools"/>
        <s v="CLSS MyCLSS portal"/>
        <s v="Traits of Plants in Canada (TOPIC)"/>
        <s v="Mineral and Operations Directory"/>
        <s v="ISQ Data Loader"/>
        <s v="TRAGS Data Loader"/>
        <s v="CanmetMINING Live Dashboard"/>
        <s v="Système de répartition des tâches"/>
        <s v="CSRS - Combination and Analysis of Terrestrial Reference Frames"/>
        <s v="National Forest Pest Strategy Information System (PSIS)"/>
        <s v="Northern Forestry Centre Intranet"/>
        <s v="FireWorks Fire safety system"/>
        <s v="Tecplot"/>
        <s v="CLSS Project Management Information System"/>
        <s v="CSRS - GPS Toolkit"/>
        <s v="CSRS - Iono Studies"/>
        <s v="CSRS - Precise Orbit Determination"/>
        <s v="CSRS - Geoid &amp; Gravity Processing System"/>
        <s v="CSRS - GRACE processing System"/>
        <s v="CACS - NTRIP"/>
        <s v="CACS - IPRelay"/>
        <s v="CSRS - Coordinates and Velocity"/>
        <s v="CACS - Bernese GNSS Software"/>
        <s v="CACS - GIPSY-OASIS"/>
        <s v="CSRS - Generic Mapping Tools"/>
        <s v="CSRS - MATLAB"/>
        <s v="CACS - TUTOS"/>
        <s v="CSRS - Geodetic adjustment using Helmert blocking Of Space and Terrestrial data"/>
        <s v="CSRS - SINEX Software"/>
        <s v="CACS - Regional GNSS Tracking System"/>
        <s v="Earth Materials Collection Database"/>
        <s v="Système pour la gestion du flux de données géospatiales"/>
        <s v="Système de bases de données Oracle"/>
        <s v="Système de base de données PostgreSQL"/>
        <s v="GSC Physical Archive Database"/>
        <s v="Earth Observation Data Management System"/>
        <s v="Archiving"/>
        <s v="CEOCat"/>
        <s v="CLSS Integrated Cadastral Management - Processing"/>
        <s v="CLSS Integrated Cadastral Management - Web services"/>
        <s v="CLSS Integrated Cadastral Management - Editing"/>
        <s v="CLSS Metadata Manager"/>
        <s v="CLSS AS-SM File System"/>
        <s v="CLSS National Identifier"/>
        <s v="CLSS Resource Centre"/>
        <s v="Sparx Enterprise Architect - System documentation"/>
        <s v="Plimus VisualSVN Server - application code repository"/>
        <s v="Emergency Geomatics Service"/>
        <s v="CCDS Data Processing System"/>
        <s v="CCDS Data Acquisition System"/>
        <s v="CCDS Real Time Data Acquisition / Processing System"/>
        <s v="GSC-PAC Marine Data Processing System"/>
        <s v="GSC-PAC Scientific Data Processing System"/>
        <s v="CGIS - Canadian Gravity database Applications"/>
        <s v="CACS - RTAP"/>
        <s v="CACS - RRDtool"/>
        <s v="CSRS - Web Service"/>
        <s v="GeoGratis - Web Applications"/>
        <s v="GeoGratis - Web Services"/>
        <s v="GeoGratis - Download Services"/>
        <s v="GeoGratis - WMS Services"/>
        <s v="GeoGratis - Metadata Processes"/>
        <s v="GMS Acquisition GOES - Microcom"/>
        <s v="GMS Acquisition"/>
        <s v="GMS Database PostgreSQL"/>
        <s v="GMS Product Dissemination"/>
        <s v="GMS Forecast"/>
        <s v="GMS Post-processing"/>
        <s v="GMS Research"/>
        <s v="GMS Research - IDL"/>
        <s v="CEPS Data Acquisition, Archive and Dissemination"/>
        <s v="CEPS Data Acquisition, Archive and Dissemination - Apollo"/>
        <s v="CEPS Automatic Processing"/>
        <s v="CEPS Alerting"/>
        <s v="CEPS Alerting - SMS"/>
        <s v="CEPS Alerting - Fax/Phone"/>
        <s v="CEPS Earthquake Review"/>
        <s v="CEPS Earthquake Review - Dan"/>
        <s v="CEPS Earthquake Review - Antelope"/>
        <s v="CEPS earthquake database"/>
        <s v="CEPS database - Ingres"/>
        <s v="CEPS database - Postgres"/>
        <s v="CEPS Research"/>
        <s v="CEPS Research - Matlab"/>
        <s v="EQCan Product Dissemination"/>
        <s v="Media Call Report"/>
        <s v="NRCat Request Form"/>
        <s v="Mapping Distribution and Invoicing System"/>
        <s v="Current Unit Value Received (CUVR) Calculator"/>
        <s v="Directory of Energy Efficiency and Alternative Energy Programs in Canada"/>
        <s v="Service Organizations Administration Centre"/>
        <s v="Informal Conflict Tracker"/>
        <s v="Public Participation, Processes and Participants"/>
        <s v="Extra Duty Pay Application Task"/>
        <s v="Engagement Activity Report"/>
        <s v="NRCan Competencies Survey"/>
        <s v="e-Learning"/>
        <s v="ChiliProject"/>
        <s v="Storage Tanks Database"/>
        <s v="CanmetMATERIALS Materials Property Database"/>
        <s v="Field Equipment Inventory System"/>
        <s v="Logistics Support Access Database"/>
        <s v="Ash Protection Model"/>
        <s v="Cantreuil"/>
        <s v="CFS Collections"/>
        <s v="Northern Ontario Plant Database"/>
        <s v="Search Courses - Service Organizations Admin Centre"/>
        <s v="OEE Housing Members Only Resource Centre"/>
        <s v="ArcGIS Enterprise Server Standard"/>
        <s v="Metadata Editing Tool (Internal only)"/>
        <s v="Plants of Canada Database"/>
        <s v="Seedwhere"/>
        <s v="FIAS Pathway explorer (CPATH)"/>
        <s v="Climate modeling application set"/>
        <s v="Human Resources Management System (PeopleSoft)"/>
        <s v="Subversion"/>
        <s v="Communications Tools"/>
        <s v="NRCan Data Hub"/>
        <s v="Varnish"/>
        <s v="New Relic"/>
        <s v="GitHub Private Repository"/>
        <s v="CA Generator"/>
        <s v="Budworm Tracker"/>
        <s v="Federal Geospatial Platform (EDC)"/>
        <s v="Contact Us - Commercial, institutional and federal buildings"/>
        <s v="ccmMercury for Cabinet Affairs"/>
        <s v="Analytical Lab Calculator"/>
        <s v="Intranet de la Commission géologique du Canada - Québec"/>
        <s v="ButternutConservation"/>
        <s v="Canadian Fire Effects Model (Web)"/>
        <s v="CFS APIs (dev)"/>
        <s v="CFS Collaborations Database"/>
        <s v="CFS Earth Documentation Web Site"/>
        <s v="CFS ESRI License Portal"/>
        <s v="CFS Legacy Archive Inventory Databases"/>
        <s v="CFS-Earth"/>
        <s v="Common tree diseases of British Columbia"/>
        <s v="CWFC Woody Biomass Inventory"/>
        <s v="CWFIS LayerBuilder"/>
        <s v="CWFIS Mapbuilder"/>
        <s v="DG Blog"/>
        <s v="Ellerslie SRWC Research Site Virtual Tour"/>
        <s v="Forestry Adaptation Working Group (FAWG)"/>
        <s v="FormatCoreData"/>
        <s v="GeomaticTools"/>
        <s v="GLFC's Publication Database Search"/>
        <s v="Health and Safety Inspection System"/>
        <s v="Insect production Services (IPS) order form"/>
        <s v="Intranet du Centre de foresterie des Laurentides"/>
        <s v="Kodama"/>
        <s v="LifeTableDataEntry"/>
        <s v="National Forest Informaiton System sub-application: NFIS.Service.ICA-AtoM"/>
        <s v="National Forest Information System sub-application: NFIS.App.CBM/NFSC Carbon Bud"/>
        <s v="National Forest Information System sub-application: NFIS.App.NFD.DCT"/>
        <s v="National Forest Information System sub-application: NFIS.App.NTSC - National Tre"/>
        <s v="National Forest Information System sub-application: NFIS.App.SAFORAH - The Syste"/>
        <s v="NFDP Application"/>
        <s v="NoFC Health and Safety Wiki"/>
        <s v="NoFC Weather Alerts"/>
        <s v="Pacific Forestry Centre's Forest Pathology Herbarium"/>
        <s v="Product Options Model"/>
        <s v="Redmine - A Project Management Tool For NoFC"/>
        <s v="Regional Forest Industies Computable General Equilibrium Model"/>
        <s v="Spatial Discrete Event Simulation (SpaDES)"/>
        <s v="Thesaurus"/>
        <s v="My Tree (Canadian Native Trees)"/>
        <s v="Trees, insects and diseases of Canada's forests - Administration"/>
        <s v="WeatherUpdater"/>
        <s v="Wood Fibre Value Simulation Model"/>
        <s v="WQ4MGM"/>
        <s v="Aspen HYSYS"/>
        <s v="Boiler Software-KED"/>
        <s v="COMSOL"/>
        <s v="FactSage"/>
        <s v="Intel visual Fortran Compose"/>
        <s v="JMP"/>
        <s v="Labview Full Development for Windows"/>
        <s v="MapleSoft"/>
        <s v="PetraSim"/>
        <s v="PGI Fortran"/>
        <s v="UniSim Design Suite"/>
        <s v="Adobe Acrobat"/>
        <s v="Adobe Master Suite"/>
        <s v="Autodesk Design Suite Ultimate (upgrade)"/>
        <s v="Corel"/>
        <s v="FTIR Database"/>
        <s v="Gaussian"/>
        <s v="GaussView"/>
        <s v="Geochemist WorkBench"/>
        <s v="Honeywell Experion"/>
        <s v="Intel Fortran Compiler with IMSL"/>
        <s v="LIMS"/>
        <s v="Maple"/>
        <s v="Mathmatica"/>
        <s v="Microsoft Project"/>
        <s v="Mindjet Mindmanager"/>
        <s v="Origin Pro"/>
        <s v="SigmaPlot"/>
        <s v="SmartPlant Enterprise"/>
        <s v="SVOffice"/>
        <s v="X1 Search"/>
        <s v="XRD Database"/>
        <s v="https://www.openstudio.net/"/>
        <s v="https://netbeans.org/"/>
        <s v="https://gcc.gnu.org/"/>
        <s v="https://git-scm.com/"/>
        <s v="http://www.putty.org/"/>
        <s v="http://www.sketchup.com/"/>
        <s v="https://www.mongodb.com/"/>
        <s v="https://nodejs.org/en/"/>
        <s v="http://electron.atom.io/"/>
        <s v="https://www.r-project.org/"/>
        <s v="https://d3js.org/"/>
        <s v="Integration"/>
        <s v="Cogen"/>
        <s v="Explore"/>
        <s v="I-BIOREF"/>
        <s v="Tableau"/>
        <s v="WUFI Pro"/>
        <s v="WUFI 2D"/>
        <s v="NI LabVIEW 2014"/>
        <s v="THERM"/>
        <s v="AutoDeskRECAP"/>
        <s v="AutoDesk Revit"/>
        <s v="Energy Predictor"/>
        <s v="FDD 4 PV"/>
        <s v="CanMETEO"/>
        <s v="PV Monitoring"/>
        <s v="Canadian Mining Assets"/>
        <s v="Extractive Services Transparency Measures Application"/>
        <s v="VB6 Enterprise Edition"/>
        <s v="Visual Studio 2005 Team Edition for Software Developers"/>
        <s v="Visual Studio 2008 Business Intelligence Development  Studio"/>
        <s v="Visual Studio 2010 Ultimate Edition"/>
        <s v="Visual Studio 2012 Ultimate Edition"/>
        <s v="Visual Studio 2015 Ultimate Edition"/>
        <s v="SQL Server 2008 Developer Edition"/>
        <s v="SQL Server 2012 Developer Edition"/>
        <s v="Satellite orbit modelling software (STK)"/>
        <s v="ArcGIS Desktop"/>
        <s v="Enterprise Architect"/>
        <s v="AutoDesk AutoCad"/>
        <s v="Autodesk Infrastructure Design Suite Std"/>
        <s v="Scooter Beyond Compare"/>
        <s v="Avenza Map Publisher + LabelPro + Geographic Imager"/>
        <s v="Bluebeam Revu x64 Standard"/>
        <s v="Caminova DocExpress Pro Editor"/>
        <s v="ERDAS ER Mapper"/>
        <s v="Microsoft SQL Server Standard"/>
        <s v="Microsoft Visual Studio Pro and TEST Pro"/>
        <s v="Microsurvey MSCAD"/>
        <s v="Microsurvey Star*Net STD, Pro and FieldGenuis Premium"/>
        <s v="Safe FME ESRI Edition"/>
        <s v="SQLSentry Power Suite"/>
        <s v="Trimble Survey Business Center Advanced"/>
        <s v="Eclipse PDT"/>
        <s v="SoapUI"/>
        <s v="Core and Sample Point of Sale"/>
        <s v="FORTRAN - Petroleum Resource Information Management and Evaluation System"/>
        <s v="Core &amp; Sample Inventory"/>
        <s v="FME Desktop"/>
        <s v="Geomatica"/>
        <s v="Global Mapper"/>
        <s v="PgAdmin"/>
        <s v="Oxygen XML Suite"/>
        <s v="Occupational Health and Safety application"/>
        <s v="http://www.msdsonline.com/"/>
        <s v="Flex Licence Manager"/>
        <s v="NRCan CRM Portal"/>
        <s v="www.bitbucket.com"/>
        <s v="www.github.com"/>
        <s v="www.sharelatex.com"/>
        <s v="Lammps"/>
        <s v="Abinit"/>
        <s v="Vasp"/>
        <s v="Abaqus"/>
        <s v="Warp 3D"/>
        <s v="AMR Phase field software suite"/>
        <s v="Phase field Crystal software suite"/>
        <s v="https://github.com/"/>
        <s v="https://www.docker.com/"/>
        <s v="https://circleci.com/"/>
        <s v="https://signin.aws.amazon.com"/>
        <s v="https://sourceforge.net/projects/xming/"/>
        <s v="https://www.openssh.com/"/>
        <s v="https://www.techstreet.com/sessions/new"/>
        <s v="X Formation License Statistics"/>
        <s v="Sage Chemical Database"/>
        <s v="CEPS Data Acquisition, Analysis, Archive and Dissemination - SeisComP3"/>
        <s v="EQCan National Building Code seismic hazard calculator (2015 building code)"/>
        <s v="CHIS Nagios"/>
        <s v="CHIS Atlassian Bitbucket"/>
        <s v="CHIS Atlassian Confluence"/>
        <s v="CHIS Atlassian JIRA Service Desk"/>
        <s v="Canada 3D Artificial Intelligence"/>
        <s v="Occupational Health and Safety - Integrated Field Safety Planning"/>
        <s v="Occupational Health and Safety - CourseMS"/>
        <s v="Federal Geospatial Platform (Cloud)"/>
        <s v="Fleet Audit Program"/>
        <s v="NEB Report Database"/>
        <s v="Marine Web Mapping Service Collection"/>
        <s v="PV Maps"/>
        <s v="Designated Substances Database"/>
        <s v="Basin analysis software"/>
        <s v="CLSS Update Tracker"/>
        <s v="Canada Lands e-Validation of Electronic Returns"/>
        <s v="IBC GeoDatabase Replication"/>
        <s v="CLSS Boundary Opinions"/>
        <s v="Renewable Energy Deployment Database"/>
        <s v="eLMS"/>
        <s v="High Resolution Optical Imagery (Sherbrooke)"/>
        <s v="Igloo"/>
        <s v="Housing Integrated Portal"/>
        <s v="Admin Tool"/>
        <s v="NRCan Enterprise Business Number Standard"/>
        <s v="Appspace"/>
        <s v="ePortal"/>
        <s v="Housing – Energuide API"/>
        <s v="NRCan Observer Crowdsourcing Mobile App"/>
        <s v="OpenSSH Server"/>
        <s v="Employee Confidential Report"/>
        <s v="GFSARCH"/>
        <s v="Joule Ctrix"/>
        <s v="GLFC - Door Security System"/>
        <s v="VidCruiter"/>
        <s v="LANDesk Management Suite"/>
        <s v="APEX - OHS Inventory"/>
        <s v="Gamma"/>
        <s v="HOT2000 Advisor Software Tools"/>
        <s v="PCVue"/>
        <s v="Q-Admin -  Lutron Quantum Software"/>
        <s v="Sharepoint 2016"/>
        <s v="Prince Albert Satellite Station"/>
        <s v="ENERGY STAR® rebates and incentives directory"/>
        <s v="NRCan Webcast"/>
        <s v="EVAFIDI"/>
        <s v="Real Time Identification (RTID)"/>
        <s v="Unified Security System (USS)"/>
        <s v="Forest Floor Recovery Index"/>
        <s v="Non-Destructive Testing Certification Body’s"/>
        <s v="Registration Form – Green Infrastructure Phase II"/>
        <s v="OERD Online Reporting Tool"/>
        <s v="Fiix"/>
        <s v="Audit Command Language"/>
        <s v="ScrumWorks Pro"/>
        <s v="Quest Message Stats"/>
        <s v="HelpVisiion"/>
        <s v="Sonic MQ"/>
        <s v="Shared File Servers"/>
        <s v="EMC ESRS-IP Policy Manager"/>
        <s v="NGDv2 - Elections Canada network"/>
        <s v="NGD Batch QC System - Elections Canada network"/>
        <s v="AAU - Elections Canada network"/>
        <s v="AIA - Elections Canada network"/>
        <s v="Secure FTP"/>
        <s v="Actuate"/>
        <s v="Cognos Metrics Manager"/>
        <s v="Entrust Identity Guard"/>
        <s v="ROTC Training Server"/>
        <s v="VisualSVN Server"/>
        <s v="Oracle Application Server"/>
        <s v="CCM Mercury"/>
        <s v="Object Identifier"/>
        <s v="Terminal Server"/>
        <s v="IBM Director Server"/>
        <s v="Spark"/>
        <s v="Echo Intranet Web Site"/>
        <s v="RSA Authentication Manager"/>
        <s v="Microsoft CRM 4"/>
        <s v="Sharepoint 2007"/>
        <s v="Microsoft SQL 2005"/>
        <s v="Isys Training Library"/>
        <s v="BI Cognos 7"/>
        <s v="Display of Returns Application"/>
        <s v="BI Administrator"/>
        <s v="OSFINet-BSIFNet"/>
        <s v="Information Portal"/>
        <s v="OSFI Classified Ads"/>
        <s v="OSFI Terminology Reference System"/>
        <s v="Travel and Hopitality Proactive Disclosure Application"/>
        <s v="Reporting Data Store Management Reporting System"/>
        <s v="Time Reporting System"/>
        <s v="Leave Online Application"/>
        <s v="Electronic Document Management System"/>
        <s v="Corporate Directory System"/>
        <s v="Pensions Benefits Standard Act Application"/>
        <s v="Actuarial Unpaid Claims and Loss Ratio Exhibits Application"/>
        <s v="Application for Tracking Financial Returns"/>
        <s v="Late and Erroneous Filing Penalty Application"/>
        <s v="Core Supervision Workflow System"/>
        <s v="Supervisory Rating Application"/>
        <s v="IT Survey Application"/>
        <s v="DAT TAAM BAAT Application"/>
        <s v="Application for Tracking Compliance Returns"/>
        <s v="Trail Information System"/>
        <s v="Incident and Event Management - Wildlife"/>
        <s v="IEM Law Enforcement"/>
        <s v="Privasoft - ATIP"/>
        <s v="STAR (SAP)"/>
        <s v="StakeHolder &amp; Partner Engagement Registry"/>
        <s v="Asset bank"/>
        <s v="Information Centre on Eco System (ICE)"/>
        <s v="PWARD"/>
        <s v="Computer Assisted Dispatched"/>
        <s v="Microsoft Retail Management System - Point of Sale"/>
        <s v="OTRS - Helpdesk System"/>
        <s v="Microsoft Sharepoint"/>
        <s v="Scanpath"/>
        <s v="Directory of federal  heritage designation"/>
        <s v="Occurence Tracking System"/>
        <s v="AvalX"/>
        <s v="Research and collection permit system"/>
        <s v="Travel and Hospitality Report System"/>
        <s v="Canadian Register of historic places"/>
        <s v="PC-411"/>
        <s v="Asset management System and Maximo"/>
        <s v="Disclosure Grants &amp; Contributions"/>
        <s v="PeopleSoft"/>
        <s v="Biotics"/>
        <s v="LeaseHold System"/>
        <s v="Freehold Land Management"/>
        <s v="Land Registry System"/>
        <s v="Artifact Information System (AIS)"/>
        <s v="Road Condition"/>
        <s v="Trail Condition"/>
        <s v="National Parks Fire Report"/>
        <s v="Trail &amp; Road Condition Report"/>
        <s v="Safety Report"/>
        <s v="Account Create Program"/>
        <s v="ADTMS"/>
        <s v="Audio-Visual Tracking System"/>
        <s v="Blueprint 2020 Wiki"/>
        <s v="Cabinet Confidence Files Database"/>
        <s v="Cabcon39"/>
        <s v="Guide to Canadian Ministries - Data management"/>
        <s v="Guide to Canadian Ministries - Web Site"/>
        <s v="Communications Calendar Management System"/>
        <s v="CIMS PLUS"/>
        <s v="Core Services"/>
        <s v="Disclosure - Contracts"/>
        <s v="Disclosure - Contracts - Staging"/>
        <s v="Disclosure - Grants and Contributions"/>
        <s v="Disclosure - Travel and Hospitality"/>
        <s v="Disclosure - Travel and Hospitality - Staging"/>
        <s v="Deputy Minister's Portal"/>
        <s v="Documentum (Foremost)"/>
        <s v="Electronic Records and Document Management"/>
        <s v="Enterprise Service Bus"/>
        <s v="Omnicast"/>
        <s v="Prime Ministers Greeting System"/>
        <s v="Haver Analytics"/>
        <s v="Hand Pick-Up and Delivery Tracking System"/>
        <s v="Impact Canada Challenges Platform"/>
        <s v="ITSD Procedures by Section"/>
        <s v="MediaWiki"/>
        <s v="MediaPortal"/>
        <s v="Material Management System"/>
        <s v="Machinery of Government (MoG) Wiki"/>
        <s v="MXI Access for secure USB"/>
        <s v="Office of the Auditor General Application"/>
        <s v="OIC Export System"/>
        <s v="OIC Import"/>
        <s v="External OIC Web Application"/>
        <s v="Open Source Ticket Request System"/>
        <s v="Parliamentary Returns Control Assistance System"/>
        <s v="Parliamentary Returns Control Assistance - External Users"/>
        <s v="PCO Access Control"/>
        <s v="PCO Intranet Web Site"/>
        <s v="Privy Council Office PubliService Web Site"/>
        <s v="Prime Minister's E-Mail"/>
        <s v="Prime Minister's web site"/>
        <s v="RINGTAIL"/>
        <s v="Senate Appointments Self-Serve"/>
        <s v="Signature Specimen Database"/>
        <s v="SnapStream"/>
        <s v="Senior Personnel Appointments Web Site"/>
        <s v="Selection Process Tracking/Number"/>
        <s v="Switch Board"/>
        <s v="SydneyPlus"/>
        <s v="Taxi Chit Information System"/>
        <s v="Taxi Chit Information System - Archival"/>
        <s v="Taxi Chit Information System - Reports"/>
        <s v="T4 Application"/>
        <s v="Visual Studio Team System"/>
        <s v="WordPress"/>
        <s v="Stakeholder Engagement Database | Edition: N/A | Version: 1.0"/>
        <s v="NG-STAR | Edition: N/A | Version: N/A"/>
        <s v="QASI | Edition: N/A | Version: N/A"/>
        <s v="Global Public Health Intelligence Network | Edition: N/A | Version: 4.1.2"/>
        <s v="Congenital Anomaly | Edition: N/A | Version: N/A"/>
        <s v="QP Notes - PHAC | Edition: N/A | Version: N/A"/>
        <s v="Canadian Best Practices Portal for Health Promotion and Chronic Disease Preventi"/>
        <s v="Canadian Network for Public Health Intelligence (CNPHI) | Edition: N/A | Version"/>
        <s v="Cancer in Young People in Canada | Edition: N/A | Version: N/A"/>
        <s v="CEPR Drug Rotation Database | Edition: N/A | Version: N/A"/>
        <s v="Public Health Infobase | Edition: N/A | Version: N/A"/>
        <s v="ATIP Flow Image | Edition: N/A | Version: 1.11"/>
        <s v="G and C Solicitations | Edition: N/A | Version: N/A"/>
        <s v="Emergency Services (ES) Medical Indent Register | Edition: N/A | Version: N/A"/>
        <s v="Laboratory Information Management System (LIMS) National Microbiology Lab (NML)"/>
        <s v="Learning Management System (Moodle) | Edition: N/A | Version: 2.6.4"/>
        <s v="PHAC Scientific and Research Publications | Edition: N/A | Version: N/A"/>
        <s v="Multi Year Financial Planning System | Edition: N/A | Version: 2.2E"/>
        <s v="PHAC CFO Planning and Reporting | Edition: N/A | Version: N/A"/>
        <s v="PHAC Internet | Edition: N/A | Version: N/A"/>
        <s v="PHAC Proactive Disclosure Grants and Contributions | Edition: N/A | Version: N/A"/>
        <s v="Public Health Information Tracking System | Edition: N/A | Version: N/A"/>
        <s v="Traveller Health Assessment Database | Edition: TBD | Version: 1.9"/>
        <s v="Traveller Health Operational Strategic Support System (THAD v2) | Ed:NA | V:1.1"/>
        <s v="All Events Response Operations | Edition: N/A | Version: 3.0"/>
        <s v="Influenza &amp; Respiratory Infectious Diseases Database System | Edition: N/A |"/>
        <s v="Sexual Transmitted Infections (STI) Mobile Application | Edition: N/A | Version:"/>
        <s v="International Circumpolar Surveillance System | Edition: N/A | Version: 1.1"/>
        <s v="Human Pathogens and Toxins Act Consultations Database | Edition: N/A | Version:"/>
        <s v="Integrated Suite of Tools for Operational Processes (iSTOP) | Edition: N/A | Ver"/>
        <s v="Data Access Management Application | Edition: N/A | Version: 1.0"/>
        <s v="Joint Planning and Support Tool (.NET) | Edition: N/A | Version: 2"/>
        <s v="Canadian Tuberculosis Reporting System | Edition: N/A | Version: 4.1"/>
        <s v="Canadian Adverse Events Following Immunization Surveillance System | Edition: N/"/>
        <s v="Canadian Diabetes Risk Online Questionnaire | Edition: N/A | Version: N/A"/>
        <s v="Canada Prenatal Nutritional Program Directory | Edition: N/A | Version: N/A"/>
        <s v="Community Action Program for Children Directory | Edition: N/A | Version: N/A"/>
        <s v="Economic Burden of Illness | Edition: N/A | Version: 1.0"/>
        <s v="Stakeholder Database | Edition: N/A | Version: N/A"/>
        <s v="Travel Health Web Content Management System | Edition: N/A | Version: 1.0"/>
        <s v="Vaccine Information Database System | Edition: N/A | Version: 2.0"/>
        <s v="Emergency Management System (Sharepoint) | Edition: TBD | Version: Not Yet Asses"/>
        <s v="Data Extraction and Analysis System | Edition: N/A | Version: 1.0"/>
        <s v="Immunization Schedule Tool | Edition: N/A | Version: N/A"/>
        <s v="CIQAP - Canadian Immunology Quality Assessment Program | Edition: N/A | Version:"/>
        <s v="HyDRA (HIV Drug Resistant Analysis) | Edition: N/A | Version: 1.2.5"/>
        <s v="Pathogen Safety Data Sheet - Infectious Substances | Edition: N/A | Version: 1.5"/>
        <s v="Public Health Emergency Contacts Management System | Edition: N/A | Version: 1.0"/>
        <s v="Canadian Biosafety Standard Mobile Application | Edition: N/A | Version: 2.0.5"/>
        <s v="Resolver Ballot | Edition: N/A | Version: 7.3.0.2"/>
        <s v="TeamMate | Edition: N/A | Version: 10"/>
        <s v="Replicon Web Time-Sheet | Edition: N/A | Version: SaaS"/>
        <s v="CaseWare Idea Data Analysis | Edition: N/A | Version: 10.2"/>
        <s v="PulseNet/BioNumerics | Edition: N/A | Version: BN Client 6.01 and BN Server v4.0"/>
        <s v="Basset Pro | Edition: N/A | Version: 1.0"/>
        <s v="IMSight | Edition: N/A | Version: 1.0"/>
        <s v="Access to Information and Privacy Request Management System (AccessPro)"/>
        <s v="User Management System"/>
        <s v="Aboriginal Policing Information Management System"/>
        <s v="Asset Management System (CableSolve)"/>
        <s v="Shared Library Catalog (Public Safety Public Website)"/>
        <s v="Library Management System (EOS.WEB)"/>
        <s v="GetPrepared Public Website"/>
        <s v="InfoCentral Intranet Website"/>
        <s v="Records Information Management Sytem (iRIMS)"/>
        <s v="Ministerial Correspondance Unit ccmEnterprise Reports"/>
        <s v="CSCCB Research Division Mailing List Administration"/>
        <s v="CSCCB Research Division Mailing List (Public Safety Public Website)"/>
        <s v="NewsDesk Media Monitoring System"/>
        <s v="Proactive Disclosures - Contracts (Public Safety Public Website)"/>
        <s v="Proactive Disclosures - Grants and Contributions (Public Safety Public Website)"/>
        <s v="Proactive Disclosures - Travel and Hospitality (Public Safety Public Website)"/>
        <s v="Records, Document and Information Management System (eDOCS)"/>
        <s v="Security Screening Database"/>
        <s v="Survey Management System - Internal (Snap Survey)"/>
        <s v="Correspondance Data Exchange System (ccmExchange)"/>
        <s v="International Travel Management Content Management System"/>
        <s v="Invoice Processing System (Matrix Logic Mailroom Suite)"/>
        <s v="Geospatial Canadian Disaster Database (Public Safety Public Website)"/>
        <s v="GetCyberSafe Public Website"/>
        <s v="Public Safety Public Website"/>
        <s v="Public Safety Information Management System"/>
        <s v="Human Resources Service Request (InfoCentral)"/>
        <s v="Service Manageement Self-Service Portal (InfoCentral)"/>
        <s v="Index of Policing Initiatives (Public Safety Public Website)"/>
        <s v="Wireless Document Management System (Wireless DMS)"/>
        <s v="Service Management System (System Center Service Manager)"/>
        <s v="Impromptu 7.5 User/ Admin"/>
        <s v="Investigations Management Information System"/>
        <s v="Online Internet Testing"/>
        <s v="On-Line Oral Proficiency System"/>
        <s v="Online Registration System"/>
        <s v="On-Line Testing Facility"/>
        <s v="Analytical Documentation System"/>
        <s v="Political Activities Tool"/>
        <s v="Priority Information Management System"/>
        <s v="Performance Based Human Capital System"/>
        <s v="PSC Phone Directory"/>
        <s v="Public Service Resourcing System"/>
        <s v="Remedy (ITSD)"/>
        <s v="SAS Analytical Environment (EDW)"/>
        <s v="Assessment Centre Integrated Info System"/>
        <s v="SAS Cubes Viewer"/>
        <s v="ATIP AccessPro"/>
        <s v="Second Language Evaluation - Scheduling System"/>
        <s v="Statistical Package for the Social Science"/>
        <s v="Test Inventory Control System"/>
        <s v="Test Results Search Tool (PSC)"/>
        <s v="Test Scoring and Results Reporting"/>
        <s v="Basset Pro (PSC)"/>
        <s v="Duty to Accommodate"/>
        <s v="Microsoft Visual SourceSafe"/>
        <s v="Vovici"/>
        <s v="Revenue Management System"/>
        <s v="Cash Control Module"/>
        <s v="Versatile Express"/>
        <s v="Clarity"/>
        <s v="Group Share"/>
        <s v="DM Server (eDOCS DM)"/>
        <s v="SPS Email - Direct Deposit Notification Tool"/>
        <s v="Keepass"/>
        <s v="Staffing Audit Tool"/>
        <s v="Student Recruitment Service"/>
        <s v="Scoring Web Service"/>
        <s v="Contract Management System"/>
        <s v="Contract Management System Reporting Tool"/>
        <s v="COOP"/>
        <s v="Correspondance Control Manager"/>
        <s v="Electronic Forms System"/>
        <s v="EZ-Time (ITSD)"/>
        <s v="FAIS Reporting System"/>
        <s v="Financial Signing Authority Module (PSC)"/>
        <s v="Accommodation / Car Rental Directory System"/>
        <s v="Accommodation / Car Rental Repository System"/>
        <s v="Acquisition Information Service"/>
        <s v="Air Charter - Catalogue Site"/>
        <s v="Air Charter - Online System"/>
        <s v="Car Electronic Bidding System"/>
        <s v="CASS - GC Surplus"/>
        <s v="Central Removal System"/>
        <s v="Common Reference Information System"/>
        <s v="Galileo"/>
        <s v="Canadian Forces Superannuation System"/>
        <s v="Central Index"/>
        <s v="Crown Assets Support System 2000"/>
        <s v="Customer Information System"/>
        <s v="Electronic Petroleum Procurement System"/>
        <s v="e-Purchasing"/>
        <s v="Seized Property Management Information System"/>
        <s v="Standing Offer Index"/>
        <s v="Supplier Registration Information"/>
        <s v="Vendor Information Management System"/>
        <s v="GC Surplus Client Interface"/>
        <s v="Access for Compensation Advisors"/>
        <s v="Auto Renumeration Data Base"/>
        <s v="Compensation Common Services Database"/>
        <s v="Contributor System"/>
        <s v="Gross to Net Pay Calculator"/>
        <s v="Insurance Unit Records Management System"/>
        <s v="Judges Superannuation System"/>
        <s v="Members of Parliament Retirement Allocation (Pension PC Apps)"/>
        <s v="Pay Stub on the Web"/>
        <s v="Pension Transfer Agreement"/>
        <s v="Pension Transfer Statement"/>
        <s v="DPP - DFO &amp; PWGSC Portal"/>
        <s v="Personnel Registration Request"/>
        <s v="Public Service Health Care Plan (Pay PC Apps)"/>
        <s v="Pay - Register on the Web"/>
        <s v="ReTOS Calculating System (Pay PC Apps)"/>
        <s v="Superannuation Master Index System"/>
        <s v="Transfer Value (Pension PC Apps)"/>
        <s v="ADE Toolset"/>
        <s v="Common Departmental Financial System"/>
        <s v="Direct Deposit Interface System"/>
        <s v="Generic Utility Services"/>
        <s v="Government Banking System"/>
        <s v="Management Reporting Module"/>
        <s v="PayCourier Archive"/>
        <s v="PayCourier Retail 2 Pass"/>
        <s v="Alternate Forms of Delivery Management System"/>
        <s v="Business Intelligence Tools"/>
        <s v="Facilities Inventory System Reporting"/>
        <s v="Issue and Fault Tracking System"/>
        <s v="Land and Geographic Information System"/>
        <s v="Payment in Lieu of Taxes System"/>
        <s v="Project and Business Management System Historical"/>
        <s v="Project Tracking System"/>
        <s v="Real Estate On-Line (Operational)"/>
        <s v="Real Property Management System"/>
        <s v="RP Corporate data"/>
        <s v="CCM - Ministerial Correspondance Management System"/>
        <s v="Controlled Goods Directorate Registration System"/>
        <s v="Departmental and Industrial Security Information System"/>
        <s v="Departmental Directory Service"/>
        <s v="Entreprise Document and Records Management"/>
        <s v="Forms Inventory Control System"/>
        <s v="Personnel Security Data Collection Application"/>
        <s v="Windows Organization Charting System"/>
        <s v="Canada Gazette"/>
        <s v="NSCC Site &amp; eRequest Form"/>
        <s v="Esquimalt Graving Dock Billing Application"/>
        <s v="Esquimalt Graving Dock Booking Application"/>
        <s v="HR Calendar Application"/>
        <s v="Pacific Systems Availability (Netstat)"/>
        <s v="PWGSC Pacific Intranet web site"/>
        <s v="Integrated Information System"/>
        <s v="Pacific Compensation Client Inquiry System"/>
        <s v="Production Center Statistic System"/>
        <s v="Plant Operations Control System"/>
        <s v="Supplier Information Management System"/>
        <s v="Sales Activity Follow-up System"/>
        <s v="Termium Plus"/>
        <s v="Resource Management System"/>
        <s v="Bid Receiving Unit"/>
        <s v="Publications Classification Scheme Database"/>
        <s v="GoC Publications Web System"/>
        <s v="Oproma (Online Project Mgmt) 3rd party service"/>
        <s v="Capital Project Briefing Note System"/>
        <s v="Lease program"/>
        <s v="Conference rooms reservations system"/>
        <s v="Suivi des dictés numérique"/>
        <s v="Land Information Registry"/>
        <s v="Real Property Registry"/>
        <s v="Quality Management System"/>
        <s v="Lease Management System"/>
        <s v="WST Intranet Content Management System"/>
        <s v="Atlantic Region Intranet"/>
        <s v="ORION - Ontario Region Intranet On-line"/>
        <s v="Temporary Help Services"/>
        <s v="Integrated Library System V-Smart"/>
        <s v="Record of Employment"/>
        <s v="Reciprocal Transfer Agreement"/>
        <s v="CAFM (Computer Aided Facilities Management) - Archibus"/>
        <s v="CAFM - Meeting Room Reservation"/>
        <s v="Arrears Calculation"/>
        <s v="Car pooling System"/>
        <s v="Employee Pension Benefit System"/>
        <s v="Environmental Services Ledger"/>
        <s v="Online Field Industrial Security Operations"/>
        <s v="Government Electronic Data Interchange System"/>
        <s v="Payment and Cheque Redemption"/>
        <s v="Parliament Hill Cam"/>
        <s v="Personnel Security Data Collection Application Credit Bureau"/>
        <s v="Personnel Security Data Collection Application Mail"/>
        <s v="Past Service Pension Adjustment"/>
        <s v="SIGMA - SAP at PWGSC - Enterprise Resource Planning"/>
        <s v="Supplementary Retirement Benefit Act Calculator"/>
        <s v="BI Audit"/>
        <s v="National Computer-Aided Drafting and Design"/>
        <s v="Project and Business Management System"/>
        <s v="SELECT - Firm Registration"/>
        <s v="SIGMA - SAP at PWGSC - Solution Manager"/>
        <s v="SIGMA - SOA - J Developer"/>
        <s v="Spend Cube"/>
        <s v="TECH 2"/>
        <s v="Deficiency Calculator"/>
        <s v="PBDA Standalone"/>
        <s v="Shared Secret Data Base"/>
        <s v="Operational Management Information Services"/>
        <s v="Public Service Health Care Plan (Insurance Web)"/>
        <s v="Pension Statements"/>
        <s v="SELECT - Firm Maintenance"/>
        <s v="SELECT - Sourcing"/>
        <s v="SELECT - RPSB-DCC"/>
        <s v="National Manager's Community Network website"/>
        <s v="Northern Housing Application"/>
        <s v="Office Accommodation Services Reporting"/>
        <s v="Confined Spaces"/>
        <s v="Safety Code Inspection Program"/>
        <s v="OPO Case Management System"/>
        <s v="Maintain Accounts"/>
        <s v="Common Module Systems PassWords"/>
        <s v="Online Industrial Security Services"/>
        <s v="Cultural Property Inventory"/>
        <s v="Documentation Centre (Current)"/>
        <s v="PWGSC Forms Catalogue"/>
        <s v="Real Property Branch Course Calendar"/>
        <s v="Express Staffing"/>
        <s v="Single sign-on Electronic Authorization and Authentication"/>
        <s v="Chameleon Environment: GCPMP Change Management System"/>
        <s v="Chameleon Environment: GCPMP Requirements Management System"/>
        <s v="Automated Buyer Environment"/>
        <s v="Real Property File Tracking System Database"/>
        <s v="Real Estate On-Line - Reports"/>
        <s v="French River Dam Water Level Reporting"/>
        <s v="Language Portal"/>
        <s v="Termium VI"/>
        <s v="Chameleon Environment: RISM RS/RE Management System"/>
        <s v="Centralized Professional Services System"/>
        <s v="Infowiki"/>
        <s v="National Laboratory Knowledge Network"/>
        <s v="Tax Slips"/>
        <s v="Cancelled Cheque Reconcilliation"/>
        <s v="Desktop Procedures"/>
        <s v="Legal Services Request Tracker"/>
        <s v="Issue Management System"/>
        <s v="Devco Sharepoint Application"/>
        <s v="Confederation Bridge Information Site"/>
        <s v="Environmental Information Site"/>
        <s v="Harbours Management Information Site"/>
        <s v="PWGSC Atlantic CAD Standards Productivity Add-on"/>
        <s v="AM&amp;ITOS Vault"/>
        <s v="Buy and Sell - Web"/>
        <s v="SIGMA Reporting and Consolidation Tool"/>
        <s v="Western Region Engineering Drawing Management"/>
        <s v="Refrigerant Piping Design Program"/>
        <s v="Land Development Desktop"/>
        <s v="Geodeq"/>
        <s v="IXTROM (Neptune4)"/>
        <s v="Summit Pro"/>
        <s v="RDG's Blog"/>
        <s v="Gazette Index Generator"/>
        <s v="ESILaw Time Tracker System"/>
        <s v="Security Monitoring System"/>
        <s v="Real Estate On-Line (Public Site)"/>
        <s v="Real Estate On-Line (Priority Circulation)"/>
        <s v="Event and Conference Reservation Management System"/>
        <s v="Water Level Readings database"/>
        <s v="The Dams Water Level &amp; Inspections Reports Tracking"/>
        <s v="Records Request Tracker"/>
        <s v="Project Fee Request Tracker"/>
        <s v="CCM - Audit and Evaluation File Tracking System"/>
        <s v="Service Desk Plus"/>
        <s v="ClientsOntario - Calendar"/>
        <s v="AccessPro Redaction"/>
        <s v="Outlook Forms"/>
        <s v="Geo-buildings System"/>
        <s v="PWGSC Quebec Region - intranet site - Entre nous"/>
        <s v="Sustainable Development Analysis Tool"/>
        <s v="Water Quality Tracking System"/>
        <s v="SIGMA - SAP at PWGSC - Business Intelligence"/>
        <s v="Chameleon Environment: PayMod Change Solution"/>
        <s v="Chameleon Environment: GCPMP ClearCase Management System"/>
        <s v="Chameleon Environment: LGIS Change and Requirement Solution"/>
        <s v="Controlled Goods Program WebSite"/>
        <s v="DW - Integrated Training System Reporting"/>
        <s v="DW - Bilan Charts"/>
        <s v="DW - Compensation Tracking Reports"/>
        <s v="Siebel"/>
        <s v="Penfax"/>
        <s v="Genesys/IVR"/>
        <s v="Integration Broker"/>
        <s v="CenterVision"/>
        <s v="Electronic Petroleum Procurement System - Web"/>
        <s v="Facilities Inventory System Reporting Historical"/>
        <s v="Pacific Services Exchange"/>
        <s v="Portal"/>
        <s v="Environmental Services Framework"/>
        <s v="Chameleon Environment: GCPMP Software Quality Management System"/>
        <s v="Events@ORION"/>
        <s v="Fleet Reservations @ ORION"/>
        <s v="Reservations@ORION"/>
        <s v="Audio video evaluation tool"/>
        <s v="OSME Event Registration System"/>
        <s v="Tech2 Utility"/>
        <s v="Instant Messenger"/>
        <s v="ClientsOntario Website"/>
        <s v="Case Management Tool"/>
        <s v="SIGMA - SAP at PWGSC - Portal"/>
        <s v="SIGMA - SAP at PWGSC - Business Object"/>
        <s v="ONT - Regional Individual Standing Offer Application"/>
        <s v="Advertising Management Information System 2.0"/>
        <s v="Executive Performance Pay"/>
        <s v="Research Information Management System 2.0"/>
        <s v="Real Property Management System_Standalone"/>
        <s v="Assurance Management Software Solution - AMSS"/>
        <s v="Workplace 2.0 Space Allocation Standards Calculator"/>
        <s v="AVADEPTH"/>
        <s v="Historical Repository Database"/>
        <s v="WPSS Standalone Validation Tool"/>
        <s v="NCA Geo Spatial Environment"/>
        <s v="IT Service Centre Portal"/>
        <s v="Editor"/>
        <s v="Analyzer"/>
        <s v="Bitexte"/>
        <s v="Security Banner"/>
        <s v="Transfer"/>
        <s v="Public Service Living Accommodation"/>
        <s v="Environmental Compliance Tracker"/>
        <s v="Panda Environment: JIRA"/>
        <s v="Panda Environment: Bamboo"/>
        <s v="Panda Environment: FishEye"/>
        <s v="Statement of Merit Criteria Tool"/>
        <s v="Integrated Change Mangement System"/>
        <s v="Integrity Database Services"/>
        <s v="Pension Centre - myDune"/>
        <s v="Buy and Sell - Tender Management Application"/>
        <s v="GCAccounts"/>
        <s v="Buy and Sell - DEENWIKI"/>
        <s v="Buy and Sell - DEENProject"/>
        <s v="Buy and Sell - Puppet"/>
        <s v="SIGMA SAP CPS By Redwood"/>
        <s v="SIGMA HP Quality Center"/>
        <s v="SIGMA uPerform"/>
        <s v="Print Test Request System"/>
        <s v="Western Region Geomatics Tool"/>
        <s v="Safety Management Information System – Reporting"/>
        <s v="Document Imaging Lifecycle Management System"/>
        <s v="MY GCHR PeopleSoft"/>
        <s v="User Productivity Kit for PeopleSoft"/>
        <s v="GCDOCS PSPC"/>
        <s v="Req uisition Info"/>
        <s v="Learning Catalogue"/>
        <s v="CAPS Tombstone Data Extractor"/>
        <s v="Capital Asset Planning SaaS"/>
        <s v="Transportation Management System"/>
        <s v="Human Resources Reporting System PeopleSoft"/>
        <s v="Human Resource Information System - CBO"/>
        <s v="EarthSoft EQuIS"/>
        <s v="Ontario - Facility Data Services (FDS)"/>
        <s v="Sigma RP Interface System"/>
        <s v="Pension Tools Incident Reporting"/>
        <s v="Desktop Procedures Change Request Form"/>
        <s v="Web Toolbox"/>
        <s v="FME Products"/>
        <s v="DIPS-DTP Client Applications Portal"/>
        <s v="MapInfo Professional Products"/>
        <s v="Online TextBase Builder"/>
        <s v="Portage 1"/>
        <s v="Portage 2"/>
        <s v="Weather Translation System"/>
        <s v="Canada GeoPortal SaaS"/>
        <s v="OPO Secure Online Complaint Form"/>
        <s v="Commodity Procurement Tool"/>
        <s v="Occupational Health and Safety"/>
        <s v="BTB Bamboo"/>
        <s v="BTB Nexus"/>
        <s v="BTB Nagios"/>
        <s v="BTB LDAP"/>
        <s v="Jazz Environment: Requirements Management (ISB)"/>
        <s v="OMIS Microsoft Reporting Services Reports"/>
        <s v="Leave with Income Average"/>
        <s v="Basic Pension Calculator"/>
        <s v="MDA-DTP Client Applications Portal"/>
        <s v="Public Service Dental Care Plan (Insurance Web)"/>
        <s v="SOR XML Tool"/>
        <s v="CFSA Reservist Pension Service Buyback and Top-Up Calculator (internet)"/>
        <s v="Translation Bureau BI"/>
        <s v="Mega Corpus"/>
        <s v="Productivity Tools: Compense Rational Team Concert"/>
        <s v="Data Capture Tool"/>
        <s v="Information Technology, Project and Portfolio Management"/>
        <s v="Treasury Board Submission"/>
        <s v="Canada Gazette InDesign Scripts"/>
        <s v="Canada Gazette Wiki"/>
        <s v="Canada Gazette Workload managenent"/>
        <s v="Employee Onboarding &amp; Departure System"/>
        <s v="European Procurement System"/>
        <s v="Menu des applications"/>
        <s v="EFirstCapture"/>
        <s v="Digital Image Processing Solution"/>
        <s v="DataCap Taskmaster Capture"/>
        <s v="Integrated Financial Management System"/>
        <s v="PayCourier Archive Data Correction"/>
        <s v="Alto - PSPC Learning"/>
        <s v="Track My Case"/>
        <s v="GCDOCS Gold Build"/>
        <s v="SendSuite Tracking"/>
        <s v="ATIP Request and Pay Online"/>
        <s v="Buy and Sell - Standing Offers and Supply Arrangements Application"/>
        <s v="GCDOCS PSPC Data Migration Tool"/>
        <s v="Public Service and Procurement Canada – Client Relationship Management"/>
        <s v="GCcase"/>
        <s v="Mandate E-tracker"/>
        <s v="SAP Disclosure Management"/>
        <s v="Integration and Collaboration Platform"/>
        <s v="SHARP"/>
        <s v="GHG Commute Calculator"/>
        <s v="PSPC Enterprise Architecture Repository"/>
        <s v="Criminal Justice Information Management"/>
        <s v="Electronic Latent Management Operations"/>
        <s v="Identification Statistical Reporting System"/>
        <s v="Real Time Identification - Cogent Automated Fingerprint Identification System"/>
        <s v="Real Time Identification - NNS (NPS-Nist Server)"/>
        <s v="Business Intelligence - Canadian Firearms Program"/>
        <s v="Business Intelligence - Common Services"/>
        <s v="Automated Canadian-US Police Information Exchange System"/>
        <s v="Canadian Police Information Centre INTERPOL Gateway"/>
        <s v="Canadian Police Information Centre Message Archive Process"/>
        <s v="Canadian Police Information Centre Online Reports"/>
        <s v="Canadian Police Information Centre ORI Management Utility"/>
        <s v="Canadian Police Information Centre Web"/>
        <s v="Common Open Messaging Platforms and Services"/>
        <s v="Currency Reading and Tracing System"/>
        <s v="Electronic Correspondence Tracking - ccmMercury"/>
        <s v="Radio Frequency License Application"/>
        <s v="Travel and Visits Tracking System - Travel"/>
        <s v="Vehicle Index Gateway"/>
        <s v="Canadian Police Information Centre Directory Interface"/>
        <s v="Canadian Police Information Centre Messaging"/>
        <s v="Canadian Anti-Fraud Centre - Fraud Reporting System"/>
        <s v="Canadian Anti-Fraud Centre - Call Taker"/>
        <s v="Travel and Visits Tracking System - Visits"/>
        <s v="Integrated Information Service"/>
        <s v="Agora (eLearning)"/>
        <s v="Human Resource Management Information System"/>
        <s v="Pension Data Repository"/>
        <s v="Access to Information and Privacy"/>
        <s v="Police Information Portal"/>
        <s v="Canadian Police Information Centre"/>
        <s v="Data Base Off-line Reporting System"/>
        <s v="Statistical Information Reporting System"/>
        <s v="Cisco Internet Protocol Interoperability Collaboration System"/>
        <s v="Computerized Integrated Information Dispatch System"/>
        <s v="Integrated Collaborative Environment Sharepoint"/>
        <s v="RCMP Member Pay System"/>
        <s v="Status and Messaging Module"/>
        <s v="TEAM"/>
        <s v="W5 - National Claims"/>
        <s v="Cisco UCCX Desktop application"/>
        <s v="Annual Performance Plan System"/>
        <s v="Evidence &amp; Reports"/>
        <s v="InfoWeb (Search Function)"/>
        <s v="Risk Register"/>
        <s v="Service Desk Manager"/>
        <s v="Suspicious Incident Reporting"/>
        <s v="Traffic Services Management Information Tool"/>
        <s v="LiveScan"/>
        <s v="Events Management System"/>
        <s v="Security Accreditation Management System"/>
        <s v="Data Quality &amp; Operational Reporting"/>
        <s v="National Administrative Records Management System"/>
        <s v="Police Access Tool"/>
        <s v="Police Reporting and Occurrence System"/>
        <s v="Police Reporting and Occurrence System Audit Log Viewer"/>
        <s v="Police Reporting and Occurrence System Depot"/>
        <s v="PROS Interface: CIIDS / Computer Aided Dispatch"/>
        <s v="PROS Interface: Canadian Police Information Centre"/>
        <s v="PROS Interface: Firearms Interest Police"/>
        <s v="PROS Interface: Pardon Application Decision System"/>
        <s v="Police Reporting and Occurrence System Training"/>
        <s v="Administrative Case Management Tool"/>
        <s v="Administrative Case Management Tool Reports"/>
        <s v="Canadian Firearms Information System"/>
        <s v="Canadian Firearms Registry Online"/>
        <s v="Canadian Police Information Centre to Canadian Firearms Information Systems Cont"/>
        <s v="Firearms Reference Table"/>
        <s v="Internet Presence Environment"/>
        <s v="Ontario Police Technology Information Cooperative to CPIC-FIP"/>
        <s v="PIRS to CPIC-Firearms Interest Police"/>
        <s v="Transport Canada Continuous Eligibility Interface"/>
        <s v="PROS to CPIC-Firearms Interest Police"/>
        <s v="Canada's Missing (Web Page) Missing Children, Person and Unidentified Remains"/>
        <s v="National Criminal Data Bank"/>
        <s v="National Sex Offender Registry"/>
        <s v="Protective Operations Information System"/>
        <s v="Public Safety Portal"/>
        <s v="Violent Crimes Linkage Analysis System"/>
        <s v="Air Services - Professional Flight Management"/>
        <s v="Automated Criminal Intelligence Information System"/>
        <s v="Communications Resource Centre"/>
        <s v="Child Exploitation Tracking System"/>
        <s v="Chemical, Biological, Radiological, Nuclear, Explosive Incident Database"/>
        <s v="National Geospatial Service"/>
        <s v="School Action for Emergencies"/>
        <s v="Missing Children, Person and Unidentified Remains DB"/>
        <s v="WinAir AMMS"/>
        <s v="Electronic Correspondence Tracking - ccmEnterprise"/>
        <s v="Police Access Tool - Subject Behaviour / Officer Response"/>
        <s v="Service Desk Express"/>
        <s v="Combined DNA Index System"/>
        <s v="Sample Tracking &amp; Control System"/>
        <s v="IBM I2 software"/>
        <s v="Identity Insight"/>
        <s v="Access Management Portal"/>
        <s v="Address Registry"/>
        <s v="Agent Queue Monitor"/>
        <s v="ABITS (Aligning Business and Information"/>
        <s v="Automated Logon ID Request Facility"/>
        <s v="Asset Manager 5.22"/>
        <s v="BMC Remedy/SMART"/>
        <s v="Building Information Systems"/>
        <s v="Call Detail Reporting"/>
        <s v="CA CMDB"/>
        <s v="CCMIS 6"/>
        <s v="CG4 ATS"/>
        <s v="Change"/>
        <s v="Cisco Works"/>
        <s v="Clarity (CBSA)"/>
        <s v="Clarity (TBS)"/>
        <s v="Configuration Management Integrator"/>
        <s v="Confluence"/>
        <s v="Connect-It"/>
        <s v="Converged Network Services"/>
        <s v="Corporate Inventory Management System"/>
        <s v="Cost Estimation Model"/>
        <s v="Decimal"/>
        <s v="Delegation of Authority"/>
        <s v="Discovery and Dependency Mapping Inventory"/>
        <s v="DMCC - Genesys"/>
        <s v="eForm"/>
        <s v="Enterprise Command Desk"/>
        <s v="Enterprise Device Manager"/>
        <s v="Clarity - Enterprise Portfolio System"/>
        <s v="GCProfile"/>
        <s v="GEDS Admin Portal"/>
        <s v="Government Electronic Directory Service"/>
        <s v="GEDS Mobile"/>
        <s v="GENS Service Ordering System"/>
        <s v="Government Managed Cabling Service"/>
        <s v="Government of Canada Service Xpress"/>
        <s v="Hardware Database"/>
        <s v="Hardware Management System"/>
        <s v="HP Asset Center"/>
        <s v="Service Manager"/>
        <s v="HP Service Center"/>
        <s v="IBM Endpoint Manager"/>
        <s v="Infoman"/>
        <s v="Interactive Voice Response"/>
        <s v="Invoice Preparation System"/>
        <s v="Invoice Support Information Portal"/>
        <s v="Long Distance Telephony Services"/>
        <s v="Mid-Range Information System"/>
        <s v="NCC 6 - Symposium"/>
        <s v="Network Equipment Service"/>
        <s v="NTM Library"/>
        <s v="Online Management System"/>
        <s v="Oracle Tutor"/>
        <s v="Org Publisher"/>
        <s v="Outage Database"/>
        <s v="PrairieFyre"/>
        <s v="RCNET Tools"/>
        <s v="Records Documents and Information Management System"/>
        <s v="SATR"/>
        <s v="SCCM"/>
        <s v="Science Portfolio Service Management"/>
        <s v="SCIS Web Forms"/>
        <s v="Service Request Application"/>
        <s v="Shared Telecom Management System"/>
        <s v="Synergi"/>
        <s v="System Request Management Information System"/>
        <s v="Systems Availabilty and Notification System"/>
        <s v="TSS Field"/>
        <s v="Videoconferencing Boardroom Listing"/>
        <s v="VOCALLS"/>
        <s v="VU-ACD 100"/>
        <s v="WAVE Migration Tool"/>
        <s v="WAVE Request Form"/>
        <s v="Business Intake Tracking System (BITS)"/>
        <s v="Work Record"/>
        <s v="yDuck"/>
        <s v="Activity Management Portfolio"/>
        <s v="AD Lightweight Directory Services."/>
        <s v="Afaria"/>
        <s v="AOM tracking sheet"/>
        <s v="APC StruxureWare Data Center Expert"/>
        <s v="Asanti"/>
        <s v="Avaya (formerly Nortel) MPS / IVR"/>
        <s v="Avaya ACD"/>
        <s v="Avaya Business Communications Manager (BCM) /"/>
        <s v="Avaya CallPilot / auto-attendant &amp; IVR"/>
        <s v="Avaya Contact Center Manager"/>
        <s v="Big Data Cascade (real-time data pumping)"/>
        <s v="BlackBerry Enterprise Server 5.0.4"/>
        <s v="Blue Coat Reporter"/>
        <s v="Business Intake Tracking System"/>
        <s v="CA Access Control Facility"/>
        <s v="CA Cleanup for TSS"/>
        <s v="CA Common Services"/>
        <s v="CA Directory"/>
        <s v="CA eHealth"/>
        <s v="CA Identity Minder"/>
        <s v="CA Report Manager/Business Intelligence"/>
        <s v="CA Siteminder Single Sign-on"/>
        <s v="CA Spectrum"/>
        <s v="CA Top Secret System"/>
        <s v="CA Web Administration"/>
        <s v="CA zLINUX Privileged Access Management (CA PAM)"/>
        <s v="CableSolve"/>
        <s v="CallPilot"/>
        <s v="CG4 Mobile Inventory Tracking System"/>
        <s v="Change Peer Review App"/>
        <s v="CHUBB Access Card System"/>
        <s v="Cisco Intelligent Call Manager"/>
        <s v="Cisco Jabber"/>
        <s v="Cisco Secure ACS"/>
        <s v="Cisco TelePresence Content Server"/>
        <s v="Cisco Telepresence Management Suite"/>
        <s v="Cisco TelePresence Management Suite (AAFC/CFIA)"/>
        <s v="Cisco TelePresence Management Suite (CNSC)"/>
        <s v="Cisco TelePresence Management Suite (Core)"/>
        <s v="Cisco TelePresence Management Suite (DFO)"/>
        <s v="Cisco TelePresence Management Suite (DND)"/>
        <s v="Cisco TelePresence Management Suite (ECCC)"/>
        <s v="Cisco TelePresence Management Suite (GAC)"/>
        <s v="Cisco TelePresence Management Suite (NRC)"/>
        <s v="Cisco TelePresence Management Suite (NRCan)"/>
        <s v="Cisco TelePresence Video Communication Server (DND)"/>
        <s v="Coexlinks Fedility"/>
        <s v="Data Centre Consolidation Application"/>
        <s v="DCSB Health report"/>
        <s v="dcTrack"/>
        <s v="Domino server - email application"/>
        <s v="DoubleTake - Exchange 2003 Replication software"/>
        <s v="dsView"/>
        <s v="E Vault at PSPC"/>
        <s v="Eaton IPM"/>
        <s v="EKC Security Tool Facility for ACF2"/>
        <s v="Electronic Secure Network Advanced Print"/>
        <s v="Emergency Responder"/>
        <s v="Enterprise price estimation tool"/>
        <s v="eVault at CSC"/>
        <s v="Event Notification Facility"/>
        <s v="Exchange 2010, 2003, 2007  - email application"/>
        <s v="Exclaimer AutoResponder"/>
        <s v="ExtraComm ExtraFax Enterprise"/>
        <s v="Forecasting Workbook"/>
        <s v="Forseer"/>
        <s v="GCcode"/>
        <s v="GCdirecotry Support Portal"/>
        <s v="GCdirectory"/>
        <s v="GCDOCS (up to Protected B)"/>
        <s v="GroupWise 2012 / 2014 - email application"/>
        <s v="GroupWise Mobility Server 2014 - Mobile Device App"/>
        <s v="Help Software ID Manager"/>
        <s v="hMailServer - SMTP Relay Software"/>
        <s v="HPC Computational Environment Toolkit"/>
        <s v="HPC High-Peformance Intraconnect Management"/>
        <s v="HPC Shared Storage Toolkit"/>
        <s v="HPC System Management Tools"/>
        <s v="IBM Resource Access Control Facility"/>
        <s v="IBM Sametime Chat"/>
        <s v="Intelligent Contact Manager"/>
        <s v="Internal Credential Management - MyKey"/>
        <s v="ION"/>
        <s v="iOS Developer"/>
        <s v="IP Address Database"/>
        <s v="IPromo"/>
        <s v="Ironport - AntiVirus / Anti-Spam Solution"/>
        <s v="IVR Platform"/>
        <s v="Kaseya Traverse"/>
        <s v="Keep by Feenics (site security and access control"/>
        <s v="Key Management System (Gatineau) (Prox Safe"/>
        <s v="Kiwi Syslog"/>
        <s v="Lenel OnGuard"/>
        <s v="McAfee Security for Microsoft Exchange"/>
        <s v="Microsoft Active Directory Federated services"/>
        <s v="Microsoft Forefront Identity Manager"/>
        <s v="Midrange and Storage Database"/>
        <s v="MPS / IVR CC Admin servers"/>
        <s v="MRSD National Support Survey"/>
        <s v="MS Project (Integrator)"/>
        <s v="NC-Syncom"/>
        <s v="Netscout nGeniusOne"/>
        <s v="Nortel Contact Center 6.0 (Symposeum)"/>
        <s v="Polycom Distributed Media Application (DND)"/>
        <s v="Polycom Media Gateway Controller (DND)"/>
        <s v="Polycom Real Presence Desktop"/>
        <s v="Polycom Real Presence Resource Manager"/>
        <s v="Polycom RealPresence Collaboration Server (DND)"/>
        <s v="Polycom RealPresence Collaboration Server (GAC)"/>
        <s v="Polycom RealPresence Resource Manager (DND)"/>
        <s v="Polycom RealPresence Resource Manager (GAC)"/>
        <s v="Polycom RMX manager"/>
        <s v="PPM2000 Perspective"/>
        <s v="Procurement Asset Tracking System"/>
        <s v="Procure-to-Pay"/>
        <s v="Promodag - reporting software for email"/>
        <s v="PRTG Monitoring "/>
        <s v="Reduce Mail Pro"/>
        <s v="Reload"/>
        <s v="SAS Analytics"/>
        <s v="Self-Service Big Data Transfer (self-service data"/>
        <s v="Service monitoring (nagios, munin)"/>
        <s v="SiteScan"/>
        <s v="SMS Hopper"/>
        <s v="SMS ID DB"/>
        <s v="SODA (in house inventory database not in use yet)"/>
        <s v="Solarwinds 1.0.49 Backup"/>
        <s v="SQL 2012"/>
        <s v="StruxureWare Data Center Expert 7.2.0"/>
        <s v="Symantec Messaging Gateway"/>
        <s v="Tandberg/Cisco Codian Multipoint Control Unit (DND)"/>
        <s v="Tandberg/Cisco Codian Multipoint Control Unit (GAC)"/>
        <s v="Top Secret Security administration panels (TSSFLD)"/>
        <s v="Trend Micro - Anti Virus/Anti SPAM application"/>
        <s v="TSM Manager"/>
        <s v="TSO Resource Extension"/>
        <s v="Unity Connection"/>
        <s v="VCI Controls (propriatary building environmamental"/>
        <s v="Verint Impact 360 / workforce management"/>
        <s v="Vertigo"/>
        <s v="Video Teleconferencing Reservation System (DND)"/>
        <s v="Watchguard software - AntiVirus /Anti Spam solution"/>
        <s v="WhatsUp Gold"/>
        <s v="WinDeveloper software IMF Tune - a SPAM content"/>
        <s v="Workforce Management"/>
        <s v="XMediusFAX"/>
        <s v="Your Email Service"/>
        <s v="Ytria scanEZ"/>
        <s v="Alert Notification Toolkit (Legacy)"/>
        <s v="Communication Manager"/>
        <s v="SAP Crystal Reports Server"/>
        <s v="Access MDB Bridge"/>
        <s v="IBM SPSS Modeller"/>
        <s v="HC ACR"/>
        <s v="Peregrine Get-Answers"/>
        <s v="Steven test app"/>
        <s v="TortoiseCVS v1.12.5"/>
        <s v="CAPI Monitoring Audio Management v2.52"/>
        <s v="BOP - Financial accounts Processing System (FAPS)"/>
        <s v="CCS v1.2 - Classification Coding System (CMCS)"/>
        <s v="Integrated Metadatabase (Web publication)"/>
        <s v="Integrated Metadatabase (Excel Element Loader)"/>
        <s v="TatukGIS"/>
        <s v="ISD - T1FF Processing Environment"/>
        <s v="Tax Data Navigator (TDN)"/>
        <s v="BOP - Banks, Insurance, Trust &amp; Securities (BITS)"/>
        <s v="BOP - Other Liabilities and Investments (OLI)"/>
        <s v="CONFORM-E"/>
        <s v="Summary Tables Management Site"/>
        <s v="ISD - SHS-R Master Table System v2016"/>
        <s v="ISD - T1FF Individual, Family and Charfin tables Loading System"/>
        <s v="Farm Income and Prices Section - data integration (FIPSDI)"/>
        <s v="Salamander Protector V4.0"/>
        <s v="VeriSign Code Signing Certificate"/>
        <s v="Beyond 20/20 Publisher's Edition Builder v7.0"/>
        <s v="Drupal 7"/>
        <s v="Beyond 20/20 Web Data Server (WDS) v8.2"/>
        <s v="TCESD - Postsecondary Student Information System - Data Validation System (PSIS"/>
        <s v="balsamiq mockup for Confluence 2.x.x"/>
        <s v="BioBrowser 5 (Modgen)"/>
        <s v="IOFD - SSBF Processing System v4"/>
        <s v="Visual SVN Server"/>
        <s v="Airport Activity v2"/>
        <s v="PRICES - Price Index Aggregation (Cygnus)"/>
        <s v="Website Accessibility Toolbar (WAT) for IE"/>
        <s v="Drush"/>
        <s v="gnu win32 wget"/>
        <s v="cURL win32"/>
        <s v="Web Experience Toolkit - WET v4"/>
        <s v="TDD Operations Section Applications"/>
        <s v="TAX MetaData Browser and Editor V2"/>
        <s v="Standard Classification Search"/>
        <s v="HSD - National Routing System (NRS) STC Messaging Component v2.0"/>
        <s v="IETester"/>
        <s v="WinSCP"/>
        <s v="Scite"/>
        <s v="Squirrel SQL Client"/>
        <s v="PSSD - Public Sector Processor (Keynes)"/>
        <s v="TCESD - Common Data Repository (CDR)"/>
        <s v="TCESD - International Travel Survey Questionnaire Full Record Imputation (ITS Qu"/>
        <s v="TCESD - Financial Information of Universities and Colleges Survey (FIUC v1)"/>
        <s v="Business Collection Portal (BCP)"/>
        <s v="Resource Management System (RMS)"/>
        <s v="Quest Toad for Oracle Xpert Edition v10.6.1"/>
        <s v="Quest Toad for Oracle Xpert Edition v12.x"/>
        <s v="Crucible 4.x"/>
        <s v="Fisheye 4.x"/>
        <s v="HR - Galaxy v2.0"/>
        <s v="LSD - EI Dissemination (EIREPORTS / EOI)"/>
        <s v="Census Edit and Imputation - Job Submission System"/>
        <s v="Census Edit and Imputation - Data Dictionary Interface"/>
        <s v="ISD - TPF Mail"/>
        <s v="Web Performance Load Runner"/>
        <s v="LSD - LFS HOPS"/>
        <s v="LSD - LFS SLS"/>
        <s v="LSD - LFS SDS"/>
        <s v="Smart Editor"/>
        <s v="Oracle SQL Developer v3.x"/>
        <s v="LSD - EI Processing (EIS) v2.0"/>
        <s v="LSD - SEPH Collection Administrative Data (PD7RESP) v2.0"/>
        <s v="LSD - SEPH Data Analysis QA (SEPHREPORTS-EG) v2.0"/>
        <s v="LSD - SEPH Data Analysis Tools (SSIDRILL-FREEZETOOL) v2.0"/>
        <s v="LSD - SEPH Dissemination BE2020 tables v2.0"/>
        <s v="LSD - SEPH Dissemination CANSIM (BECANSIM) v2.0"/>
        <s v="LSD - SEPH Dissemination Client Requests (SEPHREPORTS/DISSEMINATION) v2.0"/>
        <s v="LSD - SEPH Collection BPS (BPSRESP-EDR) v2.0"/>
        <s v="LSD - SEPH Operation Tools (SEPHOPS-LABOUR-EOI)"/>
        <s v="LSD - SEPH Pre-Collection BPS (LDFRONT) v2.0"/>
        <s v="LSD - SEPH Pre-Collection Universe (DUS) v2.0"/>
        <s v="LSD - SEPH Processing Admin Micro Data (PEPES-BNAGGR-PARAM) v2.0"/>
        <s v="LSD - SEPH Processing Backend v2.0"/>
        <s v="LSD - SEPH Processing BPS Micro Data (OSEM) v2.0"/>
        <s v="LSD - SEPH Processing Estimation (AIM) v2.0"/>
        <s v="ISD - Trusteed Pension Funds (TPF) Processing System (Quarterly)"/>
        <s v="G-Export 1.x (1.2.1)"/>
        <s v="TCESD - Classification of Instructional Programs Toolbox (CIP Toolbox) v3.2.X"/>
        <s v="iReport v4.x.x"/>
        <s v="Install4j"/>
        <s v="CCJS - Dissemination System"/>
        <s v="ESRI ArcGIS Server"/>
        <s v="CCJS - Adult Correctional Services Survey (ACS)"/>
        <s v="Spark IM Client"/>
        <s v="SASD - Longitudinal Immigration Data Base (IMDB) v2.0"/>
        <s v="SASD - General Social Survey (GSS) v2.0"/>
        <s v="Confluence 5.x"/>
        <s v="TCESD - Financial Statistics of Community Colleges and Vocational Schools (FINCO"/>
        <s v="Adobe Dreamweaver CS6"/>
        <s v="Oracle BPM Suite v11g"/>
        <s v="SAS Foundation v9.3"/>
        <s v="SAS Enterprise Guide v5.1"/>
        <s v="SAS Add_In For Microsoft Office v4.3"/>
        <s v="SAS Add_In For Microsoft Office v5.1"/>
        <s v="SAS/AF v9.3"/>
        <s v="SAS JMP v10"/>
        <s v="SAS/CONNECT v9.3"/>
        <s v="TeleUse"/>
        <s v="Huagati DBML/EDMX Tools"/>
        <s v="Mortality Medical Data System (MMDS) Suite v2011"/>
        <s v="General Use System"/>
        <s v="Wave"/>
        <s v="Oracle Enterprise Repository v11g"/>
        <s v="Help &amp; Manual Professional v6"/>
        <s v="Image Query Tool (IQT)"/>
        <s v="TortoiseSVN v1.x"/>
        <s v="Monthly Railway Carloading 2011 (MRC2011)"/>
        <s v="OID - Fax Integrator"/>
        <s v="Motor Vehicle Fuel Sales v3"/>
        <s v="Griffin"/>
        <s v="Microsoft Visio Pro v2013"/>
        <s v="Adobe Fireworks CS6"/>
        <s v="Apache Ant 1.8"/>
        <s v="RecoStar Professional V6"/>
        <s v="GeoSearch v2011"/>
        <s v="IRIS"/>
        <s v="PSSD - Pre-Processor Provincial"/>
        <s v="PSSD - Pre-Processor Federal"/>
        <s v="GNU RCS v5.7"/>
        <s v="MAD - Real Time Remote Access (RTRA) v4.1"/>
        <s v="R v3.x.x"/>
        <s v="MWTD - MSM Pre-Collection"/>
        <s v="AutoTransfer"/>
        <s v="LSD - Job Vacancy (JOBVAC) v2.0"/>
        <s v="Beyond 20/20 Professional Browser v7.1"/>
        <s v="Sudaan v11"/>
        <s v="ITD - Scan &amp; Notify System"/>
        <s v="Transfer_Log_Viewer"/>
        <s v="GTO Format And Compare"/>
        <s v="OID - DCS"/>
        <s v="AnyDoc KeyStrokes"/>
        <s v="AnyDoc Audit Changed Fields Of Batch"/>
        <s v="AnyDoc_Sample_Op_Name_List"/>
        <s v="CAPSS v2011.2"/>
        <s v="32-bit Oracle Data Access Components (ODAC)+ODT VS 2010 Tools v11.2R4"/>
        <s v="QCStatsGen"/>
        <s v="ITS Launch Pad"/>
        <s v="Redgate SQL Developer"/>
        <s v="Quest Toad for Data Analysts v2.7.0"/>
        <s v="HR - Time Management System Web (TMS Web)"/>
        <s v="G-Link v3.x"/>
        <s v="EASD - Data Processing, Agriculture and Water Surveys"/>
        <s v="EASD - Data Processing, Environmental Protection Accounts and Statistics"/>
        <s v="EASD - Data Processing, Material and Energy Flow Accounts"/>
        <s v="EASD - Data Processing, Natural Resource Stock Accounts"/>
        <s v="LSD - LFS Processing Backend (Windows)"/>
        <s v="LSD - LFS Data Dictionary"/>
        <s v="LSD - LFS Edit Decision Table"/>
        <s v="MAD - GTAB (V1)"/>
        <s v="CCJS - Key indicator report (KIR)"/>
        <s v="CCJS - Survey of Maintenance Enforcement Programs (SMEP)"/>
        <s v="CCJS - Policing Respondents Information Management System (PRIMS)"/>
        <s v="G-Series v1.04 (GSERIES)"/>
        <s v="LogiPlus v1.5"/>
        <s v="Nexus by Sonatype"/>
        <s v="TCESD - Tuition Living and Accommodation Cost (TLAC v2.0)"/>
        <s v="SmartPub Color Contrast Analyzer"/>
        <s v="Address Register PCODE File Processor"/>
        <s v="IntelliJ IDEA 14.x"/>
        <s v="GArDS Redevelopment - Generalized Area Delineation System 2016"/>
        <s v="SSD - SamPack V12.3.2"/>
        <s v="Softerra LDAP Browser v4"/>
        <s v="Passenger Bus &amp; Urban Transit Survey"/>
        <s v="DEM - Projections"/>
        <s v="DEM - Migration"/>
        <s v="Enterprise Architecture Repository (EAR) v1"/>
        <s v="Quality Control Feedback System (QCFS) v1.0.6.1"/>
        <s v="Electronic Questionnaire(EQ) v3.2"/>
        <s v="Electronic Questionnaire Generation System 3.0 (EQ)"/>
        <s v="EQ Survey Management System, (SMS) Version 3.2 (EQ)"/>
        <s v="PrivateArk Client (eFT) (V6.0.0510)"/>
        <s v="Bulk Tool V1.1"/>
        <s v="e-File Transfer website (eFT) v3.0"/>
        <s v="EQ Generation System Portal v3.0 (EQ)"/>
        <s v="STCWebSFTP"/>
        <s v="Chart Accessibility"/>
        <s v="Trade Entry Processor"/>
        <s v="Analysts and Researchers + Publications Web Application"/>
        <s v="Census Data Navigator"/>
        <s v="Census/Census Profiles"/>
        <s v="Census/Comparison age pyramids"/>
        <s v="Census/Historical age pyramid (1921 to 2011)"/>
        <s v="Census/Focus on Geography Series"/>
        <s v="Census/Highlight tables"/>
        <s v="Census/Topic-based tabulations"/>
        <s v="Census/Visual Census"/>
        <s v="Search"/>
        <s v="NESSTAR publishing v4"/>
        <s v="Innovation Portal"/>
        <s v="Address Register Household Survey Frame System"/>
        <s v="Business Register Message Tracking"/>
        <s v="Business Register Notification Tool"/>
        <s v="NESSTAR WEB VIEWER v4"/>
        <s v="LISTSERV® Classic Perpetual License"/>
        <s v="OrgPlus v9 Professional"/>
        <s v="One Click Transfer OCT (eFT) (V4.50.111.0)"/>
        <s v="G-Sam 1.01"/>
        <s v="ZIM v7.x"/>
        <s v="Enscript v1.6.3-1"/>
        <s v="Blaise - Social Surveys"/>
        <s v="Blaise - Business Surveys"/>
        <s v="Blaise - Agriculture Surveys"/>
        <s v="Data Port Wizard"/>
        <s v="Apache JMeter v2.9"/>
        <s v="AIS WEB Accessibilty Toolbar (IE)"/>
        <s v="CGI scripts"/>
        <s v="Checkstyle"/>
        <s v="Windows Installer XML Toolset (WiX) 3.x"/>
        <s v="Oracle JDeveloper 11g (11.1.1.x)"/>
        <s v="JIRA 7.x"/>
        <s v="ISD - Survey of Financial Spending (SFS) Pension Valuation"/>
        <s v="DEM - DemoSim"/>
        <s v="Windows Mobile Professional SDK"/>
        <s v="Hudson Integration Server v3.0"/>
        <s v="GES v4.4"/>
        <s v="MKS Toolkit v9.5"/>
        <s v="MySQL Workbench v6.0"/>
        <s v="Oracle Enterprise Manager (OEM) v12cR3"/>
        <s v="Quest Toad for Oracle Base Edition v11.x"/>
        <s v="Quest Toad for Oracle Professional Edition v11.x"/>
        <s v="Quest Toad for Oracle Base Edition v12.x"/>
        <s v="Quest Toad for Oracle Professional Edition v12.x"/>
        <s v="Oracle Data Provider for .Net (ODP.Net) Managed DLLs v12c"/>
        <s v="ESRI ArcSDE v10.x"/>
        <s v="Balsamiq mockup Desktop 2.2.19"/>
        <s v="Collabnet Subversion (SVN) Client"/>
        <s v="SunGuard MarketMap Analytic Populator, Active X Toolkit v5.1"/>
        <s v="Regina Rexx Interpreter"/>
        <s v="Quest Toad for Data Analysts v3.0.1"/>
        <s v="Microsoft Biztalk Client v2010"/>
        <s v="Oracle Fusion Middleware Forms &amp; Reports v11gR2"/>
        <s v="SAS Add_In For Microsoft Office v7.1"/>
        <s v="SAS Data Integration Studio v4.4"/>
        <s v="SAS Enterprise Guide v7.1"/>
        <s v="SAS Foundation v9.4"/>
        <s v="SAS Grid Manager v9.4"/>
        <s v="SAS Information Map Studio v4.4"/>
        <s v="SAS/AF v9.4"/>
        <s v="SAS/CONNECT v9.4"/>
        <s v="Microsoft Visual Studio v2013 and all updates"/>
        <s v="Google Earth Pro"/>
        <s v="Mapinfo Pro v12"/>
        <s v="Microsoft Team Foundation Server (TFS) v2013"/>
        <s v="ISTD - Gross Domestic Expenditure on Research and Development"/>
        <s v="SyncFusion"/>
        <s v="Krypton Toolkit v4.x.x"/>
        <s v="Banff v2.06"/>
        <s v="Sentinel RMS License Manager v8.x.x"/>
        <s v="MWTD - Processing End Tool (PET)"/>
        <s v="MWTD - Survey Data Reporting Tool (SDRT)"/>
        <s v="PyCharm (community edition) by JetBrains"/>
        <s v="ISD - SLID Retrieval (SLIDRET) System v4.1"/>
        <s v="Vim v7.x"/>
        <s v="SAS Forecast Studio v13.1"/>
        <s v="SAS Time-Series Studio v13.1"/>
        <s v="XMedius Fax System"/>
        <s v="CAPSS Electronic Dictionary"/>
        <s v="SSD - Coding and Correction Environment CCE"/>
        <s v="Metadata Manager"/>
        <s v="Dataset Builder"/>
        <s v="Colectica Designer"/>
        <s v="ESRI ArcGIS Desktop (Advanced and Basic) v10.2"/>
        <s v="NetBeans IDE 8.0"/>
        <s v="TortoiseSVN v1.8.6"/>
        <s v="Stash by Atlassian (Bitbucket Server)"/>
        <s v="SAS IML Studio 13.1"/>
        <s v="SAS Data Integration Studio v4.8"/>
        <s v="SAS OLAP Cube Studio 4.4"/>
        <s v="ESRI ArcGIS Desktop (Advanced and Basic) v10.0"/>
        <s v="SAS XML Mapper 9.3"/>
        <s v="Jenkins Integration Server v2.x"/>
        <s v="Jrebel"/>
        <s v="GPG4Win"/>
        <s v="Business Register Security Manager"/>
        <s v="GeoSearch v2016"/>
        <s v="Data to Map"/>
        <s v="G-Code 2.x (GCODE)"/>
        <s v="Data Browser V2.NET - Collection"/>
        <s v="Blaise v484b1888"/>
        <s v="COR Dynamic Link Library v2 r14"/>
        <s v="ICOS - Collection Management Portal"/>
        <s v="Central Processing System Pro (CPS*Pros) v2016"/>
        <s v="Census Products Planning and Design Portal"/>
        <s v="GeoValidator 2016"/>
        <s v="Census/NHS Metadata Management Tools"/>
        <s v="Social Policy Simulation Database and Model (SPSD/M) v22"/>
        <s v="Master Control System (MCS)"/>
        <s v="IATD - Export Non US Collection CAED"/>
        <s v="nSoftware Red Carpet (IP*Works) v9"/>
        <s v="PCI Geomatica v2013"/>
        <s v="LSD - SEPH Collection Public Sector Employment Data (PSES) v1.0"/>
        <s v="Executor v3 (Modgen)"/>
        <s v="ISD - MakeExcel"/>
        <s v="ISD - MakeTable"/>
        <s v="Modgen 11.x"/>
        <s v="LSD - Job Vacancy and Wage/ Survey"/>
        <s v="Beyond 20/20 Publisher's Edition Builder v7.1"/>
        <s v="Beyond 20/20 Web Data Server (WDS) v8.1"/>
        <s v="FIN - Administrative Systems Portals 2.0"/>
        <s v="HR - Personnel Simulation Model v2.0 (PERSIM)"/>
        <s v="Enterprise Architect v12.1"/>
        <s v="Corporate Access Request System (CARS)"/>
        <s v="G-Confid v1.05"/>
        <s v="Census Processing System (CPS)"/>
        <s v="OpenSSL"/>
        <s v="Agency Messaging Options (AMO) v4.5"/>
        <s v="DMC - Human Resources Document Management System (HRDMS) v2.0"/>
        <s v="DMC - Records Preservation Disposal System (RPDS.NET)"/>
        <s v="HSD - Canadian Health Measures Survey (CHMS) Mobile Clinic File Packager"/>
        <s v="ESF - Economic Disclosure Control and Dissemination System (EDCDS)"/>
        <s v="Apache Solr v5.1"/>
        <s v="Wilson WindowWare Winbatch+Compiler 2015a"/>
        <s v="XRebel"/>
        <s v="SAS XML Mapper 9.4"/>
        <s v="SAS JMP v12"/>
        <s v="Oracle SQL Developer v4.x"/>
        <s v="HSD - Canadian Health Measures Survey (CHMS) Mechanography Data Export"/>
        <s v="Microsoft Visual Studio v2015 and all updates"/>
        <s v="Microsoft Team Foundation Server (TFS) v2015"/>
        <s v="Microsoft Team Foundation Server Power Tools v2015"/>
        <s v="MyStatCan"/>
        <s v="GetMail v3.0"/>
        <s v="TeamMate Audit Software v11.1"/>
        <s v="Haver Analytics data and software Version 1.0"/>
        <s v="Apache JMeter v2.13"/>
        <s v="ISD - Electronic File Transfer (EFT) Application for Pensions"/>
        <s v="SAS Forecast Studio v13.2"/>
        <s v="SAS Time-Series Studio v13.2"/>
        <s v="SAS IML Studio 13.2"/>
        <s v="SAS Bridge for ESRI 3.6"/>
        <s v="SafeSoftware FME ESRI edition v2015"/>
        <s v="Modgen 12.x"/>
        <s v="Legal Agreements Documents Management System (LADMS)"/>
        <s v="G-Est v2.01"/>
        <s v="PRICES - Administrative Data Interface"/>
        <s v="MEA - SNA Concepts and standards hub (MEA_HUB)"/>
        <s v="NEAD - Tool that allows management of Production jobs"/>
        <s v="CPI - Post-estimation"/>
        <s v="ISD - Data Model Management System (DMMS) VB.NET"/>
        <s v="Electronic Request and Approval (ERA)"/>
        <s v="Software Asset Management Database (SAMIDB)"/>
        <s v="SSD - Social Survey Processing Environment (SSPE) V15.1.1"/>
        <s v="SSD - Questionnaire Development Tool (QDT) V15.2"/>
        <s v="SSD - Data Dictionary Tool (DDT) V15.2"/>
        <s v="SSD - Process Flow Manager (PFM) V14.1.1"/>
        <s v="SSD - Processing and Specifications Tool (PST) v15.2"/>
        <s v="Telerik Test Studio 2015.1"/>
        <s v="Lucidworks Fusion v2.1.1"/>
        <s v="Docker v1.8"/>
        <s v="InstallShield v2015 by flexera"/>
        <s v="Leonardo Mechanography"/>
        <s v="HR - Statistics Canada Mentoring Matching Application (SCMMA)"/>
        <s v="GeoSuite 2016"/>
        <s v="ISTD - Research and Development (R&amp;D) Personnel"/>
        <s v="MAD - GTAB (V2)"/>
        <s v="PrivateArk Client (eFT) (V8.0.0)"/>
        <s v="SSD - Social Domain Linkage Environment"/>
        <s v="Infragistics Professional 2016"/>
        <s v="Git for windows v2.x"/>
        <s v="Git for Linux/Unix v.2.7.4"/>
        <s v="Microsoft SQL Server 2012 Performance Dashboard Reports"/>
        <s v="TOAD for SAP Solutions"/>
        <s v="G-Series v2.x (GSERIES)"/>
        <s v="Agile.Net"/>
        <s v="CSE HTML Validator Pro v16"/>
        <s v="TOAD for SAP Solutions Xpert - DB Admin Edition"/>
        <s v="XCT 3000 (Bone density)"/>
        <s v="PCI Geomatica v2016"/>
        <s v="NavisEX (Retinal Photograph)"/>
        <s v="Smart System 2012"/>
        <s v="ORSYP Dollar Universe 6.x"/>
        <s v="ICOS - Electronic Questionnaire"/>
        <s v="PCI Geomatica v2014"/>
        <s v="ESRI ArcIMS v10"/>
        <s v="Oracle SQL Developer v4.1"/>
        <s v="ESRI ArcGIS API for JavaScript v3.16"/>
        <s v="ESRI ArcPy v2.7"/>
        <s v="New Employee Onboarding Form"/>
        <s v="MEA - SNA International Submission (SDMX Registry)"/>
        <s v="IAD - Retreival, Transform and Feeder Module to INDCOM"/>
        <s v="MEA - Conceptual transformation and Integration Platform (Fame)"/>
        <s v="NEAD - Source data Loader and Tranform Module"/>
        <s v="NEAD - FAME Generalized Solutions"/>
        <s v="Census Tabulation System"/>
        <s v="OnGuard by Lenel v7.x"/>
        <s v="PHPStorm"/>
        <s v="ReSharper"/>
        <s v="Balsamiq Mockups For Desktop v3.x"/>
        <s v="Mercury 1.0"/>
        <s v="ESRI ArcGIS Server v10.4"/>
        <s v="Microsoft Power BI Desktop 2.x"/>
        <s v="ESRI ArcSDE v10.4"/>
        <s v="Unity v3.x"/>
        <s v="Unity v4.x"/>
        <s v="Canadian System of Integrated Statistical Registers (CSISR)"/>
        <s v="Area Sampling Production System (ASPS)"/>
        <s v="MWTD - ASML Supplement System"/>
        <s v="MWTD - Softwood Lumber Analysis Solution"/>
        <s v="Place of Work Mapper (Mpower)2016"/>
        <s v="CSD Validator"/>
        <s v="CAM - Collection Area Mapping tools"/>
        <s v="CWM Mapping Viewer"/>
        <s v="Geocode Mapping"/>
        <s v="GET - Geography Editing Tool"/>
        <s v="LFS Viewer"/>
        <s v="GeoCollect system"/>
        <s v="Crop Condition Assessment Program v2016"/>
        <s v="CEAG Mapping Viewer"/>
        <s v="IntelliJ IDEA v2017.x"/>
        <s v="Microsoft Visual Studio v2017 and all updates"/>
        <s v="Microsoft Team Foundation Server v2017"/>
        <s v="Web Performance Tester"/>
        <s v="Banff v2.x (2.07)"/>
        <s v="ESRI ArcGIS API for JavaScript v4.2"/>
        <s v="ESRI ArcGIS Python API 1.0"/>
        <s v="TCESD - National Travel Survey Questionnaire Coding System"/>
        <s v="CreateInstall v8.x"/>
        <s v="ESRI Insights for ArcGIS"/>
        <s v="Software Self-serve Portal"/>
        <s v="Address Register Mapper v2"/>
        <s v="Cyclopedia Parameter Files v2"/>
        <s v="Fare Basis Survey v2"/>
        <s v="Aircraft Movements Survey v2"/>
        <s v="ISD - Statistical Assistant (STATAS) v2.0"/>
        <s v="Infragistics Professional 2017.x"/>
        <s v="Website - publications"/>
        <s v="HR - Learning Management System (LMS) v2"/>
        <s v="Liquibase"/>
        <s v="Prizm@ IP"/>
        <s v="ISD - SHS Redesign Processing System v2017"/>
        <s v="ISD - SHSR Diary Capture and Coding System (DCCS) v2017"/>
        <s v="SQL Server Data Tools for Visual Studio"/>
        <s v="RSID - NMVDCS"/>
        <s v="IOFD - Corporate Return Act Processing System Redesign"/>
        <s v="IOFD - Enterprise Statistics Programs"/>
        <s v="ISTD - Investment Res/non-Res"/>
        <s v="G-Tab Engine v3"/>
        <s v="G-Tab Engine v4"/>
        <s v="G-Confid v1.x (1.06)"/>
        <s v="CPI - ADS"/>
        <s v="GOVALL - AQUILA"/>
        <s v="Drupal 8"/>
        <s v="XL C/C++ Compiler"/>
        <s v="ISTD - Property Value"/>
        <s v="ISTD - Canadian Housing Statistics Framework"/>
        <s v="Bulk Tool V2.0"/>
        <s v="Secure File Exchange (SFE) v9.8"/>
        <s v="Hosting IISM"/>
        <s v="Hosting IISD"/>
        <s v="Hosting Inventory Admin"/>
        <s v="Hosting Application - Oracle Reset Password"/>
        <s v="SASD - Aboriginal Peoples Survey (APS)"/>
        <s v="SASD - Canadian Survey on Disability (CSD)"/>
        <s v="SASD -  Longitudinal Indian Register Database (LIRD)"/>
        <s v="CCJS – Police Administration Survey Redesign (PAS)"/>
        <s v="CCJS - Survey of Residential Facilities for Victims of Abuse (SRFVA) "/>
        <s v="CCJS - Canadian Correctional Services Survey (CCSS)"/>
        <s v="CCJS - Canadian Criminal Courts Survey (CCCS)"/>
        <s v="New Dissemination Model"/>
        <s v="STCWiki"/>
        <s v="FIN - Budget and Revenue Management System v2.4 (BRMS)"/>
        <s v="CASEMAN"/>
        <s v="FIN - Financial Reporting System v1.0 (FRS)"/>
        <s v="X12-ARIMA V0.3 Build 192"/>
        <s v="FIN - Non Salary Information Management System (NSIMS) v1.0.0.36"/>
        <s v="Beyond 20/20 Professional Browser v7.0"/>
        <s v="ISD - Pension Plans in Canada (PPIC) Processing System v2.0"/>
        <s v="FIN - Application Access Control System v2.1 (AACS)"/>
        <s v="DEM - Provincial and territorial demographic estimates system"/>
        <s v="DemProratePro"/>
        <s v="DemConvert v1"/>
        <s v="DemPYRSYS v1"/>
        <s v="DemPYRSYSCAT v1"/>
        <s v="InfoDirect web-interface v2.0"/>
        <s v="DEM - Subprovincial Population Estimates System (SPES)"/>
        <s v="SSD - Generalized Processing System (GPS) Framework"/>
        <s v="DEM - CIC Data Processing System"/>
        <s v="DEM - Household and Family Estimates System"/>
        <s v="CANSIM web application"/>
        <s v="Census Pay System"/>
        <s v="TCESD - Travel Survey of Residents of Canada (TSRC) - GeoCoding system"/>
        <s v="AG2K v4.1"/>
        <s v="Crops Analysis System v1.0"/>
        <s v="Database of Integrated Agriculture Statistics"/>
        <s v="Agriculture - Taxe Data Program v1.0"/>
        <s v="EASYVIEW"/>
        <s v="Federal Science Expenditures and Personnel v2005"/>
        <s v="Estimates of Higher Education Research and Development Expenditures"/>
        <s v="Broadcasting System"/>
        <s v="Provincial government scientific activities surveys / Provincial research organi"/>
        <s v="Survey of Intellectual Property Commercialization in the Higher Education Sector"/>
        <s v="Telecommunications Operations Survey System (quarterly) v2008"/>
        <s v="SME datawarehouse"/>
        <s v="Census Edit and Imputation Systems"/>
        <s v="HR - Human Resources Self Serve Portal v2.3.1 (HRSSP)"/>
        <s v="HR - Labour Relation and Grievance System v1.2.2 (LRGS)"/>
        <s v="HR - Orbit v3.0"/>
        <s v="Aircraft Movements Survey"/>
        <s v="Canadian Vehicle Survey - Frame .Net"/>
        <s v="Stability"/>
        <s v="HR - Survey Operations Pay System (SOPS)"/>
        <s v="ISD - T1FF STARTER"/>
        <s v="Integrated Metadatabase (MetaWeb) v1"/>
        <s v="CMS v1.3 - Classification Management System (CMCS)"/>
        <s v="COR web application"/>
        <s v="ISD - T1FF Outliers"/>
        <s v="ISD - T1FF Production Cycle Constants"/>
        <s v="Fare Basis Survey"/>
        <s v="Passenger Origin and Destination"/>
        <s v="Railway Report"/>
        <s v="Trucking Commodity Origin Destination v2"/>
        <s v="ISD - T1FF Products"/>
        <s v="HR - Assignment Management System v1.0 (AMS)"/>
        <s v="Floware Server (administrator) V9"/>
        <s v="GST System"/>
        <s v="T2 Processing System"/>
        <s v="Data Access and Control System v1.0 (DACS)"/>
        <s v="GST New Housing Rebates (NHR - old HRB) v2.0"/>
        <s v="T1 Processing system v2.0"/>
        <s v="IAD - Industry Measure Analysis Processing System (IMAPS)"/>
        <s v="LSD - LFS IDS (UNIX)"/>
        <s v="NEAD - Table Management Facility (TMF) v1.0"/>
        <s v="Census Management Information System (MIS)"/>
        <s v="ISD - Trusteed Pension Funds (TPF) Processing System (Census) v1.0"/>
        <s v="ISD - SIPS Survey Income Processing System v1.0"/>
        <s v="ISD - Pension Plans In Canada (PPIC) Tabulation System v1.0"/>
        <s v="ISD - PPIC Employer Sponsored Pension (ESP) System"/>
        <s v="BOP - Auxiliary Mailing and Frame System (BAMF)"/>
        <s v="BOP - Survey and micro-data system (BP2000)"/>
        <s v="BOP - Capital Accounts Merchandise Imports and Exports tool (CAMIE)"/>
        <s v="BOP - Dynamic Reporting Tool (DRT)"/>
        <s v="BOP - Production Management Tool (PMT)"/>
        <s v="BOP - Survey of Canadian Portfolio Investments (SCPI)"/>
        <s v="BOP - Trade in Services Integrated System (SISII)"/>
        <s v="ISD - Market Basket Measure (MBM) System v1.0"/>
        <s v="Classification Loader v1"/>
        <s v="Value Domain Loader v1"/>
        <s v="ISB - IBSP SM Analysis Programs"/>
        <s v="EETSD - Data Capture Application v1.0"/>
        <s v="Business Register System (BRS)"/>
        <s v="MWTD - StEPS v1"/>
        <s v="Informatics Accounts Portal"/>
        <s v="Network Use Policy Agreement"/>
        <s v="Informatics Branch IT Alerts"/>
        <s v="Informatics Branch Preventive Maintenance"/>
        <s v="Informatics Branch Change Internet Password Tool"/>
        <s v="Industry and Occupation Coding System V1.7"/>
        <s v="CodeWright v7.5"/>
        <s v="International Travel Survey: Frontier Counts V1.9.4 (Batch Registration)"/>
        <s v="Questionniare Login and Tracking System (QLTS) V3.4"/>
        <s v="Generic Tracking Service (GTS)"/>
        <s v="ITS E311 Batch Registration-BITS v1"/>
        <s v="Building &amp; Demolition Permits System v8.16"/>
        <s v="NEAD - Capacity Utilization Rates System v5.0"/>
        <s v="Property Value Assessment Processing System v1"/>
        <s v="TCESD - Federal Government Expenditures in Support of Education (FEDEX v1.0)"/>
        <s v="TCESD - Classification of Instructional Programs Website (CIP Website) v2.0"/>
        <s v="TCESD - Postsecondary Student Information System - Classification of Instruction"/>
        <s v="TCESD - Postsecondary Student Information System - Data Loader (PSIS Data Loader"/>
        <s v="TCESD - Postsecondary Student Information System - Derived Variable Calculator ("/>
        <s v="TCESD - Postsecondary Student Information System - Respondent Data Repository Cr"/>
        <s v="TCESD - Postsecondary Student Information System - Edit &amp; Imputation (PSIS E"/>
        <s v="TCESD - Postsecondary Student Information System - Codeset Manager (PSIS Codeset"/>
        <s v="TCESD - Postsecondary Student Information System - Flat File Exporter (PSIS Flat"/>
        <s v="TCESD - Postsecondary Student Information System - Report System (PSIS Reports v"/>
        <s v="TCESD - Postsecondary Student Information System - Flat File Frequencies (PSIS F"/>
        <s v="TCESD - Postsecondary Student Information System - Response Frequencies (PSIS Re"/>
        <s v="TCESD - Postsecondary Student Information System - Imputation System (PSIS Imput"/>
        <s v="TCESD - Postsecondary Student Information System - Quebec Data Preprocessing Sys"/>
        <s v="TCESD - Registered Apprenticeship Information System (RAIS v1.2)"/>
        <s v="TCESD - International Travel Survey Frontier Counts System (ITS FC v2.0)"/>
        <s v="TCESD - Youth In Transition System Extract (YITS Extract v2.1)"/>
        <s v="CPI - Spatial"/>
        <s v="GOVALL - Canadian Isolated Posts (LCD)"/>
        <s v="CPI - Mortgage Interest Cost"/>
        <s v="CPD - Prices Processing (Phoenix)"/>
        <s v="CPI - Property Tax"/>
        <s v="CPI - Rent"/>
        <s v="GOVALL - Foreign Posts (SEA)"/>
        <s v="Apache Subversion (SVN)"/>
        <s v="Census 2006 website"/>
        <s v="CCJS - Unified Crime Reporting System (UCR2.3)"/>
        <s v="CCJS - Homicide Survey"/>
        <s v="SAS Estimation System v1"/>
        <s v="CCJS - Police Administration Survey (PAS)"/>
        <s v="CCJS - Integrated Correctional Services Survey (ICSS)"/>
        <s v="IOFD - AFTS Processing System v4"/>
        <s v="IOFD - AFTS Task Manager v4"/>
        <s v="IOFD - AFTS Task Scheduler v4"/>
        <s v="IOFD - CRA Processing System v4"/>
        <s v="IOFD - Fiscal Arrangements Processing System v4"/>
        <s v="IOFD - Financial Data Capture and Analysis System v4"/>
        <s v="IOFD - Frame Improvement Team Action Request Tool v4"/>
        <s v="IOFD - QSFS Processing System v4"/>
        <s v="IATD - Export Operational v2.01"/>
        <s v="IATD - Export Collection v1.08"/>
        <s v="IATD - Import Operational v3.2"/>
        <s v="IATD - Trade Importer / Exporter Registers"/>
        <s v="IATD - Dissemination v1"/>
        <s v="IATD - Administrative Entities v2.3"/>
        <s v="IATD - Job Submission Facility v1.1"/>
        <s v="Data Integration and Production Planning"/>
        <s v="ICN-RCI Internal Communications Network"/>
        <s v="LSD - LFS Queue Manager (Qmanager)"/>
        <s v="LSD - LFS CODCO"/>
        <s v="Smart Daily v1.0.0.85"/>
        <s v="PeopleSoft Client Relation Management System (CRMS) v9.1"/>
        <s v="Online catalogue of product and services"/>
        <s v="Canadian International Merchandise Trade"/>
        <s v="HLM 6.0"/>
        <s v="ESHELF2006 v.2.2.0"/>
        <s v="CCJS - Consolidated Address System (CAS)"/>
        <s v="ISD - Income Statistics Tabulation (ISDTAB) System v1.0"/>
        <s v="Management Information System for PASS v2006"/>
        <s v="FIN - Salary Information Management System v2.2 (SIMS)"/>
        <s v="FIN - Reference Table Management System v2.2.1 (RTMS)"/>
        <s v="FIN - Time Management Systems v2.3 (TMS)"/>
        <s v="IDEA v9.2"/>
        <s v="FIN - Survey Cost Estimate System v1.03296 (SCES)"/>
        <s v="FIN - Delegation of Financial Signing Authorities v2.5 (DFSA)"/>
        <s v="FIN - Forms Catalogue v7.0"/>
        <s v="PSSD - Liquor Control Boards System"/>
        <s v="PSSD - Census of Municipalities"/>
        <s v="PSSD - PILODET"/>
        <s v="PSSD - Quarterly Survey of Local Government"/>
        <s v="HSD - Canadian Community Health Survey (CCHS) Processing System"/>
        <s v="CCJS - Youth Custody and Community Services (YCCS) Survey"/>
        <s v="Sequencing 2011"/>
        <s v="Start Point Generation 2011"/>
        <s v="Attribute Update System (AUS)"/>
        <s v="Custom Area Creation System (CACS)"/>
        <s v="ESRI ArcObjects"/>
        <s v="Postal Code Update System (PCUS)"/>
        <s v="Address Register Mapper v1"/>
        <s v="PCI Geomatica v10.x"/>
        <s v="Generalized Mapping System (GMS)"/>
        <s v="Laurence 3.7.4"/>
        <s v="HSD - Canadian Cancer Registry (CCR) System"/>
        <s v="HSD - Canadian Coroner and Medical Examiner Database (CCMED) Data Capture Tool"/>
        <s v="HSD - Canadian Coroner and Medical Examiner Database (CCMED) System"/>
        <s v="HSD - Derived Variable Documentation (DV Doc) Tool"/>
        <s v="HSD - Health Surveys Coding Databases System"/>
        <s v="HSD - National Routing System (NRS) STC Data Export Component v1.0"/>
        <s v="HSD - Vital Statistics Validation Reports Application"/>
        <s v="CALURA v1.0"/>
        <s v="Statistics Canada Online Store v7.07 (AbleCommerce)"/>
        <s v="DMC - File Classification Interface v1.0"/>
        <s v="DMC - Quality Assurance application v1.0"/>
        <s v="Personal Work Information v1.0"/>
        <s v="Records Information Management Processing System v1.0"/>
        <s v="HR - Master Process System v1.0 (MPS)"/>
        <s v="MEA - System of National Accounts Data Warehouse"/>
        <s v="IAD - Industries and Commodities (INDCOM)"/>
        <s v="IAD - Confidential data for Provinces"/>
        <s v="IAD - Public Sector - Taxes"/>
        <s v="IAD - Deflation"/>
        <s v="Synthetic Tables"/>
        <s v="IAD - SAS Confidentiality Files"/>
        <s v="IAD - Input/Output Models"/>
        <s v="Agriculture - Estimex"/>
        <s v="The Industry Multifactor Productivity Program"/>
        <s v="CPI - Autombile Insurance"/>
        <s v="CPI - Home Owner Insurance"/>
        <s v="SAS/AF v9.2"/>
        <s v="SAS Information Map Studio v4.2"/>
        <s v="SAS/CONNECT v9.2"/>
        <s v="SAS Foundation v9.2"/>
        <s v=".Net MAPI V2.0 by SoftGroup"/>
        <s v="DocLink's Interactive Verification Application (DIVA)"/>
        <s v="CCJS - Civil Court Survey (CCS)"/>
        <s v="IATD - Trade Measures"/>
        <s v="Quest Toad for Oracle Xpert Edition v11.x"/>
        <s v="Quest Toad Development Suite for Oracle v10.6.1"/>
        <s v="Quest Toad for Oracle DB Admin Module Add-On"/>
        <s v="HR - Klick"/>
        <s v="CPI - Commodities in Excel"/>
        <s v="Service Request Management (SRM) System v3"/>
        <s v="IOFD - QFS EDR Application v4"/>
        <s v="IOFD - EDIT Management System v4"/>
        <s v="Oracle MySql Admin Utility v1.2"/>
        <s v="Ishelf Replication Scripts v1.0"/>
        <s v="Post-CAPSS processing sub-system v1.0"/>
        <s v="Common Object Registry"/>
        <s v="TOSS Annual v2009"/>
        <s v="HAD - Postal Code Conversion File Plus (PCCF+)"/>
        <s v="HSD - Canadian Health Measures Survey (CHMS) Barcode Printer Application"/>
        <s v="HSD - Canadian Health Measures Survey (CHMS) Hematology Data Retrieval Applicati"/>
        <s v="HSD - Canadian Health Measures Survey (CHMS) HealthListener Application"/>
        <s v="HSD - Canadian Health Measures Survey (CHMS) Tracking System"/>
        <s v="HR - Staffing Activity Management System v2.0 (SAMS)"/>
        <s v="GeoSearch v2006"/>
        <s v="CANCEIS V 2011"/>
        <s v="ISB - Industry Statistics Branch Monthly Surveys Systems (ISBMSS)"/>
        <s v="PRICES - Generic Processing System"/>
        <s v="IBSP - Integrated Business Statistics Program Processing System"/>
        <s v="Apache Maven v3"/>
        <s v="Redgate SQL Toolbelt"/>
        <s v="SAS Information Map Studio v4.3"/>
        <s v="SAS Enterprise Guide v4.3"/>
        <s v="SAS Data Integration Studio v4.3"/>
        <s v="Oracle Enterprise Manager (OEM) v11gR2"/>
        <s v="Pulsar"/>
        <s v="Geography Address Web services"/>
        <s v="Open Government Web services"/>
        <s v="G-Code Web Service"/>
        <s v="ICOS Web services"/>
        <s v="Security Hub"/>
        <s v="Sophos Enterprise"/>
        <s v="Backup Exec 2015"/>
        <s v="BlackBerry Enterprise Server 5"/>
        <s v="BlackBerry Enterprise Server 10"/>
        <s v="CCM Workflow Service"/>
        <s v="Primary Domain Controller"/>
        <s v="Backup Domain Controller"/>
        <s v="eDocs DM (RDIMS)"/>
        <s v="XWALL"/>
        <s v="Freebalance 6.5e"/>
        <s v="File and Print"/>
        <s v="EUREKA"/>
        <s v="HRIS 3.6"/>
        <s v="MS Lync 2010"/>
        <s v="MS Exchange 2007"/>
        <s v="Proactive Disclosure Reporting Tools"/>
        <s v="eDocs RM"/>
        <s v="McAfee Security Management Center"/>
        <s v="SQL Server 2005"/>
        <s v="Internal Survey Tool"/>
        <s v="Numara Track-It"/>
        <s v="Multi-Trans 5"/>
        <s v="Local Update Publisher"/>
        <s v="Vmware vCenter"/>
        <s v="Apache Web Server"/>
        <s v="Windows Update Server"/>
        <s v="XWALL addon for Exchange"/>
        <s v="ccmMercury - - Correspondance and Tracking system"/>
        <s v="Vehicles Admissible from the United States"/>
        <s v="External Forms Catalogue"/>
        <s v="Civil Aviation Integrated Management System"/>
        <s v="FlightPak"/>
        <s v="Forms Catalogue"/>
        <s v="Video Logging Database"/>
        <s v="Forms Management System"/>
        <s v="HR Management Advisories"/>
        <s v="ccmMercury - EDM Tracking System"/>
        <s v="Delegates Conference Registration Application Internal"/>
        <s v="MACROSCOPE - ProductivityCentre and Management Suite"/>
        <s v="Oracle Financials Version 12.2.5"/>
        <s v="National Environmental Assessment Tracking System"/>
        <s v="Records Information Management System (Livelink RS)"/>
        <s v="Records, Document &amp; Information Management System"/>
        <s v="RMIS (WEB) INQUIRY"/>
        <s v="Self-Service Portal"/>
        <s v="Master Minimum Equipment List"/>
        <s v="Canadian Port State Control System Web"/>
        <s v="TIPS Base Pay"/>
        <s v="TIPS Classification"/>
        <s v="TIPS Corporate Interface"/>
        <s v="TIPS Employment Equity"/>
        <s v="TIPS Inquiry"/>
        <s v="Environment Information System"/>
        <s v="TIPS Leave &amp; Extra Duty (LEX_Web)"/>
        <s v="TIPS LEX Administration Module"/>
        <s v="Collision Investigation Reporting System"/>
        <s v="TIPS Occupational Health &amp; Safety"/>
        <s v="TIPS Official Languages"/>
        <s v="ccmMercury - Project Information Management System"/>
        <s v="TIPS Report Access Catalogue"/>
        <s v="TIPS Security &amp; Error Correction"/>
        <s v="TIPS Labour Relations"/>
        <s v="TIPS Staffing"/>
        <s v="TIPS Staffing Priorities"/>
        <s v="TIPS Temporary Assignments"/>
        <s v="TIPS UCS Evaluation"/>
        <s v="Security Regulatory Advisory System"/>
        <s v="ccmMercury - Road Safety Call Log System"/>
        <s v="Ship Inspection Reporting System"/>
        <s v="Ship Registry Computer System"/>
        <s v="ACA Entrust Security Application"/>
        <s v="Air Carrier Database"/>
        <s v="Public Complaints Database"/>
        <s v="Fleet and Test Management System"/>
        <s v="Civil Aviation Issues Reporting System Internal"/>
        <s v="ccmMercury - Cabinet Document Tracking System (Stand Alone 28th Floor)"/>
        <s v="Canadian Shipowners Mutual Assurance Association"/>
        <s v="Communication User Survey (Click &amp; Tell)"/>
        <s v="Distance Network Routine"/>
        <s v="Transportation Security Clearance On-Line Application Form"/>
        <s v="MapInfo Version 8.0"/>
        <s v="Marine Origin Destination DB 2"/>
        <s v="Problem Isolation Utility"/>
        <s v="National Awards Application"/>
        <s v="Passenger Origin-Destination Model"/>
        <s v="Ballast Water Database"/>
        <s v="Passenger Traffic Allocation Model"/>
        <s v="Rail Annual Report DB"/>
        <s v="Rail Origin Destination DB"/>
        <s v="FLT DUTY XLS"/>
        <s v="Trade Application"/>
        <s v="Traffic Analysis and Forecasting System"/>
        <s v="Truck National Roadside Survey"/>
        <s v="General Aviation Licensing and Registration On-line External"/>
        <s v="Radio Inspection Database Management System"/>
        <s v="Activity Reporting and Standards System"/>
        <s v="National Aerodrome Safety Database - NET"/>
        <s v="Transport Canada Network Computer Inventory"/>
        <s v="Aircraft Maintenance Engineer System"/>
        <s v="Civil Aviation Medical Examiner Search"/>
        <s v="My Corporate Training"/>
        <s v="Approved and Accepted Organizations"/>
        <s v="Approved Products Catalogue Index"/>
        <s v="Automated Certification Examination System"/>
        <s v="Automated Emergency Response Assistance Plan"/>
        <s v="TIPS Training and Profiles"/>
        <s v="Aviation Forecast Program"/>
        <s v="Aviation Incident Reporting &amp; Admin (Internal/External)"/>
        <s v="Aviation Safety Response and Transmittal Action"/>
        <s v="Bird and Wildlife Strikes Information System Internal"/>
        <s v="GCWCC TC Bay Online Auction"/>
        <s v="Pleasure Craft Operators Competency Database System"/>
        <s v="Canadian Civil Aircraft Register Computer System Evolution"/>
        <s v="Canadian Civil Aircraft Register Computer System Web"/>
        <s v="Canadian Port State Control System"/>
        <s v="CANUTEC Registration System"/>
        <s v="Transport Canada Internal Staff Directory"/>
        <s v="TP Numbering System"/>
        <s v="Civil Aviation Daily Occurrence Reporting System"/>
        <s v="Civil Aviation Medical Information System"/>
        <s v="Canadian Aviation Regulations Exemptions Database"/>
        <s v="CARAC Activity Reporting System (Internal)"/>
        <s v="Civil Aviation Terminology System"/>
        <s v="Compliance Audit Filing System"/>
        <s v="Contaminated Sites Management Database"/>
        <s v="Temporary Vehicle Importation System-Web"/>
        <s v="National Time and Activity Reporting Management System including Marine Safety D"/>
        <s v="Dangerous Goods Accident Information System"/>
        <s v="Delegations Information System"/>
        <s v="AccessPro Case Management - Access to Information Database System"/>
        <s v="Distributed Air Personnel Licensing System"/>
        <s v="AccessPro Redaction - Access to Information Database System"/>
        <s v="Surface Infrastructure System"/>
        <s v="Family Orders and Agreements Enforcement"/>
        <s v="Federal and Provincial Query System"/>
        <s v="ccmMercury - Web Services Tracking System"/>
        <s v="Flight Training and Aviation Education Web Search (PE Search)"/>
        <s v="Scheduled maintenance"/>
        <s v="Aviation Training"/>
        <s v="National Motor Vehicle Reservation System"/>
        <s v="Staffing Activity Management System"/>
        <s v="Quebec Aboriginal Issues Management System"/>
        <s v="Inspector Designation and Training"/>
        <s v="CDT-PLAN"/>
        <s v="COMMENCE"/>
        <s v="PROJETCERTI"/>
        <s v="Winter Navigation Database"/>
        <s v="Training NAX"/>
        <s v="Aircraft Maintenance and Dispatch System"/>
        <s v="Organizations Providing Dangerous Goods Training"/>
        <s v="TDG Buffet TMD"/>
        <s v="ccmMercury - General Correspondence"/>
        <s v="ccmMercury - Deputy Minister Correspondence Database"/>
        <s v="ccmMercury - Briefing Material Database"/>
        <s v="ccmMercury - Transport Dangerous Goods Permits Tracking"/>
        <s v="ccmMercury - Executive Correspondence Database"/>
        <s v="ccmMercury - Crown Corporations Correspondence Database"/>
        <s v="ccmMercury - Infrastructure Correspondence Database"/>
        <s v="ccmMercury - Pacific Gateway Correspondence Database"/>
        <s v="ccmMercury - Activity Tracking System"/>
        <s v="ccmMercury - Portfolio Appointments Management System"/>
        <s v="ccmMercury - First Nations Agreement Database"/>
        <s v="ccmMercury - Atlantic Gateway Correspondence Database"/>
        <s v="Market Information and Research Application"/>
        <s v="Canadian Vehicle Specifications"/>
        <s v="NAPA Delegate Web Link"/>
        <s v="E-Survey"/>
        <s v="National Aerodromes Safety Database"/>
        <s v="Western Grain System - Grain Rail Car system"/>
        <s v="National Aeronautical Product Approval System"/>
        <s v="Salary Management System"/>
        <s v="National Aviation Company Information System"/>
        <s v="National Collision Database Online"/>
        <s v="GCWCC Volunteers Application"/>
        <s v="Transport Canada Marine Dangerous Goods"/>
        <s v="Operator List Search"/>
        <s v="Pollution Incidents Database"/>
        <s v="Aérodrome"/>
        <s v="GCWCC Search Canadian Registered Charities"/>
        <s v="Rail Occurrence Follow-Up System"/>
        <s v="Rail Safety Integrated Gateway"/>
        <s v="Vehicle Recalls Database - Web"/>
        <s v="Standards Project Planning Application"/>
        <s v="Lenel OnGuard Card Access System"/>
        <s v="Security Reliability Clearance Control System"/>
        <s v="Marine Insurance Unit System"/>
        <s v="Marine Aerial Surveillance Information System"/>
        <s v="National Aviation Safety Information Management System"/>
        <s v="Small Commercial Vessels Registration System"/>
        <s v="Standardized Cost Recovery and Activity Monitoring System"/>
        <s v="Aircraft Certification Tracking System"/>
        <s v="Security Sweeps Program"/>
        <s v="Facilities and Design Registration"/>
        <s v="Civil Aviation Integrated Business Plan System"/>
        <s v="Civil Aviation Surveillance Information Management System"/>
        <s v="Train Operations Monitoring"/>
        <s v="Approved Aircraft Simulators and Flight Training Devices"/>
        <s v="Win Pak Pro Card Access System"/>
        <s v="TRACE ME Software"/>
        <s v="Enquiries"/>
        <s v="BIRM Portal"/>
        <s v="Transportation Safety Board Multi-Modal Tracking System"/>
        <s v="Flight 2005"/>
        <s v="SAP BusinessObjects Enterprise"/>
        <s v="Decision Record"/>
        <s v="Employee Contact Information"/>
        <s v="FlightPak DND"/>
        <s v="HR Call Center"/>
        <s v="Human Resources Service Request"/>
        <s v="Hyperion Financial Management"/>
        <s v="TC Data Warehouse"/>
        <s v="Transport Canada Automated Fingerprint Identification System"/>
        <s v="Software Request Form"/>
        <s v="Emergency Response Guide 2012 On-Line"/>
        <s v="Aircraft Registration - Manufacturer's Production Marks"/>
        <s v="Civil Aviation Distribution List Information System"/>
        <s v="Computerized Aircraft Maintenance Program"/>
        <s v="ERWIN Data Modeller Tools"/>
        <s v="Filemaker Pro 11.0, FileMaker Advanced 11.0, Filemaker Server 11.0"/>
        <s v="Flight Training and Aviation Education II (FTAE everyday)"/>
        <s v="Marine Safety Enforcement Management System"/>
        <s v="MultiTrans 4.4"/>
        <s v="Secure Supply Chain Information Management System client"/>
        <s v="TDG Web Feedback"/>
        <s v="Transport Publications Database"/>
        <s v="CLÉAGE"/>
        <s v="Transport Canada Directory"/>
        <s v="ccmMercury - Aboriginal Consultation Tracking System"/>
        <s v="ccmMercury - Accommodations Request Tracking System (Facilities)"/>
        <s v="Approved Recognized Institutions"/>
        <s v="TDG Approvals"/>
        <s v="Canadian Port State Control System - THETIS Web Service"/>
        <s v="Canadian Port State Control System  - Detention List"/>
        <s v="Canadian Port State Control Web Query System"/>
        <s v="eCards"/>
        <s v="Electronic Pre-Arrival Information Report System (Internal)"/>
        <s v="ccmMercury - General Enquires Call Log"/>
        <s v="Lobby Display Panel"/>
        <s v="Reference Center - Marine Inspector's Bookshelf"/>
        <s v="ccmMercury - Marine Oil Spill Preparedness and Response Regime Review"/>
        <s v="Multimodal Personnel Document Issuance System"/>
        <s v="ccmMercury - Multimedia Publishing Services Database"/>
        <s v="Marine Security Information System II"/>
        <s v="Marine Technical Review Board Query System"/>
        <s v="Transport Canada Intranet site"/>
        <s v="Aboriginal Consultation Database"/>
        <s v="ccmMercury - Office of Boating Safety - Information Management System"/>
        <s v="Operations Checklist"/>
        <s v="Pleasure Craft Operators Competency Database System Test Online"/>
        <s v="Pleasure Craft Operators Competency Database System Web Service"/>
        <s v="ccmMercury - Parliamentary Quotes Tracking Database"/>
        <s v="Small Vessel Compliance Program"/>
        <s v="Safety and Quality Information Database"/>
        <s v="Ship Safety Bulletins"/>
        <s v="Secure Supply Chain Information Management System - External"/>
        <s v="Secure Supply Chain Information Management System - Internal"/>
        <s v="Internal Google Search Appliance"/>
        <s v="Inspection Information System"/>
        <s v="TRAIN"/>
        <s v="Transportation Security Information System"/>
        <s v="Vehicle Management System (VMS)"/>
        <s v="Vessel Registration Query System"/>
        <s v="Staffing Tribunal Automated Complaint Tracking System"/>
        <s v="TDG Schedules"/>
        <s v="Transport Canada Inspector Database"/>
        <s v="Business Intelligence Infrastructure"/>
        <s v="Distributed Air Personnel Licensing System - Canadian Bank Note"/>
        <s v="Neptune Software"/>
        <s v="SVCP-Excel"/>
        <s v="Locomotive Emissions Information System"/>
        <s v="Maritime Examinations Database"/>
        <s v="Automated Emergency Notification Fan Out Service"/>
        <s v="Port State Control - Excel"/>
        <s v="Système d'inventaire des véhicules du groupe programmes et cession"/>
        <s v="Application Performance Management Tool"/>
        <s v="National Activity Tracking Program"/>
        <s v="PitneyBowes Spectrum Technology Platform"/>
        <s v="Microsoft Visual Studio 2010 Team Foundation Server"/>
        <s v="Sustainable Transportation Assessment Tool"/>
        <s v="Aviation Incident Reporting and Admin External"/>
        <s v="Bird and Wildlife Strikes Information System External"/>
        <s v="Civil Aviation Issues Reporting System External"/>
        <s v="CARAC Activity Reporting System (External)"/>
        <s v="Delegates Conference Registration Application External"/>
        <s v="Flight Training Refresher Courses"/>
        <s v="General Aviation Licensing and Registration On-line Internal"/>
        <s v="Audit Occurrences"/>
        <s v="Maintenance Error Decision Aid"/>
        <s v="Pilot Certifying Authority"/>
        <s v="Aircraft Maintenance Engineer Certification Renewal"/>
        <s v="Aircraft Services Document System"/>
        <s v="Flight Engineers"/>
        <s v="Daily Labour Distribution"/>
        <s v="Portable Audit Occurrences"/>
        <s v="Regional Labour Distribution"/>
        <s v="Serial Numbers"/>
        <s v="SNAGS"/>
        <s v="Strategic Environmental Assessment Database"/>
        <s v="Port Divestiture Program Database"/>
        <s v="CANUTEC Registration System Web"/>
        <s v="ccmMercury - Client Service Feedback System"/>
        <s v="ccmMercury - Ministers Registry (Stand Alone 8th Floor - Secret Docs)"/>
        <s v="Secure File Transfer Protected &quot;A&quot; - Internal Admin"/>
        <s v="PRO-NAVIRE"/>
        <s v="Virtual Services Centre for Aviation"/>
        <s v="OBSTACLES"/>
        <s v="Secure File Transfer Protected &quot;B&quot; - Internal TC user"/>
        <s v="PUBLIC COMPLAINTS DATABASE - Windows"/>
        <s v="Vehicle Recalls Database - Windows"/>
        <s v="Temporary Vehicle Importation System - Windows"/>
        <s v="HUMAN RESOURCES APPLICATION MANAGEMENT SYSTEM"/>
        <s v="EXCLUSIONS"/>
        <s v="Ascent"/>
        <s v="Examiner (Quebec Region)"/>
        <s v="INVENTAIRE"/>
        <s v="Canto Cumulus"/>
        <s v="Briefing Note Template"/>
        <s v="TC Talent Network"/>
        <s v="Marine Vessel Registration"/>
        <s v="Database Inventory"/>
        <s v="Authorized Persons - Flight Crew Licensing"/>
        <s v="Ballast Interventions"/>
        <s v="Common Online Payment Service"/>
        <s v="Incident Pollutions"/>
        <s v="Take-Off and Landings"/>
        <s v="Safety Reporting Database"/>
        <s v="Workforce Planning Application"/>
        <s v="NAPA Delegate Web Link - Emailer"/>
        <s v="CANUTEC Application suite"/>
        <s v="Emergency Response Guide 2016 On-Line"/>
        <s v="Web Timesheet with Microsoft Project Integration"/>
        <s v="Phoenix Interface Application"/>
        <s v="Ontario Region Inventory Dashboard"/>
        <s v="Ontario Region Online Ordering System"/>
        <s v="Online Payment Service"/>
        <s v="Electronic Collection of Air Transportation Statistics - Customer Relationship M"/>
        <s v="Two Factor Authentication"/>
        <s v="Electronic Medical Examination Report (eMER)"/>
        <s v="Transport Canada Operation Management System"/>
        <s v="Emergency Response Guidebook Editor (ERG)"/>
        <s v="Two Factor Authentication Web Proxy"/>
        <s v="AMAG Symmetry"/>
        <s v="AMAG Symmetry SCIF"/>
        <s v="Disclosure of Travel and Hospitality (Internal)"/>
        <s v="Disclosure of Grants and Contributions (Internal)"/>
        <s v="Flight Training and Aviation Education Computer Delivered Examinations Internal"/>
        <s v="DB/Textworks 15.5"/>
        <s v="ccmMercury - Airports Ports Capital Projects Database"/>
        <s v="ccmMercury - AIRPORTS AND FERRIES CAPITAL TRACKING SYSTE"/>
        <s v="ccmMercury - Deputy Minister’s Office Tasking"/>
        <s v="ccmMercury - Security Incident Reporting"/>
        <s v="Electronic Pre-Arrival Information Report System (External)"/>
        <s v="PCDB Manufacturer Portal"/>
        <s v="Corrective Action Plan Management System"/>
        <s v="LISTSERV (Frontend)"/>
        <s v="TC Blogger"/>
        <s v="Entrust GetAccess"/>
        <s v="Entrust TruePass"/>
        <s v="Canadian Port State Control System - APCIS Web Service"/>
        <s v="Forms Catalogue Web Service"/>
        <s v="ANNEX10 Cross Validation Refresh Process"/>
        <s v="Address Label Processing Application Web service"/>
        <s v="E-Survey External"/>
        <s v="GCWCC Auction Cleanup Process"/>
        <s v="SendSuite Tracking (Pitney Bowes) Admininstrator module (Web)"/>
        <s v="TCDirectory Web Service"/>
        <s v="Canada Post Address Validation_Web Service"/>
        <s v="Employee Data Export for SendSuite"/>
        <s v="Employee Data Export for EasyLobby"/>
        <s v="TIPS Refresh Process"/>
        <s v="GEDS Refresh Process"/>
        <s v="ALPS Designator Refresh Process"/>
        <s v="LastLogon Process"/>
        <s v="TCNCI Remove Old Data Process"/>
        <s v="TCNCI Script"/>
        <s v="TC Data Portal"/>
        <s v="Stakeholder Consultations and Engagement Solution"/>
        <s v="Marine Safety and Security - National Oversight Plan"/>
        <s v="My TC Oversight"/>
        <s v="Rail Safety Improvement Program"/>
        <s v="Canadian Maritime Document Verification"/>
        <s v="Small Vessel Declaration of Conformity Online Service"/>
        <s v="Oceans Protection Plan Stakeholder Engagement System"/>
        <s v="TDG Business Number"/>
        <s v="ACP/AQPE Monitoring Program"/>
        <s v="Qualiware"/>
        <s v="Core Solution for the Dynamics CRM Platform"/>
        <s v="Secure File Transfer Protected &quot;A&quot; - External Main"/>
        <s v="Secure File Transfer Protected &quot;B&quot; - External non-TC stakeholder"/>
        <s v="Security Screening Programs Request Tracking System"/>
        <s v="Electronic Collection of Air Transportation Statistics"/>
        <s v="Minister's Delegate - Maintenance"/>
        <s v="Small Fishing Vessel_Small Commercial Vessel"/>
        <s v="Informatics Inventory"/>
        <s v="Flight Training and Aviaion Education Examination Computer Delivered Examination"/>
        <s v="Video Conference Reservation Request"/>
        <s v="Access to Travel"/>
        <s v="Continuing Airworthiness Web Information System"/>
        <s v="NOTAMS"/>
        <s v="Certificate of competency Issuing System"/>
        <s v="Enforcement Management System"/>
        <s v="Parking permit and Pass card system"/>
        <s v="Marine Safety Consolidated Database"/>
        <s v="PLAINTE"/>
        <s v="Intelligence Document Management System"/>
        <s v="Port Warden Services"/>
        <s v="Loan"/>
        <s v="Marine Medical Examiners"/>
        <s v="TC Software and Hardware Standards Database"/>
        <s v="Annex 10 Coding Wizard"/>
        <s v="Publications Corral"/>
        <s v="LISTSERV(R) Lsoft"/>
        <s v="Pre-Clearance List of Recognized Vehicle Importers"/>
        <s v="Vehicle Manufacturers Registered with Transport Canada"/>
        <s v="Address Label Processing Application"/>
        <s v="Urban Transit Application"/>
        <s v="Navigable Waterways Database System"/>
        <s v="NAPA Issued Certificates Online"/>
        <s v="Small Vessels Manufacturers Monitoring System"/>
        <s v="Access Pro Case Management &amp; Redaction System (ATIP Office)"/>
        <s v="Active Directory Migration Tool"/>
        <s v="Audit and Evaluation Database"/>
        <s v="BMC Service Desk Express (CAC-SS)"/>
        <s v="BMC Service Desk Express (Solutions Centre)"/>
        <s v="BMC Service Desk Express (Strategic Communications)"/>
        <s v="Cabinet Document Tracking System"/>
        <s v="Callipers - Callibrage"/>
        <s v="Collective Agreements Implementation Tracking System"/>
        <s v="Communications Community Office (Website)"/>
        <s v="Contacts Database (for GC)"/>
        <s v="Determining Linguistic Profile of Bilingual Positions (ABC Tool, OLLP)"/>
        <s v="Determine Linguistic Profile of Bilingual positions - Technical or Special"/>
        <s v="Directory of Federal Real Property"/>
        <s v="Distribution Lists and Publications Management System"/>
        <s v="Essential Services System"/>
        <s v="Evaluation Web Tool"/>
        <s v="Executive Talent Management System"/>
        <s v="Federal Contaminated Sites Inventory"/>
        <s v="Federal Identity Program (Registry of Applied Titles, Production Tool kit)"/>
        <s v="GCDocs  (Content Server 2010) - PB"/>
        <s v="Government On-line Portfolio Catalogue"/>
        <s v="Grants &amp; Contributions Reform"/>
        <s v="Grievance Tracking System -Classification"/>
        <s v="Horizontal Initiatives Database"/>
        <s v="Hydrae Local Exchange(HyLX)"/>
        <s v="In-House Courses/ On-Line Training Registration"/>
        <s v="Interchange Canada - Assignment Opportunities"/>
        <s v="Interchange Canada - Liaison Officer Module"/>
        <s v="Interchange Canada - Resumes"/>
        <s v="Management Accountability Framework Assessment Tool (OLD)"/>
        <s v="RPIS Map Navigator /viewer"/>
        <s v="Official Language Management Dashboard"/>
        <s v="Official Languages Burolis - Directory of Offices and Facilities"/>
        <s v="Official Languages Regulations Management System (OLRMS) Live"/>
        <s v="Oracle PeopleSoft"/>
        <s v="PCIS (Position and Classification Information System) Query Tool"/>
        <s v="People Information Management Automated Request Tracker"/>
        <s v="Planning and Performance Gateway"/>
        <s v="Policy Suite (part of the TBS web site) and the Policy Management Database"/>
        <s v="Position Reclassification Data Capture (or PRDC or Reclass)"/>
        <s v="Proactive Disclosure - Contracts - Reporting"/>
        <s v="Proactive Disclosure – Grants &amp; Contributions (TBS)  - Reporting"/>
        <s v="Proactive Disclosure - Travel &amp; Hospitality Expenses - Reporting"/>
        <s v="Public Service Employee Survey 2011/14"/>
        <s v="Regulatory Submissions Tracking System"/>
        <s v="SAP (Hydrae)"/>
        <s v="SAS (EMS)"/>
        <s v="Strategic Outcomes Web Tool"/>
        <s v="Strike Reporting"/>
        <s v="TBS InfoSite"/>
        <s v="TBS Intranet"/>
        <s v="TBS Online Auction"/>
        <s v="TBS Talks"/>
        <s v="Telephone Directory"/>
        <s v="Translation Tracking System"/>
        <s v="GEDS -- Update500"/>
        <s v="What's New"/>
        <s v="SAP (CAC-SS)"/>
        <s v="SAS (OCHRO)"/>
        <s v="Enterprise IT Portfolio Management (Clarity)"/>
        <s v="Client Request Management System"/>
        <s v="GCConnex"/>
        <s v="GCPedia"/>
        <s v="Personal Information Banks Registration Database"/>
        <s v="TB Submission Review System"/>
        <s v="Public Service Performance Management"/>
        <s v="Public Service Management Dashboard"/>
        <s v="Common Human Resources Business Processes - Website"/>
        <s v="Common Human Resources Business Process - Tracking"/>
        <s v="GEMINI  4.2"/>
        <s v="Management Accountability Framework Assessment System 2.0"/>
        <s v="Regulatory Data Management System"/>
        <s v="MS Dynamics CRM"/>
        <s v="Centralized Online Reporting System"/>
        <s v="Inventory of Government of Canada Organizations"/>
        <s v="TBS Application Portal"/>
        <s v="Personnel Management Information System (Data)"/>
        <s v="TBS Contact Network"/>
        <s v="TBS Web Site"/>
        <s v="ATIP Coordinators Administration"/>
        <s v="ATIP Stats"/>
        <s v="Media Call Logging"/>
        <s v="Grievance Tracking System - Collective Agreement"/>
        <s v="ACL - Audit Compliance"/>
        <s v="Annual Report To Parliament"/>
        <s v="MakeFiles"/>
        <s v="Stationary &amp; Printed Forms"/>
        <s v="TB Submission Tracking System"/>
        <s v="Visitor Registration"/>
        <s v="LoginPopUp"/>
        <s v="Contract Request and Status System"/>
        <s v="Library of Audit Recruitment Activities (formerly ACRDS)"/>
        <s v="Max Quality Data Analytics"/>
        <s v="Sharpe Decisions Executive Workshop"/>
        <s v="Microsoft SharePoint Server"/>
        <s v="Microsoft MSDN Premium with Visual Studio"/>
        <s v="Microsoft MSDN Professional with Visual Studio"/>
        <s v="Microsoft MSDN Ultimate with Visual Studio"/>
        <s v="Microsoft SQL Server Enterprise Core"/>
        <s v="Microsoft SQL Server Standard Core"/>
        <s v="Microsoft Azure"/>
        <s v="Position Classification Information System Plus"/>
        <s v="Erwin Data Modeller"/>
        <s v="TBS InfoSite eCalendar"/>
        <s v="Record Keeping Assessment Tool"/>
        <s v="Policy Interpretation - Relocation"/>
        <s v="Analytical Capabilities Expansion"/>
        <s v="ATIP Request Portal"/>
        <s v="Azure Dev-Test Cloud Initiative (Pathfinder Project)"/>
        <s v="Collective Agreement Mobile Applicaton"/>
        <s v="Event Planning"/>
        <s v="Fed Infrastructure Initiative Process"/>
        <s v="Claims Office"/>
        <s v="GC Docs (Content Server 2010) - Secret"/>
        <s v="GC Docs (Content Server 2010) - DMZ"/>
        <s v="Citrix (Management Zone)"/>
        <s v="Cisco AnyConnect"/>
        <s v="Client Service Delivery Network"/>
        <s v="Benefits and Health Services OnLine"/>
        <s v="Human Resources Management Dashboard"/>
        <s v="Registry Support System / Service Health Records"/>
        <s v="Digital Imaging"/>
        <s v="Automated Materials Mgmt Information System"/>
        <s v="Canada Remembers Online Ordering System"/>
        <s v="Canada Remembers Graves Tracking"/>
        <s v="Electronic Menu System"/>
        <s v="Grants &amp; Contributions Management Program"/>
        <s v="My VAC Account"/>
        <s v="Residential Care Support System"/>
        <s v="Stores Inventory Control"/>
        <s v="Trust Acct Admin System"/>
        <s v="Federal Records Inventory Control System"/>
        <s v="Assyst."/>
        <s v="Correspondence Control Manager"/>
        <s v="Ministers office Stakeholder System"/>
        <s v="HR Policy Interpretation"/>
        <s v="Career Transition Services - Education and Training Benefits"/>
        <s v="Human Resources- Complaint System"/>
        <s v="VAC External Web Site"/>
        <s v="Veterans Family Well Being Fund"/>
        <s v="VAC Website Portal - E-Postcards for Peace"/>
        <s v="VAC Website Portal - Heroes Remember"/>
        <s v="VAC Website Portal - Bomber Command Bar"/>
        <s v="VAC Website Portal - Korean War Armistice Certificate of Recognition"/>
        <s v="VAC Website Portal - Canadian Virtual War Memorial"/>
        <s v="Enterprise Reporting Database"/>
        <s v="Adobe LiveCycle -  Letters Application Integration Module"/>
        <s v="Adobe LiveCycle - Adobe Correspondence Management (CMS) Solution"/>
        <s v="Adobe LiveCycle - Adobe Experience Manager (AEM)"/>
        <s v="Adobe LiveCycle - Forms Application Integration Module"/>
        <s v="Adobe LiveCycle - PDF Generator"/>
        <s v="BDS Calc"/>
        <s v="Cognos Framework Manager"/>
        <s v="Cognos PowerPlay"/>
        <s v="Cognos Transformer"/>
        <s v="Common Look &amp; Feel"/>
        <s v="Configuration Manager"/>
        <s v="CSDN Client Search"/>
        <s v="CSDN Web Application Launching"/>
        <s v="Data Dispostion Application"/>
        <s v="Disability Application Calculator"/>
        <s v="Federal Health Claims Processing System - Real Time Data Transfer Web Services t"/>
        <s v="Honours and Awards"/>
        <s v="IBM Cognos Business Intelligence  - VAC Enterprise Data Report Portal"/>
        <s v="ICEBar"/>
        <s v="Motio"/>
        <s v="Ombudsman Online Complaint Submission System"/>
        <s v="Confluence Enterprise Wiki"/>
        <s v="Personnel Record Inventory System"/>
        <s v="PTSD Coach Canada"/>
        <s v="Retired Soldiers Insurance"/>
        <s v="System User Access Tool"/>
        <s v="Utilities"/>
        <s v="VAC Web Services"/>
        <s v="VRAB Scheduler"/>
        <s v="VAC/DND Interoperability - Real Time Data Transfer Web Services"/>
        <s v="IBM Watson"/>
        <s v="My VAC App"/>
        <s v="Forms Catalog"/>
        <s v="Veterans Matters Appplication"/>
        <s v="Ombudsman File Tracking System"/>
        <s v="VAC Website Portal -National Inventory of Canadian Military Memorials"/>
        <s v="VAC Website Portal - Subscription services"/>
        <s v="VAC Website Portal - Calendar of Events"/>
        <s v="VAC Website Portal - Have your say"/>
        <s v="VAC Website Portal - Contact the minister"/>
        <s v="VAC Website Portal - Video Gallery"/>
        <s v="Veterans in the Public Service Unit"/>
        <s v="Adobe LiveCycle Workbench AEM"/>
        <s v="Adobe RoboHelp 11"/>
        <s v="Avocent DSView"/>
        <s v="Exceed 2007"/>
        <s v="Formflow 99 Designer"/>
        <s v="Host Explorer"/>
        <s v="IMPORT Explorer - Freebalance 6.5"/>
        <s v="Oracle SQL Developer"/>
        <s v="Philips Executive Transcription"/>
        <s v="Philips DPM Player"/>
        <s v="PL/SQL Developer 10"/>
        <s v="Powerbuilder 12.5"/>
        <s v="PowerMapper"/>
        <s v="ProDiff"/>
        <s v="Smart Notebook 11.2"/>
        <s v="SQL Server Report Builder"/>
        <s v="Stata 13"/>
        <s v="VMWare Workstation Player"/>
        <s v="WinRAS"/>
        <s v="IBM SPSS Statistics &amp; Complex Samples 23"/>
        <s v="AdminStudio 11.5"/>
        <s v="GroupWise"/>
        <s v="GroupWise Messenger"/>
        <s v="Adobe LiveCycle Designer AEM"/>
        <s v="Archi 3.3.1"/>
        <s v="BitKinex"/>
        <s v="Blackberry Link"/>
        <s v="Blancco Configuration Tool"/>
        <s v="cavJ "/>
        <s v="Cordova"/>
        <s v="CSVed"/>
        <s v="Deploy.exe"/>
        <s v="GitLab"/>
        <s v="IBM Installation Manager"/>
        <s v="IBM License Key Administrator"/>
        <s v="IBM Rational Application Developer"/>
        <s v="IBM Rational Functional Tester"/>
        <s v="IBM Rational Performance Tester"/>
        <s v="IBM Rational Quality Manager"/>
        <s v="IBM Rational Robot"/>
        <s v="jsdoc"/>
        <s v="Nessus"/>
        <s v="Oracle Java SDK"/>
        <s v="Passware"/>
        <s v="Rstudio"/>
        <s v="Universal Extractor"/>
        <s v="Version.exe"/>
        <s v="Visual Studio 2015"/>
        <s v="Visual Studio Code"/>
        <s v="VNC Viewer and Server"/>
        <s v="WinSCP version 5.1.4"/>
        <s v="WordPerfect"/>
        <s v="WS_FTP"/>
        <s v="xRebel (Zero Turnaround)"/>
        <s v="Adobe Flash Builder 4.5"/>
        <s v="Andriod Studios"/>
        <s v="Mirosoft Dynamics sure step 2010"/>
        <s v="Reactotron"/>
        <s v="Xcode"/>
        <s v="Structured Query Report Writer"/>
        <s v="Expo XDE"/>
        <s v="VAC Website Portal - My VAC Book"/>
        <s v="Exchange Email (ETI)"/>
        <s v="Remote Access (VPN)"/>
        <s v="Content Server (GCDocs)"/>
        <s v="GX (Financial Systems)"/>
        <s v="Reporting Centre"/>
        <s v="Gateway"/>
        <s v="Access to Information and Privacy (ATIP)"/>
        <s v="Dynamics CRM"/>
        <s v="WD Portal / GCKey"/>
        <s v="OpenText Web Content Management System"/>
        <s v="LYNC"/>
        <s v="Public Website"/>
      </sharedItems>
    </cacheField>
    <cacheField name="Acronym - Acronyme" numFmtId="0">
      <sharedItems/>
    </cacheField>
    <cacheField name="Description" numFmtId="0">
      <sharedItems containsBlank="1" longText="1"/>
    </cacheField>
    <cacheField name="Acquired Product Manufacturer - Fabricant du produit acquis" numFmtId="0">
      <sharedItems/>
    </cacheField>
    <cacheField name="Acquired Product Name - Nom du produit acquis" numFmtId="0">
      <sharedItems count="134">
        <s v="ccmMercury"/>
        <s v=""/>
        <s v="LiveCycle Forms"/>
        <s v="Enterprise Guide"/>
        <s v="Oracle Fusion Middleware"/>
        <s v="ArcGIS for Desktop Advanced"/>
        <s v="Visio 2013 Professional"/>
        <s v="SharePoint Server Enterprise C"/>
        <s v="Geomatica Core"/>
        <s v="JDeveloper, Oracle Developer T"/>
        <s v="Java"/>
        <s v="Coldfusion Standard"/>
        <s v="PeopleSoft, PeopleSoft"/>
        <s v="GX Financials"/>
        <s v="custom"/>
        <s v="SharePoint Server 2013"/>
        <s v="InfoPath 2013"/>
        <s v="AdminStudio"/>
        <s v="System Center 2012 Configurati"/>
        <s v="Office Professional Plus 2013"/>
        <s v="Forefront Endpoint Protection"/>
        <s v="LiveCycle Business Transformat"/>
        <s v="SiteMinder"/>
        <s v="Application Lifecycle Manageme"/>
        <s v="Output"/>
        <s v="Infrastructure Management"/>
        <s v="Business Analytics"/>
        <s v="WebCIMS"/>
        <s v="Discoverer, Oracle Developer S"/>
        <s v="MySQL"/>
        <s v="Acrobat Professional"/>
        <s v="ArcGIS for Maritime: Charting"/>
        <s v="Outlook 2013"/>
        <s v="Microsoft Desktop Optimization"/>
        <s v="Exchange Server Enterprise 201"/>
        <s v="Active Virus Defense"/>
        <s v="vSphere 5 Enterprise"/>
        <s v="Symantec Ghost Solution Suite"/>
        <s v="Audition"/>
        <s v="Access 2013"/>
        <s v="Project 2013 Professional"/>
        <s v="PowerPoint 2013"/>
        <s v="System Center 2012 Client Mana"/>
        <s v="ccmEnterprise"/>
        <s v="Enter custom Vendor and Produc"/>
        <s v="ArcGIS for Server Enterprise S"/>
        <s v="Microsoft Dynamics CRM 2011 CA"/>
        <s v="PowerBroker Windows Desktops"/>
        <s v="Dreamwearver"/>
        <s v="SharePoint Online Plan 1 (User"/>
        <s v="Dynamics CRM Online Per User"/>
        <s v="Database"/>
        <s v="ccmExchange"/>
        <s v="Acrobat"/>
        <s v="NightWatchman"/>
        <s v="SQL Server 2012 Business Intel"/>
        <s v="Web Central Core Program"/>
        <s v="WebCenter, Oracle Fusion Middl"/>
        <s v="MultiTrans Prism Yellow"/>
        <s v="Business Process Management Su"/>
        <s v="Forefront Identity Manager 201"/>
        <s v="Project Server 2013"/>
        <s v="LiveCycle Enterprise Forms"/>
        <s v="Database, Enterprise Edition"/>
        <s v="Microsoft Dynamics CRM 2011 Li"/>
        <s v="SQL Server 2012 Standard"/>
        <s v="OLAP, Oracle Data Warehousing"/>
        <s v="BassetPro"/>
        <s v="User Productivity Kit"/>
        <s v="ArcGIS for Server Enterprise A"/>
        <s v="Portal for ArcGIS"/>
        <s v="Business Intelligence Warehous"/>
        <s v="ATG Web Commerce, ATG"/>
        <s v="FlexNet App Portal"/>
        <s v="SQL Server 2012 Enterprise"/>
        <s v="Activity Based Management Line"/>
        <s v="Visual Studio Ultimate 2012 wi"/>
        <s v="Business Intelligence Publishe"/>
        <s v="Coldfusion Enterprise"/>
        <s v="Forecasting"/>
        <s v="Business Intelligence Solution"/>
        <s v="Identity and Access Management"/>
        <s v="Platform Server"/>
        <s v="Enterprise Warehouse, PeopleSo"/>
        <s v="Google Serach"/>
        <s v="SQL Server 2012 Developer"/>
        <s v="Visual Studio Professional 201"/>
        <s v="Connect Training"/>
        <s v="ESRI Maps for IBM Cognos"/>
        <s v="MultiTrans Prism External Tran"/>
        <s v="MultiTrans Expert"/>
        <s v="Enterprise Mobility Management"/>
        <s v="Web Central Portfolio Manageme"/>
        <s v="Dynamics CRM Online for SA"/>
        <s v="Bing Maps Known 5K User Bundle"/>
        <s v="Visual Analytics"/>
        <s v="MultiTrans Prism Flow"/>
        <s v="FlexNet Manager Platform"/>
        <s v="Real Application Clusters, Ora"/>
        <s v="Human Resources, PeopleSoft"/>
        <s v="Excel 2013"/>
        <s v="CorelDRAW Graphics Suite"/>
        <s v="Project 2013 Standard"/>
        <s v="Authentication Manager"/>
        <s v="SQL Server 2008 R2 Small Busin"/>
        <s v="Web Central Smarl Client Exten"/>
        <s v="Identity Management, Oracle Fu"/>
        <s v="Business Intelligence Applicat"/>
        <s v="Web Central Enterprise Move Ma"/>
        <s v="Assessment Management Platform"/>
        <s v="DDMI Inventory"/>
        <s v="Tutor"/>
        <s v="System Center Configuration Ma"/>
        <s v="Reporter"/>
        <s v="Word 2013"/>
        <s v="MySQL Workbench"/>
        <s v="Visual Studio Premium 2012 wit"/>
        <s v="ArcGIS Runtime"/>
        <s v="Symantec Backup Exec"/>
        <s v="SERVERS POOL"/>
        <s v="Firewall Enterprise"/>
        <s v="vCenter Server 5 Standard for"/>
        <s v="E Business Suite"/>
        <s v="Hyperion Planning, Oracle Fusi"/>
        <s v="MultiTrans Advanced Terminolog"/>
        <s v="Scalable Performance Data Serv"/>
        <s v="SQL Server 2012 Enterprise Cor"/>
        <s v="Windows Azure Services"/>
        <s v="Correspondence Management"/>
        <s v="LC PDF Generator"/>
        <s v="SQL Developer"/>
        <s v="Lync 2013"/>
        <s v="Java Platform Enterprise Editi"/>
        <s v="WordPerfect Standard"/>
      </sharedItems>
    </cacheField>
    <cacheField name="Other Acquired Product Name - Autre nom du produit acquis" numFmtId="0">
      <sharedItems/>
    </cacheField>
    <cacheField name="Department - Ministère" numFmtId="0">
      <sharedItems count="55">
        <s v="Agriculture and Agri-Food Canada"/>
        <s v="Atlantic Canada Opportunities Agency"/>
        <s v="Canada Border Services Agency"/>
        <s v="Canada Economic Development for Quebec Regions"/>
        <s v="Canada Revenue Agency"/>
        <s v="Canada School of Public Service"/>
        <s v="Canadian Centre for Occupational Health and Safety"/>
        <s v="Canadian Environmental Assessment Agency"/>
        <s v="Canadian Food Inspection Agency"/>
        <s v="Canadian Grain Commission"/>
        <s v="Canadian Heritage"/>
        <s v="Canadian Institutes of Health Research"/>
        <s v="Canadian Intergovernmental Conference Secretariat"/>
        <s v="Canadian Nuclear Safety Commission"/>
        <s v="Canadian Radio-television and Telecommunications Commission"/>
        <s v="Canadian Space Agency"/>
        <s v="Canadian Transportation Agency"/>
        <s v="Correctional Service Canada"/>
        <s v="Department of Finance Canada"/>
        <s v="Department of Justice Canada"/>
        <s v="Employment and Social Development Canada"/>
        <s v="Environment and Climate Change Canada"/>
        <s v="Federal Economic Development Agency for Southern Ontario"/>
        <s v="Financial Transactions and Reports Analysis Centre of Canada"/>
        <s v="Fisheries and Oceans Canada"/>
        <s v="Global Affairs Canada"/>
        <s v="Health Canada"/>
        <s v="Immigration and Refugee Board of Canada"/>
        <s v="Immigration, Refugees and Citizenship Canada"/>
        <s v="Indigenous and Northern Affairs Canada"/>
        <s v="Infrastructure Canada"/>
        <s v="Innovation, Science and Economic Development Canada"/>
        <s v="Library and Archives Canada"/>
        <s v="Military Police Complaints Commission of Canada"/>
        <s v="National Defence"/>
        <s v="National Research Council Canada"/>
        <s v="Natural Resources Canada"/>
        <s v="Office of the Chief Electoral Officer"/>
        <s v="Office of the Commissioner of Official Languages"/>
        <s v="Office of the Information Commissioner of Canada"/>
        <s v="Office of the Superintendent of Financial Institutions Canada"/>
        <s v="Parks Canada"/>
        <s v="Privy Council Office"/>
        <s v="Public Health Agency of Canada"/>
        <s v="Public Safety Canada"/>
        <s v="Public Service Commission of Canada"/>
        <s v="Public Services and Procurement Canada"/>
        <s v="Royal Canadian Mounted Police"/>
        <s v="Shared Services Canada"/>
        <s v="Statistics Canada"/>
        <s v="Status of Women Canada"/>
        <s v="Transport Canada"/>
        <s v="Treasury Board of Canada Secretariat"/>
        <s v="Veterans Affairs Canada"/>
        <s v="Western Economic Diversification Canada"/>
      </sharedItems>
    </cacheField>
    <cacheField name="Departmental Program - Programme ministériel" numFmtId="0">
      <sharedItems longText="1"/>
    </cacheField>
    <cacheField name="Internal Services Domain - Domaine de services internes" numFmtId="0">
      <sharedItems longText="1"/>
    </cacheField>
    <cacheField name="application_id" numFmtId="0">
      <sharedItems/>
    </cacheField>
    <cacheField name="Status - Statut" numFmtId="0">
      <sharedItems/>
    </cacheField>
    <cacheField name="Delivery - Mode d'accès" numFmtId="0">
      <sharedItems/>
    </cacheField>
    <cacheField name="Developed or Acquired - Développé ou acquis" numFmtId="0">
      <sharedItems count="3">
        <s v="cots"/>
        <s v="custom_design"/>
        <s v=""/>
      </sharedItems>
    </cacheField>
    <cacheField name="Technologies used - Technologies utilisées" numFmtId="0">
      <sharedItems containsBlank="1" count="3068" longText="1">
        <s v="Oracle 11WindowsOracle"/>
        <s v="Oracle DB, Tomcat, LUA, SMTP, BIRT, JBOSS, PHPTomcatArchitecture seems reasonably robust but our installation has been customized.  Although vendor support is likely good we do not plan to continue to update and enhance the product as it should be replaced when the Workplace Technology Devices (WTD) initiative amalgamates all the service desks.Oracle database backendOracle LinuxOracleOracle DB, Tomcat, LUA, SMTP, BIRT, JBOSS, PHPApache"/>
        <s v="SSC GCKey, database, JEE infrastructure, messaging infrastructure, samba file share, email infrastructureWeblogicApplication is fully compliant with departmental standards and direction.Oracle 11gLinux RHEL x86OracleSSC GCKey, database, JEE infrastructure, messaging infrastructure, samba file share, email infrastructureApache"/>
        <s v="JavaScript, CSSOracle 11gLinux RHEL x86OracleJavaScript, CSSRed Hat Enterprise LinuxApache"/>
        <s v="Coldfusion, Oracle, HPUXData model/documentation not easily accessible.HPUXOracleColdfusion, Oracle, HPUXApache"/>
        <s v="Oracle client, Windows, IISRunning on Windows Server 2003 and seeking grandfathering, since the vendor doesn''t recommend moving it to Windows Server 2012. Newer version available but would require procurement and professional services to configure. HR is considering upgrading or replacing this application. Transform investment required to use the new data format to be provided by PeopleSoft 9.1.WindowsOracle client, Windows, IISMS IIS"/>
        <s v="GCCF, SAML, Entrust Certificates, AD Service Accounts, Active Directory, WebLogic, JavaTomcat,WeblogicThe ESAS platform is over engineered for it''s current usage.Linux RHEL x86OracleGCCF, SAML, Entrust Certificates, AD Service Accounts, Active Directory, WebLogic, JavaWe are planning a complete update of software and OS to current supported versions April 2017Apache"/>
        <s v="SSC GCKey, database, JEE infrastructure, messaging infrastructure, samba file share, email infrastructure, SAPWeblogicApplication is fully compliant with departmental standards and direction.Oracle 11gHPUXOracleSSC GCKey, database, JEE infrastructure, messaging infrastructure, samba file share, email infrastructure, SAP"/>
        <s v="Architecture is outdated and no departmental standard..WindowsSybase"/>
        <s v="Citrix servers hosting the application.MS AccessHPUXOracleCitrix servers hosting the application."/>
        <s v="Windows"/>
        <s v="Email, LDAP authenticationTomcatOracleEmail, LDAP authenticationApache"/>
        <s v="Research suggests that this product is now in life support mode only by the vendor. It''s been sold off from vendor to vendor numerous times, and now appears to be valuable solely as a support cost generator for OpenText.Linux RHEL x86OracleApache"/>
        <s v="Authentication, Secure Interface, Workflow Engine, Database, File Transfer, Reporting SystemTomcat,WeblogicThe architecture is defined through a set of system component and network diagrams and accompanying documents supplemented by conceptual and physical data and process models.  Network zoning requirements complies with departmental standards.Oracle 11.2.0.4 64bit HP-UX, ERWin (data modelling)Oracle LinuxOracleAuthentication, Secure Interface, Workflow Engine, Database, File Transfer, Reporting SystemWindows Server, Red Hat Linux, HP-UXApache"/>
        <s v="IIS, Oracle Database.NetIIS Application ASPOracle 11g- COTS - no documented Data ModelWindowsOracleIIS, Oracle DatabaseMS IIS,"/>
        <s v="nginxCold fusion is marked for ContainmentOracle 11g - fully documentedLinux RHEL x86OraclenginxApache"/>
        <s v="Score of 2 as architecture is unknownApp runs on Oracle 11G R2, and the data model is availableHPUXOracleApp function under Win 2008 (server side) and Win 7 (client side)"/>
        <s v="EIPMS is using Struts 1.1, JDK1.4 and Perl technologies.it needs lots of analysis and code refactors in order to build stable system. Application needs significant investments to provide functional capability related to all functional scope of the systemOracle 11gLinux RHEL x86OracleLinuxApache"/>
        <s v="ApacheSolaris Sparc,WindowsOracleApacheApache,MS IIS"/>
        <s v="Red Hat LinuxWeblogicScore 2 due to lack of data modelsLinux RHEL x86OracleRed Hat LinuxOracle AS and uses Oracle Forms and ReportsApache"/>
        <s v="Cognos, Agrisource WrapperTomcatCold fusion is marked for ContainmentOracle 11gLinux RHEL x86OracleCognos, Agrisource WrapperRedhat LinuxApache"/>
        <s v="Oracle 11g, AAFC Online Wrapper, EmailTomcatCold fusion is marked for ContainmentOracle 11gLinux RHEL x86OracleOracle 11g, AAFC Online Wrapper, EmailApache"/>
        <s v="Java (J2EE), MS-Access, WindowsDatabase is MS AccessWindowsJava (J2EE), MS-Access, Windows"/>
        <s v="Oracle 11g, Agrisource Wrapper, CognosCold fusion is marked for ContainmentOracle 11gLinux RHEL x86OracleOracle 11g, Agrisource Wrapper, CognosApache"/>
        <s v="NoneWindowsMS/SQL Server,MS/SQL ServerNone"/>
        <s v=".NetSQL Server Win 2008WindowsMS/SQL Server,MS/SQL Server,MS/SQL Server,MS/SQL ServerStd DT/Srvr HWWin 7 and 2008"/>
        <s v="Red Hat LinuxWeblogicLinux RHEL x86OracleRed Hat LinuxOracle AS and uses Oracle Forms and ReportsApache"/>
        <s v="WindowsOracle"/>
        <s v="Red Hat LinuxWeblogic0 due to non-standard (oracle forms) and lack of extensibility2 due to lack of data modelsLinux RHEL x86OracleRed Hat LinuxOracle AS and uses Oracle Forms and ReportsApache"/>
        <s v="Red Hat LinuxWeblogicOracle Forms and ReportsCurrent Oracle database on HP/UXLinux RHEL x86OracleRed Hat LinuxOracle AS and uses Oracle Forms and Reports"/>
        <s v="Red Hat LinuxWeblogicOracle Forms and ReportsCurrent Oracle database on HP/UXLinux RHEL x86OracleRed Hat LinuxOracle AS and uses Oracle Forms and ReportsApache"/>
        <s v="ESRI, ArcGISWeblogicThis was rated as a 5 rather than a 4 because Python is limited to approval for Geomatics applications only so would be considered ''contained'' in this context.HPUXOracleESRI, ArcGISApache"/>
        <s v="Red Hat LinuxWeblogicNon Standard and cannot be easily extended so rates 0Linux RHEL x86OracleRed Hat LinuxOracle AS and uses Oracle Forms and ReportsApache"/>
        <s v="Oracle, Red Hat LinuxWeblogicOracle Forms and ReportsCurrent Oracle database on HP/UXLinux RHEL x86OracleOracle, Red Hat LinuxOracle AS and uses Oracle Forms and ReportsApache"/>
        <s v="Citrix servers hosting the application.MS Access 97HPUXOracleCitrix servers hosting the application."/>
        <s v="Oracle, Red Hat Linux, HPUXWeblogic2 due to lack of data modelsLinux RHEL x86OracleOracle, Red Hat Linux, HPUXOracle AS and uses Oracle Forms and ReportsApache"/>
        <s v="App run on racle 11G R2, and the data model is availableHPUXOracle"/>
        <s v="AjaxThis is tough but PHP appears to be the main implementation technology used here and it is not standard.2 due to lack of data modelsLinux RHEL x86Oracle,AjaxApache"/>
        <s v="JavaScript, css, Jquery, SQLOracle 11gLinux RHEL x86OracleJavaScript, css, Jquery, SQLApache"/>
        <s v="javascript, sql, pl/SQL, CSScoldfusion is marked for containmentOracle 11gOracle LinuxOraclejavascript, sql, pl/SQL, CSSRed Hat Enterprise LinuxApache"/>
        <s v="Oracle, Red Hat LinuxWeblogicOracle Forms and ReportsCurrent Oracle database on HP/UXLinux RHEL x86OracleOracle, Red Hat LinuxOracle AS and uses Oracle Forms and Reports"/>
        <s v="JEE infrastructure, Spring, Hibernate, JSF, JMS, email infrastructureWeblogicHPUXOracleJEE infrastructure, Spring, Hibernate, JSF, JMS, email infrastructureApache"/>
        <s v="Red Hat LinuxWeblogicDoes not comply with standards and is not extensible.Rating of 2 due to lack of data modelsLinux RHEL x86OracleRed Hat LinuxOracle AS and uses Oracle Forms and ReportsApache"/>
        <s v="Oracle 11HPUXOracle"/>
        <s v="Red Hat LinuxWeblogicNot standard and not extensible2 because there are no data modelsLinux RHEL x86OracleRed Hat LinuxOracle AS and uses Oracle Forms and ReportsApache"/>
        <s v="Linux RHEL x86,MySQLApache"/>
        <s v="database, cognos sdk, javaWeblogicJSF may not completely be able to meet WCAG needsOracle 11g - fully documentedLinux RHEL x86Oracledatabase, cognos sdk, javaApache"/>
        <s v="Linux/ApacheOracleLinux RHEL x86OracleLinux/Apachelinux for log storage and web front-end, Hp for database server"/>
        <s v="ASP, .NET, IIS, Microsoft.NetASP Classic and Access are used in the application, and they are not part of our architecture standards.WindowsASP, .NET, IIS, MicrosoftMS IIS"/>
        <s v=".Net.NetApplication is built in .NET and although the O/S information has not been entered, I am 99% sure that this application is deployed on IIS.  Therefore, this application is considered non-standard and has been given a very poor rating from an architectural perspective.WindowsOracle.NetMS IIS"/>
        <s v="OS: Linux RHEL x86 / Red Hat Enterprise Linux Server release 6.5, Apache 2.2.3-91.el5; PL: Linux RHEL x86 / Red Hat Enterprise Linux Server release 5.10; : Struts, Json-libWeblogicCannot give this a 5 rating as the database technology has not been specified - I don''t know what this is; although it is likely standard.  Rating given as a 4 for now until database technology can be confirmed.Linux RHEL x86OS: Linux RHEL x86 / Red Hat Enterprise Linux Server release 6.5, Apache 2.2.3-91.el5; PL: Linux RHEL x86 / Red Hat Enterprise Linux Server release 5.10; : Struts, Json-libApache"/>
        <s v="FFN External ApplicationCold fusion is marked for ContainmentOracle 11g - fully documentedLinux RHEL x86OracleFFN External ApplicationApache"/>
        <s v="MS ExcelOracle 11gWindowsOracleMS Excel"/>
        <s v="SMTPCOTS app  :most of technology is very current and vendor has a clear roadmap for updating - gave it -1 due to modifications with cusomizations (email templates).Linux RHEL x86SMTPListServ uses the AAFC standard operating system, the same system as AAFC Online.Apache"/>
        <s v="Oracle, Red Hat Linux, HPUXWeblogiczero due to non-standard oracle forms and the app being not easily extensible2 due to lack of data modelsLinux RHEL x86OracleOracle, Red Hat Linux, HPUXWeb Logic AS and uses Oracle Forms with OraFormsFacesApache"/>
        <s v="SSC GCKey, database, JEE infrastructure, email infrastructureWeblogicApplication is fully compliant with departmental standards and direction.Oracle 11gLinux RHEL x86OracleSSC GCKey, database, JEE infrastructure, email infrastructureRedhat EL (RHEL)Apache"/>
        <s v="Spring, Hibernate, BIRT Reporting, QuartzWeblogicDatabase 11g in Linux box which is the latest version AAFC is usingLinux RHEL x86OracleSpring, Hibernate, BIRT Reporting, QuartzApache"/>
        <s v="bootstrap, Site Mess, JSF, Spring, Hibernate, CSS, ajaxWeblogicOracle 11gOracle LinuxOraclebootstrap, Site Mess, JSF, Spring, Hibernate, CSS, ajaxRHEL is enterprise standard.  Might not be current versionApache"/>
        <s v="OS: Linux RHEL x86 / Red Hat Enterprise Linux Server release 6.5, Apache 2.2.3-91.el5; PL: Linux RHEL x86, Red Hat Enterprise Linux Server release 5.10; DB OS: HP-UX xi B.11.31 U ia64; : Spring, Hibernate, SiteMeshWeblogicScored it as a 1, as it uses Oracle. Not sure whether this application would even have any database technology backing it or whether it simply sends subscription information directly to the listserv app.Linux RHEL x86OS: Linux RHEL x86 / Red Hat Enterprise Linux Server release 6.5, Apache 2.2.3-91.el5; PL: Linux RHEL x86, Red Hat Enterprise Linux Server release 5.10; DB OS: HP-UX xi B.11.31 U ia64; : Spring, Hibernate, SiteMeshLinuxApache"/>
        <s v=".NET, IIS, Microsoft.NetWindows.NET, IIS, MicrosoftMS IIS"/>
        <s v="Red Hat LinuxWeblogiczero score due to non-standard technologies (Oracle forms) and the application not being extensible.Received a lower score (2) because there are no documented data models.Linux RHEL x86OracleRed Hat LinuxOracle AS and uses Oracle Forms and ReportsApache"/>
        <s v="JEE infrastructure, email infrastructureLinux RHEL x86OracleJEE infrastructure, email infrastructureBlade architecture with VMWare"/>
        <s v="WeblogicOracle 11gLinux RHEL x86OracleRed Hat Linux 5.1Apache"/>
        <s v="Spring, Hibernate, Jasper ReportsWeblogicDatabase 11g in Linux box which is the latest version AAFC is usingWindowsOracleSpring, Hibernate, Jasper ReportsWindows 2008 R2 (3 servers), Windows 2012 (1 server)Apache"/>
        <s v="BIRT for reportingWeblogicOracle 11g databaseLinux RHEL x86OracleBIRT for reportingApache"/>
        <s v="Java, OracleTomcatScored with significant benefit of the doubt. Might be worth looking into.No evidence here that there is any data model at all.WindowsOracleJava, OracleApache"/>
        <s v="WeblogicDatabase 11gLinux RHEL x86OracleRHEL LinuxApache"/>
        <s v="Sharepoint, OracleAAFC has yet to define architecture for this class of application.SQL Server for Sharepoint and Oracle for reportingWindowsMS/SQL Server,MS/SQL Server,OracleSharepoint, OracleMS IIS"/>
        <s v="Java, Web Logic, Red Hat Linux, Oracle (10/11)WeblogicJava follows J2EE Reference Architecture, but contains an old version of the shell.Current Oracle database on HP/UXLinux RHEL x86OracleJava, Web Logic, Red Hat Linux, Oracle (10/11)Apache"/>
        <s v="Form Viewer utility, TeamSite (CMS)WeblogicLinux RHEL x86Form Viewer utility, TeamSite (CMS)Linux"/>
        <s v="Java, OracleWeblogicHPUXOracleJava, OracleApache"/>
        <s v="WebLogic; SMTP server; CartoDB/WindShaft mappling tile server; PostGIS database serverWeblogicThis application was given a 4 rather than a 5 because of the use of non-standard geomatics software in the application.  The use of that software was approved at ARC so it is approved for this application, but is not considered standard for AAFC.Oracle LinuxOracleWebLogic; SMTP server; CartoDB/WindShaft mappling tile server; PostGIS database serverApache"/>
        <s v="ADThe value of 4 was selected in order to move this application''s architecture rating to High so that it shows up with a TIME status of &quot;Tolerate&quot;.  wise, with a medium business value and high support cost it will be in the &quot;migrate&quot; or &quot;eliminate&quot; category.  This is a signal that this application should actually be reviewed.  In previous years this application had a High Technical rating.  Cameron Dickens said that STB (via Paul Faure) is looking at options but no plans at this time to replace.WindowsADWin7 and 2008"/>
        <s v="SSC GCKey, database, JEE infrastructure, email infrastructureWeblogicLinux RHEL x86OracleSSC GCKey, database, JEE infrastructure, email infrastructureApache"/>
        <s v="Oracle 11g, AAFC Online Wrapper, Email, Agrisource wrapperWeblogicOracle 11gLinux RHEL x86OracleOracle 11g, AAFC Online Wrapper, Email, Agrisource wrapperApache"/>
        <s v="JEE Infrastructure, Spring MVCWeblogicHPUXOracleJEE Infrastructure, Spring MVCApache"/>
        <s v="Database, JavaOracle 11gLinux RHEL x86OracleDatabase, JavaRedhat Linux 5.10 (Tikanga)Apache"/>
        <s v="JavaScript, PL/SQL, SQL, CSS, JQueryRated lower due to the coldfusion component (it is standard but is marked for containment)Oracle 11gOracle LinuxOracleJavaScript, PL/SQL, SQL, CSS, JQueryRed Hat Enterprise LinuxApache"/>
        <s v="secure interfaces, special hardware Scanner, database oracle, directory or authentication layer, certificates, restriction such as a version compatability..NetWindowsOraclesecure interfaces, special hardware Scanner, database oracle, directory or authentication layer, certificates, restriction such as a version compatability.MS IIS"/>
        <s v="secure interfaces, special hardware Scanner, database oracle, directory or authentication layer, certificates,  such as a version compatability..NetOracle LinuxOraclesecure interfaces, special hardware Scanner, database oracle, directory or authentication layer, certificates,  such as a version compatability.MS IIS"/>
        <s v="Windows server, IIS, SQL Server DB, .NET AAFC Active Directory.NetThis one is difficult.  We''re not able to easily find good documentation on the current/future architecture platforms, but the fact the application is sitting on windows server 2008 which is an old platform does not bode well for its level of &quot;current technological relevance&quot;WindowsMS/SQL Server,MS/SQL ServerWindows server, IIS, SQL Server DB, .NET AAFC Active DirectoryMS IIS"/>
        <s v="OS: Linux RHEL x86 / Red Hat Enterprise Linux Server release 6.5, Apache 2.2.3-91.el5; PL: Linux RHEL x86, Red Hat Enterprise Linux Server release 5.10; DB OS: HP-UX xi B.11.31 U ia64; : Spring, Hibernate, SiteMeshWeblogicRating of 2 due to the answer regarding extensibility (would require significant investment to be extensible)Rating 3 due to the data models not being current and/or not using standard toolsLinux RHEL x86OracleOS: Linux RHEL x86 / Red Hat Enterprise Linux Server release 6.5, Apache 2.2.3-91.el5; PL: Linux RHEL x86, Red Hat Enterprise Linux Server release 5.10; DB OS: HP-UX xi B.11.31 U ia64; : Spring, Hibernate, SiteMeshApache"/>
        <s v="email, web hostingemail, web hostingLinux RedHat 5, will be upgraded to RHEL 6 at some point in the futureApache"/>
        <s v="Cold fusion is marked for ContainmentOracle 11gLinux RHEL x86OracleApache"/>
        <s v="Web Server (built-in), MS SQL database, hardware license dongle_x000a_Vendor claims the current version doesn''t support virtualisation. There is a newer version that would support it but we would need to purchase it and also upgrade our equipment (device that controls the pumps).WindowsMS/SQL Server,MS/SQL ServerWeb Server (built-in), MS SQL database, hardware license dongle_x000a_Vendor claims the current version doesn''t support virtualisation. There is a newer version that would support it but we would need to purchase it and also upgrade our equipment (device that controls the pumps)."/>
        <s v="MS Internet Explorer version 6.0.3790.3959 , Java version 1.4.2_13WindowsDB2,MySQL,MS Internet Explorer version 6.0.3790.3959 , Java version 1.4.2_13Apache"/>
        <s v=""/>
        <s v="Can access server and online versions for different needsCan access server and online versions for different needs"/>
        <s v=".NetWindowsMS/SQL Server,MS/SQL ServerMS IIS"/>
        <s v="SVN is not middleware"/>
        <s v="WeblogicThe architecture should allow the provision of changing functional requirements. Has a system architecture document and:• Leverage existing technical infrastructure.• Deliver a J2EE compliant architecture.• Use service oriented architecture (SOA) principles where applicable.• Adhere to the AAFC J2EE Application Reference Architecture.• Produce a solution architecture that will be flexible enough to support future enhancements.Linux RHEL x86OracleApache"/>
        <s v="AAFC wrapper, New Intellij IDE for Grails developmentWeblogicLinux RHEL x86OracleAAFC wrapper, New Intellij IDE for Grails developmentApache"/>
        <s v="Oracle"/>
        <s v="Apache"/>
        <s v="Java Script, SQLOracle 11gLinux RHEL x86OracleJava Script, SQLRed Hat Enterprise LinuxApache"/>
        <s v="SharePoint 2013, MSSQL 2008, Active Directory, Oracle 11gLinux RHEL x86,WindowsMS/SQL Server,MS/SQL Server,OracleSharePoint 2013, MSSQL 2008, Active Directory, Oracle 11gMS IIS"/>
        <s v="CSS HTML JavaScriptThe value of 4 was selected in order to move this application''s architecture rating to high so that it shows up with a TIME status of &quot;tolerate&quot;.  wise, with a low business value and high support cost it will be in the &quot;eliminate&quot; category.  This is a signal that this application should actually be reviewed.  An application with low business value and high support cost is not desirable.CSS HTML JavaScriptMS IIS"/>
        <s v="WeblogicOracleApache"/>
        <s v="WindowsOracleMS IIS"/>
        <s v="MS IIS"/>
        <s v="OracleMS IIS"/>
        <s v="none2 because data models are not documented and data not easily accessibleWindowsMS/SQL Server,MS/SQL Servernone"/>
        <s v="Spring, Hibernate, PrimeFacesWeblogicLinux RHEL x86OracleSpring, Hibernate, PrimeFacesApache"/>
        <s v="MS-OfficeMS-Office"/>
        <s v="MS OfficeOracle LinuxOracleMS Office"/>
        <s v="MS AccessOracle LinuxOracleMS Access"/>
        <m/>
        <s v="SSC GCKey, database, JEE infrastructureWeblogicHPUXOracleSSC GCKey, database, JEE infrastructureApache"/>
        <s v="JSF, Spring, HibernateWeblogicHPUXOracleJSF, Spring, HibernateApache"/>
        <s v="JEE Infrastructure, Spring, JSF, Hibernate, JMS, email infrastructureWeblogicHPUXOracleJEE Infrastructure, Spring, JSF, Hibernate, JMS, email infrastructureApache"/>
        <s v="SharePoint with Bamboo plug-inWindowsSharePoint with Bamboo plug-inMS IIS"/>
        <s v="WindowsThis is a desktop application."/>
        <s v="ESRI ArcGIS Server, ESRI Geoportal, ArcGIS OnlineWeblogicRated 4 just due to the JavaScript focusHPUXOracleESRI ArcGIS Server, ESRI Geoportal, ArcGIS OnlineEMAF consists of three (3) different environments (DEV, TST and PRD) with eight (8) servers and one (1) database in each environment._x000a__x000a_All the environments share a single CIFS server.Apache"/>
        <s v="Oracle, Sybase, AIX, JavaAIXOracle,SybaseOracle, Sybase, AIX, Java"/>
        <s v="Red Hat LinuxWeblogic2 due to lack of data modelsLinux RHEL x86OracleRed Hat LinuxApache"/>
        <s v="Tamara RounceTamara Rounce"/>
        <s v="HPUXOracle"/>
        <s v="NoneNone"/>
        <s v="Windows,z/OSMySQL"/>
        <s v="Linux RHEL x86"/>
        <s v="WeblogicScore of 1 is due to the fact that a non-standard database technology (TeamSite) is used.HPUX,Linux RHEL x86Oracle,Apache"/>
        <s v="WeblogicScore of 1 is due to the fact that a non-standard database technology (TeamSite) is used.Apache"/>
        <s v="Score of 1 due to the fact that a non-standard database technology (TeamSite) is used.HPUX,Linux RHEL x86Oracle,Apache"/>
        <s v="noneWindowsOraclenoneMS IIS"/>
        <s v="Citrix servers hosting the application.HPUXOracleCitrix servers hosting the application."/>
        <s v="PointfireWindowsMS/SQL Server,MS/SQL ServerPointfireMS IIS"/>
        <s v="SSC GCKey, database, JEE infrastructure, email infrastructure, SAPWeblogicHPUXOracleSSC GCKey, database, JEE infrastructure, email infrastructure, SAPApache"/>
        <s v="AAFC''s ESASHPUXOracleAAFC''s ESAS"/>
        <s v="GrailsTomcatLinux RHEL x86OracleGrailsApache"/>
        <s v="Rich front end of JavaScript libraries and frameworks.WeblogicOracleRich front end of JavaScript libraries and frameworks.Apache"/>
        <s v="Oracle LinuxOracle"/>
        <s v="Grails, SpringWeblogicLinux RHEL x86OracleGrails, SpringApache"/>
        <s v="Java, Oracle DBMS, MSFT, PWGSC Messaging GatewayRuns on Oracle. Data model has not been updated with own custom tables.HPUXOracleJava, Oracle DBMS, MSFT, PWGSC Messaging GatewaySAP -ECC, BW, Solution Manager(SAP Monitoring) and Redwood( schedular software) Runs on UNIX._x000a_Samba server  runs on a HPUX VM._x000a_The content Servers run on Linux._x000a_BOBJ and Uperform run on Windows"/>
        <s v="Architecture is outdated and not departmental standards.WindowsSybase"/>
        <s v="JavaScript, CSS,  sqlOracle LinuxOracleJavaScript, CSS,  sqlApache"/>
        <s v="Coldfusion, Oracle, HPUXCF10, Oracle 11gOracle 11gLinux RHEL x86OracleColdfusion, Oracle, HPUXApache"/>
        <s v="Oracle 11g, AAFC Online Wrapper, EmailCold fusion is marked for ContainmentOracle 11gLinux RHEL x86OracleOracle 11g, AAFC Online Wrapper, EmailApache"/>
        <s v="Oracle, PeopleTools, Java, Weblogic +Customized.  Could not justify a &quot;4&quot; rating as the existing architecture can hardly be called current and realistically, I don''t think we''re migrating within the next 2 years.  Thus, I really had to give it a 2.WindowsOracleOracle, PeopleTools, Java, Weblogic +UNIX"/>
        <s v="ASP, .NET, IIS, Microsoft.NetASP Classic and Access are used in this application, and they are not part of our architecture standards.WindowsASP, .NET, IIS, MicrosoftMS IIS"/>
        <s v="Cognos, Informatica, Oracle, Sybase, Active Directory, AIX, HPUX, Samba, Web layer – ApacheAIX,HPUX,Linux RHEL x86Oracle,SybaseCognos, Informatica, Oracle, Sybase, Active Directory, AIX, HPUX, Samba, Web layer – ApacheApache"/>
        <s v="Architecture is outdated and not departmental standards.According to the technical information there is no data model available.  The version of Sybase being used is version 12.0 which according to on-line information appears to be released in 1999 and thus is very old and almost certainly no longer supported.WindowsSybase"/>
        <s v="?WindowsOracle?"/>
        <s v="?.NetWindowsMS/SQL Server,MS/SQL Server?MS IIS"/>
        <s v="Microsoft Access Database used as model"/>
        <s v="No database. It uses a SharePoint list transformed from data warehouseWindowsMS/SQL Server,MS/SQL ServerMS IIS"/>
        <s v="WindowsMS/SQL Server,MS/SQL ServerMS IIS"/>
        <s v="WindowsMS/SQL Server,MS/SQL Server"/>
        <s v=".NetWindowsMySQLMS IIS"/>
        <s v="The application has many non-core components and requires custom data replicationThe application uses Sybase but is not a COTSWindowsSybasex86 64bitWindows Server 2008"/>
        <s v="Not fully compliantSybase &lt; 16WindowsSybaseWindows PC, MS Server 64 bit, Client 32 bitWindows Server 2008 R2, Desktop V7"/>
        <s v="Progress DatabaseDistributed PC. App rests on the C: drive of stand alone workstation. 32 bitWindows PC, 172 sites. Windows Version 7"/>
        <s v="Cobol, ADSOIDMS, DB2z/OSIBM Mainframe, Websphere MQ, DB2 on Z/OS,  Control-MIBM Mainframe Z/OS"/>
        <s v="WebsphereWeb applicationWindowsDB2eBCIeBCIMS IIS"/>
        <s v="Access DB 2000WindowsMS Windwos DesktopApplication installed on Windows Desktop but DB on site local File &amp; Print Server"/>
        <s v="Not fully compliantData Model not fully documented. SQL Server 2008 DB is marked for retirement.WindowsMS/SQL Server,MS/SQL Server,MS/SQL Server,MS/SQL ServerRuns on older Non Win 10 desktop platforms for Client App_x000a_DB Runs on Win 2008 Server. Adjustment of -1: Win 2008 Server is not current from vendor for at least 2 yearsDB server is on Win 2008 Server"/>
        <s v="Many elements of CPCS Architecture are marked for containment (Powerbuilder, SQL Server 2008)_x000a_Does not conform to enterprise standard of using B2B to interface with the Moneris Payment Processing solutionProgress DatabaseWindowsServer 64 bitWindows , Server 2008, Desktop Version 7"/>
        <s v="Thick Client/ServerSybaseWindowsSybase32 bit WindowsWindows Server 2008 plus Windows client"/>
        <s v="Thick client / serverGemstoneWindowsx86 32 bitWindows Server"/>
        <s v="Not fully compliantSybase &lt; 16WindowsSybaseDistributed Windows, MS Server 64 bit, Client 32 bitWindows Server 2008 R2, Windows Desktop V7MS IIS"/>
        <s v="Client serverProgress DatabaseWindowsServer 64 bitWindows , Server 2008, Desktop Version 7"/>
        <s v="Not fully compliantMS SQL &lt; 2016WindowsWindows PC, MS Server 64 bit, Client 32 bitWindows MS Server 2008, Windows Desktop V7"/>
        <s v="Client ServerProgress DatabaseWindowsDistributed Windows_x000a_Windows 64 bitLAN and single user. Server 2008, Desktop Version 7"/>
        <s v="WindowsDistributed Windows_x000a_64 bit.Files on Windows Server 2008. Polling process. Pull is done automatically. Windows Version 7."/>
        <s v="Not fully compliantSybase &lt; 16WindowsSybaseWindows PC, MS Server 64 bit, Client 32 bitWindows Server 2008 R2, Windows Desktop V7"/>
        <s v="CobolDB2z/OSDB2MainframeZ/OS"/>
        <s v="Self Service KiosksWebsphereABC uses it’s own Tables as well as recording passages via PC.  Data Model is not fully documented or current_x000a_Uses standard Db2 on z/OSz/OSDB2Self Service KiosksWin 2008 Server at Airports_x000a_Adjustment of -1: Win 2008 Server is not current from vendor for at least 2 yearsz/OS for applications Is in containment therefore score is reduced to 4"/>
        <s v="WebsphereICS frame work using WEB serviceDB2z/OSDB2Mainframe, Java runs on WAS z/OS)IBM Mainframe Z/OS"/>
        <s v="Access Pro_x000a__x000a_SQL Server_x000a__x000a_Adobe reader_x000a__x000a_MS Internet ExplorerASP.NET, Application Server with IIS 7.0, DB Server, w/s coponent (AccessPro Redaction)MS SQL Server 2008WindowsMS/SQL Server,MS/SQL Server,MS/SQL Server,MS/SQL ServerAccess Pro_x000a__x000a_SQL Server_x000a__x000a_Adobe reader_x000a__x000a_MS Internet ExplorerMicrosof Windows  x86/64-bit Platform&lt; Windows 10Windows Server 2008, Windows 7MS IIS"/>
        <s v="MS Access, VBAMS AccessWindowsWindows 7"/>
        <s v="WebsphereDoes not use B2B for publishing data to Open Government Portal_x000a_Uses B2B to transmit data from POEs that publish automated BWT data to CBSA._x000a_Uses some components that are non-standard – DB2 User profilesDB2 , BWT Data Model is documented and is currentWindowsSybaseMainframe (zOS)z/OS for applications Is in containment therefore score is reduced to 4MS IIS"/>
        <s v="DesktopMS AccessWindowsMS WindowsWindows version 7"/>
        <s v="Self Service KiosksWebsphereSome stds in containment -z/OS, Java 1.6. Meets ASPDB2, Shares Pssage DB. Data Model is current. _x000a_Score 4: IRIS Matcher DB is MQ SQL Server 2012 which is not current – SQL Server 2016z/OSDB2Self Service KiosksKiosk Server Application runs on zSeries Mainframe_x000a_Kiosk Application runs on CBSA Standard Workstation (Win 7)_x000a_IRIS Matcher and monitoring components run on VMs hosted on SSC standard virtualization infrastructureRuns on Windows 7 (Kiosk Application) _x000a_Windows 2008 Server (IRIS Matcher + Monitoring) and _x000a_z/OS (Kiosk Server App)"/>
        <s v="???MS SQL Server 2005WindowsMS/SQL Server,MS/SQL Server,MS/SQL Server,MS/SQL ServerVM server - Windows 2008 Server x86Windows 2008"/>
        <s v="WindowsOraclex86"/>
        <s v="IIS/MSSQL/ASPMS SQL/Server 2008WindowsMS/SQL Server,MS/SQL Server,MS/SQL Server,MS/SQL ServerWindows Server 2008MS Windows server 2008"/>
        <s v="Websphereweb basedIBM DB2 10.1.5_x000a_Sybase 15.7 EBF 21674_x000a_Sybase 15.0.3 EBF 16745_x000a_Oracle 11.1z/OSDB232-bitMicrosoft Windows V7"/>
        <s v="Web ApplicationMS SQL Server 2008WindowsMS/SQL Server,MS/SQL Server,MS/SQL Server,MS/SQL ServerWindows Server 2008 - 64 bitWindows Server 2008"/>
        <s v="Mainframe, Cobol, EasytrieveDB2, IDMSz/OSDB2,IBM Mainframe z/OSIBM Mainframe z/OS"/>
        <s v="WebsphereGEC Data Model is documented and current as of R201.  DB2z/OSDB2Mainframez/OS USS - z/OS for applications Is in containment therefore score is reduced"/>
        <s v="WebsphereEverything either web based or decoupled via MQDB2z/OSDB2IBM zSeries mainframez/OS"/>
        <s v="Electronic Document ReadersWebsphereStds in Containment - Applets, Java 1.6 etc.DB2, DB Model is currentz/OSDB2Electronic Document ReadersVMWare x86/64-bitz/OS USS - z/OS for applications Is in containment therefore score is reduced"/>
        <s v="Electronic Document Readers, License Plate Readers, RFID readers, Ruggedized touch screen monitorsWebsphereSome stds in containment -z/OS, Win 2008 Server, Java 1.6. Meets ASPDB2, DB Model is currentz/OSDB2Electronic Document Readers, License Plate Readers, RFID readers, Ruggedized touch screen monitorsLinux RHEL platformz/OS USS - z/OS for applications Is in containment therefore score is reduced"/>
        <s v="Biometric scannersWebsphereConforms to architecture standards which are in containment (Google Web toolkit, runs on z/OS, Java 1.6, etc.) but widely in use (except GWT)DB2, Data Model is documented and currentz/OSDB2Biometric scannersMainframez/OS USS - z/OS for applications Is in containment therefore score is reduced"/>
        <s v="Laboratory Information Mgmt SystemClient/ServerOracleWindowsSybaseLaboratory Information Mgmt SystemHPUX 4440HPUX 11.23/CIFS-SAMBA"/>
        <s v="DBArtisan 9.2, Java SE 6 (Java v1.6 ),  Eclipse version 3.7.2 or higher, - Doc-to-help, - TortoiseSVN v 1.6.16.21511, - Citrix, - Crystal Reports 2008Client\Server (Citrix)Sybase 15.3 (no Erwin)WindowsSybaseDBArtisan 9.2, Java SE 6 (Java v1.6 ),  Eclipse version 3.7.2 or higher, - Doc-to-help, - TortoiseSVN v 1.6.16.21511, - Citrix, - Crystal Reports 2008VMWare x86/64-bitWindows Server 2008MS IIS"/>
        <s v="Electronic Document Readers, License Plate Readers, RFID readers, Ruggedized touch screen monitorsWebspherez/OSDB2Electronic Document Readers, License Plate Readers, RFID readers, Ruggedized touch screen monitorsMainframez/OS USS - z/OS for applications Is in containment therefore score is reduced"/>
        <s v="Thick client / serverGemstoneWindowsx86 32bitWindows Server 2008"/>
        <s v="COTS Targeting Software (Blaze)WebsphereConforms to SOA architecture and uses loosely coupled services. _x000a_Uses MEI-B2B for external interface to Kiosks_x000a_Conforms to CBSA standard for Web Applications – Using JSF, MDBs etc.DB2 c/w Erwin modelsz/OSDB2COTS Targeting Software (Blaze)Mainframe (zOS)z/0S"/>
        <s v="Client/Server Architecture (Desktop applications)IBM DB2 Z/OS V11Microsof Windows  x86/64-bit Platform (Windows 10)Microsoft Windows (desktop) V10"/>
        <s v="WebsphereMany elements of CPCS Architecture are marked for containment (Powerbuilder, SQL Server 2008)DB2z/OSDB2Mainframez/OS"/>
        <s v="Radiation Detection Portals and portable Radiation detection devicesPlease note that this application is in review by the agency to be re-written in a more common language.DB2WindowsMS/SQL Server,MS/SQL Server,MS/SQL Server,MS/SQL ServerRadiation Detection Portals and portable Radiation detection devicesMicrosoft Windows  x86/64-bit Platform &lt; Windows 10Microsoft Windows Server 2003"/>
        <s v="Sybase 16WindowsVMWare x86/64-bitWindows Server 2008"/>
        <s v="Client\Server (Citrix)Sybase 15.3 (no Erwin)WindowsSybaseVMWare x86/64-bitWindows Server 2008MS IIS,"/>
        <s v="Client\Server (Citrix)Sybase 15.3 (no Erwin)WindowsSybaseVMWare x86/64-bitWindows Server 2008"/>
        <s v="WebsphereWEB ApplicationDB2z/OSDB2MainframeZ/OSApache"/>
        <s v="Does not conform to enterprise standard of using B2B to interface with the RCMP for fingerprint verification and with CIC to receive biometric enrolment dataTRCS Data Model is not fully documented and not current_x000a_DB Platform is SQL Server 2008 which is not CBSA standard (DB2)WindowsSybaseRuns on older Non Win 10 desktop platforms for Client App_x000a_DB Runs on Win 2008 Server.  Adjustment of -1: Win 2008 Server is not current from vendor for at least 2 yearsDB server is on Win 2008 Server"/>
        <s v="Cobol, ADS/OIDMSz/OSMainframeZ/OS"/>
        <s v="Not fully compliantMS SQL &lt; 2016WindowsSybaseWindows PC, MS Server 64 bit, Client 32 bitWindows PC, Windows Server 2008, Windows Desktop V7"/>
        <s v="Client/ServerIBM DB2z/OSDB2Microsof Windows  x86/64-bit Platform (Windows 10)Microsoft Windows (Server)"/>
        <s v="WindowsMicrosoft Windows (desktop) V10"/>
        <s v="COTS Web applicationMS SQL Server 2012WindowsMS/SQL Server,MS/SQL Server,MS/SQL Server,MS/SQL Serverx86Windows Server 2008"/>
        <s v="Controlled access Gate (single site)Client serverSybase &lt; 16WindowsSybaseControlled access Gate (single site)MS Server 64 bit, Client 32 bit, Gate Controller Proprietary CANSECStand Alone PC, Windows, 1 site_x000a_Windows Server 2008 R2, Windows Desktop V7"/>
        <s v="Runs Progress Programs and DOS filesWindowsRuns on older Non Win 10 desktop platforms for Client App_x000a_DB Runs on Win 2008 Server. Adjustment of -1: Win 2008 Server is not current from vendor for at least 2 yearsDB server is on Win 2008 Server"/>
        <s v="WebsphereDB2 c/w Erwin modelsz/OSDB2Mainframe (zOS)z/0S"/>
        <s v="Not fully compliantProgress DatabaseWindowsWindows Server 2008 64 bitWindows Server 2008"/>
        <s v="IIS/MSQL/ASPMS SQL Server 2005WindowsMS/SQL Server,MS/SQL Server,MS/SQL Server,MS/SQL ServerVMWare x86/64-bitWindows Server 2008_x000a_Windows 7 &amp; 10MS IIS"/>
        <s v="WebsphereIBM DB2 Z/OS V11z/OSDB2x.86, IBM zSeries Mainframe PlatformsMicrosoft Windows (server) V2016, z/OS"/>
        <s v="WebsphereUses older JDBC/Socket connectsDB2 on z/OSz/OSIBM zSeries mainframez/OS"/>
        <s v="Webspheresoftware as a serviceData Model is documented and current. Uses DB2z/OSDB2Mainframez/OS USS - z/OS for applications Is in containment therefore score is reducedApache"/>
        <s v="WebsphereDecoupled from consumersz/OSDB2SPARCSOLARIS"/>
        <s v="DB2 c/w Erwin modelsMainframe (zOS)z/os"/>
        <s v="WindowsSybaseMS Windows _x000a_Server 2008"/>
        <s v="WebspherePC Does not conform to SOA Architecture standards to provide loosely coupled, service based interface_x000a_PCS does provide service interfaceDB2, Data Model is documented and currentmainframez/OS USS - z/OS for applications Is in containment therefore score is reduced"/>
        <s v="Web Services (SOAP, REST)DB2IBM zSeries Mainframe PlatformsIBM System Z mainframe"/>
        <s v="DB2 c/w Erwin modelsMainframe (zOS)z/0S"/>
        <s v="DB2 c/w Erwin modelsz/OSDB2Mainframe (zOS)z/0S"/>
        <s v="IIS, MS SQL, MS Windows ServerMS SQL Server 2005WindowsVMWare x86/64-bitMS Windows (server) 2008MS IIS"/>
        <s v="EBCI - SolarisEBCI - Solaris"/>
        <s v=".NetWindows Server 2008, IIS 7SQL Server 2005WindowsMS/SQL Server,MS/SQL Server,MS/SQL Server,MS/SQL Serverx86Windows Server 2008MS IIS"/>
        <s v="Web, RESTMS SQL Server 2014 Enterprise, JPA 2.1, Hibernate 4.3WindowsVMWare 64bit on Blade serversMS Server 2008 Standard (4 versions back)_x000a_Mainstream support ended on 13 January 2015._x000a_Extended support ends on 14 January 2020."/>
        <s v="Sybase 16WindowsSybaseVMWare x86/64-bitWindows Server 2008"/>
        <s v="Windows Server, IIS, MSSQLMS SQL/ServerWindowsMS/SQL Server,MS/SQL Server,MS/SQL Server,MS/SQL ServerMS Windows (server) 2008MS Windows (server) 2008"/>
        <s v="Web applicationMS SQL Server 2008WindowsMS/SQL Server,MS/SQL Server,MS/SQL Server,MS/SQL ServerLinux x86/64-bitWindows Server 2008MS IIS"/>
        <s v="Web ApplicationMS SQL Server 2008WindowsMS/SQL Server,MS/SQL Server,MS/SQL Server,MS/SQL ServerMicrosof Windows  x86/64-bit Platform &lt; Windows 10Windows Server 2008MS IIS"/>
        <s v="WebsphereJ2EE with JMS, REST, clustered, load-balancedDB2, Data Model is documented and currentz/OSDB2mainframez/OS USS - z/OS for applications Is in containment therefore score is reducedApache"/>
        <s v="Web based (Atlas) -- IIS, Windows Serverx86Windows ( on Kastor, pollux and atlas)"/>
        <s v="Web based (Atlas) -- IIS, Windows ServerMS Access 2017Windowsx86Windows (( on Kastor: testing environment for Atlas)"/>
        <s v="SQL ServerMS SQL ServerWindowsMS/SQL Server,MS/SQL Server,MS/SQL Server,MS/SQL ServerMS WindowsWindows version 7"/>
        <s v="WebsphereWEB ApplicationDB2z/OSDB2MainframeZ/OS"/>
        <s v="TomcatWeb based, API function disabledPostgresSQL 9WindowsVMWare x86/64-bitWindows Server 2008Apache"/>
        <s v="WebsphereDB2z/OSDB2z/OSz/OS USSApache"/>
        <s v="MainframeIBM DB2z/OSDB2Mainframe Unix System Servicesz/OS, Mainframe"/>
        <s v="SOA Development Architecture, Web Services (SOAP, REST)IBM DB2 Z/OS V12IBM zSeries Mainframe Platformsz/OS"/>
        <s v="Web servicesDB2MainframeZ/OS"/>
        <s v="WEBSybase 16z/OSDB2VMWare on Blade serversWindows Server 2008 standard"/>
        <s v="WebsphereDoes not conform to enterprise standard of using B2B to interface with the U.S. CBP (GOES  / GES)DB2, Data Model for CANSAsync and PCSExchange are documented in the ADS Part 4 and currentz/OSDB2Mainframez/OS USS - z/OS for applications Is in containment therefore score is reduced"/>
        <s v="TomcatPostgreSQL v9.0WindowsMobile Application -  (WinWindows Server 2008 Std SP2"/>
        <s v="COTS (.NET)MS SQL Server 2008WindowsMS/SQL Server,MS/SQL Server,MS/SQL Server,MS/SQL Serverx86Windows Server 2008, Windows 7 (desktop)"/>
        <s v="software as a serviceWindows32 Bits Windows"/>
        <s v="Suse Linux, Oracle 11g, Windows server (reporting)OracleOracleWindows Server 2008 reporting, Suse OracleWindows Server 2008 and Linux"/>
        <s v="Internet exploroer_x000a__x000a_Opentext content server_x000a__x000a_MS SQL Server_x000a__x000a_Outlook_x000a__x000a_Powerpoint_x000a__x000a_Visio_x000a__x000a_Word_x000a__x000a_ExcelWeb based with desktop componentSQL ServerInternet exploroer_x000a__x000a_Opentext content server_x000a__x000a_MS SQL Server_x000a__x000a_Outlook_x000a__x000a_Powerpoint_x000a__x000a_Visio_x000a__x000a_Word_x000a__x000a_ExcelVMWare x86/64-bitWindows Server 2008,_x000a_Windows 7 &amp; 10"/>
        <s v="Web ApplicationMS SQL Server 2008WindowsMS/SQL Server,MS/SQL Server,MS/SQL Server,MS/SQL ServerMicrosof Windows  x86/64-bit Platform &lt; Windows 10Windows server 2008"/>
        <s v="WebsphereSOA Development Architecture, Web Services (SOAP, REST)IBM DB2 Z/OS V11z/OSDB2IBM zSeries Mainframe Platforms, SPARCz/OS, SolarisApache"/>
        <s v="WebsphereWeb servicesDB2MainframeZ/OS"/>
        <s v="PBHC Architecture _x000a_3-tierMS SQL Server 2008WindowsMS/SQL Server,MS/SQL Server,MS/SQL Server,MS/SQL Serverx86Windows Server 2008"/>
        <s v="COTS Web applicationMS SQL Server 2012WindowsVMWare x86/64-bitMicrosoft Windows (server) V&lt;2016_x000a_Microsoft Windows (desktop)"/>
        <s v="CA Siteminder, CA Identity ManagerDB2 c/w Erwin modelsCA Siteminder, CA Identity ManagerMainframe (zOS)z/0S"/>
        <s v="WebsphereDecoupled using MQDB2z/OSDB2IBM zSeries mainframez/OS"/>
        <s v="Web app, RESTIBM DB2 z/OS V11IBM zseries Mainframez/OS"/>
        <s v="COTSMS SQL Server 2012WindowsVMWare x86/64-bitWindows server 2008Apache"/>
        <s v=".Net,COTS - IIS, MSSQL, .NETCOTS - MS SQL 2008WindowsMS/SQL Server,MS/SQL Server,MS/SQL Server,MS/SQL ServerMS Windows Server 2008MS Windows Server 2008MS IIS"/>
        <s v="Web Services (SOAP, REST)DB2Mainframez/OS"/>
        <s v="Weblogic,WebsphereSOA Development Architecture, Web Services (SOAP,REST)IBM DB2 Z/OS V11z/OSDB2IBM zSeries Mainframe Platforms, SPARCz/OS, Solaris"/>
        <s v="SOA Development Architecture, Web Services (SOAP,REST)IBM DB2 Z/OS V11IBM zSeries Mainframe Platformsz/OS"/>
        <s v="SOA Development Architecture, Web Services (REST)IBM zSeries Mainframe Platformsz/OS"/>
        <s v="WebsphereSOADB2z/OSDB2mainframez/OS for applications Is in containment therefore score is reduced to 4Apache"/>
        <s v="Client-Server, WEB basedWindowsVMWare x86/64-bitWindows Server 2008"/>
        <s v="REST client-serverPostgre 9.0.3WindowsWindows AMD 64-BitWindows Server 2008"/>
        <s v="Web basedx86Windows Server 2008"/>
        <s v="SQL Server 2012WindowsMS/SQL Server,MS/SQL ServertVMWare x86/64-bitMicrosoft Windows Server 2008 Std R2MS IIS"/>
        <s v="SQL Server 2012WindowsVMWare x86/64-bitMicrosoft Windows Server 2008 Std R2"/>
        <s v="Desktop application, cannot be extended, etc..SQL Server 2008WindowsMS/SQL Server,MS/SQL Server,MS/SQL Server,MS/SQL Serverx86/32 bitWindows  7"/>
        <s v="DB2 9.7VMWare x86/64-bitWindows Server 2008"/>
        <s v="Sybase 16VMWare x86/64-bitWindows Server 2008"/>
        <s v="COTS _ Adobe Central IIS, Windows ServerWindows Server 2008MS IIS"/>
        <s v="Web Services (SOAP, REST)MainframeZ/OS"/>
        <s v="KioskWe have Web Services(SOAP, REST), Mobile Architecture and also Client/ServerMS-SQLWindowsMS/SQL Server,MS/SQL Server,MS/SQL Server,MS/SQL ServerKioskMicrosoft Windows (Server)Microsoft Windows (Server)"/>
        <s v="Motorola hand heldConforms to SOA architecture and uses loosely coupled services.  .NET platform is non standard for CBSA but is driven by Device and COTS architecture and is therefore assessed at 5Uses passage database and ICS database in DB2, no database of its own . Passage DB model is documented and current.Motorola hand heldMotorola MC75a (mobile device)_x000a_Mainframe. MC75a is planned for sunsetWindows Mobile 6.5 (mobile app)_x000a_zOS/mainframe - z/OS for applications Is in containment therefore score is reduced"/>
        <s v="Drupal as a &quot;COTS&quot;PostgresSQL v9.2.4, (-1: not easily accessible, requires Drupal knowledge)Linux - run on VM hosted at SSC.Linux - run on VM hosted at SSC."/>
        <s v="SOA (SOAP Web Service)DB2HP Blades ServerLinux"/>
        <s v="Conforms to architecture standards which are in containment (Google Web toolkit, runs on z/OS, Java 1.6, etc.) but widely in use (except GWT)DB2, Data Model is documented and currentz/OSDB2mainframez/OS USS - z/OS for applications Is in containment therefore score is reduced"/>
        <s v="Web based (Atlas) -- IIS, Windows ServerVMWare x86/64-bitWindows Server 2008"/>
        <s v="JMS,XMLDB2Mainframez/OS"/>
        <s v="CobolDB2MainframeZ/OS"/>
        <s v="WindowsWindows"/>
        <s v="WebsphereDB2 c/w Erwin modelsz/OSDB2Mainframe (zOS)z/OS"/>
        <s v="Web applicationsMS SQL Server 2008WindowsMS/SQL Server,MS/SQL Serverx86Windows Server 2008 R2"/>
        <s v="DB2 c/w Erwin modelsz/OSDB2Mainframe (zOS)z/0SMS IIS"/>
        <s v="WebsphereCOTS/IBM-Sterling B2B Intgrator (SBI)Solaris SparcDB2VMWare x86/64-bitLinux"/>
        <s v="PostgreSQL v9.0Windowsx86Windows Server 2008 Std SP2"/>
        <s v="concerns re extensibilityMS Access 2013x86Windows Desktop"/>
        <s v="SOADB2Mainframez/OS for applications Is in containment therefore score is reduced to 4"/>
        <s v="SOADB2 LUW &lt; 11LinuxSolaris"/>
        <s v="Web Services (SOAP, REST)DB2 LUW &lt; 11 for metadata onlyMainframeZ/OS"/>
        <s v="Websphereweb basedIBM PureData System for Analytics V7.2Linux RHEL x86,Solaris x86DB2,32-bitMicrosoft Windows 2008 server_x000a_Microsoft Windows 7 workstation"/>
        <s v="Public Cell phones - No CBSA Standards for Mobile Application Architecture – Only standard is that Mobile Applications should be prioritized – Per Public Mobility Functional Directive - EDEC Mobile does not have a databasePublic Cell phonesSupports hardware (phones) that support most current Android and IOS versionsSupports all current Android, IOS and Blackberry device OS"/>
        <s v="WebsphereJ2EEDB2z/OSDB2Mainframez/OS"/>
        <s v="SSAName3IBM zSeries Mainframe Platforms_x000a_Microsof Windows  x86/64-bit Platform &lt; Windows 10_x000a_Sun/Oracle SPARC platformz/OS - Standalone SSA servers_x000a_Solaris - SSA is embedded in GQC for Titan_x000a_Windows Server 2008 - SSA is embedded in ICES, IMS, GQC, IMRS, STS-Secure"/>
        <s v="Client/Server Architecture (Desktop applications)IBM PureData System for Analytics V7.2_x000a_IBM DB2 LUW V10.5Linux x86/64-bitLinux 6.5"/>
        <s v="COBOLIBM DB2 V11MainframeZ/OS"/>
        <s v="WebsphereClient/Server Architecture (Desktop applications)_x000a_As well as web-based for clients.IBM PureData System for Analytics V7.2 (Netezza)_x000a_.IBM DB2 LUW V10.5_x000a_.DB2 Z/os in legacy only.Cognos: VMWare x86/64-bit_x000a_.DataStage: Linux x86_64_x000a_.CDC: not sure.Cognos: Windows 2008 Server_x000a_.DataStage: Red Hat Enterprise Linux Server release 6.8 (Santiago)_x000a_.CDC: Windows 2008 Server"/>
        <s v="z/OS, USS, WAS, Javaz/OSDB2z/OS, USS, WAS, Javaz/OS for applications Is in containment therefore score is reduced to 4"/>
        <s v="WebspherePCS does provide service interfaceDB2, Data Model is documented and currentz/OSDB2mainframez/OS USS - z/OS for applications Is in containment therefore score is reduced"/>
        <s v="epassport validationWebsphereDB2, Data Model documented Erwinz/OSDB2epassport validationMainframez/Os mainframeApache"/>
        <s v="Self Service KiosksWebsphereDB2, Data Model documented Erwinz/OSDB2Self Service KiosksMainframez/Os mainframeApache"/>
        <s v="WebsphereDB2, Data Model documented Erwinz/OSDB2Mainframez/Os mainframeApache"/>
        <s v="Thick client / serverGemstoneWindowsx86 32 bitWindows 7/10 Client and Windows Server 2008"/>
        <s v=".NetWindowsOracleMS IIS"/>
        <s v="TomcatWindowsOracleApache"/>
        <s v="Architecture must be decommissioned and this software is replaced by a newer version.WindowsOracle"/>
        <s v=".NetWindowsMS/SQL Server,MS/SQL ServerApache"/>
        <s v=".Net"/>
        <s v=".NetWindowsMS/SQL Server,MS/SQL Server"/>
        <s v="Weblogicz/OS"/>
        <s v="z/OS"/>
        <s v="Apache HTTP Server; CVS; Struts;WeblogicSolaris SparcDB2Apache HTTP Server; CVS; Struts;Apache"/>
        <s v="z/OSDB2"/>
        <s v="TomcatWindowsMS/SQL Server,MS/SQL ServerApache"/>
        <s v="DB2"/>
        <s v="Struts;Weblogicz/OSDB2Struts;Apache"/>
        <s v="FTP;z/OSDB2FTP;"/>
        <s v="FTP; SMTP;z/OSDB2FTP; SMTP;"/>
        <s v="AD; Axis; LDAP; POI; SMTP; Struts2; Web Experience Toolkit (WET);WebsphereSolaris SparcDB2AD; Axis; LDAP; POI; SMTP; Struts2; Web Experience Toolkit (WET);Apache"/>
        <s v="Linux RHEL x86DB2"/>
        <s v="Struts2; Web Experience Toolkit (WET);Weblogicz/OSDB2Struts2; Web Experience Toolkit (WET);Apache"/>
        <s v="AD; LDAP; Scripts - SHELL; SMTP; Web Experience Toolkit (WET);Solaris SparcOracleAD; LDAP; Scripts - SHELL; SMTP; Web Experience Toolkit (WET);Apache"/>
        <s v="DB2,"/>
        <s v="Struts2;Weblogicz/OSDB2Struts2;Apache"/>
        <s v="JavaScript; Struts2; Web Experience Toolkit (WET);Weblogicz/OSJavaScript; Struts2; Web Experience Toolkit (WET);"/>
        <s v="Scripts - SHELL;Linux SLES x86DB2Scripts - SHELL;"/>
        <s v="Apache HTTP Server; CVS; SOAP; Struts2;Weblogicz/OSDB2Apache HTTP Server; CVS; SOAP; Struts2;"/>
        <s v="JavaScript;TomcatLinux RHEL x86OracleJavaScript;Apache"/>
        <s v="Apache HTTP Server; CVS;Weblogicz/OSDB2Apache HTTP Server; CVS;"/>
        <s v="Scripts - SHELL;Linux RHEL x86DB2Scripts - SHELL;Apache"/>
        <s v="CVS;WeblogicCVS;"/>
        <s v="Scripts - SHELL;WebsphereDB2Scripts - SHELL;"/>
        <s v="CVS;Weblogicz/OSDB2CVS;"/>
        <s v="AD; Apache HTTP Server; FTP; JavaMail; JavaScript; LDAP; SMTP; Struts2; Web Experience Toolkit (WET);WeblogicSolaris SparcDB2AD; Apache HTTP Server; FTP; JavaMail; JavaScript; LDAP; SMTP; Struts2; Web Experience Toolkit (WET);Apache"/>
        <s v="FTP; Struts2; Web Experience Toolkit (WET);WeblogicFTP; Struts2; Web Experience Toolkit (WET);"/>
        <s v="AD; SMTP;.Net,WindowsMS/SQL Server,MS/SQL ServerAD; SMTP;Apache,MS IIS"/>
        <s v="WeblogicWindowsDB2"/>
        <s v="Struts2; Web Experience Toolkit (WET);Weblogicz/OSDB2Struts2; Web Experience Toolkit (WET);"/>
        <s v="CVS; iText; JASPER Reports; Struts2; Web Experience Toolkit (WET);WeblogicLinux on Z RHELDB2CVS; iText; JASPER Reports; Struts2; Web Experience Toolkit (WET);Apache"/>
        <s v="FTP; SMTP;Linux RHEL x86DB2FTP; SMTP;"/>
        <s v="Linux on Z RHELDB2"/>
        <s v="Linux on Z RHEL"/>
        <s v="JavaScript;WindowsOracleJavaScript;MS IIS"/>
        <s v="CVS; FTP; Scripts - SHELL;Linux on Z RHELDB2CVS; FTP; Scripts - SHELL;"/>
        <s v="FTP;Linux on Z RHELDB2FTP;"/>
        <s v="FTP; Scripts - SHELL;Linux on Z RHELDB2FTP; Scripts - SHELL;"/>
        <s v="Apache HTTP Server; CVS; FTP; LDAP; SOAP;Weblogicz/OSDB2Apache HTTP Server; CVS; FTP; LDAP; SOAP;Apache"/>
        <s v="Apache HTTP Server; CVS; LDAP;Weblogicz/OSDB2Apache HTTP Server; CVS; LDAP;Apache"/>
        <s v="Struts2;z/OSDB2Struts2;"/>
        <s v="z/OSDB2Apache,"/>
        <s v="FTP;Linux RHEL x86DB2FTP;"/>
        <s v="FTP;Solaris x86DB2FTP;"/>
        <s v="Solaris x86DB2"/>
        <s v="Weblogicz/OSDB2"/>
        <s v="ASP.NET;.NetWindowsMS/SQL Server,MS/SQL ServerASP.NET;MS IIS"/>
        <s v="Struts; Web Experience Toolkit (WET);Weblogicz/OSStruts; Web Experience Toolkit (WET);Apache,"/>
        <s v="Weblogicz/OSDB2Apache"/>
        <s v="Weblogic"/>
        <s v="Apache HTTP Server; JavaScript; LDAP; SOAP;TomcatLinux on Z RHELDB2Apache HTTP Server; JavaScript; LDAP; SOAP;Apache"/>
        <s v="Apache HTTP Server; CVS; JavaScript; Struts;Weblogicz/OSDB2Apache HTTP Server; CVS; JavaScript; Struts;Apache"/>
        <s v="Axis; Struts;Weblogicz/OSDB2Axis; Struts;Apache"/>
        <s v="WeblogicSolaris x86DB2Apache"/>
        <s v="FTP;Weblogicz/OSDB2FTP;Apache"/>
        <s v="FTP;z/OSDB2,FTP;"/>
        <s v="WeblogicApache"/>
        <s v="FTP; SMTP;z/OSDB2,FTP; SMTP;"/>
        <s v="FTP;z/OSFTP;"/>
        <s v="BSAFE;z/OSBSAFE;"/>
        <s v="WeblogicOracle LinuxOracleApache"/>
        <s v="z/OSDB2,"/>
        <s v="Web Experience Toolkit (WET);WeblogicWeb Experience Toolkit (WET);"/>
        <s v="CVS; JavaScript;Weblogicz/OSDB2CVS; JavaScript;"/>
        <s v="SMTP;z/OSDB2,SMTP;"/>
        <s v="Struts; Web Experience Toolkit (WET);Weblogicz/OSDB2Struts; Web Experience Toolkit (WET);Apache"/>
        <s v=".NetWindows"/>
        <s v="Weblogicz/OSApache"/>
        <s v="TomcatSolaris SparcDB2Apache"/>
        <s v="FTP;Weblogicz/OSDB2FTP;"/>
        <s v="WeblogicSolaris SparcOracleApache"/>
        <s v="Struts2;z/OSStruts2;Apache"/>
        <s v="Weblogicz/OSDB2,"/>
        <s v="ASP.NET; FTP;z/OSDB2ASP.NET; FTP;"/>
        <s v="CVS; iText; JASPER Reports;Weblogicz/OSDB2CVS; iText; JASPER Reports;"/>
        <s v="WeblogicWindowsOracle"/>
        <s v="Struts;WeblogicStruts;Apache"/>
        <s v="CVS; iText; Struts2; Web Experience Toolkit (WET);Weblogicz/OSDB2CVS; iText; Struts2; Web Experience Toolkit (WET);Apache"/>
        <s v="Struts;WeblogicWindowsDB2Struts;"/>
        <s v="Struts;WeblogicSolaris SparcStruts;Apache"/>
        <s v="FTP; LDAP; Scripts - SHELL;Solaris SparcDB2FTP; LDAP; Scripts - SHELL;"/>
        <s v="Struts;WeblogicSolaris SparcDB2Struts;"/>
        <s v="z/OSMS/SQL Server,MS/SQL Server"/>
        <s v="TomcatSolaris SparcOracleApache,"/>
        <s v="FTP; Struts;WeblogicSolaris SparcDB2FTP; Struts;"/>
        <s v="FTP;WindowsOracleFTP;"/>
        <s v="CVS; FTP; JavaMail; SMTP;Weblogicz/OSDB2CVS; FTP; JavaMail; SMTP;"/>
        <s v="ASP.NET;Weblogicz/OSDB2ASP.NET;"/>
        <s v="ASP.NET; FTP;Tomcat,WebsphereHPUX,z/OSDB2ASP.NET; FTP;Apache,"/>
        <s v="Struts2; Web Experience Toolkit (WET);WeblogicStruts2; Web Experience Toolkit (WET);Apache"/>
        <s v="ASP.NET;WindowsDB2ASP.NET;MS IIS"/>
        <s v="Struts;WeblogicOracle LinuxDB2Struts;Apache"/>
        <s v="FTP;Tomcat,WebsphereHPUXDB2FTP;Apache"/>
        <s v="Solaris SparcDB2"/>
        <s v="Apache HTTP Server; CVS;Weblogicz/OSApache HTTP Server; CVS;Apache"/>
        <s v="Apache HTTP Server; CVS; JavaScript;Weblogicz/OSApache HTTP Server; CVS; JavaScript;Apache"/>
        <s v="FTP;FTP;"/>
        <s v="Struts;Weblogicz/OSStruts;"/>
        <s v="JavaScript; Struts;z/OSDB2JavaScript; Struts;"/>
        <s v="FTP;Weblogicz/OSFTP;"/>
        <s v="Struts;Weblogicz/OSDB2Struts;"/>
        <s v="Solaris x86,z/OSDB2Apache,"/>
        <s v="z/OSMS IIS"/>
        <s v="WeblogicHPUXDB2Apache"/>
        <s v="Apache HTTP Server; CVS; FTP; iText; Struts2; Web Experience Toolkit (WET);Weblogicz/OSDB2Apache HTTP Server; CVS; FTP; iText; Struts2; Web Experience Toolkit (WET);Apache"/>
        <s v="JavaScript; Web Experience Toolkit (WET);WeblogicSolaris SparcJavaScript; Web Experience Toolkit (WET);Apache"/>
        <s v="CVS; Struts;WeblogicSolaris SparcDB2CVS; Struts;Apache"/>
        <s v="WeblogicSolaris SparcDB2Apache"/>
        <s v="iText;Weblogicz/OSDB2iText;Apache"/>
        <s v="ASP.NET;WindowsMS/SQL Server,MS/SQL ServerASP.NET;"/>
        <s v="Weblogicz/OSDB2,Apache"/>
        <s v="Linux RHEL x86DB2Apache"/>
        <s v="Struts2;WeblogicSolaris SparcDB2Struts2;Apache"/>
        <s v="Tomcat,WeblogicSolaris SparcDB2Apache"/>
        <s v="FTP; JavaScript; SMTP; Struts;Weblogicz/OSFTP; JavaScript; SMTP; Struts;Apache"/>
        <s v="FTP; Struts;Weblogicz/OSDB2FTP; Struts;MS IIS"/>
        <s v="Apache HTTP Server; Axis; JavaScript; Struts;Weblogicz/OSDB2Apache HTTP Server; Axis; JavaScript; Struts;Apache"/>
        <s v="WeblogicSolaris SparcApache"/>
        <s v="CVS; Struts;Weblogicz/OSDB2CVS; Struts;"/>
        <s v="Tomcat,WebsphereHPUXDB2Apache"/>
        <s v="Tomcat,WebsphereHPUX,z/OSDB2Apache,"/>
        <s v="CVS; JASPER Reports;WeblogicWindowsCVS; JASPER Reports;"/>
        <s v="iText; JASPER Reports;Weblogicz/OSDB2iText; JASPER Reports;"/>
        <s v="Web Experience Toolkit (WET);WeblogicWeb Experience Toolkit (WET);Apache"/>
        <s v="AD; JavaScript; Web Experience Toolkit (WET);WeblogicLinux on Z RHELAD; JavaScript; Web Experience Toolkit (WET);Apache"/>
        <s v="CVS; JavaScript; SMTP; Struts2; Web Experience Toolkit (WET);WeblogicSolaris SparcDB2CVS; JavaScript; SMTP; Struts2; Web Experience Toolkit (WET);Apache"/>
        <s v="JavaMail;Weblogicz/OSDB2JavaMail;"/>
        <s v="CVS; FTP; SMTP; Struts2;Weblogicz/OSDB2CVS; FTP; SMTP; Struts2;"/>
        <s v="FTP; Scripts - SHELL;Solaris x86DB2FTP; Scripts - SHELL;"/>
        <s v="Scripts - SHELL;Linux RHEL x86DB2Scripts - SHELL;"/>
        <s v="WeblogicLinux RHEL x86,Solaris SparcDB2Apache,"/>
        <s v="FTP;WeblogicWindowsDB2FTP;"/>
        <s v="iText; Struts2; Web Experience Toolkit (WET);WeblogicOracle LinuxDB2iText; Struts2; Web Experience Toolkit (WET);Apache"/>
        <s v="AD; JavaMail;TomcatWindowsAD; JavaMail;Apache"/>
        <s v="Web Experience Toolkit (WET);WeblogicSolaris SparcDB2Web Experience Toolkit (WET);Apache"/>
        <s v="z/OSMySQLMS IIS"/>
        <s v="Struts; Web Experience Toolkit (WET);Weblogicz/OSDB2Struts; Web Experience Toolkit (WET);"/>
        <s v="Struts; Web Experience Toolkit (WET);WeblogicStruts; Web Experience Toolkit (WET);Apache"/>
        <s v="CVS; Struts2; Web Experience Toolkit (WET);z/OSDB2CVS; Struts2; Web Experience Toolkit (WET);Apache"/>
        <s v="WeblogicMS/SQL Server,MS/SQL ServerApache"/>
        <s v="FTP; LDAP; Struts2;Weblogicz/OSDB2FTP; LDAP; Struts2;Apache"/>
        <s v="Axis;WeblogicAxis;Apache"/>
        <s v="ASP.NET; LDAP;TomcatWindowsMS/SQL Server,MS/SQL ServerASP.NET; LDAP;Apache"/>
        <s v="Struts2; Web Experience Toolkit (WET);WeblogicStruts2; Web Experience Toolkit (WET);"/>
        <s v="Windows 2008 server and up,Linux, HP-Ux, solaris, JBOX, Crystal reports and DBWebsphereClusters JEELinux RHEL x86OracleWindows 2008 server and up,Linux, HP-Ux, solaris, JBOX, Crystal reports and DBApache,MS IIS"/>
        <s v="Windows 2003 server and up-+ DBWindowsMS/SQL Server,MS/SQL ServerWindows 2003 server and up-+ DBMS IIS"/>
        <s v="Open Source - Moodle, Drupal, KalturaMySQLOpen Source - Moodle, Drupal, KalturaApache"/>
        <s v="Windows 2003 server and up-+ DBWindowsMS/SQL Server,MS/SQL ServerWindows 2003 server and up-+ DBvirtual serversMS IIS"/>
        <s v="Scoring 4 as the platform is hosted in Legacy DC, will be revised when migrated to End-State DC"/>
        <s v="SaaS applicationSaaS application following main stream standardsSaaS application"/>
        <s v="Open SourceOpen Source"/>
        <s v="Windows server 2008 and db 2008WindowsMS/SQL Server,MS/SQL ServerWindows server 2008 and db 2008MS IIS"/>
        <s v="Windows 2003 serverWindowsWindows 2003 serverMS IIS"/>
        <s v="noneApplication structure is very complex.Data model is not current.WindowsOraclenone(4 raw - 1 adjustment) not current for 2 years.(5 raw - 1) not current for 2 years.MS IIS"/>
        <s v="none3 base - 2 Data model / documentation is not available -1 Lack of quality control = 0WindowsOraclenoneAll standard hardware platforms as specified by CFIA.(5 raw - 1) not current for 2 years.MS IIS"/>
        <s v="noneOld version of Oracle Forms.(2 raw - 2 adjustment )Data model is not fully documentedWindowsOraclenoneNot tested on  OS environments. (4 raw - 1 adjustment) not current for 2 years.(5 raw - 1) not current for 2 years.MS IIS"/>
        <s v="noneNo scalability. (2 raw - 1adjustment) the application has been customized.(5 raw - 2 adjustment) Data model / documentation is not available.WindowsOraclenoneNot tested on  OS environments. (4 raw - 2 adjustment) not current and no longer supported(5 raw - 1) not current for 2 years.MS IIS"/>
        <s v="noneOld version of Oracle Forms.(2 raw - 2 adjustment )Data model is not fully documentedWindowsOraclenoneNot tested on  OS environments. (4 raw - 1adjustment) not current for 2 years.(5 raw - 1) not current for 2 years.MS IIS"/>
        <s v="noneNo roadmap identified.(5 raw -3 adjustment) No data model clearly documented and not good.WindowsOraclenone(on w2k12MS IIS"/>
        <s v="noneNo roadmap identified.(5 raw -3 adjustment) No data model clearly documented and not good.WindowsMS/SQL Server,MS/SQL Servernone(4 raw - 1adjustment) not current for 2 years.(4 raw - 1 adjustment) not current for 2 years.MS IIS"/>
        <s v="none(5 raw -1 adjustment) Data model not available.WindowsOraclenone(5 raw - 1) not current for 2 years.MS IIS"/>
        <s v="none0WindowsMS/SQL Server,MS/SQL ServernoneNot tested on  OS environments. (4 raw - 1adjustment) not current for 2 years.(5 raw - 1) not current for 2 years.MS IIS"/>
        <s v="nonecomplex application logicData model is not current.WindowsMS/SQL Server,MS/SQL Servernone(3raw - 1 adjustment) not current for 2 years.on w2k12MS IIS"/>
        <s v="noneNo roadmap identified.(3 raw -3 adjustment) No data model clearly documented and not good. Ms accessWindowsnoneon w2k12MS IIS"/>
        <s v="nonems accessWindowsnone(4 raw - 1 adjustment) not current for 2 years.on w2k12MS IIS"/>
        <s v="noneNo scalability. (2 raw - 1 adjustment) the application has been customized.(5 raw - 3 adjustment) Data model / documentation is not available.WindowsOraclenoneNot tested on  OS environments. (4 raw - 1 adjustment) not current for 2 years.on wk212MS IIS"/>
        <s v="noneavailable.WindowsOraclenoneNot tested on  OS environments. (4 raw - 1 adjustment) not current for 2 years.on w2k12MS IIS"/>
        <s v="none(WindowsOraclenoneon w2k12MS IIS"/>
        <s v="noneWindowsOraclenone(on w2k12MS IIS"/>
        <s v="noneOld version of Oracle Forms.(2 raw - 2 adjustment )Data model is not fully documentedWindowsOraclenoneNot tested on  OS environments. (2 raw - 2 adjustment) not current for 2 years.on w2k12MS IIS"/>
        <s v="noneNo scalability. (2 raw - 1 adjustment) the application has been customized.(5 raw - 3 adjustment) Data model / documentation is not available.WindowsOraclenoneNot tested on  OS environments. (4 raw - 1 adjustment) not current for 2 years.(5 raw - 1) not current for 2 years.MS IIS"/>
        <s v="none(4 raw - 1) not part of standardsNo Data model.WindowsOraclenone(4 raw - 1) not current for 2 years.(5 raw - 1) not current for 2 years.MS IIS"/>
        <s v="none(5 raw - 2 adjustment) No data model fully documented and the database is a version that is not current.WindowsOraclenone(4 raw - 1 adjustment) not current for 2 years.(5 raw - 1) not current for 2 years.Apache"/>
        <s v="nonedata model not currentWindowsOraclenonenot current for 2 years(5 raw - 1) not current for 2 years.MS IIS"/>
        <s v="noneData model is not current.WindowsOraclenone(4 raw - 1 adjustment) not current for 2 years.(5 raw - 1) not current for 2 years.MS IIS"/>
        <s v="noneNo scalability. (2 raw - 1 adjustment) the application has been customized.(5 raw - 2 adjustment) Data model / documentation is not available.WindowsOraclenoneNot tested on  OS environments. (4 raw - 2 adjustment) not current and no longer supported(5 raw - 1) not current for 2 years.MS IIS"/>
        <s v="nonecomplex program to modifydata model not currentWindowsOraclenone(4 raw - 1 adjustment) not current for 2 years.(5 raw - 1) not current for 2 years.MS IIS"/>
        <s v="nonecomplex program to modifyData model is not current.WindowsOraclenone(4 raw - 1 adjustment) not current for 2 years.(5 raw - 1) not current for 2 years.MS IIS"/>
        <s v="nonecpmplex program to modifydata model not currentWindowsOraclenone(4 raw - 1 adjustment) not current for 2 years.(5 raw - 1) not current for 2 years.MS IIS"/>
        <s v="nonedata model not currentWindowsOraclenone(4 raw - 1 adjustment) not current for 2 years.(5 raw - 1) not current for 2 years.MS IIS"/>
        <s v="none(5 raw - 3 adjustment) Data model / documentation is not available.WindowsOraclenoneNot tested on  OS environments. (4 raw - 1 adjustment) not current for 2 years.(5 raw - 1) not current for 2 years.MS IIS"/>
        <s v="none(2 raw - 2 adjustment )Data model is not fully documentedWindowsOraclenoneNot tested on  OS environments. (4 raw - 1 adjustment) not current for 2 years.(5 raw - 1) not current for 2 years.MS IIS"/>
        <s v="nonerequire extensive modification to import new programsdata model not currentWindowsOraclenone(4 raw - 1 adjustment) not current for 2 years.(5 raw - 1) not current for 2 years.MS IIS"/>
        <s v="nonedata model is not currentWindowsOraclenone(5 raw - 1) not current for 2 years.Apache"/>
        <s v="none(2 raw - 2 adjustment )Data model is not fully documentedWindowsnone(1 raw - 1 adjusted) 16 bits applications(5 raw - 1) not current for 2 years.MS IIS"/>
        <s v="none(5 raw -3 adjustment) No data model clearly documented and not good.WindowsOraclenone(4 raw - 1adjustment) not current for 2 years.(5 raw - 1) not current for 2 years.MS IIS"/>
        <s v="noneWindowsOraclenone(4 raw - 1) not current for 2 years.(5 raw - 1) not current for 2 years.MS IIS"/>
        <s v="noneNo scalability. (2 raw - 1 adjustment) the application has been customized.WindowsOraclenoneNot tested on  OS environments. (4 raw - 2 adjustment) not current and no longer supported(5 raw - 1) not current for 2 years.MS IIS"/>
        <s v="noneWindowsOraclenone(4 raw - 1 adjustment) not current for 2 years.being deployed on w2k12MS IIS"/>
        <s v="noneComplex programs to modified.WindowsOraclenone(2 raw - 1 adjustment) not current for 2 years.on WK212MS IIS"/>
        <s v="noneno capability to meet current architectureWindowsOraclenone(2 raw - 1 adjustment) not current for 2 years.(4 raw) not current for 2 years.MS IIS"/>
        <s v="nonecomplex application to modify.WindowsOraclenone(4 raw - 1adjustment) not current for 2 years.(5 raw - 1) not current for 2 years.MS IIS"/>
        <s v="noneWindowsMS/SQL Server,MS/SQL Servernone(5 raw - 1) not current for 2 years.MS IIS"/>
        <s v="noneJira Data model comes from AtlassianWindowsOraclenoneCFIA Oracle 10g DB is used to host Jira data.(5 raw - 1) not current for 2 years.MS IIS"/>
        <s v="noneWindowsOraclenone(5 raw - 1) not current for 2 years.MS IIS"/>
        <s v="noneWindowsOraclenoneUse Windows XP/2003 and Oracle Servers(5 raw - 1) not current for 2 years.MS IIS"/>
        <s v="OracleWindowsOracleVirtual Machine(5 raw - 1) not current for 2 years.MS IIS"/>
        <s v="PostgreSQLWindowsOracle(5 raw - 1) not current for 2 years.MS IIS"/>
        <s v="WindowsMS/SQL Server,MS/SQL Server(5 raw - 1) not current for 2 years.MS IIS"/>
        <s v="noneData nodel not currentWindowsOraclenoneon w2k212MS IIS"/>
        <s v="WindowsOracle(5 raw - 1) not current for 2 years.MS IIS"/>
        <s v="WindowsOracleon w2k8MS IIS"/>
        <s v="WindowsOracledesktop client(5 raw - 1) not current for 2 years.MS IIS"/>
        <s v="complex programdata model not currentWindows(4 raw - 1 adjustment) not current for 2 years.(5 raw - 1) not current for 2 years.MS IIS"/>
        <s v="No scalability. (2 raw - 1 adjustment) the application has been customized(5 raw - 3 adjustment) Data model / documentation is not available.WindowsOracleNot tested on  OS environments. (4 raw - 1 adjustment) not current for 2 years.(5 raw - 1) not current for 2 years.MS IIS"/>
        <s v="WindowsOracleWindows Server 2012MS IIS"/>
        <s v="complex program to modifydata model not currentWindowsOracle(4 raw - 1 adjustment) not current for 2 years.(5 raw - 1) not current for 2 years.MS IIS"/>
        <s v="complex program to modifyData model is not current.WindowsOracle(4 raw - 1 adjustment) not current for 2 years.(5 raw - 1) not current for 2 years.MS IIS"/>
        <s v="complex program to modifyWindowsOracle(4 raw - 1 adjustment) not current for 2 years.(5 raw - 1) not current for 2 years.MS IIS"/>
        <s v="data model not currentWindowsMS/SQL Server,MS/SQL Server(4 raw - 1 adjustment) not current for 2 years.(5 raw - 1) not current for 2 years.MS IIS"/>
        <s v="(5 raw - 3 adjustment) Data model / documentation is not available.WindowsOracleNot tested on  OS environments. (4 raw - 1 adjustment) not current for 2 years.(5 raw - 1) not current for 2 years.MS IIS"/>
        <s v="data model is not currentWindowsOracle(5 raw - 1) not current for 2 years.MS IIS"/>
        <s v="data model not currentWindowsOracle(4 raw - 1 adjustment) not current for 2 years.(5 raw - 1) not current for 2 years.MS IIS"/>
        <s v="data model is not currentWindowsOracle(4 raw - 1 adjustment) not current for 2 years.(5 raw - 1) not current for 2 years.MS IIS"/>
        <s v="complex programdata model not currentWindowsOracle(4 raw - 1 adjustment) not current for 2 years.(5 raw - 1) not current for 2 years.MS IIS"/>
        <s v="noneNo roadmap identified.WindowsnoneWindows 7(5 raw - 1) not current for 2 years.MS IIS"/>
        <s v="noneroadmap identified.WindowsnoneWindows 7(5 raw - 1) not current for 2 years.MS IIS"/>
        <s v="roadmap identified.WindowsWindows 7(5 raw - 1) not current for 2 years.MS IIS"/>
        <s v="(4 raw - 1) not part of standardsNo Data model.Windows(4 raw - 1) not current for 2 years.(5 raw - 1) not current for 2 years.MS IIS"/>
        <s v="roadmap identified.WindowsWindows 7Windows 7MS IIS"/>
        <s v="noneroadmap identified.WindowsnoneWindows 7Windows 7MS IIS"/>
        <s v="WindowsMS IIS"/>
        <s v="No roadmap identified.(3 raw -3 adjustment) No data model clearly documented and not good.Windows(4 raw - 1 adjustment) not current for 2 years.(5 raw - 1) not current for 2 years.MS IIS"/>
        <s v="Old version of Oracle Forms.(2 raw - 2 adjustment )Data model is not fully documentedWindowsNot tested on  OS environments. (4 raw - 1adjustment) not current for 2 years.(5 raw - 1) not current for 2 years.MS IIS"/>
        <s v="Excel provides access to data that is normally stored in  databases such as SAP but does not really offer much in terms of database.Windows(5 raw - 1) not current for 2 years.MS IIS"/>
        <s v="00Windows00MS IIS"/>
        <s v="No roadmap identified.WindowsWindows 8(5 raw - 1) not current for 2 years.MS IIS"/>
        <s v="WindowsOracle(5 raw - 1) not current for 2 yearsMS IIS"/>
        <s v="WindowsOracleNot tested on  OS environments. (4 raw - 1 adjustment) not current for 2 years.(5 raw -1) not current for 2 yearsMS IIS"/>
        <s v="WindowsOracle(5 raw -1) not current for 2 yearsMS IIS"/>
        <s v="Windows(5 raw - 1) not current for 2 yearsMS IIS"/>
        <s v="Windows(5 raw -1) not current for 2 yearsMS IIS"/>
        <s v="Windows(5 raw - 1) not current for 2 years.MS IIS"/>
        <s v="WindowsMS/SQL Server,MS/SQL Server(5 raw -1) not current for 2 yearsMS IIS"/>
        <s v="TomcatMSSQLWindowsMS/SQL Server,MS/SQL Server"/>
        <s v="WindowsMySQL"/>
        <s v="TomcatWindows"/>
        <s v="TomcatWindowsMS/SQL Server,MS/SQL Server"/>
        <s v="Linux RHEL x86MySQL"/>
        <s v="MS/SQL Server,MS/SQL Server"/>
        <s v="MySQL"/>
        <s v="SQLWindowsMS/SQL Server,MS/SQL ServerSQL"/>
        <s v=".Net, DevExpress.NetWindowsMS/SQL Server,MS/SQL Server.Net, DevExpress"/>
        <s v="Linux RHEL x86Oracle"/>
        <s v="ORACLE, Web browserWeblogicWindowsOracleORACLE, Web browser"/>
        <s v="VB6, COM+, SQL, .NET, WPF, WCF, LINQ.NetWindowsMS/SQL Server,MS/SQL ServerVB6, COM+, SQL, .NET, WPF, WCF, LINQ"/>
        <s v="Oracle, UperformWindowsOracleOracle, Uperform"/>
        <s v="External service provider"/>
        <s v="TomcatLinux RHEL x86MySQLApache"/>
        <s v="Active Directory, RDIMS, Adobe, GCKey Secure Key, LOUIS, Identity Management, Portal..NetWindowsMS/SQL Server,MS/SQL Server,SybaseActive Directory, RDIMS, Adobe, GCKey Secure Key, LOUIS, Identity Management, Portal.MS IIS"/>
        <s v="Active Directory, RDIMS.NetWindowsMS/SQL Server,MS/SQL ServerActive Directory, RDIMSMS IIS"/>
        <s v="Dynamics CRMDynamics CRM"/>
        <s v="Active DirectoryWindowsMS/SQL Server,MS/SQL ServerActive DirectoryMS IIS"/>
        <s v="WindowsSybaseMS IIS"/>
        <s v="Active Directory.NetWindowsMS/SQL Server,MS/SQL ServerActive DirectoryMS IIS"/>
        <s v="RDIMS.NetWindowsMS/SQL Server,MS/SQL ServerRDIMSMS IIS"/>
        <s v="LOUIS, Excel, AdobeWindowsMS/SQL Server,MS/SQL ServerLOUIS, Excel, AdobeMS IIS"/>
        <s v="LOUIS, HRIS, Excel, OPRTWindowsSybaseLOUIS, HRIS, Excel, OPRTMS IIS"/>
        <s v="LOUISWindowsSybaseLOUISMS IIS"/>
        <s v="Active Directory, MessagingActive Directory, Messaging"/>
        <s v="HRIS, Excel, AdobeWindowsSybaseHRIS, Excel, AdobeMS IIS"/>
        <s v="LOUIS, Windows Store Application Framework, Windows Presentation Foundation, SyncFusion Mobile Components, Panasonic Tablet SDK.NetWindowsMS/SQL Server,MS/SQL ServerLOUIS, Windows Store Application Framework, Windows Presentation Foundation, SyncFusion Mobile Components, Panasonic Tablet SDK"/>
        <s v="Portal, ID Management, GCKey Secure Key,.NetWindowsMS/SQL Server,MS/SQL ServerPortal, ID Management, GCKey Secure Key,MS IIS"/>
        <s v="Financial SystemWindowsMS/SQL Server,MS/SQL ServerFinancial SystemMS IIS"/>
        <s v="HRISWindowsSybaseHRISMS IIS"/>
        <s v="GCKey Secure Key.NetWindowsMS/SQL Server,MS/SQL Server,SybaseGCKey Secure KeyMS IIS"/>
        <s v="RDMIS, Active Directory, Identity Management, LOUIS, HRIS.NetWindowsMS/SQL Server,MS/SQL ServerRDMIS, Active Directory, Identity Management, LOUIS, HRISMS IIS"/>
        <s v="Portal, ID Management, GCKey Secure Key, RDIMS, LOUIS.NetWindowsSybasePortal, ID Management, GCKey Secure Key, RDIMS, LOUISMS IIS"/>
        <s v="&quot;Messaging Queue Technology (WebSphere MQ)_x000a_Dynamics CRM_x000a_PKI &amp; Group PKI_x000a_Secure Access.Net,WebsphereWindowsMS/SQL Server,MS/SQL Server&quot;Messaging Queue Technology (WebSphere MQ)_x000a_Dynamics CRM_x000a_PKI &amp; Group PKI_x000a_Secure AccessMS IIS"/>
        <s v="WeblogicLinux RHEL x86OracleApache"/>
        <s v="Data model is not easily accessible and tables and fields names are in german (most of the time).Linux RHEL x86Oracle"/>
        <s v="Ms OfficeWeblogicLinux RHEL x86OracleMs OfficeApache"/>
        <s v="Database is proprietary. Must be installed on a netwoek drive.Not applicable since it is using flat files as repositoryWindowsDatabase is proprietary. Must be installed on a netwoek drive."/>
        <s v=".NetLinux RHEL x86OracleMS IIS"/>
        <s v="Centura Builder_x000a_ReflectionLinux RHEL x86OracleCentura Builder_x000a_Reflection"/>
        <s v="Linux RHEL x86OracleApache"/>
        <s v="bug tracking systemWindowsMS/SQL Server,MS/SQL Serverbug tracking systemMS IIS"/>
        <s v=".NetDoes not have a database.MS IIS"/>
        <s v="AutoCad is required to edit the drawings.WindowsMS/SQL Server,MS/SQL ServerAutoCad is required to edit the drawings.MS IIS"/>
        <s v="WindowsOracleApache"/>
        <s v=".NetThis system has no database of its own."/>
        <s v="Version standalone sur un PC et version sur réseauWindowsMS/SQL Server,MS/SQL ServerVersion standalone sur un PC et version sur réseau"/>
        <s v="Linux RHEL x86OracleMS IIS"/>
        <s v="Oracle APEXLinux RHEL x86OracleOracle APEX"/>
        <s v="Mailing list serverWindowsMS/SQL Server,MS/SQL ServerMailing list serverMS IIS"/>
        <s v=".NetMS IIS"/>
        <s v="Microsoft .NET.NetLinux RHEL x86OracleMicrosoft .NETMS IIS"/>
        <s v="Data model / documentation is not easily accessible. This means that it takes someone with a need to reference the data model (developer, DBA, analyst, etc.)Linux RHEL x86MySQLApache"/>
        <s v="Java Browser Plug-inLinux RHEL x86OracleJava Browser Plug-inApache"/>
        <s v="JavaLinux RHEL x86OracleJavaApache"/>
        <s v="TomcatLinux RHEL x86OracleApache"/>
        <s v="Linux RHEL x86MySQLApache"/>
        <s v="TomcatLinux RHEL x86MySQL,OracleApache"/>
        <s v="PHP_x000a_XML readerLinux RHEL x86MySQLPHP_x000a_XML readerApache"/>
        <s v="JavaLinux RHEL x86OracleJavaMS IIS"/>
        <s v="XML DatabaseWindowsApache"/>
        <s v=".NetOracle 11gR2WindowsOracleX86-64windows 2008R2"/>
        <s v=".NetOracle 11gR2WindowsOracleX86-64windows 2008 R2"/>
        <s v="forced to use it offline because it’s so old it wont work on the corporate network PC’sFox ProWindowsX86-32bit and 16bitWindows XP"/>
        <s v="WindowsX86-64"/>
        <s v="Oracle 10WindowsOracleX86-64Windows 2008R2"/>
        <s v="TomcatOracle 11gR2WindowsOracleX86-64windows 2008 R2"/>
        <s v="Access 2016WindowsX86-64windows 2008 R2"/>
        <s v="X86-64Windows 2008R2"/>
        <s v="WindowsOracleX86-64windows 2008 R2"/>
        <s v=".NetSQL Server 2012WindowsMS/SQL Server,MS/SQL ServerX86-64Windows 2008R2MS IIS"/>
        <s v="TomcatWindowsOracleX86-64Windows 2008 R2Apache"/>
        <s v="Oracle 11gR2X86-64Windows 2008R2"/>
        <s v="Microsoft Visual Studio Ultimate v2012; IBM Rational Team Concert v6; Oracle SQL Developer; Active Report v6Oracle 12cWindowsOracleMicrosoft Visual Studio Ultimate v2012; IBM Rational Team Concert v6; Oracle SQL Developer; Active Report v6X86-64Windows 2008R2;#OAC Windows 7MS IIS"/>
        <s v="Oracle Db,Oracle Discoverer, Java, OAS, IE Browser, OFMOracle 10gHPUXOracleOracle Db,Oracle Discoverer, Java, OAS, IE Browser, OFMX86-64Windows 2008R2"/>
        <s v="Active DirectoryWindowsMySQLActive DirectoryX86-64Windows 2008R2"/>
        <s v="SQL Server 2008WindowsMS/SQL Server,MS/SQL ServerX86-64Windows 2008R2"/>
        <s v="Tomcat (bundled for intellishare) 6.0.1.8, IIS.Net,TomcatSQL Server 2008WindowsMS/SQL Server,MS/SQL ServerTomcat (bundled for intellishare) 6.0.1.8, IISX86-64Windows 2008R2MS IIS"/>
        <s v="Microsoft Visual Studio 2010 Ultimate, Jazz 6.1, Oracle SQL Developer, Active Directory Web Service, Active Directory Window Service, Oracle 11g, IIS 7TomcatOracle 11gR2WindowsOracleMicrosoft Visual Studio 2010 Ultimate, Jazz 6.1, Oracle SQL Developer, Active Directory Web Service, Active Directory Window Service, Oracle 11g, IIS 7X86-64Windows 2008R2MS IIS"/>
        <s v="Oracle 11gR2Linux on Z RHELOracleX86-64Windows 2008R2"/>
        <s v=".NetWeb  accessWindowsMS/SQL Server,MS/SQL ServerX86-64windows 2008 R2MS IIS"/>
        <s v=".NetMySQL 5.4.xWindowsMySQLX86-64Windows 2008R2MS IIS"/>
        <s v="TomcatOracle 12c R1WindowsOracleX86-64windows 2008R2"/>
        <s v="TomcatWindowsX86-64Windows 2003"/>
        <s v="The database is hosted by the service provider outside CSC. There is no database on the desktop client.EPAS is a combination of an infrastructure hosted outside CSC and a desktop client."/>
        <s v=".NetSQL Server 2008 R2(SP2)WindowsMS/SQL Server,MS/SQL ServerX86-64windows 2008R2MS IIS"/>
        <s v=".NetSQL Server 2008WindowsMS/SQL Server,MS/SQL ServerX86-64Windows 2008R2MS IIS"/>
        <s v=".NetWindowsMS/SQL Server,MS/SQL ServerX86-64Windows 2008R2MS IIS"/>
        <s v="Citrix.NetOracle 11gR2WindowsOracleCitrixX86-64windows 2008R2"/>
        <s v=".NetOracle11gR2HPUXOracleX86-64Windows 2008R2"/>
        <s v=".NetMySQL 5.4.x; Access 2010WindowsMySQL,X86-64Windows 2008R2"/>
        <s v=".NetWindowsOracleX86-64Windows 2008R2"/>
        <s v=".NetWindowsX86-64Windows 2008R2MS IIS"/>
        <s v="WebsphereOracle 11gR2HPUXOracleX86-64Windows 2008R2MS IIS"/>
        <s v="Visual Studio; SQL Developper; IIS;Javascript;VBScript; ASP3.0;.NetOracle 12CHPUXOracleVisual Studio; SQL Developper; IIS;Javascript;VBScript; ASP3.0;X86-64 et ItaniumWindows 2008R2MS IIS"/>
        <s v=".NetSQL Server 2008WindowsMS/SQL Server,MS/SQL ServerX86-64Windows 2008 R2MS IIS"/>
        <s v="DOSDOSX86-64Windows 2008R2"/>
        <s v="WebsphereOracle12.1.0.2.0HPUXOracleX86-64 for fax server; IA64 for database &amp; app serverWindows 2008R2 – fax server which is decommissioned December 2018; HPUX (apps &amp; database servers)"/>
        <s v="Oracle 11G, IIS7, Discoverer,WebsphereOracle 11gR2WindowsOracleOracle 11G, IIS7, Discoverer,X86-64windows 2008 R2MS IIS"/>
        <s v=".NetSQL Server 2008 R2 (SP2)WindowsMS/SQL Server,MS/SQL ServerX86-64windows 2008R2MS IIS"/>
        <s v="Tomcat 9.0.1, Oracle 11gR2, Java, active directoryTomcatOracle 11gR2WindowsOracleTomcat 9.0.1, Oracle 11gR2, Java, active directoryX86-64Windows 2008R2Apache"/>
        <s v="Access 2016WindowsX86-64Windows 7"/>
        <s v=".NetOracle 11gR2WindowsOracleX86-64windows 2008 R2MS IIS"/>
        <s v="Oracle URM/UCM/IBR; Flip Factory; Oracle WeblogicOracle 12cR1HPUXOracleOracle URM/UCM/IBR; Flip Factory; Oracle WeblogicX86-64Windows 2008R2"/>
        <s v="Oracle Streams.NetOracle 11gR2HPUXOracleOracle StreamsX86-64;#Itanium (HP-UX)Windows 2008R2MS IIS"/>
        <s v="Eclipse Java EE IDE; Activiti Workflow Eclipse plugin; Windows Builder Eclipse plug in; NetBean; Oracle SQL Developer; Visual Studio;  IBM Rational Team Concert; Ireport; VidCoder; Java JDK; Soap UI; IBM Rational SoftwareWeblogicOracle 11gR2HPUXOracleEclipse Java EE IDE; Activiti Workflow Eclipse plugin; Windows Builder Eclipse plug in; NetBean; Oracle SQL Developer; Visual Studio;  IBM Rational Team Concert; Ireport; VidCoder; Java JDK; Soap UI; IBM Rational SoftwareX86-64;#Itanium (HP-UX)Windows 2008R2"/>
        <s v="Oracle Discoverer, Oracle 11gr2Oracle Database 10gHPUXOracleOracle Discoverer, Oracle 11gr2X86-64Windows 2008R2"/>
        <s v="Crystal Report Runtime.NetSQL Server 2012WindowsMS/SQL Server,MS/SQL ServerCrystal Report RuntimeX86-64windows 2008 R2"/>
        <s v="The database is hosted by the service provider outside CSC. There is no database on the desktop client.WindowsEPAS is a combination of an infrastructure hosted outside CSC and a desktop client."/>
        <s v="Java 1.8_45, Apache TomEE 1.7.2, Jasper reports, JSF 2.1, JPA 2.0, Primefaces 5.2, EJB 3.1, PicketLink 2.8, Jasper reporting 6.1.1Oracle 11gR2WindowsOracleJava 1.8_45, Apache TomEE 1.7.2, Jasper reports, JSF 2.1, JPA 2.0, Primefaces 5.2, EJB 3.1, PicketLink 2.8, Jasper reporting 6.1.1X86-64Windows 2008R2"/>
        <s v="Handscanner, barcode reader, special keyboard, special printerWindowsMySQLHandscanner, barcode reader, special keyboard, special printerX86-32Windows XP for PROD"/>
        <s v="Oracle Streams, Citrix.NetOracle 11gR2WindowsOracleOracle Streams, CitrixX86-64Windows 2008 R2MS IIS"/>
        <s v="Oracle 11gR2HPUXOracleX86-64;#Itanium (HP-UX)Windows 2008R2"/>
        <s v=".NetOracle 11gR2HPUXOracleX86-64;#Itanium (HP-UX)Windows 2008R2MS IIS"/>
        <s v="currently use virtual servers loaded with: Windows 2003, IIS, MS/SQL Server 2005, ASP, Office Web Components, MS Excel  (Plan is to move to Windows 2008 (64bit), IIS, MS/SQL Server 2008/2012, ASP, MS-Excel).NetSQL Server 2012WindowsMS/SQL Server,MS/SQL Servercurrently use virtual servers loaded with: Windows 2003, IIS, MS/SQL Server 2005, ASP, Office Web Components, MS Excel  (Plan is to move to Windows 2008 (64bit), IIS, MS/SQL Server 2008/2012, ASP, MS-Excel)X86-64Windows 2008R2MS IIS"/>
        <s v="Citrix.NetOracle11gR2Linux RHEL x86OracleCitrixX86-64 (app &amp; db server)Windows 2008R2 (app server) ;#RedHat6 (database server)MS IIS"/>
        <s v="CitrixOracle11gR2WindowsOracleCitrixX86-64Windows 2008 R2"/>
        <s v="Eclipse, Java 1.7, Tomcat 6.35,Jasper Soft Studio, PDF,Excel, Oracle 12cTomcatOracle 12cWindowsOracleEclipse, Java 1.7, Tomcat 6.35,Jasper Soft Studio, PDF,Excel, Oracle 12cX86-64Windows 2008R2"/>
        <s v="Access 2016WindowsX86-64Windows 2008R2"/>
        <s v="Scheduler.NetOracle 11Gr2WindowsOracleSchedulerX86-64Windows 2008R2MS IIS"/>
        <s v="Oracle 11gR2WindowsMS/SQL Server,MS/SQL ServerX86-64"/>
        <s v="MySQL: 5.0.26, Apache2: 2.2.3-16-21MySQL 5.0.26Linux SLES x86MySQLMySQL: 5.0.26, Apache2: 2.2.3-16-21X86-64SUSE LinuxApache"/>
        <s v="X86-64"/>
        <s v="MS AccessAccess 2016WindowsMS AccessX86-64Windows 2008R2"/>
        <s v="Access 2016X86-64Windows 2008R2"/>
        <s v="WindowsMS/SQL Server,MS/SQL ServerX86-64MS IIS"/>
        <s v="Eclipse, java 1.5, Tomcat 6.35, Excel,PDF, Oracle 11gR2TomcatOracle 11gR2WindowsOracleEclipse, java 1.5, Tomcat 6.35, Excel,PDF, Oracle 11gR2X86-64Windows 2008 R2"/>
        <s v=".NetAccess 97WindowsX86-64windows 2008R2"/>
        <s v="Sharepoint 2013, SQL Server 2008.NetSQL Server 2008WindowsMS/SQL Server,MS/SQL ServerSharepoint 2013, SQL Server 2008X86-64Windows 2008R2MS IIS"/>
        <s v="asp, Access DB, IIS, Sharepoint 2013.NetAccess 2010Windowsasp, Access DB, IIS, Sharepoint 2013X86-64Windows 2008R2MS IIS"/>
        <s v="TPSWindowsX86-64windows 2008 R2"/>
        <s v="SQL AnywhereWindowsMS/SQL Server,MS/SQL Server,X86-64windows 2008R2"/>
        <s v="access 97Access 2016Windowsaccess 97X86-64Windows 2008R2"/>
        <s v="mysql - asp.NetAccess 2016Windowsmysql - aspX86-64Windows 2008R2MS IIS"/>
        <s v="Access 97, mysqlAccess 2016WindowsAccess 97, mysqlX86-64Windows 2008R2"/>
        <s v=".NetMySQLWindowsX86-64Windows 2008R2MS IIS"/>
        <s v=".NetAccess 2016WindowsX86-64Windows 2008R2"/>
        <s v="ASP classic.NetMySQL 5.4.xWindowsMySQLASP classicX86-64Windows 2008R2MS IIS"/>
        <s v="ASP classic.NetSQL Server 2012WindowsMS/SQL Server,MS/SQL ServerASP classicX86-64Windows 2008R2MS IIS"/>
        <s v="CRM 2015,  Scribe, SQL Server 2012, IIS 8.5.NetWindowsCRM 2015,  Scribe, SQL Server 2012, IIS 8.5X86-64MS IIS"/>
        <s v="CRM 2015,  Scribe, SQL Server 2012, IIS 8.5.NetSQL Server 2012WindowsMS/SQL Server,MS/SQL ServerCRM 2015,  Scribe, SQL Server 2012, IIS 8.5X86-64Windows 2012R2MS IIS"/>
        <s v="HTML4, WET toolkit,Access 2016WindowsHTML4, WET toolkit,86-64Windows 2008R2"/>
        <s v="HTML4, WET toolkit,HTML4, WET toolkit,X86-64Unix"/>
        <s v=".NetWindowsMS/SQL Server,MS/SQL ServerX86-64Windows 2008 R2MS IIS"/>
        <s v="Eclipse Java EE IDEOracle 11gR2HPUXOracleEclipse Java EE IDEX86-64Windows 2008 R2"/>
        <s v="Eclipse Java EE IDEWeblogicOracle 12CHPUXOracleEclipse Java EE IDEX86-64;#Itanium (HP-UX)Windows 2008R2 / HP-UX 11iMS IIS"/>
        <s v=".NetSQL Server 2014 (SP1-GDR)WindowsMS/SQL Server,MS/SQL ServerX86-64windows 2008R2MS IIS"/>
        <s v=".NetdBaseWindowsX86-64Windows 2008R2MS IIS"/>
        <s v="Windows RDP.NetBorland Database Engine (BDE)WindowsMySQLWindows RDPX86-64"/>
        <s v="Access 2010Access 2016WindowsAccess 2010X86-64TRRS is MS ACCESS_x000a__x000a_MS Access has been upgraded to 2016MS IIS"/>
        <s v="SQL Server 2008WindowsMS/SQL Server,MS/SQL ServerX86-64Windows 2008R2MS IIS"/>
        <s v=".NetMy SQL 5.6.xWindowsMySQLX86-64windows 2008 R2MS IIS"/>
        <s v=".NetMySQL 5.6.xWindowsMySQLX86-64Windows 2008R2MS IIS"/>
        <s v="AD.NetSQL Server 2008WindowsMS/SQL Server,MS/SQL ServerADX86-64Windows 2008R2MS IIS"/>
        <s v="Telnet.NetSQL Server 2008WindowsMS/SQL Server,MS/SQL ServerTelnetX86-64Windows 2008R2MS IIS"/>
        <s v="Microsoft Visual Studio Ultimate v2012; Eclipse (Juno &amp; Mars); Virtual Box; IBM Rational Team Concert v6; Oracle SQL Developer;Tomcat v8;MySQL v5; Active Report v6;MySQL workbench;WebsphereMySQL 5.6.xLinux RHEL x86MySQLMicrosoft Visual Studio Ultimate v2012; Eclipse (Juno &amp; Mars); Virtual Box; IBM Rational Team Concert v6; Oracle SQL Developer;Tomcat v8;MySQL v5; Active Report v6;MySQL workbench;X86-64Linux REHL6-64bitsApache"/>
        <s v="Oracle 11GR2WindowsOracleX86-64Windows Server 2003MS IIS"/>
        <s v="WebsphereOracle 12cWindowsOracleX86-64Windows 2008R2MS IIS"/>
        <s v="X86-64Windows 2008 R2"/>
        <s v="Win2008R2Win2008R2X86-64Windows 2008R2"/>
        <s v="Win2008R2.NetHPUXOracleWin2008R2X86-64Windows 2008R2MS IIS"/>
        <s v="JSP, Java Server Faces (JSF 2.1.29), Tomcat 6.0.35 on a MS WIN 2008 R2 SP1 OS,  JDK 1.8, J2EE 6.0, Ant 1.9.2, Spring 4.2.2, Tomcat TOMEE Plume 1.7.2, Jasper Reports 6.2.0, SQL Developer, IE..NetOracle 12gHPUXOracleJSP, Java Server Faces (JSF 2.1.29), Tomcat 6.0.35 on a MS WIN 2008 R2 SP1 OS,  JDK 1.8, J2EE 6.0, Ant 1.9.2, Spring 4.2.2, Tomcat TOMEE Plume 1.7.2, Jasper Reports 6.2.0, SQL Developer, IE.X86-64;#Itanium (HP-UX)Windows 2008R2; #HP-UXMS IIS"/>
        <s v="JSP, Java Server Faces (JSF 2.1.29), Tomcat 6.0.35 on a MS WIN 2008 R2 SP1 OS,  JDK 1.8, J2EE 6.0, Ant 1.9.2, Spring 4.2.2, Tomcat TOMEE Plume 1.7.2, Jasper Reports 6.2.0, SQL Developer, IE.TomcatRITA’s DB is Oracle 12CWindowsOracleJSP, Java Server Faces (JSF 2.1.29), Tomcat 6.0.35 on a MS WIN 2008 R2 SP1 OS,  JDK 1.8, J2EE 6.0, Ant 1.9.2, Spring 4.2.2, Tomcat TOMEE Plume 1.7.2, Jasper Reports 6.2.0, SQL Developer, IE.X86-64Windows 2008R2MS IIS"/>
        <s v=".NetSQL Server 2012WindowsMS/SQL Server,MS/SQL ServerX86-64Windows 2008 R2MS IIS"/>
        <s v="WindowsMS/SQL Server,MS/SQL ServerX86-64Windows 2008R2"/>
        <s v=".NetAccess 2016WindowsX86-64Windows 2008 R2MS IIS"/>
        <s v="X86-64Windows 7"/>
        <s v="PostGre SQL,WindowsPostGre SQL,X86-64"/>
        <s v="PostGre SQL,PostgreSQL 9.4WindowsPostGre SQL,X86-64Windows 2008R2"/>
        <s v="Sahrepoint 2013.NetWindowsMS/SQL Server,MS/SQL ServerSahrepoint 2013MS IIS"/>
        <s v="Sahrepoint 2013.NetSQL Server 2008WindowsMS/SQL Server,MS/SQL ServerSahrepoint 2013X86-64Windows 2008R2MS IIS"/>
        <s v="TomcatWindowsMySQLX86-64Windows 2008R2"/>
        <s v="TomcatMySQL5.6.xWindowsMySQLX86-64Windows 2008R2Apache"/>
        <s v="Oracle11gR2;MySQL5.6.xWindowsMySQLX86-64Windows 2008R2Apache"/>
        <s v=".NetOracle 11g R2X86-64windows 2008 R2MS IIS"/>
        <s v="PHP 5.6.22NTFS, MySQL, IIS, PHP with a couple of COTS apps: Wowza for streaming and Sorenson Squeeze for transcoding.MSSQLWindowsMySQLPHP 5.6.22X86-64Windows 2008R2"/>
        <s v="Sharepoint 2013.NetSQL Server 2012WindowsMS/SQL Server,MS/SQL ServerSharepoint 2013X86-64Windows 2008R2MS IIS"/>
        <s v=".NetMSSQL 2008R2WindowsMS/SQL Server,MS/SQL ServerX86-64Windows 2008R2MS IIS"/>
        <s v="WindowsOracleX86-64Windows Server 2003"/>
        <s v=".NetMySQL 5.6.xWindowsMySQLX86-64Windows 2012R2MS IIS"/>
        <s v="Oracle 12, Oracle12cR1X86-64Windows 2008R2"/>
        <s v="Browser, JAZZMostly on the data modelBrowser, JAZZ"/>
        <s v="RZ-PSPSQL01_x000a_RZ-PSPSQL02WindowsMS/SQL Server,MS/SQL ServerRZ-PSPSQL01_x000a_RZ-PSPSQL02"/>
        <s v="WindowsMySQL,Apache,MS IIS"/>
        <s v="WindowsMS/SQL Server,MS/SQL ServerAssigned 4 because it is runing on server as a batch job."/>
        <s v="Specialized database provided as part of the software from Statistics Canada."/>
        <s v="Uses i's own type of database to manage versions of software."/>
        <s v=".Net MS SQL.NetWindowsMS/SQL Server,MS/SQL Server.Net MS SQLMS IIS"/>
        <s v="COTS.NetWindowsMS/SQL Server,MS/SQL ServerCOTSMS IIS"/>
        <s v="COTSWindowsMS/SQL Server,MS/SQL ServerCOTSMS IIS"/>
        <s v="Microsoft SharePoint.NetWindowsMS/SQL Server,MS/SQL ServerMicrosoft SharePointMS IIS"/>
        <s v=".Net MS SQLWindowsMS/SQL Server,MS/SQL Server.Net MS SQLMS IIS"/>
        <s v="Microsoft Acces, network infrastructureWindowsMicrosoft Acces, network infrastructure"/>
        <s v="COTSWindowsCOTS"/>
        <s v="JavaWindowsJavaMS IIS"/>
        <s v="DB ProfileDB Profile"/>
        <s v="SQL Server and all underlying networks, server, storage infrastructure.NetWindowsMS/SQL Server,MS/SQL ServerSQL Server and all underlying networks, server, storage infrastructureMS IIS"/>
        <s v="COTSWindowsMS/SQL Server,MS/SQL ServerCOTS"/>
        <s v="Cost Recovery is done with integration with IFMS (SAP); The records management is done with integration of iCase with GCDocs.  The files are genered of of file numbers opened in GCDocs and the records disposition life cycle is controlled by GCDocs.  Documents are stored on file servers which are in turn distributed across all regions. Integration with Outlook for email import as a document type.  Integration with Office 2013 suite for templating.  Reporting with SQL Server SRSS..NetWindowsMS/SQL Server,MS/SQL ServerCost Recovery is done with integration with IFMS (SAP); The records management is done with integration of iCase with GCDocs.  The files are genered of of file numbers opened in GCDocs and the records disposition life cycle is controlled by GCDocs.  Documents are stored on file servers which are in turn distributed across all regions. Integration with Outlook for email import as a document type.  Integration with Office 2013 suite for templating.  Reporting with SQL Server SRSS.MS IIS"/>
        <s v="COTSWeblogicWindowsMS/SQL Server,MS/SQL ServerCOTSMS IIS"/>
        <s v="MS IIS, MS SQL Server, aspx.net.NetWindowsMS/SQL Server,MS/SQL ServerMS IIS, MS SQL Server, aspx.netMS IIS"/>
        <s v="Custom flat-file and XML FTP, custom RTF documents, SSRS, Exchange (EWS), exports to IFMS, Entrust, SQL, Storage, IVR (telephone access to system informaiton is availlable to the public), MSFT..NetSQL Server 2008 / Data model not documentedWindowsMS/SQL Server,MS/SQL ServerCustom flat-file and XML FTP, custom RTF documents, SSRS, Exchange (EWS), exports to IFMS, Entrust, SQL, Storage, IVR (telephone access to system informaiton is availlable to the public), MSFT.Windows Server 2008 and Windows Server 2012MS IIS"/>
        <s v="SSC basic infrastructure services including Database, FTP, and Firewall Secure Services..NetWindowsMS/SQL Server,MS/SQL ServerSSC basic infrastructure services including Database, FTP, and Firewall Secure Services.MS IIS"/>
        <s v=".Net MS SQLSQL Server 2008 with ETL and SSIS, Reporting Server, and OLAP and data mining server (Analysis Services)WindowsMS/SQL Server,MS/SQL Server.Net MS SQLNothing specificWindows Server 2008MS IIS"/>
        <s v="COTS, Java, apache-tomcat-6.0.48.NetWindowsMS/SQL Server,MS/SQL ServerCOTS, Java, apache-tomcat-6.0.48MS IIS"/>
        <s v=".Net.NetWindowsMS/SQL Server,MS/SQL Server.NetMS IIS"/>
        <s v="SQL Server (or  Enterprise class DB backend), Active Directory (for authentication)WindowsMS/SQL Server,MS/SQL ServerSQL Server (or  Enterprise class DB backend), Active Directory (for authentication)MS IIS"/>
        <s v="Active Directory, SQL express, Excel, IIS, .Net, Crystal Reports.NetWindowsMS/SQL Server,MS/SQL ServerActive Directory, SQL express, Excel, IIS, .Net, Crystal ReportsMS IIS"/>
        <s v="Drupal, MySql.NetWindowsMS/SQL Server,MS/SQL ServerDrupal, MySqlMS IIS"/>
        <s v="mainframemainframe"/>
        <s v=".NET.NET"/>
        <s v=".Net_x000a_OracleDataAccess_x000a_Angular, JavaScript_x000a_CDTS.NetAIXOracle.Net_x000a_OracleDataAccess_x000a_Angular, JavaScript_x000a_CDTSMS IIS"/>
        <s v="StreetPerfect.NetStreetPerfect"/>
        <s v="Active Directory for authentication; file transfer to mainframeWeblogicAIXOracleActive Directory for authentication; file transfer to mainframe"/>
        <s v="WSED_x000a_Microsoft Active Directory.Net,OracleWSED_x000a_Microsoft Active Directory"/>
        <s v="Unisys MCP, DMSII, EDS, Opcon, QuantaUnisys MCP, DMSII, EDS, Opcon, Quanta"/>
        <s v="IIS 7.5_x000a_Framework 4.5.2IIS 7.5_x000a_Framework 4.5.2"/>
        <s v="II7.5    and Framework 4.5.2  and Oracle Web Logic.  ( for the dynamic parts ).  The static site parts can work without these.II7.5    and Framework 4.5.2  and Oracle Web Logic.  ( for the dynamic parts ).  The static site parts can work without these."/>
        <s v="critically dependent of Active Directory for authentification of users.NetAIXOraclecritically dependent of Active Directory for authentification of usersMS IIS"/>
        <s v="Microsoft Excel is required on the desktop.Net,Microsoft Excel is required on the desktop"/>
        <s v="Internet Explorer, cron jobs, Oracle database, FTP processesInternet Explorer, cron jobs, Oracle database, FTP processes"/>
        <s v="EDB_x000a_ITRDS WS_x000a_IGBMAIXOracleEDB_x000a_ITRDS WS_x000a_IGBMApache"/>
        <s v="CSM (Client Server Messaging)_x000a_ADABAS_x000a_IDMS_x000a_MSFTCSM (Client Server Messaging)_x000a_ADABAS_x000a_IDMS_x000a_MSFT"/>
        <s v="Connection to SYBASE databaseConnection to SYBASE database"/>
        <s v="Active directory, Java, OpCon (scheduler).NetActive directory, Java, OpCon (scheduler)"/>
        <s v="IIS.NetAIXOracleIISMS IIS"/>
        <s v="WSED_x000a_IIS_x000a_Active DirectoryAIXOracleWSED_x000a_IIS_x000a_Active DirectoryApache"/>
        <s v="Oracle DB_x000a_Web BrowserOracle DB_x000a_Web Browser"/>
        <s v="Dependency on the database, load-balancer, firewall rules (for internet), WPAZ servers, BRZ servers, intranet servers.Net,AIXOracleDependency on the database, load-balancer, firewall rules (for internet), WPAZ servers, BRZ servers, intranet serversMS IIS"/>
        <s v="JavaAIXOracleJavaApache"/>
        <s v="Windows server, Secure Interface, Database Oracle,.NetAIXOracleWindows server, Secure Interface, Database Oracle,MS IIS"/>
        <s v="oracle DB, OpCon, Web Services, Locum (authentication), Mainframe - Unisys, CCT - EngageOneoracle DB, OpCon, Web Services, Locum (authentication), Mainframe - Unisys, CCT - EngageOne"/>
        <s v="mainframe (NIIS)_x000a_oracle database_x000a_web browsermainframe (NIIS)_x000a_oracle database_x000a_web browser"/>
        <s v="Adobe Reader X+_x000a_ITRDS Web ServicesAdobe Reader X+_x000a_ITRDS Web Services"/>
        <s v="Oracle Database_x000a_Active Directory_x000a_Cognos Servers_x000a_Web ServersOracle Database_x000a_Active Directory_x000a_Cognos Servers_x000a_Web Servers"/>
        <s v="Oracle DB, SQL Server DB, .Net.NetAIX,WindowsMS/SQL Server,MS/SQL Server,OracleOracle DB, SQL Server DB, .Net"/>
        <s v="Oracle DB, IIS, Multitrans from Multicorpora.Net,AIXOracleOracle DB, IIS, Multitrans from MulticorporaMS IIS"/>
        <s v="Active Directory, FTP File Transfer, Oracle Database, SQL Database, WCF/ASMX Web Services SOAP, Windows Services.NetAIX,WindowsMS/SQL Server,MS/SQL Server,OracleActive Directory, FTP File Transfer, Oracle Database, SQL Database, WCF/ASMX Web Services SOAP, Windows Services"/>
        <s v="WSEDWSED"/>
        <s v="Application Scheduling_x000a_File Transfer_x000a_Application Messaging_x000a_Authentication Layer_x000a_Database_x000a_Active Directory.NetAIXOracleApplication Scheduling_x000a_File Transfer_x000a_Application Messaging_x000a_Authentication Layer_x000a_Database_x000a_Active DirectoryApache"/>
        <s v="PowerBuilderPowerBuilder"/>
        <s v="External providers (GCKey, SecureKey), SIR, SSC language common domain, ECAS DB, PAC, OpenAM SAML 2.0, SSL, security certificates, many webservices and all ISCI componentsWeblogicAIXOracleExternal providers (GCKey, SecureKey), SIR, SSC language common domain, ECAS DB, PAC, OpenAM SAML 2.0, SSL, security certificates, many webservices and all ISCI components"/>
        <s v="SYBASE_x000a_Network accessSYBASE_x000a_Network access"/>
        <s v="Oracle DB, IIS.Net,AIXOracleOracle DB, IISMS IIS"/>
        <s v=".NET; Telerik RadWare; Oracle Client.NetOracle LinuxOracle.NET; Telerik RadWare; Oracle ClientMS IIS"/>
        <s v="Sybase db for CAIRS dat file-&gt; perhaps to be replaced by MS Dynamics later this yearWeblogicAIXOracleSybase db for CAIRS dat file-&gt; perhaps to be replaced by MS Dynamics later this year"/>
        <s v="Web server, IIS, HTTP, Oracle DBWeb server, IIS, HTTP, Oracle DB"/>
        <s v="mainframe, DMSII, COMS, LOCUMmainframe, DMSII, COMS, LOCUM"/>
        <s v="  "/>
        <s v="Unisys MCP, DMSII, EDS, Opcon, Quanta, LOCUMUnisys MCP, DMSII, EDS, Opcon, Quanta, LOCUM"/>
        <s v="Unisys MCP, DMSII, Opcon, Quanta, LocumUnisys MCP, DMSII, Opcon, Quanta, Locum"/>
        <s v="EDBAIXOracleEDBApache"/>
        <s v=".net framework_x000a_ClickOnce Manifest signing _x000a_Active Directory authentication_x000a_FTP_x000a_OPCON_x000a_Unisys mainframe_x000a_Oracle database.net framework_x000a_ClickOnce Manifest signing _x000a_Active Directory authentication_x000a_FTP_x000a_OPCON_x000a_Unisys mainframe_x000a_Oracle database"/>
        <s v="Unisys MCP, DMSIIUnisys MCP, DMSII"/>
        <s v=".NetAIXOracleMS IIS"/>
        <s v="Unisys MainframeUnisys Mainframe"/>
        <s v="Unisys Mainframe, Insurance DB, COMS, LOCUM, BizTalk ServerUnisys Mainframe, Insurance DB, COMS, LOCUM, BizTalk Server"/>
        <s v="Oracle DatabaseOracle Database"/>
        <s v="Oracle Database_x000a_Internet Explorer 11 (on the client machine)_x000a_Session State Server_x000a_Load Balancer.NetAIXOracleOracle Database_x000a_Internet Explorer 11 (on the client machine)_x000a_Session State Server_x000a_Load BalancerMS IIS"/>
        <s v="ROES Oracle database_x000a_MSCBA Web Services_x000a_ROE Printing Services_x000a_Internet explorer_x000a_WSEMail _x000a_WSED_x000a_MS Excel_x000a_Acrobat readerROES Oracle database_x000a_MSCBA Web Services_x000a_ROE Printing Services_x000a_Internet explorer_x000a_WSEMail _x000a_WSED_x000a_MS Excel_x000a_Acrobat reader"/>
        <s v="MSCBA, ECAS: authentication_x000a_Oracle Database_x000a_.Net Framework.NetAIXOracleMSCBA, ECAS: authentication_x000a_Oracle Database_x000a_.Net FrameworkMS IIS"/>
        <s v="PWGSC/Shared Services FTP transfer_x000a_.NET Framework_x000a_Oracle Database.NetAIXOraclePWGSC/Shared Services FTP transfer_x000a_.NET Framework_x000a_Oracle Database"/>
        <s v="External providers (GCKey, SecureKey), SIR, BUS Database, WSEmail, CRA Portageur, CRA MyAccount Portal, SSC language common domain, ECAS DB, PAC, OpenAM SAML 2.0, SSL, security certificates, many webservices..Net,AIXOracleExternal providers (GCKey, SecureKey), SIR, BUS Database, WSEmail, CRA Portageur, CRA MyAccount Portal, SSC language common domain, ECAS DB, PAC, OpenAM SAML 2.0, SSL, security certificates, many webservices.Apache,MS IIS"/>
        <s v="Oracle Weblogic_x000a_WSED_x000a_Active DirectoryOracle Weblogic_x000a_WSED_x000a_Active Directory"/>
        <s v=" Oracle DB Oracle DB"/>
        <s v="IIS 7.5 runs the framework 4.5.2 for the cgi-bin attached to the website.IIS 7.5 runs the framework 4.5.2 for the cgi-bin attached to the website."/>
        <s v="MGS Web, SMSL, DSB, BizTalkMGS Web, SMSL, DSB, BizTalk"/>
        <s v=".net framework_x000a_ClickOnce manifest signing_x000a_Active Directory authentication_x000a_FTP_x000a_OPCON_x000a_Unisys mainframe_x000a_Oracle database.net framework_x000a_ClickOnce manifest signing_x000a_Active Directory authentication_x000a_FTP_x000a_OPCON_x000a_Unisys mainframe_x000a_Oracle database"/>
        <s v="Microfocus Cobol; .Net;Microfocus Cobol; .Net;"/>
        <s v="Unisys MCP, DMSII, EDS, Opcon, Quanta, Locum, V2Channel, Oracle DBUnisys MCP, DMSII, EDS, Opcon, Quanta, Locum, V2Channel, Oracle DB"/>
        <s v="Secure Ftp_x000a_E-mail_x000a_Intergov e-mail._x000a_OPCON Scheduler_x000a_Wet CDTS_x000a_Active Directory_x000a_Appgate_x000a_Oracle Reports_x000a_Oracle db.Net,AIXOracleSecure Ftp_x000a_E-mail_x000a_Intergov e-mail._x000a_OPCON Scheduler_x000a_Wet CDTS_x000a_Active Directory_x000a_Appgate_x000a_Oracle Reports_x000a_Oracle dbMS IIS"/>
        <s v="TISO DB_x000a_CPMS WS_x000a_EI WSAIXOracleTISO DB_x000a_CPMS WS_x000a_EI WSApache"/>
        <s v=".Net.Net.Net"/>
        <s v="ECAS_x000a_MSCA_x000a_ITRDS_x000a_ITRDS WS_x000a_Street Perfect_x000a_EDBAIXOracleECAS_x000a_MSCA_x000a_ITRDS_x000a_ITRDS WS_x000a_Street Perfect_x000a_EDBApache"/>
        <s v="Unisys MCP, DMSII, EDS, Opcon, Quanta, LOCUMAIXOracleUnisys MCP, DMSII, EDS, Opcon, Quanta, LOCUM"/>
        <s v="PKI certificates, .NET Framework, SQL Server, Windows.NetWindowsMS/SQL Server,MS/SQL ServerPKI certificates, .NET Framework, SQL Server, Windows"/>
        <s v="Unisys MCP, DMSII, MSFT, EDS, Opcon, Quanta, LocumUnisys MCP, DMSII, MSFT, EDS, Opcon, Quanta, Locum"/>
        <s v=".NetOracleMS IIS"/>
        <s v="Directory authentication_x000a_DatabaseAIXOracleDirectory authentication_x000a_Database"/>
        <s v="Oracle DbOracle Db"/>
        <s v="Oracle DB, IIS, RGBB.NetOracle LinuxOracleOracle DB, IIS, RGBBMS IIS"/>
        <s v="HTTP, web server, web services, Unisys mainframeHTTP, web server, web services, Unisys mainframe"/>
        <s v="Oracle Database.NetOracleOracle Database"/>
        <s v="SQL Server database, SMTP relayserver.  Self-Contained 3rd party Jar files within the application package: Tinymce, JFreeChart, jtds, JasperReports.TomcatWindowsMS/SQL Server,MS/SQL ServerSQL Server database, SMTP relayserver.  Self-Contained 3rd party Jar files within the application package: Tinymce, JFreeChart, jtds, JasperReports.Apache"/>
        <s v="Build using EWCMS (HP/OpenText Teamsite).  All reports are coded within Teamsite.WeblogicMS/SQL Server,MS/SQL ServerBuild using EWCMS (HP/OpenText Teamsite).  All reports are coded within Teamsite."/>
        <s v="Oracle DB, IIS.NetAIXOracleOracle DB, IISMS IIS"/>
        <s v="Protected B network._x000a_Active Directory_x000a_FTP_x000a_Different versions can coexist on the same machine, however have to be installed in order, older ones first, then newer ones.Protected B network._x000a_Active Directory_x000a_FTP_x000a_Different versions can coexist on the same machine, however have to be installed in order, older ones first, then newer ones."/>
        <s v="active directoryactive directory"/>
        <s v="Database_x000a_SSL Certificates, Active Directory_x000a_File Transfer PWGSCDatabase_x000a_SSL Certificates, Active Directory_x000a_File Transfer PWGSC"/>
        <s v="SSL certificates_x000a_Oracle Database 11g_x000a_Java _x000a_Oracle Applcation Server 10g, win2003SSL certificates_x000a_Oracle Database 11g_x000a_Java _x000a_Oracle Applcation Server 10g, win2003"/>
        <s v="Entrust Security Certificate.                  SQL Server database, SMTP relayserver.  Self-Contained 3rd party Jar files within the application package: Tinymce, JFreeChart, jtds, JasperReports.TomcatWindowsMS/SQL Server,MS/SQL ServerEntrust Security Certificate.                  SQL Server database, SMTP relayserver.  Self-Contained 3rd party Jar files within the application package: Tinymce, JFreeChart, jtds, JasperReports.Apache"/>
        <s v="Entrust Security Certificate.                  SQL Server database, SMTP relayserver.  Self-Contained 3rd party Jar files within the application package: Tinymce, JFreeChart, jtds, JasperReports.Entrust Security Certificate.                  SQL Server database, SMTP relayserver.  Self-Contained 3rd party Jar files within the application package: Tinymce, JFreeChart, jtds, JasperReports."/>
        <s v="SMPT mailSMPT mail"/>
        <s v="Build using EWCMS (HP/OpenText Teamsite).WeblogicWindowsMS/SQL Server,MS/SQL ServerBuild using EWCMS (HP/OpenText Teamsite)."/>
        <s v="Oracle database_x000a_Streetperfect Address Accuracy Software.NetOracleOracle database_x000a_Streetperfect Address Accuracy Software"/>
        <s v="DB, ADAIXOracleDB, AD"/>
        <s v="DB, ADOracleDB, AD"/>
        <s v="Active Directory, Oracle Database.NetAIXOracleActive Directory, Oracle Database"/>
        <s v="Active Directory, Oracle Databases.NetActive Directory, Oracle Databases"/>
        <s v="Active Directory.NetActive Directory"/>
        <s v="Unisys Mainframe/MLAMP conversion.NetOracleUnisys Mainframe/MLAMP conversion"/>
        <s v=".NET framework 4.5.2_x000a_Microsoft Windows 2008 Server R2 installed with IIS _x000a_Oracle Client 11gR2 64bits for Windows Server 2008_x000a_ActiveReports for .NET 7.0_x000a_Oracle RDBMS (Server) 11gR2.Net,AIXOracle.NET framework 4.5.2_x000a_Microsoft Windows 2008 Server R2 installed with IIS _x000a_Oracle Client 11gR2 64bits for Windows Server 2008_x000a_ActiveReports for .NET 7.0_x000a_Oracle RDBMS (Server) 11gR2MS IIS"/>
        <s v="Cognos Server_x000a_Oracle Database_x000a_Active Directory_x000a_Web ServicesOracleCognos Server_x000a_Oracle Database_x000a_Active Directory_x000a_Web Services"/>
        <s v="Telephony.Telephony."/>
        <s v="OPCON scheduler, file transfer, secure interface with SIR, secure interface with CRA benefits, secure interface with CRA-RPDOPCON scheduler, file transfer, secure interface with SIR, secure interface with CRA benefits, secure interface with CRA-RPD"/>
        <s v="IIS.Net,WindowsMS/SQL Server,MS/SQL ServerIISMS IIS"/>
        <s v="EI PaymentsEI Payments"/>
        <s v="Unisys MCP, DMSII, EDS, Opcon, Quanta, LOCUM.NetOracleUnisys MCP, DMSII, EDS, Opcon, Quanta, LOCUM"/>
        <s v="SMTP_x000a_DatabaseWeblogicAIXOracleSMTP_x000a_Database"/>
        <s v="Opcon_x000a_FTP_x000a_mailxWeblogicAIXOracleOpcon_x000a_FTP_x000a_mailxApache"/>
        <s v="Sybase ASE DBMS.NetSybase ASE DBMS"/>
        <s v="EWCMSWeblogicAIXOracleEWCMSMS IIS"/>
        <s v="OPCON scheduler, file transfer, certificates, secure interface with SIR, secure interface with CRA, mailxWeblogicAIXOracleOPCON scheduler, file transfer, certificates, secure interface with SIR, secure interface with CRA, mailxApache"/>
        <s v="SharepointSharepoint"/>
        <s v="Active Directory_x000a_SMTP.NetActive Directory_x000a_SMTP"/>
        <s v="Cognos Platform and IRM DB.Cognos Platform and IRM DB."/>
        <s v=" WeblogicAIXOracle MS IIS"/>
        <s v="Oracle DB, AIX UnixAIXOracleOracle DB, AIX UnixMS IIS"/>
        <s v="- Software Licensing Certificates ; licenses are registered to only work for Server IP &amp; Server Name that we provide to vendor _x000a_- Load balancing is not supported_x000a_- Web Browser (Internet Explorer 11)_x000a_- MS SQL Server 2008 R2_x000a_- Windows Server 2008 R2 / IIS 7.5_x000a_- Web Server File Storage Drive 2.0 TB (minimum) or greater for scanned images &amp; files.NetWindowsMS/SQL Server,MS/SQL Server- Software Licensing Certificates ; licenses are registered to only work for Server IP &amp; Server Name that we provide to vendor _x000a_- Load balancing is not supported_x000a_- Web Browser (Internet Explorer 11)_x000a_- MS SQL Server 2008 R2_x000a_- Windows Server 2008 R2 / IIS 7.5_x000a_- Web Server File Storage Drive 2.0 TB (minimum) or greater for scanned images &amp; filesMS IIS"/>
        <s v="Active Directory, WSED_x000a_Oracle Scheduler_x000a_ITRDS data transfer (database link)WeblogicAIXOracleActive Directory, WSED_x000a_Oracle Scheduler_x000a_ITRDS data transfer (database link)"/>
        <s v="Windows Client, Internet Explorer 8+, Active Directory, HTA.NetWindows Client, Internet Explorer 8+, Active Directory, HTA"/>
        <s v="OPCON_x000a_FTP_x000a_TISO DB_x000a_CPMS_x000a_IGBM_x000a_EDB_x000a_MSCA DB_x000a_ITRDS WS_x000a_MD DBAIXOracleOPCON_x000a_FTP_x000a_TISO DB_x000a_CPMS_x000a_IGBM_x000a_EDB_x000a_MSCA DB_x000a_ITRDS WS_x000a_MD DBApache"/>
        <s v="OPCON_x000a_WEBLOGIC_x000a_ORACLE DB_x000a_SQL SERVER_x000a_ACTIVE DIRECTORYOPCON_x000a_WEBLOGIC_x000a_ORACLE DB_x000a_SQL SERVER_x000a_ACTIVE DIRECTORY"/>
        <s v="Oracle Database_x000a_Web Browser_x000a_MS Office (Excel)AIXOracleOracle Database_x000a_Web Browser_x000a_MS Office (Excel)"/>
        <s v="Unisys MCP, DMSII, FTP, EDS, Opcon, QuantaUnisys MCP, DMSII, FTP, EDS, Opcon, Quanta"/>
        <s v="Microsoft Office (MS Access) &amp; Active DirectoryMicrosoft Office (MS Access) &amp; Active Directory"/>
        <s v="DSB, IBM Power 7 frames, Oracle 12c, SQL Server 2008R2, Windows Server 2008R2, SSC network infrastructure.DSB, IBM Power 7 frames, Oracle 12c, SQL Server 2008R2, Windows Server 2008R2, SSC network infrastructure."/>
        <s v="LDAP authentication, SSL enabled, application messaging, file transfer, certificates,LDAP authentication, SSL enabled, application messaging, file transfer, certificates,"/>
        <s v="mainframe, certificates, critically dependent on MGSWebmainframe, certificates, critically dependent on MGSWeb"/>
        <s v="FTP_x000a_MSFT_x000a_GTIS_x000a_Opcon_x000a_GnetAIXOracleFTP_x000a_MSFT_x000a_GTIS_x000a_Opcon_x000a_Gnet"/>
        <s v="Active directory for authentication, OPCON scheduling, QUANTA for balancing jobs,.NetOracleActive directory for authentication, OPCON scheduling, QUANTA for balancing jobs,MS IIS"/>
        <s v="database_x000a_intranet_x000a_browserdatabase_x000a_intranet_x000a_browser"/>
        <s v="Active Directory_x000a_Protected B networkActive Directory_x000a_Protected B network"/>
        <s v="DOSDOS"/>
        <s v="MSCBA, AD, CSGCMSCBA, AD, CSGC"/>
        <s v="Oracle Database_x000a_SQL Session State Server_x000a_jqueryOracle Database_x000a_SQL Session State Server_x000a_jquery"/>
        <s v="SMTP Relay_x000a_Database_x000a_SMTP Relay access from the Database.WeblogicAIXOracleSMTP Relay_x000a_Database_x000a_SMTP Relay access from the Database."/>
        <s v="Mail service dependantMail service dependant"/>
        <s v="WSED.NetAIXOracleWSEDMS IIS"/>
        <s v="File Transfer Protocol_x000a_Oracle Scheduler_x000a_TeamSite_x000a_GOC WET 4.0_x000a_Active Directory.Net,AIXOracleFile Transfer Protocol_x000a_Oracle Scheduler_x000a_TeamSite_x000a_GOC WET 4.0_x000a_Active DirectoryMS IIS"/>
        <s v="DB, AD, BiztalkOracleDB, AD, Biztalk"/>
        <s v="WSEmail, WSEdWSEmail, WSEd"/>
        <s v="Oracle Database_x000a_.NET Framework_x000a_State Server_x000a_Load BalancedOracle Database_x000a_.NET Framework_x000a_State Server_x000a_Load Balanced"/>
        <s v="Windows Server_x000a_SQL Server_x000a_Lan/Wan_x000a_AD_x000a_Load Balancer_x000a_ADRMS ServerWindows Server_x000a_SQL Server_x000a_Lan/Wan_x000a_AD_x000a_Load Balancer_x000a_ADRMS Server"/>
        <s v="secure interface.NetWindowsOraclesecure interface"/>
        <s v="Oracle database_x000a_Cognos BI_x000a_Oracle data warehouse_x000a_ETLAIXOracleOracle database_x000a_Cognos BI_x000a_Oracle data warehouse_x000a_ETLMS IIS"/>
        <s v="WSED_x000a_Active Directory_x000a_GoC Wet 4.0.NetAIXOracleWSED_x000a_Active Directory_x000a_GoC Wet 4.0MS IIS"/>
        <s v="WsEmail_x000a_WsED_x000a_DSBWsEmail_x000a_WsED_x000a_DSB"/>
        <s v="NICS/WICSOracleNICS/WICS"/>
        <s v="Microsoft .NET 4.5, BizTalk Server 2013 R2, SQL Server 2012Microsoft .NET 4.5, BizTalk Server 2013 R2, SQL Server 2012"/>
        <s v="Cognos Server_x000a_Oracle Database_x000a_Active Directory_x000a_Web Services_x000a_Entrust certificatesCognos Server_x000a_Oracle Database_x000a_Active Directory_x000a_Web Services_x000a_Entrust certificates"/>
        <s v="Microsoft .NET 4.5, BizTalk 2013R2, SQL Server 2012, Oracle client 11gMicrosoft .NET 4.5, BizTalk 2013R2, SQL Server 2012, Oracle client 11g"/>
        <s v="Microsoft .NET 4.5, Biztalk 2013R2, SQL Server 2012, Hermes Messaging Gateway, Apache Tomcat 7.0, Postgres 8.4Microsoft .NET 4.5, Biztalk 2013R2, SQL Server 2012, Hermes Messaging Gateway, Apache Tomcat 7.0, Postgres 8.4"/>
        <s v="Web Browser_x000a_Oracle DB_x000a_WSED (Active Directory)Web Browser_x000a_Oracle DB_x000a_WSED (Active Directory)"/>
        <s v="GCKey, SecureKey, SIN/SIR, MSCA Database,IFFS, ACP, DAF, IMCEE.NetAIXOracleGCKey, SecureKey, SIN/SIR, MSCA Database,IFFS, ACP, DAF, IMCEEMS IIS"/>
        <s v="Active Directory for authentication, WSEDWeblogicAIXOracleActive Directory for authentication, WSED"/>
        <s v="SQL Server Database _x000a_Active Directory_x000a_E-Mail.NetMS/SQL Server,MS/SQL ServerSQL Server Database _x000a_Active Directory_x000a_E-Mail"/>
        <s v="wsemail_x000a_wsedwsemail_x000a_wsed"/>
        <s v="Cognos Server_x000a_Oracle Database_x000a_Active Directory_x000a_Web ServicesCognos Server_x000a_Oracle Database_x000a_Active Directory_x000a_Web Services"/>
        <s v="MPS1000 servers_x000a_T1 phone linesMPS1000 servers_x000a_T1 phone lines"/>
        <s v="MPS1000 servers_x000a_T1 phone lines_x000a_Libra Mainframe (being replaced with MPLAMP project)MPS1000 servers_x000a_T1 phone lines_x000a_Libra Mainframe (being replaced with MPLAMP project)"/>
        <s v="MPS 1000_x000a_T1 phone linesMPS 1000_x000a_T1 phone lines"/>
        <s v="Oracle WebCenter Portal, SSL Security, ECAS authentication, CRA PortageurOracle WebCenter Portal, SSL Security, ECAS authentication, CRA Portageur"/>
        <s v=".NET framework 4.5.2_x000a_Internet explorer_x000a_MSCBA web services_x000a_BUS Oracle database_x000a_Microsoft Active Directory 2008_x000a_Microsoft Windows 2008 Server R2 installed with IIS_x000a_HTML, XML, JavaScript, and JQuery.NET framework 4.5.2_x000a_Internet explorer_x000a_MSCBA web services_x000a_BUS Oracle database_x000a_Microsoft Active Directory 2008_x000a_Microsoft Windows 2008 Server R2 installed with IIS_x000a_HTML, XML, JavaScript, and JQuery"/>
        <s v="Oracle RDBMS (Server) installed with 11gR2_x000a_.NET Framework 4.5.2_x000a_Microsoft Active Directory 2008_x000a_Microsoft Windows 2008 Server R2 installed with IIS_x000a_Oracle Client 11g 64 bits_x000a_WSED web service.Net,AIXOracleOracle RDBMS (Server) installed with 11gR2_x000a_.NET Framework 4.5.2_x000a_Microsoft Active Directory 2008_x000a_Microsoft Windows 2008 Server R2 installed with IIS_x000a_Oracle Client 11g 64 bits_x000a_WSED web serviceMS IIS"/>
        <s v="web experience toolkit_x000a_microsoft .net 4_x000a_oracle 11gweb experience toolkit_x000a_microsoft .net 4_x000a_oracle 11g"/>
        <s v=".Net Framework_x000a_Oracle DB.NetAIXOracle.Net Framework_x000a_Oracle DBMS IIS"/>
        <s v="Unisys Mainframe, DMSII, LOCUM, COMSUnisys Mainframe, DMSII, LOCUM, COMS"/>
        <s v="Web browser_x000a_SQL Server database_x000a_mainframe file (SM5480)Web browser_x000a_SQL Server database_x000a_mainframe file (SM5480)"/>
        <s v="Active Directory_x000a_OpCon_x000a_Oracle DatabaseAIXOracleActive Directory_x000a_OpCon_x000a_Oracle Database"/>
        <s v="Active Directory for authentication.NetAIXOracleActive Directory for authenticationMS IIS"/>
        <s v="Windows client, Active Directory, MS AccessWindows client, Active Directory, MS Access"/>
        <s v="Windows 2008/2012_x000a_Java 7_x000a_Microsoft SQL _x000a_Active DirectoryWindows 2008/2012_x000a_Java 7_x000a_Microsoft SQL _x000a_Active Directory"/>
        <s v="Central license manager hosted on a server.Central license manager hosted on a server."/>
        <s v="Windows 2008 server 64-bit (R2 supported) with User Access Control (UAC) disabled;_x000a_Microsoft SQL Server 2008;_x000a_IIS installed on the server;_x000a_Microsoft .Net Framework 4.0 or higher;_x000a_Internet Access for license activation;Windows 2008 server 64-bit (R2 supported) with User Access Control (UAC) disabled;_x000a_Microsoft SQL Server 2008;_x000a_IIS installed on the server;_x000a_Microsoft .Net Framework 4.0 or higher;_x000a_Internet Access for license activation;"/>
        <s v="Cognos Platform and LWR  DBCognos Platform and LWR  DB"/>
        <s v="Appgate, Biztalk, IIS,  Oracle db, OLIS MF, WECS, Corp Table, F5 Load Balancer, Session State Server, WsEmail, Wet CDTS.NetAIXOracleAppgate, Biztalk, IIS,  Oracle db, OLIS MF, WECS, Corp Table, F5 Load Balancer, Session State Server, WsEmail, Wet CDTSMS IIS"/>
        <s v="network_x000a_database_x000a_certificates_x000a_directory_x000a_application messaging_x000a_secure interfaces_x000a_file transfernetwork_x000a_database_x000a_certificates_x000a_directory_x000a_application messaging_x000a_secure interfaces_x000a_file transfer"/>
        <s v="SQL Database on SSC hosted server_x000a__x000a_Server authentication requiredSQL Database on SSC hosted server_x000a__x000a_Server authentication required"/>
        <s v="AIXMS/SQL Server,MS/SQL ServerApache"/>
        <s v="Not technicalNot technical"/>
        <s v="mainframeAIX,mainframe"/>
        <s v="R&amp;A database.NetR&amp;A databaseApache,MS IIS"/>
        <s v="SQL Server database, SMTP relayserver.  Self-Contained 3rd party Jar files within the application package: Tinymce, JFreeChart, jtds, JasperReports.SQL Server database, SMTP relayserver.  Self-Contained 3rd party Jar files within the application package: Tinymce, JFreeChart, jtds, JasperReports."/>
        <s v="Active Directory_x000a_OpConAIXOracleActive Directory_x000a_OpCon"/>
        <s v="DARS DatabaseDARS Database"/>
        <s v="noneAIX,Oracle,none"/>
        <s v="Database_x000a_Network_x000a_secure interfaces_x000a_directory_x000a_certificates_x000a_application messaging_x000a_file transferDatabase_x000a_Network_x000a_secure interfaces_x000a_directory_x000a_certificates_x000a_application messaging_x000a_file transfer"/>
        <s v="ITRDS, Oracle DatabaseITRDS, Oracle Database"/>
        <s v="Windows Server Task Scheduler; Windows Server 2008 R2 / IIS 7.5; Active Directory Authentication; SQL Server Database 2008 R8; Web Browser (Internet Explorer); SMTPWindows Server Task Scheduler; Windows Server 2008 R2 / IIS 7.5; Active Directory Authentication; SQL Server Database 2008 R8; Web Browser (Internet Explorer); SMTP"/>
        <s v="Active Directory; SQL Database; Web Server; Email SMTP;Active Directory; SQL Database; Web Server; Email SMTP;"/>
        <s v="ITRDS WS, Banctec Imaging front end.ITRDS WS, Banctec Imaging front end."/>
        <s v="Windows client, Active DirectoryWindows client, Active Directory"/>
        <s v="Sql Server_x000a_Active DirectorySql Server_x000a_Active Directory"/>
        <s v="IIS, .Net 4.0 framework, MS SQL, WebServicesIIS, .Net 4.0 framework, MS SQL, WebServices"/>
        <s v="IIS, .Net 4.0 Framework, MS SQL 2008IIS, .Net 4.0 Framework, MS SQL 2008"/>
        <s v="oracle database (NWS &amp; NPMT)_x000a_active directory_x000a_web browser_x000a_Cognos(IRIS)oracle database (NWS &amp; NPMT)_x000a_active directory_x000a_web browser_x000a_Cognos(IRIS)"/>
        <s v="FMCSIS DB, Cognos platform.FMCSIS DB, Cognos platform."/>
        <s v="mainframe.Netmainframe"/>
        <s v="Cognos Platform, LMDA DW DB.Cognos Platform, LMDA DW DB."/>
        <s v="SharePoint et ses composantes tierses.SharePoint et ses composantes tierses."/>
        <s v=".NET 4.5.2.NET 4.5.2"/>
        <s v="PowerBuilder (12.5), Internet Explorer, Visual Studio 2012 C++PowerBuilder (12.5), Internet Explorer, Visual Studio 2012 C++"/>
        <s v="IIS, .net 4.0 Framework, MS SQLIIS, .net 4.0 Framework, MS SQL"/>
        <s v="IIS. .Net 4.0 Framework, MS SQLIIS. .Net 4.0 Framework, MS SQL"/>
        <s v="IIS, ASP.net, SQLIIS, ASP.net, SQL"/>
        <s v="IIS 7.5, .Net2.0 Framework, MS SQL 2008,IIS 7.5, .Net2.0 Framework, MS SQL 2008,"/>
        <s v="Oracle RDBMS_x000a_Oracle ODI_x000a_Cognos PlatformOracle RDBMS_x000a_Oracle ODI_x000a_Cognos Platform"/>
        <s v="x.25 Link to Bell Canada Centrex Switch, LINUX Operating System, Nortel ARNx.25 Link to Bell Canada Centrex Switch, LINUX Operating System, Nortel ARN"/>
        <s v="login interface, java 1.61; I.E. v8login interface, java 1.61; I.E. v8"/>
        <s v="interval data from MIS directly form the Centrex switchinterval data from MIS directly form the Centrex switch"/>
        <s v="Bell Megalink - PIKA PrimeNet voice boardBell Megalink - PIKA PrimeNet voice board"/>
        <s v="IIS Web server, ASP Classic, SQLIIS Web server, ASP Classic, SQL"/>
        <s v="Windows client, Internet Explorer, Active DirectoryWindows client, Internet Explorer, Active Directory"/>
        <s v="Oracle DB, JavaOracle DB, Java"/>
        <s v="MPS 1000 Servers_x000a_T1 Phone LInesMPS 1000 Servers_x000a_T1 Phone LInes"/>
        <s v="ITRDSITRDS"/>
        <s v="T1 Lines_x000a_MPS 1000 ServersT1 Lines_x000a_MPS 1000 Servers"/>
        <s v="T1 Lines_x000a_MPS 1000 Servers_x000a_MS SQL DatabaseT1 Lines_x000a_MPS 1000 Servers_x000a_MS SQL Database"/>
        <s v="Active directory authentication_x000a_SQL databaseActive directory authentication_x000a_SQL database"/>
        <s v="Cognos Plateform and HERIN DBCognos Plateform and HERIN DB"/>
        <s v="Active Directory_x000a_Exchange_x000a_IISActive Directory_x000a_Exchange_x000a_IIS"/>
        <s v="Active directory, Java, OpCon (scheduler)Active directory, Java, OpCon (scheduler)"/>
        <s v="Internet Explorer 11.0_x000a_CRM Server 2013_x000a_SQL Server 2012Internet Explorer 11.0_x000a_CRM Server 2013_x000a_SQL Server 2012"/>
        <s v="server, database, file transfer and engineer desktopsserver, database, file transfer and engineer desktops"/>
        <s v="Interwoven OpenDeploy is required on the CADE web server as well as a client component of this on each hosting server in SADE._x000a__x000a_The current version of CADE runs on .NET.Interwoven OpenDeploy is required on the CADE web server as well as a client component of this on each hosting server in SADE._x000a__x000a_The current version of CADE runs on .NET."/>
        <s v="SharePoint, e-mailSharePoint, e-mail"/>
        <s v="Server hosted license manager and user active directory group.Server hosted license manager and user active directory group."/>
        <s v="BlackBerryBlackBerry"/>
        <s v="Oracle DB, AIX UnixOracle DB, AIX Unix"/>
        <s v="Cognos Platform and CMS A&amp;D DBCognos Platform and CMS A&amp;D DB"/>
        <s v="SCCM (System Center Configuration Manager)_x000a_.NET Framework 4.5_x000a_Active Directory AuthenticationSCCM (System Center Configuration Manager)_x000a_.NET Framework 4.5_x000a_Active Directory Authentication"/>
        <s v="Microsoft Office_x000a_Microsoft SharePoint_x000a_Microsoft SQL Server_x000a_Microsoft Windows / Windows ServerMicrosoft Office_x000a_Microsoft SharePoint_x000a_Microsoft SQL Server_x000a_Microsoft Windows / Windows Server"/>
        <s v="Internet Explorer 11.0_x000a_CRM Server 2016_x000a_SQL Server 2012Internet Explorer 11.0_x000a_CRM Server 2016_x000a_SQL Server 2012"/>
        <s v="DB, ADDB, AD"/>
        <s v="Web Browser_x000a_Oracle Database_x000a_Unisys MainframeWeb Browser_x000a_Oracle Database_x000a_Unisys Mainframe"/>
        <s v="Application Scheduling (Opcon)_x000a_File Transfer protocol_x000a_Application Messaging_x000a_Database_x000a_Certificates (SSL)_x000a_Goc Wet 4.0.NetAIXOracleApplication Scheduling (Opcon)_x000a_File Transfer protocol_x000a_Application Messaging_x000a_Database_x000a_Certificates (SSL)_x000a_Goc Wet 4.0MS IIS"/>
        <s v="Unisys Mainframe, DMSII, LOCUMUnisys Mainframe, DMSII, LOCUM"/>
        <s v="MainframeAIXOracleMainframeApache"/>
        <s v="firewall, oracle database, WET template.NetAIXOraclefirewall, oracle database, WET templateMS IIS"/>
        <s v="Oracle database (CCIS,EA)_x000a_Web Browser_x000a_Active Directory Web-service.NetAIXOracleOracle database (CCIS,EA)_x000a_Web Browser_x000a_Active Directory Web-serviceMS IIS"/>
        <s v="MS Active Directory (LDAP-SSO)AIXOracleMS Active Directory (LDAP-SSO)Apache"/>
        <s v="SSH/X-serverSSH/X-serverVM"/>
        <s v="Developed in-housed, lacks external documentationHP DL 380 G6Win 7"/>
        <s v="WindowsMS/SQL Server,MS/SQL Server,MS/SQL Server,MS/SQL Server"/>
        <s v="MS .Net, MS Office 2010.NetMS SQL Server 2012WindowsMS/SQL Server,MS/SQL Server,MS/SQL Server,MS/SQL ServerMS .Net, MS Office 2010Windows 2008 R2MS IIS"/>
        <s v="EC Net, Exchange Server, VM, MS SQL Server, EC Active Directory.NetMS SQL Server 2012WindowsMS/SQL Server,MS/SQL Server,MS/SQL Server,MS/SQL ServerEC Net, Exchange Server, VM, MS SQL Server, EC Active DirectorySNCR01WBEXPRD4Windows 2008 R2MS IIS"/>
        <s v="EC Net, Exchange Server, VM, MS SQL Server.NetMS SQL Server 2005WindowsMS/SQL Server,MS/SQL Server,MS/SQL Server,MS/SQL ServerEC Net, Exchange Server, VM, MS SQL ServerSNCR01WBINPRD2; SNCRWBINDEV1Windows 2008 R2MS IIS"/>
        <s v="EC Net, Exchange Server, VM, MS SQL Server, EC Active Directory.NetWindowsMS/SQL Server,MS/SQL Server,MS/SQL Server,MS/SQL ServerEC Net, Exchange Server, VM, MS SQL Server, EC Active DirectoryMS IIS"/>
        <s v="EC Net, Exchange Server, VM, MS SQL Server.NetWindowsMS/SQL Server,MS/SQL Server,MS/SQL Server,MS/SQL ServerEC Net, Exchange Server, VM, MS SQL ServerSNCR01WBINDEV2; SNCR01WBEXPRD4; SNCR01WBEXPRD5Windows 2008 R2MS IIS"/>
        <s v="ColdFusionMS SQL Server 2005WindowsMS/SQL Server,MS/SQL Server,MS/SQL Server,MS/SQL ServerColdFusionMS Windows 2008 R2MS IIS"/>
        <s v="WindowsMS/SQL Server,MS/SQL Server,MS/SQL Server,MS/SQL ServerMS IIS"/>
        <s v=".Net.NET 4.6MS SQL ServerWindowsMS/SQL Server,MS/SQL Server,MS/SQL Server,MS/SQL ServerMS Windows 2008 R2MS IIS"/>
        <s v="CMS, Exchange Server, MS SQL Server, .NET.NetMS SQL Server 2005WindowsMS/SQL Server,MS/SQL Server,MS/SQL Server,MS/SQL ServerCMS, Exchange Server, MS SQL Server, .NETMS IIS"/>
        <s v="CMS, IDOLIDOL 7 or SQL Server 2012CMS, IDOLMS Windows 2008 R2MS IIS"/>
        <s v="CMS, IDOLIDOL 7 or SQL Server 2012CMS, IDOLMS IIS"/>
        <s v="NET 4.5, SQL, JAVA SEWindows Server 2012"/>
        <s v=".NET 4.6MS SQL Server 2012MS Windows 2008 R2"/>
        <s v="MS SQL Server 2012MS Windows 2008"/>
        <s v="Varies. Currently Ubuntu 14.04, SLES 11, RHEL 7.1"/>
        <s v=".NET 3.5, Microsoft Access 2002-2003Microsoft Access 2002-2003Windows 7, Windows Server 2008 R2 Datacenter, Windows Server 2008 R2 Enterprise, Windows Server 2008 R2 Standard"/>
        <s v="Windows Server 2008 R2"/>
        <s v="ArcGISMS/SQL Server,MS/SQL Server,ArcGISApache,"/>
        <s v="MS SQL Server 2005WindowsMS/SQL Server,MS/SQL Server,MS/SQL Server,MS/SQL ServerSNCR01WBEXPRD4; SNCR01WBEXPRD5MS Windows 2008 R2MS IIS"/>
        <s v="Windows 2003 server. Planned to migrate."/>
        <s v="MS Windows 2008 R2"/>
        <s v="EC Net, Exchange Server, VM, MS SQL ServerAll disclosure apps are marked for decommission before end of fiscal 2017-2018MS SQL Server 2005WindowsMS/SQL Server,MS/SQL Server,MS/SQL Server,MS/SQL ServerEC Net, Exchange Server, VM, MS SQL ServerSNCR01WBEXPRD4; SNCR01WBEXPRD5; SNCR01WBINDEV2Windows 2008 R2MS IIS"/>
        <s v="MS SQL Server 2012Currently: Win2K8R2             In the process of upgrading to Win2k12R2"/>
        <s v="MS SQL Server 2012MS Windows 2008 R2"/>
        <s v="local sys DB, not SQLMS Windows 2008 R2"/>
        <s v="OS changed in Fall 2016"/>
        <s v=".net, SQL Server, Oracle Database.NetOracle Linux,WindowsMS/SQL Server,MS/SQL Server,MS/SQL Server,MS/SQL Server,Oracle.net, SQL Server, Oracle DatabaseMS Windows 2008 R2MS IIS"/>
        <s v="MS SQL Server 2012WindowsMS/SQL Server,MS/SQL Server,MS/SQL Server,MS/SQL ServerSNCR01WBEXPRD4MS Windows 2008 R2MS IIS"/>
        <s v="Microsoft .Net, Windows IIS, Oracle Database &amp; RAC.NetOracle LinuxOracleMicrosoft .Net, Windows IIS, Oracle Database &amp; RACMS IIS"/>
        <s v="Oracle Discoverer, Application server, Database, RACOracle LinuxOracleOracle Discoverer, Application server, Database, RAC"/>
        <s v="Microsoft .Net, Windows IIS, Oracle Database &amp; RAC.NetOracle 12cOracle LinuxOracleMicrosoft .Net, Windows IIS, Oracle Database &amp; RACWindows 2008 R2MS IIS"/>
        <s v="PL/SQL, Shell, CronOracle LinuxOraclePL/SQL, Shell, Cron"/>
        <s v="PHP, oracle database, Pl/SQLOracle LinuxOraclePHP, oracle database, Pl/SQLApache"/>
        <s v="ColdFusionOracle LinuxOracleColdFusionApache"/>
        <s v="Java, Oracle database, PL/SQLOracle LinuxOracleJava, Oracle database, PL/SQL"/>
        <s v="C on WindowsOracle LinuxOracleC on Windows"/>
        <s v="Pro*C, Oracle database, PL/SQLOracle LinuxOraclePro*C, Oracle database, PL/SQL"/>
        <s v="ColdFusion, Oracle database, PL/SQLOracle LinuxOracleColdFusion, Oracle database, PL/SQLApache"/>
        <s v="MS Access, Oracle database, PL/SQLOracle LinuxOracleMS Access, Oracle database, PL/SQLWindows 2003 server. Planned to migrate."/>
        <s v="ColdFusion, Java, Oracle database , PL/SQLOracle LinuxOracleColdFusion, Java, Oracle database , PL/SQLApache"/>
        <s v="Pro*C, PL/SQL, Shell, CronOracle LinuxOraclePro*C, PL/SQL, Shell, Cron"/>
        <s v="C on HPUX, Steam power for GUIOracle LinuxOracleC on HPUX, Steam power for GUI"/>
        <s v="C, Oracle database, PL/SQLOracle LinuxOracleC, Oracle database, PL/SQL"/>
        <s v="ColdFusion, Oracle databaseOracle LinuxOracleColdFusion, Oracle databaseApache"/>
        <s v=".Net, SQL Server.NetWindowsMS/SQL Server,MS/SQL Server,MS/SQL Server,MS/SQL Server.Net, SQL ServerMS Windows 2008MS IIS"/>
        <s v="C on HPUX, ShellOracle LinuxOracleC on HPUX, Shell"/>
        <s v="Ms Access, Oracle database, PL/SQLOracle LinuxOracleMs Access, Oracle database, PL/SQL"/>
        <s v="Java, Oracle database, PL/SQL, FlashOracle LinuxOracleJava, Oracle database, PL/SQL, Flash"/>
        <s v="C, Perl, Cron (files are sent manually to WMO by Linux admin)Oracle LinuxOracleC, Perl, Cron (files are sent manually to WMO by Linux admin)"/>
        <s v="EC Net, Exchange Server, VM, MS SQL ServerAll disclosure apps are marked for decommission before end of fiscal 2017-2018MS SQL Server 2005WindowsMS/SQL Server,MS/SQL Server,MS/SQL Server,MS/SQL ServerEC Net, Exchange Server, VM, MS SQL ServerSNCR01WBEXPRD4; SNCR01WBEXPRD5; SNCR01WBINDEV2; SNCR01WBINPRD2; SNCR01WBINPRD4Windows 2008 R2MS IIS"/>
        <s v="IIS. SQL Server, Web Browser.NetMS SQL Server 2005WindowsMS/SQL Server,MS/SQL Server,MS/SQL Server,MS/SQL ServerIIS. SQL Server, Web BrowserMS Windows 2008 R2MS IIS"/>
        <s v="MS Windows 2008"/>
        <s v="MS SQL Server 2005WindowsMS/SQL Server,MS/SQL Server,MS/SQL Server,MS/SQL ServerSNCR01WBINDEV2; SNCR01WBEXPRD4; SNCR01WBEXPRD5; SNCR01WBINDEV1; SNCR01WBINPRD2; SNCR01WBINPRD4MS Windows 2008 R2MS IIS"/>
        <s v="MS SQL Server 2005WindowsMS/SQL Server,MS/SQL Server,MS/SQL Server,MS/SQL ServerNCRSQLCLAPPS\INS1; SNCR01WBEXPRD4; SNCR01WBEXPRD5; SNCR01WBINDEV2MS Windows 2008MS IIS"/>
        <s v="CFPortcullis &amp;  customizationsMS SQL Server 2005WindowsMS/SQL Server,MS/SQL Server,MS/SQL Server,MS/SQL ServerConfirm; HP DL585 G6 was not a listed platformMS Windows 2008. OS for web server is scored, not DBMS IIS"/>
        <s v="IDOL 7 or SQL Server 2012MS Windows 2008"/>
        <s v="MS SQL Server 2012"/>
        <s v="CFPortcullis &amp;  customizationsMS SQL Server 2005WindowsMS/SQL Server,MS/SQL Server,MS/SQL Server,MS/SQL ServerConfirm; HP DL585 G6 was not a listed platformMS Windows 2008.  OS for web server is scored, not DBMS IIS"/>
        <s v="CFPortcullis &amp;  customizationsMS SQL Server 2005WindowsMS/SQL Server,MS/SQL Server,MS/SQL Server,MS/SQL ServerConfirm; HP DL585 G6 was not a listed platformMS Windows 2008 R2.  OS for web server is scored, not DBMS IIS"/>
        <s v="CFPortcullis &amp;  customizationsMS SQL Server 2005WindowsMS/SQL Server,MS/SQL Server,MS/SQL Server,MS/SQL ServerSNCR01WBEXPRD5OS for web server is scored, not DBMS IIS"/>
        <s v="MS SQL Server 2005WindowsMS/SQL Server,MS/SQL Server,MS/SQL Server,MS/SQL ServerSNCR01WBEXPRD5; SNCR01WBINDEV2MS Windows 2008 R2MS IIS"/>
        <s v=".Net, SQL Server.NetMS SQL Server 2005WindowsMS/SQL Server,MS/SQL Server,MS/SQL Server,MS/SQL Server.Net, SQL ServerMS Windows 2008 R2MS IIS"/>
        <s v=".NetMigration to SQL Server 2012 anticipatedWindowsMS/SQL Server,MS/SQL Server,MS/SQL Server,MS/SQL ServerConfirm; HP DL585 G6 was not a listed platformMS Windows 2008 R2.  OS for web server is scored, not DBMS IIS"/>
        <s v="Exchange1 of several CRM tenants in an Enterprise CRM ArchitectureMS SQL Server 2012WindowsMS/SQL Server,MS/SQL Server,MS/SQL Server,MS/SQL ServerExchangesncr01apcrm.ncr.int.ec.gc.ca, sncr01apcrmqa.ncr.int.ec.gc.ca, sncr01apcrmdev.ncr.int.ec.gc.ca,MS Windows 2008 R2MS IIS"/>
        <s v="Dynamics CRM, .Net, SQLServer, javasc ript, Exchange Server,AD server, SSRS,.Net,1 of several CRM tenants in an Enterprise CRM ArchitectureMS SQL Server 2012WindowsMS/SQL Server,MS/SQL Server,MS/SQL Server,MS/SQL ServerDynamics CRM, .Net, SQLServer, javasc ript, Exchange Server,AD server, SSRS,sncr01apcrm.ncr.int.ec.gc.ca, sncr01apcrmqa.ncr.int.ec.gc.ca, sncr01apcrmdev.ncr.int.ec.gc.ca,MS Windows 2008 R2MS IIS"/>
        <s v="MS Office (Outlook uses a plugin designed for CRM), but it is not explitictly required1 of several CRM tenants in an Enterprise CRM ArchitectureMS SQL Server 2012WindowsMS/SQL Server,MS/SQL Server,MS/SQL Server,MS/SQL ServerMS Office (Outlook uses a plugin designed for CRM), but it is not explitictly requiredMS Windows 2008 R2"/>
        <s v="ArcGIS Server, ASP.NET and MS IIS.NetUses the ArcGIS 10 server environment.ask mike weechWindowsMS/SQL Server,MS/SQL Server,MS/SQL Server,MS/SQL ServerArcGIS Server, ASP.NET and MS IISMS Windows 2008 R2MS IIS"/>
        <s v="ESRIESRIWindows 2003 server. Planned to migrate."/>
        <s v="ESRIESRIWindows 2003"/>
        <s v=".NET 4.6.1Dell T7500Windows 7 (64 bit)"/>
        <s v="GC KEY, Asp.Net, IIS, Ms SQL, Ms.Net.NetMS SQL Server 2012WindowsMS/SQL Server,MS/SQL Server,MS/SQL Server,MS/SQL ServerGC KEY, Asp.Net, IIS, Ms SQL, Ms.NetConfirm; HP DL585 G6 was not a listed platformMS Windows 2008 R2MS IIS"/>
        <s v="Linux, PHP, Apache, MySQL, Web Browser, JavaScriptMySQLLinux, PHP, Apache, MySQL, Web Browser, JavaScriptDebian Sarge"/>
        <s v="Web.NetWindowsWeb"/>
        <s v="LinuxLinuxDebian Sarge"/>
        <s v="Linux, PHP, Apache, MySQL, Web Browser, JavaScript, email (sendmail)MySQLLinux, PHP, Apache, MySQL, Web Browser, JavaScript, email (sendmail)Debian SargeApache"/>
        <s v="Linux, PHP, Apache, MySQL, Web Browser, JavaScriptMySQLLinux, PHP, Apache, MySQL, Web Browser, JavaScriptDebian SargeApache"/>
        <s v="Linux, FTPLinux, FTPDebian Sarge"/>
        <s v="Linux, PHP, Apache, MySQL, Web Browser, JavaScriptLinux, PHP, Apache, MySQL, Web Browser, JavaScriptDebian SargeApache"/>
        <s v="Windows Server, ASP.NET, MVC 4, SQL Server 2012, IIS7 - Web Application.NetWindowsMS/SQL Server,MS/SQL Server,MS/SQL Server,MS/SQL ServerWindows Server, ASP.NET, MVC 4, SQL Server 2012, IIS7 - Web ApplicationMS IIS"/>
        <s v="Custom applicationFormat most appropriate for these data users is not a database.Ubuntu 12.04 LTS"/>
        <s v="MS SQL Server 2012WindowsMS/SQL Server,MS/SQL Server,MS/SQL Server,MS/SQL ServerSNCR01WBINDEV2; SNCR01WBEXPRD4; SNCR01WBEXPRD5MS Windows 2008MS IIS"/>
        <s v="ASP.Net and MS IIS.NetWindowsASP.Net and MS IISMS Windows 2008 R2MS IIS"/>
        <s v="IIS, SQL Server, .Net Framework.NetMS SQL 2005WindowsMS/SQL Server,MS/SQL Server,MS/SQL Server,MS/SQL ServerIIS, SQL Server, .Net FrameworkMS Windows 2008 R2MS IIS"/>
        <s v="LinuxFollows OMM standardsLinuxApache"/>
        <s v="WindowsSQL 2012WindowsMS/SQL Server,MS/SQL ServerWindowsMS IIS"/>
        <s v="autodesk mapguide, geomap server, windows 2003 server, MS SQL 2005.Net,WindowsMS/SQL Server,MS/SQL Serverautodesk mapguide, geomap server, windows 2003 server, MS SQL 2005MS IIS"/>
        <s v="Oracle 12g"/>
        <s v="MS Dynamics CRMMS SQL Server 2012"/>
        <s v="Web BrowserLinux RHEL x86Web Browser"/>
        <s v="Desktop applicationWindowsDesktop applicationWindows 7"/>
        <s v="Service feeds into StandAlone Windows app.NetMS. NET 4.6WindowsMS/SQL Server,MS/SQL ServerService feeds into StandAlone Windows appcurrently running on 2003 but rebuilding for 2012"/>
        <s v="C# .net interface to 2012 sql server database.NetMS.NETSQL 2008WindowsMS/SQL Server,MS/SQL ServerC# .net interface to 2012 sql server databaseMigrating to 2008R2 in 2-3 weeksMS IIS"/>
        <s v="stand alone windows service accessing web services and writing to sql server database.NetMS.NETSQL 2008WindowsMS/SQL Server,MS/SQL Serverstand alone windows service accessing web services and writing to sql server databaseMigrating to 2008R2 in 2-3 weeksMS IIS"/>
        <s v="connecting to sql server 2012 database and producing kml file..NetMS.NETSQL 2008WindowsMS/SQL Server,MS/SQL Serverconnecting to sql server 2012 database and producing kml file.Migrating to 2008R2 in 2-3 weeksMS IIS"/>
        <s v="web sites with directory browsing connected to FTP directories.Net,MS.NETweb sites with directory browsing connected to FTP directoriesMigrating to 2008R2 in 2-3 weeksMS IIS"/>
        <s v="ESRIESRI"/>
        <s v="Uses Oracle RDBMS. It is developed by EC but relies on licenses from ESRI ArcInfo and Leica Imagine to process proprietary data types. Tools are VB6 applications.Uses Oracle RDBMS. It is developed by EC but relies on licenses from ESRI ArcInfo and Leica Imagine to process proprietary data types. Tools are VB6 applications."/>
        <s v="Stand alone Windows forms application.Net,WindowsMS/SQL Server,MS/SQL ServerStand alone Windows forms applicationMS IIS"/>
        <s v="Service feeds into water quality web service.NetWindowsMS/SQL Server,MS/SQL ServerService feeds into water quality web serviceMS IIS"/>
        <s v="MS .NET / MS Entity Framwork / MS SQL SERVER / SEAS SWIM / TLS / MS IIS / SMTP.NetWindowsMS/SQL Server,MS/SQL Server,MS/SQL Server,MS/SQL ServerMS .NET / MS Entity Framwork / MS SQL SERVER / SEAS SWIM / TLS / MS IIS / SMTPMS Windows 2008 R2MS IIS"/>
        <s v="WindowsMySQLMS IIS"/>
        <s v=".NetMS SQL Server 2012WindowsMS/SQL Server,MS/SQL Server,MS/SQL Server,MS/SQL ServerSNCR01WBEXPRD4; SNCR01WBEXPRD5MS Windows 2008 R2MS IIS"/>
        <s v=".NetMS SQL Server 2005WindowsMS/SQL Server,MS/SQL Server,MS/SQL Server,MS/SQL ServerSNCR01WBEXPRD4; SNCR01WBINDEV2MS Windows 2008 R2MS IIS"/>
        <s v=".net, powerbuilder, window services, oracle database, Esperant, coldfusion, MS Word, XML,.NetOracle.net, powerbuilder, window services, oracle database, Esperant, coldfusion, MS Word, XML,MS IIS"/>
        <s v=".NetMS SQL Server 2005WindowsMS/SQL Server,MS/SQL Server,MS/SQL Server,MS/SQL ServerSNCR01WBEXPRD1; SNCR01WBEXPRD2MS Windows 2008 R2MS IIS"/>
        <s v="ArcGIS Server, ASP.NET and MS IIS.Net.NET 4.xMS SQL ServerWindowsArcGIS Server, ASP.NET and MS IISSNCR01WBEXPRD4, SNCR01WBEXPRD5MS Windows 2008 R2MS IIS"/>
        <s v="Single Window.NetWindowsMS/SQL Server,MS/SQL Server,MS/SQL Server,MS/SQL ServerSingle WindowMS Windows 2008 R2MS IIS"/>
        <s v="NoneTomcatNoneApache"/>
        <s v="MS SQL Server 2005WindowsMS/SQL Server,MS/SQL Server,MS/SQL Server,MS/SQL ServerSNCR01WBEXPRD4, SNCR01WBEXPRD5MS Windows 2008MS IIS"/>
        <s v="Microsoft Internet Information Server (with SSL Certificate), Entrust GetAccess, Government of Canada Credential Federation, Environment Canada''s Shared Enterprise Application Services.NetWindowsMS/SQL Server,MS/SQL Server,MS/SQL Server,MS/SQL ServerMicrosoft Internet Information Server (with SSL Certificate), Entrust GetAccess, Government of Canada Credential Federation, Environment Canada''s Shared Enterprise Application ServicesMS Windows 2008MS IIS"/>
        <s v="ArcGIS Server.Net,WindowsMS/SQL Server,MS/SQL Server,MS/SQL Server,MS/SQL ServerArcGIS ServerMS IIS"/>
        <s v="EC Net, Active Directory (LDAP), Exchange Server, VM, SQL Server 2012MS SQL Server 2012EC Net, Active Directory (LDAP), Exchange Server, VM, SQL Server 2012Ask WIGWindows 2008 R2"/>
        <s v="EC Net, Active Directory (LDAP), Exchange Server, VM, Linux (or  platform supporting the unrestricted use of Java), SQL Server 2008 R2TomcatMS SQL Server 2012WindowsMS/SQL Server,MS/SQL Server,MS/SQL Server,MS/SQL ServerEC Net, Active Directory (LDAP), Exchange Server, VM, Linux (or  platform supporting the unrestricted use of Java), SQL Server 2008 R2LinuxApache"/>
        <s v="EC Net, Exchange Server, VM, MS SQL Server, EC Active Directory, SFTP.NetMS SQL Server 2005WindowsMS/SQL Server,MS/SQL Server,MS/SQL Server,MS/SQL ServerEC Net, Exchange Server, VM, MS SQL Server, EC Active Directory, SFTPSNCR01WBINPRD2; SNCRWBINDEV1Windows 2008 R2MS IIS"/>
        <s v="EC Net, Exchange Server, VM, MS SQL ServerMS SQL Server 2005WindowsMS/SQL Server,MS/SQL Server,MS/SQL Server,MS/SQL ServerEC Net, Exchange Server, VM, MS SQL ServerSNCR01WBINPRD2; SNCR01WBINDEV1;Windows 2008 R2MS IIS"/>
        <s v="EC Net, Exchange Server, VM, MS SQL ServerMS SQL Server 2005WindowsMS/SQL Server,MS/SQL Server,MS/SQL Server,MS/SQL ServerEC Net, Exchange Server, VM, MS SQL ServerWindows 2008 R2MS IIS"/>
        <s v="Ghost Script, XPDF.NetImplemented in a Remote Desktop Environment, to which users remote to for useMS SQL Server 2012WindowsMS/SQL Server,MS/SQL Server,MS/SQL Server,MS/SQL ServerGhost Script, XPDFMS Windows 2008 R2"/>
        <s v="MS SQL Server, EC Active Directory, IDOLWindowsMS/SQL Server,MS/SQL Server,MS/SQL Server,MS/SQL ServerMS SQL Server, EC Active Directory, IDOLMS Windows 2008 R2MS IIS"/>
        <s v="EC Net, EC Active Directory, Exchange Server, VM, MS SQL ServerWindowsMS/SQL Server,MS/SQL Server,MS/SQL Server,MS/SQL ServerEC Net, EC Active Directory, Exchange Server, VM, MS SQL ServerMS IIS"/>
        <s v="Email, Spell CheckerMS SQL Server 2012WindowsMS/SQL Server,MS/SQL Server,MS/SQL Server,MS/SQL ServerEmail, Spell CheckerMS Windows 2008 R2"/>
        <s v=".NetMS SQL Server 2012WindowsMS/SQL Server,MS/SQL Server,MS/SQL Server,MS/SQL ServerSNCR01WBEXPRD1, SNCR01WBEXPRD2MS Windows 2008 R2MS IIS"/>
        <s v="MS SQL Server 2012WindowsMS/SQL Server,MS/SQL Server,MS/SQL Server,MS/SQL ServerSNCR01WBEXPRD4; SNCR01WBEXPRD5MS Windows 2008 R2MS IIS"/>
        <s v="EC Net, VM, MS SQL ServerMS SQL Server 2012WindowsMS/SQL Server,MS/SQL Server,MS/SQL Server,MS/SQL ServerEC Net, VM, MS SQL ServerSNCR01WBINPRD2; SNCR01WBINDEV1Windows 2008 R2MS IIS"/>
        <s v="Yes we use the secure interfaces, special hardware, database, directory or authentication layer, certificates,  file transfer an Application such as Scheduler.WeblogicOracle LinuxOracleYes we use the secure interfaces, special hardware, database, directory or authentication layer, certificates,  file transfer an Application such as Scheduler."/>
        <s v="Yes we used the secure interfaces, special hardware, database, directory or authentication layer, certificates,  file transfer an Application such as Scheduler.WeblogicOracle 11.2.0.3Oracle LinuxOracleYes we used the secure interfaces, special hardware, database, directory or authentication layer, certificates,  file transfer an Application such as Scheduler."/>
        <s v="Database, Active Directory; SSL Certificates; IIS.NetWindowsMS/SQL Server,MS/SQL Server,MS/SQL Server,MS/SQL ServerDatabase, Active Directory; SSL Certificates; IISMS IIS"/>
        <s v="Kerberos authentication.NetWindowsMS/SQL Server,MS/SQL Server,MS/SQL Server,MS/SQL ServerKerberos authenticationMS IIS,"/>
        <s v="Active Directory authentication.Net,WindowsMS/SQL Server,MS/SQL Server,MS/SQL Server,MS/SQL ServerActive Directory authentication"/>
        <s v="Internet information Service (IIS), File Transfert protocol (FTP)..Net,WindowsInternet information Service (IIS), File Transfert protocol (FTP).MS IIS,"/>
        <s v="Database, network reach, and securityWindowsMS/SQL Server,MS/SQL Server,MS/SQL Server,MS/SQL ServerDatabase, network reach, and securityMS IIS"/>
        <s v="Windows Server, ASP.NET, SQL Server 2012, IIS6 - Web Application.NetWindowsMS/SQL Server,MS/SQL Server,MS/SQL Server,MS/SQL ServerWindows Server, ASP.NET, SQL Server 2012, IIS6 - Web ApplicationMS IIS"/>
        <s v="CFPortcullis &amp;  customizationsMS SQL Server 2005WindowsMS/SQL Server,MS/SQL Server,MS/SQL Server,MS/SQL ServerConfirm; HP DL585 G6 was not a listed platformMS Windows 2008MS IIS"/>
        <s v="ATIP RequestsWindowsMS/SQL Server,MS/SQL Server,MS/SQL Server,MS/SQL ServerATIP Requests"/>
        <s v="LAMP, TomcatTomcatMySQL,LAMP, TomcatApache,"/>
        <s v="LAMPMS/SQL Server,MS/SQL Server,MySQL,OracleLAMPApache"/>
        <s v="LAMPWindowsLAMPOS changed in Fall 2016"/>
        <s v="JREJREUbuntu 12.04 7"/>
        <s v="Debian Lenny"/>
        <s v="JRETomcatLinux RHEL x86OracleJREApache"/>
        <s v="JREJRE"/>
        <s v="ESRI, Oracle, MrSid, ERDAS ImagineHPUXOracleESRI, Oracle, MrSid, ERDAS Imagine"/>
        <s v="ESRI, Oracle, MrSid, ERDAS Imagine.NetOracle LinuxOracleESRI, Oracle, MrSid, ERDAS ImagineShould be verified by SSC"/>
        <s v="ESRI, OracleThis should be verified with SSC,.HPUXOracleESRI, OracleShould be verified by SSC"/>
        <s v="ESRIThis should be verified with SSC.HPUXOracleESRIShould be verified by SSC"/>
        <s v="ESRIThis is a desktop application - no server backend.ESRIShould be verified by SSC"/>
        <s v="MapInfoICEggs has a ''server'' backend, but it is a workstation.MapInfoShould be verified by SSC"/>
        <s v="ESRI.NetThis software resides on the airplane - no backend.ESRIShould be verified by SSC"/>
        <s v="ESRI.NetESRIShould be verified by SSC"/>
        <s v="Should be verified by SSC"/>
        <s v="ESRIESRIShould be verified by SSC"/>
        <s v="SSH/X-serverSSH/X-serverVMOS changed in Fall 2016"/>
        <s v="LinuxLinux"/>
        <s v="SSH/X-serverSSH/X-serverDebian Etch"/>
        <s v="SSH/X-serverSSH/X-server"/>
        <s v="JREJREVM"/>
        <s v="noneOracleWindowsOraclenone"/>
        <s v="Exchange.Net,WindowsMS/SQL Server,MS/SQL ServerExchangeMS IIS"/>
        <s v="Drupal v6MySQL 5.1.32WindowsMySQLDrupal v6MS Windows 2008 R2Apache"/>
        <s v="ColdfusionOracleOracle LinuxOracleColdfusionMS Windows 2008 R2MS IIS"/>
        <s v="EC Net, Exchange Server, VM, MS SQL ServerAll disclosure apps are marked for decommission before end of fiscal 2017-2018MS SQL Server 2005WindowsMS/SQL Server,MS/SQL Server,MS/SQL Server,MS/SQL ServerEC Net, Exchange Server, VM, MS SQL ServerSNCR01WBINPRD2; SNCR01WBINPRD4; SNCR01WBINDEV1Windows 2008 R2MS IIS"/>
        <s v="MS SQL Server 2005MS Windows 2008 R2"/>
        <s v="Database; Java, Microsoft SQL network client,.NetSQL server: natsqlapps3ncr.ncr.int.ec.gc.caWindowsMS/SQL Server,MS/SQL Server,MS/SQL Server,MS/SQL ServerDatabase; Java, Microsoft SQL network client,MS IIS"/>
        <s v="Database; IIS.NetWindowsMS/SQL Server,MS/SQL Server,MS/SQL Server,MS/SQL ServerDatabase; IISMS IIS"/>
        <s v="Oracle DatabaseOracle LinuxOracleOracle Database"/>
        <s v="RDBMS and SQL, Desktop ClientHPUXOracleRDBMS and SQL, Desktop Client"/>
        <s v="LinuxNo longer in developmentLinux"/>
        <s v="OracleOracle LinuxOracleOracle"/>
        <s v=".NetWindowsOracle"/>
        <s v="OracleNo longer in developmentOracle LinuxOracleOracle"/>
        <s v="CFPortcullis &amp;  customizationsMigration to SQL Server 2012 anticipatedWindowsMS/SQL Server,MS/SQL ServerConfirm; HP DL585 G6 was not a listed platformOS for web server is scored, not DBMS IIS"/>
        <s v=".NET 3.5, Microsoft Access 2002-2003Microsoft Access 2002-2003Windows on x64 (Intel)Windows 7"/>
        <s v="J2EEHPUXOracleJ2EEMS IIS"/>
        <s v="J2EE, databaseNot latest versionData model / Documentation not available at allHPUXOracleJ2EE, databaseApache"/>
        <s v="databaseTomcatData model / Documentation not available at allWindowsMS/SQL Server,MS/SQL ServerdatabaseMS IIS"/>
        <s v="databasenot latest version; customizedData model / Documentation not available at allWindowsMS/SQL Server,MS/SQL Server,Oracledatabase"/>
        <s v="databaseData model / documentation not easily accessibleHPUXOracledatabase"/>
        <s v="J2EE, databaseTomcatNot latest versionData model / Documentation not available at allHPUXOracleJ2EE, databaseApache"/>
        <s v="databasedatabase"/>
        <s v="database.NetcustomizedData model / Documentation not available at allWindowsMS/SQL Server,MS/SQL ServerdatabaseMS IIS"/>
        <s v="databaseData model / Documentation not available at allWindowsMS/SQL Server,MS/SQL Serverdatabase"/>
        <s v="database.Netheavily customizedData model / Documentation not available at allWindowsMS/SQL Server,MS/SQL ServerdatabaseMS IIS"/>
        <s v="databaseWindowsMS/SQL Server,MS/SQL ServerdatabaseMS IIS"/>
        <s v="Batch, VB.NET.NetLinux RHEL x86OracleBatch, VB.NETApache"/>
        <s v="SQL ServerTomcatLinux RHEL x86OracleSQL ServerWindows Server 2003Apache"/>
        <s v="Fortran, openVMS, CONNX, Telnet, ASP, Web, OracleTomcatLinux RHEL x86OracleFortran, openVMS, CONNX, Telnet, ASP, Web, OracleIP 10.16.126.110openVMS, linuxApache"/>
        <s v="JavaEE, Tomcat, Apache, Oracle, eAccess, WebSphereTomcat,WebsphereAIXOracleJavaEE, Tomcat, Apache, Oracle, eAccess, WebSphereApache"/>
        <s v="VB.NET, Java.NetLinux RHEL x86VB.NET, JavaApache"/>
        <s v="Excel.NetLinux RHEL x86ExcelApache"/>
        <s v="Windows IIS, Adobe ColdFusion, Oracle Database, Internet BrowsersOracle database is DFO standardAIXOracleWindows IIS, Adobe ColdFusion, Oracle Database, Internet Browsersutilizes DFO standardutilizes DFO standardMS IIS"/>
        <s v="Apache, PHP, MySQL, Open Web Framework 3TomcatMySQLLinux RHEL x86OracleApache, PHP, MySQL, Open Web Framework 3Windows Server 2003Apache"/>
        <s v="Entrust Certificates, Trackwell Communication Software, DMZ Server, Oracle DB, email, Network, IIS, TomCat DMZ, MapXtreme, .Net Framework, Oracle Client for .Net, FTP, Windows Scheduler, eAccess for external authentication.Net,TomcatAIXMS/SQL Server,MS/SQL Server,OracleEntrust Certificates, Trackwell Communication Software, DMZ Server, Oracle DB, email, Network, IIS, TomCat DMZ, MapXtreme, .Net Framework, Oracle Client for .Net, FTP, Windows Scheduler, eAccess for external authenticationWindows Server 2003Apache,MS IIS"/>
        <s v="Apache, PHP, MySQL, Open Web Framework 4TomcatMySQLLinux RHEL x86OracleApache, PHP, MySQL, Open Web Framework 4Windows Server 2003Apache"/>
        <s v="Entrust Certificates, Trackwell Communication Software, DMZ Server, Oracle DB, email, Network, IIS, TomCat DMZ, MapXtreme, .Net Framework, Oracle Client for .Net, FTP, Windows Scheduler, eAccess for external authenticationLinux RHEL x86OracleEntrust Certificates, Trackwell Communication Software, DMZ Server, Oracle DB, email, Network, IIS, TomCat DMZ, MapXtreme, .Net Framework, Oracle Client for .Net, FTP, Windows Scheduler, eAccess for external authentication"/>
        <s v="Apache, PHP, MySQL, Open Web Framework 4TomcatLinux RHEL x86OracleApache, PHP, MySQL, Open Web Framework 4Apache"/>
        <s v="Filemaker Pro (COTS)WindowsFilemaker Pro (COTS)"/>
        <s v="Windows Server 2008, OracleTomcatLinux RHEL x86OracleWindows Server 2008, OracleApache"/>
        <s v="OracleTomcatLinux RHEL x86OracleOracleApache"/>
        <s v="COTSTomcatLinux RHEL x86OracleCOTSApache"/>
        <s v="PC, Windows serverWindowsPC, Windows serverWindows 7 client side; Windows 2003 on server"/>
        <s v="Linux ServerTomcatLinux RHEL x86OracleLinux ServerApache"/>
        <s v="MS Access 2010, Oracle DB 11g, ODBCTypical client-server applicationDFO currently has no master data management in place.AIXOracleMS Access 2010, Oracle DB 11g, ODBC"/>
        <s v="Oracle forms 11g, Oracle DB 11g, WeblogicOracle client-server application - due in part to performance and functionality requirements.DFO currently has no master data management in place.AIXOracleOracle forms 11g, Oracle DB 11g, Weblogic"/>
        <s v="Oracle db, network connectivityTomcatOracle database is DFO standardLinux RHEL x86OracleOracle db, network connectivityutilizes DFO standardutilizes DFO standardApache"/>
        <s v="Oracle db, web server, network connectivityTomcatOracle database is DFO standardLinux RHEL x86OracleOracle db, web server, network connectivityutilizes DFO standardutilizes DFO standardApache"/>
        <s v="Oracle db, web server, network connectivityWeblogicutilizes application architecture that is unique within DFOOracle database is DFO standardAIXOracleOracle db, web server, network connectivityutilizes DFO standardutilizes DFO standardApache"/>
        <s v="Oracle, ASP.NET (C#), MS Silverlight.Net,Oracle database is DFO standardAIXOracleOracle, ASP.NET (C#), MS Silverlightutilizes DFO standardutilizes DFO standardMS IIS"/>
        <s v="Oracle, Asp.Net (C#), PythonTomcatclient utilities applicationOracle database is DFO standardAIXOracleOracle, Asp.Net (C#), Pythonutilizes DFO standardutilizes DFO standardApache"/>
        <s v="Oracle, ASP.NET (C#), HTML/JavascriptTomcatTypical web applicationOracle database is DFO standardAIXOracleOracle, ASP.NET (C#), HTML/Javascriptutilizes DFO standardutilizes DFO standardMS IIS"/>
        <s v="MS SQL Server, ASP.NET (C#), MS Silverlight.Net,Typical web applicationSQL database is DFO standardWindowsMS/SQL Server,MS/SQL ServerMS SQL Server, ASP.NET (C#), MS Silverlightutilizes DFO standardutilizes DFO standardMS IIS"/>
        <s v="MongoDB, ASP.NET (C#), HTML/Javascript.Net,Typical web applicationWindowsMongoDB, ASP.NET (C#), HTML/Javascriptutilizes DFO standardMS IIS"/>
        <s v="network connectivityTomcatLinux RHEL x86Oraclenetwork connectivityWindows Server 2003Apache"/>
        <s v="MS SQL Server, ASP.NET (C#), MS SilverlightTomcatLinux RHEL x86OracleMS SQL Server, ASP.NET (C#), MS SilverlightWindows Server 2003Apache"/>
        <s v="MongoDB, ASP.NET (C#), HTML/JavascriptHPUXOracleMongoDB, ASP.NET (C#), HTML/Javascript"/>
        <s v="network connectivityHPUXOraclenetwork connectivity"/>
        <s v="C#, .net, OracleTomcatApplication assessment incompleteOracleLinux RHEL x86OracleC#, .net, OracleMigration off Win 2003 server completedApache"/>
        <s v="IIS, ASP, OracleTomcatLinux RHEL x86OracleIIS, ASP, OracleWindows Server 2003Apache"/>
        <s v="Oracle db, web server, network connectivityOracle database is DFO standardAIXOracleOracle db, web server, network connectivityutilizes DFO standardutilizes DFO standardMS IIS"/>
        <s v="Oracle db, web server, network connectivityTomcatTypical web applicationOracle database is DFO standardAIXOracleOracle db, web server, network connectivityutilizes DFO standardMigration off Win 2003 server completedMS IIS"/>
        <s v="C#, .net, OracleTomcatCapital Project defined for replacementOracleLinux RHEL x86OracleC#, .net, OracleAssumption this includes user PC as part of a Client Service Application.Windows Server 2003MS IIS"/>
        <s v="TomcatOracleLinux RHEL x86OracleApache"/>
        <s v="IIS, ASP, OracleWindowsOracleIIS, ASP, OracleMigration off Win 2003 server completed"/>
        <s v="WindowsOracleMigration off Win 2003 server completed"/>
        <s v="Oracle db, web server, network connectivityWindowsOracleOracle db, web server, network connectivityMigration off Win 2003 server completed"/>
        <s v="C#, .net, OracleWindowsOracleC#, .net, OracleMigration off Win 2003 server completed"/>
        <s v="Oracle, Oracle FormsWindowsOracleOracle, Oracle FormsNo"/>
        <s v="Open Search Server, Apache TomcatTomcatMySQLLinux RHEL x86OracleOpen Search Server, Apache TomcatVirtual at SSCRHELApache"/>
        <s v="Piwik, PHP, MySQLTomcatMySQLLinux RHEL x86OraclePiwik, PHP, MySQLVirtual at SSCRHELApache"/>
        <s v="Apache, PHP, MySQL, eAccessTomcatMySQLLinux RHEL x86OracleApache, PHP, MySQL, eAccessVirtual at SSCRHELApache"/>
        <s v="Apache, PHP, MySQL, Open Web Framework 5TomcatMySQLLinux RHEL x86OracleApache, PHP, MySQL, Open Web Framework 5Windows Server 2003Apache"/>
        <s v="Base de données Oracle 10GR2, Oracle Forms v.6, Oracle Reports v.6OracleWindowsOracleBase de données Oracle 10GR2, Oracle Forms v.6, Oracle Reports v.6"/>
        <s v="Windows Server 2003 relié au domaine ENT, Internet Information Services – IIS versions 6 et 7, service SMTP de IIS activé, Framework .net, versions 2, 3, 3.5 et 4, Base de données Oracle 10Gr2 (production) SQL*Net 10G, ODP.Net 2.102.2.20 (Oracle Data Provider for .net), Crystal Report for visual studio 2008 runtimes, ODBC – Oracle driver 10G, certificat SSL.NetOracleWindowsOracle,OracleWindows Server 2003 relié au domaine ENT, Internet Information Services – IIS versions 6 et 7, service SMTP de IIS activé, Framework .net, versions 2, 3, 3.5 et 4, Base de données Oracle 10Gr2 (production) SQL*Net 10G, ODP.Net 2.102.2.20 (Oracle Data Provider for .net), Crystal Report for visual studio 2008 runtimes, ODBC – Oracle driver 10G, certificat SSLWindows Server 2003MS IIS"/>
        <s v="Windows Server 2003 relié au domaine ENT, Internet Information Services – IIS versions 6 et 7, service SMTP de IIS activé, Framework .net, versions 2, 3, 3.5 et 4, Base de données Oracle 10Gr2 (production) SQL*Net 10G, ODP.Net 2.102.2.20 (Oracle Data Provider for .net), Crystal Report for visual studio 2008 runtimes, ODBC – Oracle driver 10GTomcatOracleWindowsOracleWindows Server 2003 relié au domaine ENT, Internet Information Services – IIS versions 6 et 7, service SMTP de IIS activé, Framework .net, versions 2, 3, 3.5 et 4, Base de données Oracle 10Gr2 (production) SQL*Net 10G, ODP.Net 2.102.2.20 (Oracle Data Provider for .net), Crystal Report for visual studio 2008 runtimes, ODBC – Oracle driver 10GWindows Server 2003Apache"/>
        <s v="Open Search Server, Apache TomcatTomcatLinux RHEL x86OracleOpen Search Server, Apache TomcatApache"/>
        <s v="Mapserver, tomcat, web server, java, python, C, terascan, linux, network connectvityTomcatLinux RHEL x86MySQLMapserver, tomcat, web server, java, python, C, terascan, linux, network connectvityApache"/>
        <s v="DotNet, Windows 7, C#Linux RHEL x86OracleDotNet, Windows 7, C#"/>
        <s v="Windows Server 2003 relié au domaine ENT,Framework .net, versions 4, Base de données Oracle 10Gr2 (production) SQL*Net 10G, ODP.Net 2.102.2.20 (Oracle Data Provider for .net), Lien avec Ms-Access-FranklinTomcatOracleLinux RHEL x86OracleWindows Server 2003 relié au domaine ENT,Framework .net, versions 4, Base de données Oracle 10Gr2 (production) SQL*Net 10G, ODP.Net 2.102.2.20 (Oracle Data Provider for .net), Lien avec Ms-Access-FranklinWindows Server 2003Apache"/>
        <s v="Windows Server 2003 relié au domaine ENT, Internet Information Services – IIS versions 6 et 7, service SMTP de IIS activé, Framework .net, versions 2, 3, 3.5 et 4, Base de données Oracle 10Gr2 (production) SQL*Net 10G, ODP.Net 2.102.2.20 (Oracle Data Provider for .net), Crystal Report for visual studio 2008 runtimes, ODBC – Oracle driver 10G, certificat SSLTomcatLinux RHEL x86OracleWindows Server 2003 relié au domaine ENT, Internet Information Services – IIS versions 6 et 7, service SMTP de IIS activé, Framework .net, versions 2, 3, 3.5 et 4, Base de données Oracle 10Gr2 (production) SQL*Net 10G, ODP.Net 2.102.2.20 (Oracle Data Provider for .net), Crystal Report for visual studio 2008 runtimes, ODBC – Oracle driver 10G, certificat SSLApache"/>
        <s v="C#, .net, Oracle.NetOracleAIXOracleC#, .net, OracleMS IIS"/>
        <s v="C#, .net, OracleTomcatPHP and MySQL won''t be supported as a StandardLinux RHEL x86OracleC#, .net, OracleApache"/>
        <s v="IIS, ASP, MS AccessTomcatLinux RHEL x86OracleIIS, ASP, MS AccessWindows Server 2003Apache"/>
        <s v="Windows Server 2003 relié au domaine ENT,Framework .net, versions 4, Base de données Oracle 10Gr2 (production) SQL*Net 10G, ODP.Net 2.102.2.20 (Oracle Data Provider for .net), Lien avec Ms-Access-FranklinLinux RHEL x86OracleWindows Server 2003 relié au domaine ENT,Framework .net, versions 4, Base de données Oracle 10Gr2 (production) SQL*Net 10G, ODP.Net 2.102.2.20 (Oracle Data Provider for .net), Lien avec Ms-Access-Franklin"/>
        <s v="Tomcat 7, Apache HTTPD, MapServer 6.0, Java 7, hdf5, Servlet, Axis 1.4, Shell scriptingTomcatLinux RHEL x86MySQLTomcat 7, Apache HTTPD, MapServer 6.0, Java 7, hdf5, Servlet, Axis 1.4, Shell scriptingApache"/>
        <s v="Oracle db,  workstation running Xconnect by Sutron, network connectivityTomcatOracle database is DFO standardLinux RHEL x86OracleOracle db,  workstation running Xconnect by Sutron, network connectivityutilizes DFO standardWindows Server 2003Apache"/>
        <s v="IIS, ASP, MS AccessTomcatLinux RHEL x86OracleIIS, ASP, MS AccessApache"/>
        <s v="TomcatLinux RHEL x86OracleWindows Server 2003Apache"/>
        <s v=".NetLinux RHEL x86OracleWindows Server 2003Apache"/>
        <s v="Tomcat 7, Apache HTTPD, MapServer 6.0, Java 7, hdf5, Servlet, Axis 1.4, Shell scriptingTomcatLinux RHEL x86OracleTomcat 7, Apache HTTPD, MapServer 6.0, Java 7, hdf5, Servlet, Axis 1.4, Shell scriptingWindows Server 2003Apache"/>
        <s v="Oracle db,  workstation running Xconnect by Sutron, network connectivityTomcatLinux RHEL x86OracleOracle db,  workstation running Xconnect by Sutron, network connectivityWindows Server 2003Apache"/>
        <s v="Backup Exec, DroboWindowsBackup Exec, DroboBackup Exec + MSL4048W2K3Apache"/>
        <s v="ESRI ARCGIS Server, GeoCortex, OracleOracle LinuxOracleESRI ARCGIS Server, GeoCortex, OracleMS IIS"/>
        <s v="Classic ASP, OracleNo documentationLinux RHEL x86,WindowsMS/SQL Server,MS/SQL Server,OracleClassic ASP, OracleDev on Win 2003MS IIS"/>
        <s v="Backup Exec, DroboLinux RHEL x86OracleBackup Exec, Drobo"/>
        <s v="Java, Oracle DBLinux RHEL x86Java, Oracle DBMS IIS"/>
        <s v="Classic ASP, Oracle, AccessNo documentationLinux RHEL x86,WindowsOracle,Classic ASP, Oracle, AccessDev on Win 2003MS IIS"/>
        <s v="VB.NET.NetLinux RHEL x86OracleVB.NET"/>
        <s v="JavaLinux RHEL x86Java"/>
        <s v="Java, MySQL client, Oracle clientLinux RHEL x86MySQL,OracleJava, MySQL client, Oracle client"/>
        <s v="COTSWeblogicOracle LinuxOracleCOTS"/>
        <s v=".NetMS/SQL Server,MS/SQL ServerMS IIS"/>
        <s v="JavaJava"/>
        <s v="Java.NetSQL Server 2008 R2WindowsMS/SQL Server,MS/SQL ServerJavaIIS7.5Windows 2008 serversMS IIS"/>
        <s v=".NET, C#, coldfusion 2016AIXOracle.NET, C#, coldfusion 2016"/>
        <s v=".NET, SILVERLIGHT, ASP, C#, JAVASCRIPT.NetAIXOracle.NET, SILVERLIGHT, ASP, C#, JAVASCRIPTMS IIS"/>
        <s v="APEX.NetAIXOracleAPEXMS IIS"/>
        <s v="Java,TomcatWindowsMS/SQL Server,MS/SQL ServerJava,Apache"/>
        <s v="Cognos, .Net, Oracle.NetAIXOracleCognos, .Net, OracleMS IIS"/>
        <s v="network connectivity.Netnetwork connectivityApache"/>
        <s v="Apache, PHP, MySQLMySQL 5.1.53Linux RHEL x86MySQLApache, PHP, MySQLApache"/>
        <s v="Java, Apache, MySQLMySQL 5.1.53Linux RHEL x86MySQLJava, Apache, MySQLApache"/>
        <s v="Apache, PHP, MySQLLinux RHEL x86MySQLApache, PHP, MySQLApache"/>
        <s v="Oracle OWB 11.2.0.4AIXOracleOracle OWB 11.2.0.4"/>
        <s v="Java, Apache, MySQLLinux RHEL x86MySQLJava, Apache, MySQLApache"/>
        <s v="Oracle, .Net, IIS.NetOracle 10GAIXOracleOracle, .Net, IISWindows server 2008 R2MS IIS"/>
        <s v="Oracle db, web server, network connectivityutilizes application architecture that is unique within DFOOracle database is DFO standardAIXOracleOracle db, web server, network connectivityutilizes DFO standardutilizes DFO standardApache"/>
        <s v="C#, .Net, Sencha Framework, Sharepoint, Excel Forms.Net,AIX,WindowsMS/SQL Server,MS/SQL Server,OracleC#, .Net, Sencha Framework, Sharepoint, Excel FormsMS IIS"/>
        <s v="Microsoft AccessWindowsMicrosoft Access"/>
        <s v="Java, OracleTomcatOracle - DDA groupOracleJava, OracleAPS HostedAPS hostedApache"/>
        <s v="C#, Oracle.NetOracle - DDA groupOracleC#, OracleAPS HostedAPS hostedMS IIS"/>
        <s v="Oracle, Apache, ApexWeblogicAIX,OracleOracle, Apache, ApexApache,"/>
        <s v="Citrix, MS SQL Server,MS SQL ServerWindowsMS/SQL Server,MS/SQL ServerCitrix, MS SQL Server,"/>
        <s v="Oracle db,  network connectivity.NetOracle database is DFO standardAIXOracleOracle db,  network connectivityutilizes DFO standardutilizes DFO standardApache"/>
        <s v=".NetOracleAIXOracleMS IIS"/>
        <s v="ASP, IIS, OracleAIXOracleASP, IIS, OracleMigration off Win 2003 server completedMS IIS"/>
        <s v="Apache, PHP, MySQL, Open Web Framework 3MySQLWindowsOracleApache, PHP, MySQL, Open Web Framework 3Windows Server 2003Apache"/>
        <s v="Windows IIS, Adobe ColdFusion, Oracle Database, Internet BrowsersOracle database is DFO standardAIXOracle,OracleWindows IIS, Adobe ColdFusion, Oracle Database, Internet Browsersutilizes DFO standardutilizes DFO standardMS IIS"/>
        <s v="java 1.4, java servlet, jsp, Oracle DB 11gTypical web based architecture.DFO currently has no master data management in place.AIXOraclejava 1.4, java servlet, jsp, Oracle DB 11g"/>
        <s v="SIPA InterfaceWindowsMySQL,MySQL,OracleSIPA InterfaceApache,"/>
        <s v="Apache, PHP, MySQL, Open Web Framework 4MySQLWindowsMySQLApache, PHP, MySQL, Open Web Framework 4Windows Server 2003Apache"/>
        <s v=".Net,DevArt express,JasperReports.Net,Oracle databaseis DFO standardAIX,WindowsMS/SQL Server,MS/SQL Server,Oracle.Net,DevArt express,JasperReportsutlizes DFO standardutilizes DFO standardMS IIS"/>
        <s v="JavaEE, Tomcat, Apache, Oracle, eAccess, WebSphereTomcat,WebsphereAIXOracle,OracleJavaEE, Tomcat, Apache, Oracle, eAccess, WebSphereApache,"/>
        <s v="Database, ServerTomcatOracleLinux RHEL x86OracleDatabase, ServerApache"/>
        <s v="JavaEE, Tomcat, Apache, Oracle, eAccess, WebSphere, IIS, OpenVMS, FortranTomcat,WebsphereNo data modelOracle Linux,Oracle,Oracle,JavaEE, Tomcat, Apache, Oracle, eAccess, WebSphere, IIS, OpenVMS, FortranWindows Server 2003Apache,MS IIS,"/>
        <s v="Database, Server.NetOracleLinux RHEL x86OracleDatabase, ServerMS IIS"/>
        <s v="Oracle Forms/Reports 6i v6.0.8.18.3, Oracle RDMS 10g, SQL NetOracle client-server application - due in part to performance and functionality requirements.Current Database Version is no longer supported by the vendor and has not been current for 3 + years.AIXOracleOracle Forms/Reports 6i v6.0.8.18.3, Oracle RDMS 10g, SQL NetMigration off Win 2003 server completed"/>
        <s v="Oracle RDMS 10g, Microsoft Access 2010Client-server application - due in part to performance and functionality requirements.Current Database Version is no longer supported by the vendor and has not been current for 3 + years.AIXOracleOracle RDMS 10g, Microsoft Access 2010"/>
        <s v="Apache, PHP, MySQL, Open Web Framework 5MySQLWindowsMySQL,MySQL,OracleApache, PHP, MySQL, Open Web Framework 5Windows Server 2003Apache"/>
        <s v=".NetL''interface client est servie dans un conteneur SilverlightModèle de données à réviserWindowsOracleServeur virtuel (vsqcimlatlas01)Windows Server 2003MS IIS"/>
        <s v="WindowsWindows serverMS IIS"/>
        <s v="TomcatWindowsMS/SQL Server,MS/SQL ServerMigration off Win 2003 server completedApache"/>
        <s v="Java, Tomcat, Oracle, eAccessAIXOracleJava, Tomcat, Oracle, eAccess"/>
        <s v="WebSphere, JavaEE, Tomcat, Apache, Oracle, PL/SQL, eAccess, Struts, WETTomcatOracle LinuxOracleWebSphere, JavaEE, Tomcat, Apache, Oracle, PL/SQL, eAccess, Struts, WETApache"/>
        <s v="Bugzilla, MySQLLinux RHEL x86MySQLBugzilla, MySQL"/>
        <s v="Windows IIS, Adobe ColdFusion, Access Database, Oracle Database, Internet BrowsersOracle database is DFO standardAIXOracleWindows IIS, Adobe ColdFusion, Access Database, Oracle Database, Internet Browsersutilizes DFO standardutilizes DFO standardMS IIS"/>
        <s v="jQuery, Apache, PHP, OracleAIXOraclejQuery, Apache, PHP, OracleMigration off Win 2003 server completedMS IIS"/>
        <s v="Apache, PHP, MySQL, Open Web Framework 5MySQLWindowsMySQLApache, PHP, MySQL, Open Web Framework 5Windows Server 2003Apache"/>
        <s v="Apache, PHP, MySQL, Open Web Framework 4MySQLWindowsMySQL,MySQLApache, PHP, MySQL, Open Web Framework 4Windows Server 2003Apache"/>
        <s v="Centura, Oracle Forms, Oracle dbORACLEAIXOracleCentura, Oracle Forms, Oracle db"/>
        <s v="oracle forms 11g, Oracle DB 11g, Oracle application server fusion 11gOracle web based applcation.DFO currently has no master data management in place.AIXOracleoracle forms 11g, Oracle DB 11g, Oracle application server fusion 11g"/>
        <s v="ASP, IIS, OracleNo data modelOracle LinuxOracle,OracleASP, IIS, OracleMS IIS"/>
        <s v="Solaris, Oracle, Open Indiana, UnixArchitecture under reviewFlat file and My SQL will be replaced by XML flat file and imported into Oracle.Oracle LinuxOracleSolaris, Oracle, Open Indiana, UnixEnterprise Standard not defined within CCG, Upcoming standard is X86 (current).Oracle UNIX"/>
        <s v="ASP, IIS, OracleNoneNoneWindowsASP, IIS, OracleNoneNone"/>
        <s v="OracleOracle LinuxOracle,OracleMigration off Win 2003 server completed"/>
        <s v="OracleOracle LinuxOracleOracleWindows Server 2003"/>
        <s v="Windows OS, Microsoft .NET, Oracle Database, Internet Browsers.NetOracle database is DFO standardAIXOracleWindows OS, Microsoft .NET, Oracle Database, Internet Browsersutilizes DFO standardutilizes DFO standardMS IIS"/>
        <s v="ProvideX databaseWindows"/>
        <s v="Apache, PHP, MySQL, Open Web Framework 4,5MySQLWindowsMySQL,MySQLApache, PHP, MySQL, Open Web Framework 4,5Windows Server 2003Apache"/>
        <s v="C#, .net, Oracle, ArcGISApplication assessment incompleteOracleOracle LinuxOracleC#, .net, Oracle, ArcGISMigration off Win 2003 server completed"/>
        <s v="Delphi, Oracle,Capital Project defined for replacementOracle LinuxOracleDelphi, Oracle,Assumption this includes user PC as part of a Client Service Application."/>
        <s v="Delphi, Oracle,.NetWindowsMS/SQL Server,MS/SQL Server,MySQL,Oracle,Delphi, Oracle,MS IIS"/>
        <s v="Apache, PHP, MySQL, Open Web Framework 4,5MySQLWindowsMySQLApache, PHP, MySQL, Open Web Framework 4,5Windows Server 2003Apache"/>
        <s v=".NetER diagram available with links . Databse is in OracleLinux on Z RHELOracleWindows Server 2003MS IIS"/>
        <s v="JavaEE, Tomcat, Apache, Oracle, eAccess, WebSphereTomcatAIXOracle,OracleJavaEE, Tomcat, Apache, Oracle, eAccess, WebSphereApache,"/>
        <s v="Oracle LinuxOracleWindows Server 2003"/>
        <s v="Oracle Database 10g,ArcIMS 9.3, WMS, WFS, Apache2,Tomcat 6, JRE1.5, Java Servlet and JSP, IMF (Internet Mapping Framework)TomcatTypical geospatial web applicationThe cuurent versionm of the database is Oracle 10g which is not supported by the vendorAIXOracle,OracleOracle Database 10g,ArcIMS 9.3, WMS, WFS, Apache2,Tomcat 6, JRE1.5, Java Servlet and JSP, IMF (Internet Mapping Framework)Windows Server 2003Apache"/>
        <s v="Oracle Database 11g,Oracle Forms and Reports 11gOracle client-server application - due in part to performance and functionality requirements.The cuurent versionm of the database is Oracle 10g which is not supported by the vendorAIXOracleOracle Database 11g,Oracle Forms and Reports 11g"/>
        <s v="ApexLinux RHEL x86OracleApexApache"/>
        <s v="Oracle Database 11g,Oracle Forms and Reports 11gAIXOracleOracle Database 11g,Oracle Forms and Reports 11g"/>
        <s v="MS AccessWindowsMS AccessWindows Server 2003"/>
        <s v="MS AccessWindowsMS Access"/>
        <s v=".NetORACLEAIXOracle.Net"/>
        <s v="ASP, IIS, OracleAIXOracleASP, IIS, OracleMS IIS"/>
        <s v="Database, Servernot a COTS so fully customizedOracleLinux RHEL x86OracleDatabase, ServerApache"/>
        <s v="C#, .net, Oracle, ArcGIS, PythonApplication assessment incompleteOracle LinuxOracleC#, .net, Oracle, ArcGIS, PythonWindows Server 2003"/>
        <s v="Database, ServerMySQLWindowsMySQLDatabase, ServerApache"/>
        <s v="oracle forms 10g (9i v9.04), Oracle DB 10g, Oracle application server 10gOracle web based applcation.DFO currently has no master data management in place.AIXOracle,Oracleoracle forms 10g (9i v9.04), Oracle DB 10g, Oracle application server 10gWindows Server 2003"/>
        <s v="DaisyCMS, MySQL, JavaMySQLLinux RHEL x86MySQL,MySQLDaisyCMS, MySQL, JavaVirtual at SSCWindows Server 2003Apache"/>
        <s v="Centura, Oracle dbORACLEAIXOracleCentura, Oracle db"/>
        <s v="Windows Server 2003 relié au domaine ENT, Internet Information Services – IIS versions 6 et 7, service SMTP de IIS activé, Framework .net, versions 2, 3, 3.5 et 4, Accès à l’Active Directory, Base de données Oracle 10Gr2 (production) SQL*Net 10G, ODP.Net 2.102.2.20 (Oracle Data Provider for .net), Crystal Report for visual studio 2008 runtimes, ODBC – Oracle driver 10G.NetORACLEWindowsOracleWindows Server 2003 relié au domaine ENT, Internet Information Services – IIS versions 6 et 7, service SMTP de IIS activé, Framework .net, versions 2, 3, 3.5 et 4, Accès à l’Active Directory, Base de données Oracle 10Gr2 (production) SQL*Net 10G, ODP.Net 2.102.2.20 (Oracle Data Provider for .net), Crystal Report for visual studio 2008 runtimes, ODBC – Oracle driver 10GMS IIS"/>
        <s v="Database, Server.NetWindowsMS/SQL Server,MS/SQL ServerDatabase, ServerMigration off Win 2003 server completedMS IIS"/>
        <s v="JAVATomcatProprietary database/modelWindowsJAVAWindows Server 2003Apache"/>
        <s v="Apache, PHP, MySQL, Open Web Framework 3MySQLWindowsOracle,OracleApache, PHP, MySQL, Open Web Framework 3Windows Server 2003Apache"/>
        <s v="Oracle aaplication server, Oracle formsAIXOracleOracle aaplication server, Oracle formsWindows Server 2003MS IIS"/>
        <s v="Apache, PHP, MySQL, Open Web Framework 5MySQLWindowsMySQL,MySQLApache, PHP, MySQL, Open Web Framework 5Windows Server 2003Apache"/>
        <s v="Windows Server 2003 relié au domaine ENT, Internet Information Services – IIS versions 6 et 7, service SMTP de IIS activé, Framework .net, versions 2, 3, 3.5 et 4, Accès à l’Active Directory, Base de données Oracle 10Gr2 (production) SQL*Net 10G, ODP.Net 2.102.2.20 (Oracle Data Provider for .net), Crystal Report for visual studio 2008 runtimes, ODBC – Oracle driver 10G.NetOracleWindowsOracleWindows Server 2003 relié au domaine ENT, Internet Information Services – IIS versions 6 et 7, service SMTP de IIS activé, Framework .net, versions 2, 3, 3.5 et 4, Accès à l’Active Directory, Base de données Oracle 10Gr2 (production) SQL*Net 10G, ODP.Net 2.102.2.20 (Oracle Data Provider for .net), Crystal Report for visual studio 2008 runtimes, ODBC – Oracle driver 10GWindows Server 2003MS IIS"/>
        <s v="Fortran, openVMS, CONNX, Telnet, VB6, MS Access, Google EarthOracle,Fortran, openVMS, CONNX, Telnet, VB6, MS Access, Google EarthIP 10.16.126.110openVMS, linux, Windows 2003MS IIS"/>
        <s v="Windows Server 2003 relié au domaine ENT, Internet Information Services – IIS versions 6 et 7, service SMTP de IIS activé, Framework .net, versions 2, 3, 3.5 et 4, Accès à l’Active Directory, Base de données Oracle 10Gr2 (production) SQL*Net 10G, ODP.Net 2.102.2.20 (Oracle Data Provider for .net), Crystal Report for visual studio 2008 runtimes, ODBC – Oracle driver 10GWebsphereWindowsWindows Server 2003 relié au domaine ENT, Internet Information Services – IIS versions 6 et 7, service SMTP de IIS activé, Framework .net, versions 2, 3, 3.5 et 4, Accès à l’Active Directory, Base de données Oracle 10Gr2 (production) SQL*Net 10G, ODP.Net 2.102.2.20 (Oracle Data Provider for .net), Crystal Report for visual studio 2008 runtimes, ODBC – Oracle driver 10GWindows Server 2003"/>
        <s v="Oracle Database 11g, JRE 1.4Typical geospatial web applicationThe cuurent versionm of the database is Oracle 10g which is not supported by the vendorAIXOracleOracle Database 11g, JRE 1.4"/>
        <s v="Database, Server, File Server.NetWindowsMS/SQL Server,MS/SQL ServerDatabase, Server, File ServerMigration off Win 2003 server completedMS IIS"/>
        <s v="Apache, PHP, MySQL, Open Web Framework 4WindowsOracleApache, PHP, MySQL, Open Web Framework 4"/>
        <s v="Apache, PHP, MySQL, Open Web Framework 3,4,5MySQLWindowsMySQLApache, PHP, MySQL, Open Web Framework 3,4,5Windows Server 2003Apache"/>
        <s v="Apache, PHP, MySQL, Open Web Framework 3,4,5Oracle database/Oracle data modelAIXOracleApache, PHP, MySQL, Open Web Framework 3,4,5"/>
        <s v="MS Access, CitrixMS AccessWindowsMS Access, Citrix"/>
        <s v="Oracle, IBMWebspherethere is a project to have a secure encrypted ERSOracle LinuxOracleOracle, IBM"/>
        <s v="Database, Servernot a COTS so fully customizedOracleLinux RHEL x86OracleDatabase, ServerWindows Server 2003Apache"/>
        <s v="Apache, PHP, MySQL, Open Web Framework 5MySQLWindowsMySQLApache, PHP, MySQL, Open Web Framework 5Migration off Win 2003 server completedApache"/>
        <s v="Windows ServerAIXOracleWindows ServerWindows Server 2003MS IIS"/>
        <s v="Oracle iASAIXOracleOracle iASMigration off Win 2003 server completedApache"/>
        <s v="Internet connection_x000a_Web, Production and Database Servers at DFO NCR.AIXOracle,OracleInternet connection_x000a_Web, Production and Database Servers at DFO NCR.MS IIS"/>
        <s v="Centura, Oracle dbORACLEAIXOracleCentura, Oracle dbApache"/>
        <s v="Crystal Reports, Oracle,WindowsOracleCrystal Reports, Oracle,"/>
        <s v="PHP, Apache, Oracle web serverAIXOraclePHP, Apache, Oracle web serverMigration off Win 2003 server completedMS IIS"/>
        <s v="Windows IIS, Adobe ColdFusion, Oracle db, network connectivity, emailOracle database is DFO standardAIXOracle,OracleWindows IIS, Adobe ColdFusion, Oracle db, network connectivity, emailutilizes DFO standardutilizes DFO standardMS IIS"/>
        <s v="Windows IIS, Adobe ColdFusion, Oracle db, network connectivityOracle database is DFO standardAIXOracle,OracleWindows IIS, Adobe ColdFusion, Oracle db, network connectivityutilizes DFO standardutilizes DFO standardMS IIS"/>
        <s v="C#, .net, OracleApplication assessment incompleteOracleOracle LinuxOracleC#, .net, OracleMS IIS"/>
        <s v="Apache, PHP, MySQL, Open Web Framework 4WindowsMySQL,MySQLApache, PHP, MySQL, Open Web Framework 4Apache"/>
        <s v="Oracle RDMS 10g, Microsoft Access 2010, Microsoft Excel 2010Typical client-server applicationCurrent Database Version is no longer supported by the vendor and has not been current for 3 + years.AIXOracleOracle RDMS 10g, Microsoft Access 2010, Microsoft Excel 2010"/>
        <s v="Oracle Forms /Reports 6i v6.0.8.18.3, Oracle RDMS 10g, SQL Net, SQL*LoaderOracle client-server application - due in part to performance and functionality requirements.Current Database Version is no longer supported by the vendor and has not been current for 3 + years.AIXOracleOracle Forms /Reports 6i v6.0.8.18.3, Oracle RDMS 10g, SQL Net, SQL*Loader"/>
        <s v="Oracle RDMS 10g, Microsoft Access 2010, Microsoft Excel 2010TomcatAIXOracle,OracleOracle RDMS 10g, Microsoft Access 2010, Microsoft Excel 2010"/>
        <s v="ArcServer, Oracle, Asp.Net MVC, SQL Server, ArcDesktop, ESRI JavaScript API.Net,DB model not available in std wayLinux RHEL x86,WindowsMS/SQL Server,MS/SQL Server,OracleArcServer, Oracle, Asp.Net MVC, SQL Server, ArcDesktop, ESRI JavaScript APIDev on Win 2003MS IIS"/>
        <s v="WindowsMySQLWindows Server 2003"/>
        <s v="MySQL, nHibernate, .NET.NetMySQLLinux RHEL x86MySQLMySQL, nHibernate, .NET"/>
        <s v="Windows Server 2003 relié au domaine ENT, Internet Information Services – IIS versions 6 et 7, service SMTP de IIS activé, Framework .net, versions 2, 3, 3.5 et 4, Accès à l’Active Directory, Base de données Oracle 10Gr2 (production) SQL*Net 10G, ODP.Net 2.102.2.20 (Oracle Data Provider for .net), Crystal Report for visual studio 2008 runtimes, ODBC – Oracle driver 10G.NetWindowsOracleWindows Server 2003 relié au domaine ENT, Internet Information Services – IIS versions 6 et 7, service SMTP de IIS activé, Framework .net, versions 2, 3, 3.5 et 4, Accès à l’Active Directory, Base de données Oracle 10Gr2 (production) SQL*Net 10G, ODP.Net 2.102.2.20 (Oracle Data Provider for .net), Crystal Report for visual studio 2008 runtimes, ODBC – Oracle driver 10GMS IIS"/>
        <s v="Oracle forms 11g, Oracle DB 11g, WeblogicOracle web based applcation.DFO currently has nomaster data management in place.AIXOracle,OracleOracle forms 11g, Oracle DB 11g, WeblogicWindows Server 2003"/>
        <s v="Crystal ReportsAIXOracleCrystal ReportsWindows Server 2003MS IIS"/>
        <s v="Oracle Forms/Reports 6i v6.0.8.18.3, Oracle RDMS 10g, SQL NetOracle client-server application - due in part to performance and functionality requirements.Current Database Version is no longer supported by the vendor and has not been current for 3 + years.AIXOracleOracle Forms/Reports 6i v6.0.8.18.3, Oracle RDMS 10g, SQL Net"/>
        <s v="Windows Server 2003 relié au domaine ENT, Internet Information Services – IIS versions 6 et 7, service SMTP de IIS activé, Framework .net, versions 2,, BV 6, Base de données Oracle 10Gr2 (production) SQL*Net 10G, ODP.Net 2.102.2.20 (Oracle Data Provider for .net), Crystal Report for visual studio 2008 runtimes, ODBC – Oracle driver 10G.NetOracleWindowsOracleWindows Server 2003 relié au domaine ENT, Internet Information Services – IIS versions 6 et 7, service SMTP de IIS activé, Framework .net, versions 2,, BV 6, Base de données Oracle 10Gr2 (production) SQL*Net 10G, ODP.Net 2.102.2.20 (Oracle Data Provider for .net), Crystal Report for visual studio 2008 runtimes, ODBC – Oracle driver 10GWindows Server 2003MS IIS"/>
        <s v="oracle forms 11g, Oracle DB 11g, Oracle application server fusion 11gOracle client-server application - due in part to performance and functionality requirements.DFO currently has no master data management in place.AIXOracleoracle forms 11g, Oracle DB 11g, Oracle application server fusion 11g"/>
        <s v="HTML, Classic ASP, C#, .net, Oracle.Net,Oracle Linux,WindowsOracle,HTML, Classic ASP, C#, .net, OracleMS IIS,"/>
        <s v="Qunara-developed workstation client_x000a_Windows XP workstation; Oracle Database; Local PrintersAIXOracleQunara-developed workstation client_x000a_Windows XP workstation; Oracle Database; Local PrintersApache"/>
        <s v="C#, .net, OracleApplication assessment incompleteOracleOracle LinuxOracleC#, .net, OracleMigration off Win 2003 server completed"/>
        <s v="Java Tomcat, MySQLTomcatMySQLLinux RHEL x86MySQLJava Tomcat, MySQLApache"/>
        <s v="Apache, PHP, MySQL, Open Web Framework 4WindowsMySQLApache, PHP, MySQL, Open Web Framework 4Apache"/>
        <s v="SQLServer, Web Services 2.0, WebSQL ServerWindowsMS/SQL Server,MS/SQL Server,MS/SQL Server,MS/SQL ServerSQLServer, Web Services 2.0, WebApache"/>
        <s v="Application review in 2013-2014COTS data model has not changed since 2002Oracle LinuxOracleWorks with latest Oracle and Windows"/>
        <s v="Database, Server.NetSQLWindowsMS/SQL Server,MS/SQL ServerDatabase, ServerMigration off Win 2003 server completedMS IIS"/>
        <s v="Oracle, Genesys, Nuance IVR platformsTomcatAIXOracleOracle, Genesys, Nuance IVR platformsWindows Server 2003"/>
        <s v="Database, ServerWindowsOracleDatabase, Server"/>
        <s v="Apache, PHP, MySQL, Open Web Framework 3MySQLWindowsOracle,OracleApache, PHP, MySQL, Open Web Framework 3Migration off Win 2003 server completedApache"/>
        <s v="ASP, Web.Net,AIXOracle,OracleASP, WebWindows Server 2003Apache,MS IIS"/>
        <s v="Apache, PHP, MySQLLinux on Z RHELMySQLApache, PHP, MySQLApache"/>
        <s v="Windows Server, Internet BrowserAIXOracleWindows Server, Internet Browserutilizes DFO standardutilizes DFO standardMS IIS"/>
        <s v="Apache, PHP, MySQLLinux on Z RHELMySQLApache, PHP, MySQLWindows Server 2003Apache"/>
        <s v="High-volume Scanner, Windows OSLinux RHEL x86,WindowsMS/SQL Server,MS/SQL Server,OracleHigh-volume Scanner, Windows OSMS IIS"/>
        <s v="High-volume Scanner, Windows OSThis is add-on module for Kofax Capture.This is add-on module for Kofax Capture.WindowsMS/SQL Server,MS/SQL Server,OracleHigh-volume Scanner, Windows OSMS IIS"/>
        <s v="High-volume Scanner, Windows OSWindowsHigh-volume Scanner, Windows OS"/>
        <s v="oracle forms 11g, Oracle DB 11g, Oracle application server fusion 11gOracle web based applcation.DFO currently has no master data management in place.AIXOracle,Oracleoracle forms 11g, Oracle DB 11g, Oracle application server fusion 11gWindows Server 2003Apache,"/>
        <s v="Windows Server, Internet BrowserOracle database is DFO standardAIXOracleWindows Server, Internet Browserutilizes DFO standardutilizes DFO standardMS IIS"/>
        <s v="oracle forms 11g, Oracle DB 11g, Oracle application server fusion 11gWindowsOracleoracle forms 11g, Oracle DB 11g, Oracle application server fusion 11gWindows Server 2003"/>
        <s v="Oracle, WebAccess.Net,AIXOracleOracle, WebAccessMS IIS"/>
        <s v="Oracle, WebAccessArchitecture review in 2013-2014Oracle LinuxDB2Oracle, WebAccess"/>
        <s v="Oracle forms 11g, Oracle DB 11g, WeblogicOracle web based applcation.DFO currently has no master data management in place.AIXOracleOracle forms 11g, Oracle DB 11g, Weblogic"/>
        <s v="Oracle, ApexOracle LinuxOracleOracle, ApexComes installed with Oracle database."/>
        <s v="Oracle Application Express, Oracle DB, network connectivity, Internet Browsers, emailLinux RHEL x86Oracle,OracleOracle Application Express, Oracle DB, network connectivity, Internet Browsers, emailApache,"/>
        <s v="Oracle, ApexOracle LinuxOracleOracle, Apex"/>
        <s v="PHP 5, ASP vb, MySQL 5, MapServer, CarisWindowsMySQL,MySQLPHP 5, ASP vb, MySQL 5, MapServer, CarisWindows Server 2003MS IIS"/>
        <s v="Oracle Forms, Oracle database, Oracle reports, Cognos reports, Impromptu reportsOracleAIXOracleOracle Forms, Oracle database, Oracle reports, Cognos reports, Impromptu reportsWindows Server 2003"/>
        <s v="Oracle, ASP.NET (C#), MS Silverlight.Net,Typical web applicationOracle database is DFO standardAIXOracleOracle, ASP.NET (C#), MS Silverlightutilizes DFO standardutilizes DFO standardMS IIS"/>
        <s v="MS Access 2010Standalone applicationMS Access 2010"/>
        <s v="COTS, Java, OracleWebsphereArchitecture review in 2013-2014Oracle LinuxOracleCOTS, Java, OracleWindows Server 2003MS IIS"/>
        <s v="Apache, PHP, MySQL, Open Web Framework 4MySQLWindowsMySQLApache, PHP, MySQL, Open Web Framework 4Apache"/>
        <s v="Database, ServerAIXOracleDatabase, ServerApache,"/>
        <s v="Application ServerAIXOracleApplication ServerApache,"/>
        <s v="Windows clientAIXOracleWindows client"/>
        <s v="Apache httpd, perl, java, pythonAIXOracleApache httpd, perl, java, pythonSPCApache"/>
        <s v="Database ServerOracleLinux RHEL x86OracleDatabase ServerWeb-deployed COTS on standard infrastructureWeb-deployed COTS on standard infrastructureMS IIS"/>
        <s v="Fortran, openVMS, CONNX, Telnet, VB6, MS Access.Net,Fortran, openVMS, CONNX, Telnet, VB6, MS AccessIP 10.16.126.110openVMS, linux, Win 2003MS IIS,"/>
        <s v="Java, Hibernate, Spring, Tomcat, Apache, GCKeys, SAMLTomcatOracleLinux RHEL x86Oracle,OracleJava, Hibernate, Spring, Tomcat, Apache, GCKeys, SAMLVirtual at SSCRHELApache,"/>
        <s v="Windows IIS, Windows Server, .NET 4.0 Framework, MVC 3.0, Oracle.NetAIX,WindowsOracle,OracleWindows IIS, Windows Server, .NET 4.0 Framework, MVC 3.0, OracleMS IIS"/>
        <s v="Oracle DB authentication, Oracle Enterprise Manager (OEM), Oracle IIS, Centura, FTPAIXOracleOracle DB authentication, Oracle Enterprise Manager (OEM), Oracle IIS, Centura, FTPApache"/>
        <s v="Oracle DB authentication, Oracle Enterprise Manager (OEM), Oracle IIS, Centura, EmailAIXOracleOracle DB authentication, Oracle Enterprise Manager (OEM), Oracle IIS, Centura, EmailMigration off Win 2003 server completedApache"/>
        <s v="Apache, PHP, MySQL, Open Web Framework 5MySQLWindowsOracle,OracleApache, PHP, MySQL, Open Web Framework 5Windows Server 2003Apache"/>
        <s v="FoxPro Front-end/MS SQL Server back-endWindowsMS/SQL Server,MS/SQL ServerFoxPro Front-end/MS SQL Server back-end"/>
        <s v="Java, MySQL.NetLinux RHEL x86MySQLJava, MySQLApache"/>
        <s v="Fortran, openVMS, CONNX, TelnetFortran, openVMS, CONNX, TelnetIP 10.16.126.110openVMS, linux"/>
        <s v="Oracle Database 11g, Apache2, Tomcat 6, JRE1.5, Java Servlet and JSPTomcatTypical web applicationThe cuurent versionm of the database is Oracle 10g which is not supported by the vendorAIXOracle,OracleOracle Database 11g, Apache2, Tomcat 6, JRE1.5, Java Servlet and JSPWindows Server 2003Apache"/>
        <s v="Oracle Database 11g,Oracle Forms and Reports 11gOracle client-server application - due in part to performance and functionality requirements.The current versionm of the database is Oracle 10g which is not supported by the vendorAIXOracleOracle Database 11g,Oracle Forms and Reports 11g"/>
        <s v="Oracle Database 11g,ArcIMS 9.3, WMS, WFS, Apache2,Tomcat 6, JRE1.5, Java Servlet and JSP, IMF (Internet Mapping Framework)TomcatTypical geospatial web applicationThe cuurent versionm of the database is Oracle 10g which is not supported by the vendorAIXOracle,OracleOracle Database 11g,ArcIMS 9.3, WMS, WFS, Apache2,Tomcat 6, JRE1.5, Java Servlet and JSP, IMF (Internet Mapping Framework)Windows Server 2003Apache"/>
        <s v="ArcGIS Server 10, Flashbuilder 4.5, Windows Server 2008, Oracle DatabaseWindowsOracleArcGIS Server 10, Flashbuilder 4.5, Windows Server 2008, Oracle DatabaseIntranet App based on ESRI product LCD of dept computer standards factor in this. This is a new app about to be deployedMigration off Win 2003 server completedMS IIS"/>
        <s v="Langage C, RedHat Linux administration et scripts, RS232 communications, modem cellulaires et standard, réseau.Linux RHEL x86Langage C, RedHat Linux administration et scripts, RS232 communications, modem cellulaires et standard, réseau.Apache"/>
        <s v="Java 1.5, Oracle RDMS 10gTypical client-server applicationCurrent Database Version is no longer supported by the vendor and has not been current for 3 + years.AIXOracleJava 1.5, Oracle RDMS 10g"/>
        <s v="java 1.6 (swing app), Oracle DB 11gTypical client-server applicationDFO currently has no master data management in place.AIXOraclejava 1.6 (swing app), Oracle DB 11g"/>
        <s v="ESRI ARCGIS Server, Silverlight, OracleWindowsOracleESRI ARCGIS Server, Silverlight, OracleWindows Server 2003Apache"/>
        <s v="Apache, PHP, MySQL, Open Web Framework 3, 4,5MySQLWindowsMySQL,MySQLApache, PHP, MySQL, Open Web Framework 3, 4,5Windows Server 2003Apache"/>
        <s v="Windows Server, Oracle UNIX AIX Server, Oracle Application Server, Oracle Forms, Oracle DatabaseWebsphereOracle database is DFO standardAIXOracleWindows Server, Oracle UNIX AIX Server, Oracle Application Server, Oracle Forms, Oracle Databaseutilizes DFO standardMigration off Win 2003 server completed"/>
        <s v="Oracle, Genesys, Nuance IVR platformTomcatAIXOracleOracle, Genesys, Nuance IVR platformWindows Server 2003"/>
        <s v="Windows IIS, Adobe ColdFusion, Oracle Database, Internet Browsers.NetOracle database is DFO standardAIXOracleWindows IIS, Adobe ColdFusion, Oracle Database, Internet Browsersutilizes DFO standardutilizes DFO standardMS IIS"/>
        <s v="Database, Server.Netnot a COTS so fully customizedOracleLinux RHEL x86OracleDatabase, ServerMigration off Win 2003 server completedMS IIS"/>
        <s v="Windows Server, Microsoft .NET, Oracle Database, Internet Browser.NetOracle database is DFO standardAIXOracleWindows Server, Microsoft .NET, Oracle Database, Internet Browserutilizes DFO standardutilizes DFO standardMS IIS"/>
        <s v="Windows Server, Internet BrowserAIXOracleWindows Server, Internet Browser"/>
        <s v="Apache, PHP, MySQL, Open Web Framework 4, 5MySQLWindowsMySQL,MySQL,Apache, PHP, MySQL, Open Web Framework 4, 5Windows Server 2003Apache"/>
        <s v="Drupal (PHP), MySQL, Apache, Apache SOLR, TOMCAT,TomcatLinux RHEL x86MySQLDrupal (PHP), MySQL, Apache, Apache SOLR, TOMCAT,Apache"/>
        <s v="JavaEE, WebSphereJavaEE, WebSphere"/>
        <s v="Crytal Reports, Infragistics, Google API, Map ExtremeTomcatAIXOracleCrytal Reports, Infragistics, Google API, Map ExtremeWindows Server 2003Apache"/>
        <s v="Google Chrome, Mozilla Firefox, Safari, Internet Explorerdatabase on the vendor cloudGoogle Chrome, Mozilla Firefox, Safari, Internet Explorer"/>
        <s v="HP DL380, Windows 2003 Server Running Q-Pulse Server Software.  Q-Pulse Server uses Microsoft SQL Database.  Q-Pulse Client on the desktops requires .NET Framework 3.5.  Server connected to a UPS and uses a DLT320 for nightly backups..NetProprietary data model embedded in COTS toolWindowsMS/SQL Server,MS/SQL ServerHP DL380, Windows 2003 Server Running Q-Pulse Server Software.  Q-Pulse Server uses Microsoft SQL Database.  Q-Pulse Client on the desktops requires .NET Framework 3.5.  Server connected to a UPS and uses a DLT320 for nightly backups.HP DL380 serverWindows 7 client side; Windows 2003 on server"/>
        <s v="Apache, PHP, MySQL, Open Web Framework 3, 5MySQLWindowsMySQL,Oracle,OracleApache, PHP, MySQL, Open Web Framework 3, 5Windows Server 2003Apache"/>
        <s v="Oracle Database 10g, Apache2,Tomcat 6, JRE1.5, Java Servlet and JSPTypical web applicationAIXOracleOracle Database 10g, Apache2,Tomcat 6, JRE1.5, Java Servlet and JSPApache"/>
        <s v="Database, ServerTomcatLinux RHEL x86OracleDatabase, ServerApache"/>
        <s v="Oracle Database 11g,ArcIMS 9.3, WMS, WFS, Apache2,Tomcat 6, JRE1.5, Java Servlet and JSP, IMF (Internet Mapping Framework)TomcatTypical geospatial web applicationThe cuurent versionm of the database is Oracle 10g which is not supported by the vendorAIXOracleOracle Database 11g,ArcIMS 9.3, WMS, WFS, Apache2,Tomcat 6, JRE1.5, Java Servlet and JSP, IMF (Internet Mapping Framework)Windows Server 2003Apache"/>
        <s v="Windows Server, Microsoft .NET, Oracle Database, Internet BrowserOracle database is DFO standardAIXOracleWindows Server, Microsoft .NET, Oracle Database, Internet Browserutilizes DFO standardutilizes DFO standard"/>
        <s v="Application web intranet (HTML, ASP, .Net, rapport RDLC), MS-IIS, ArcGIS Server, OracleTomcatLinux RHEL x86OracleApplication web intranet (HTML, ASP, .Net, rapport RDLC), MS-IIS, ArcGIS Server, OracleApache"/>
        <s v="Windows Server 2003 relié au domaine ENT, Internet Information Services – IIS versions 6 et 7, service SMTP de IIS activé, Framework .net, versions 2, 3, 3.5 et 4, Accès à l’Active Directory, Base de données Oracle 10Gr2 (production) SQL*Net 10G, ODP.Net 2.102.2.20 (Oracle Data Provider for .net), Crystal Report for visual studio 2008 runtimes, ODBC – Oracle driver 10G.NetOracleWindowsOracleWindows Server 2003 relié au domaine ENT, Internet Information Services – IIS versions 6 et 7, service SMTP de IIS activé, Framework .net, versions 2, 3, 3.5 et 4, Accès à l’Active Directory, Base de données Oracle 10Gr2 (production) SQL*Net 10G, ODP.Net 2.102.2.20 (Oracle Data Provider for .net), Crystal Report for visual studio 2008 runtimes, ODBC – Oracle driver 10GMigration off Win 2003 server completedMS IIS"/>
        <s v="Windows Server 2003 relié au domaine ENT, Internet Information Services – IIS versions 6 et 7, service SMTP de IIS activé, Framework .net, versions 2, 3, 3.5 et 4, Accès à l’Active Directory, Base de données Oracle 10Gr2 (production) SQL*Net 10G, ODP.Net 2.102.2.20 (Oracle Data Provider for .net), Crystal Report for visual studio 2008 runtimes, ODBC – Oracle driver 10GTomcatOracleLinux RHEL x86OracleWindows Server 2003 relié au domaine ENT, Internet Information Services – IIS versions 6 et 7, service SMTP de IIS activé, Framework .net, versions 2, 3, 3.5 et 4, Accès à l’Active Directory, Base de données Oracle 10Gr2 (production) SQL*Net 10G, ODP.Net 2.102.2.20 (Oracle Data Provider for .net), Crystal Report for visual studio 2008 runtimes, ODBC – Oracle driver 10GMigration off Win 2003 server completedApache"/>
        <s v="Apache, PHP, MySQL, Open Web Framework 3TomcatOracleLinux RHEL x86OracleApache, PHP, MySQL, Open Web Framework 3Windows Server 2003Apache"/>
        <s v="C++ Builder 2006 (including Rave Reports BE), Devart ODAC 6.0, Oracle DB 11gClient-server applicationDFO currently has no master data management in place.AIXOracleC++ Builder 2006 (including Rave Reports BE), Devart ODAC 6.0, Oracle DB 11g"/>
        <s v="Windows Server 2003 relié au domaine ENT, Internet Information Services – IIS versions 6 et 7, service SMTP de IIS activé, Framework .net, versions 2, 3, 3.5 et 4, Accès à l’Active Directory, Base de données Oracle 10Gr2 (production) SQL*Net 10G, ODP.Net 2.102.2.20 (Oracle Data Provider for .net), Crystal Report for visual studio 2008 runtimes, ODBC – Oracle driver 10GTomcatstand-alone desktop applicationLinux RHEL x86OracleWindows Server 2003 relié au domaine ENT, Internet Information Services – IIS versions 6 et 7, service SMTP de IIS activé, Framework .net, versions 2, 3, 3.5 et 4, Accès à l’Active Directory, Base de données Oracle 10Gr2 (production) SQL*Net 10G, ODP.Net 2.102.2.20 (Oracle Data Provider for .net), Crystal Report for visual studio 2008 runtimes, ODBC – Oracle driver 10GApache"/>
        <s v="IBM Cognos 8AIXOracleIBM Cognos 8Windows Server 2003"/>
        <s v="ASP.Net.NetAIXOracleASP.NetMS IIS"/>
        <s v="ArcIMS 9.3, WMS, WFS, Apache2,Tomcat 6, JRE1.5, Java Servlet and JSP, IMF (Internet Mapping Framework)TomcatTypical geospatial web applicationLinux RHEL x86OracleArcIMS 9.3, WMS, WFS, Apache2,Tomcat 6, JRE1.5, Java Servlet and JSP, IMF (Internet Mapping Framework)Windows Server 2003Apache"/>
        <s v="Oracle database on NATP71.NAT.DFO-MPO.CA_x000a_Access front-end interfaceTomcatLinux RHEL x86OracleOracle database on NATP71.NAT.DFO-MPO.CA_x000a_Access front-end interfaceWindows Server 2003Apache"/>
        <s v="Oracle Database 11g, Apache2, Tomcat 6, JRE1.5, Java Servlet and JSPTomcatTypical web applicationThe cuurent versionm of the database is Oracle 10g which is not supported by the vendorAIXOracleOracle Database 11g, Apache2, Tomcat 6, JRE1.5, Java Servlet and JSPMigration off Win 2003 server completedApache"/>
        <s v="WDS Framework, Java, Tomcat/Apache, MySQLTomcatLinux RHEL x86MySQLWDS Framework, Java, Tomcat/Apache, MySQLPas RHNApache"/>
        <s v="WDS Framework, Java, Tomcat/Apache, MySQL, OneDTomcatLinux RHEL x86MySQLWDS Framework, Java, Tomcat/Apache, MySQL, OneDPas RHNApache"/>
        <s v="Servox (COTS), Dialogic box, MS AccessMS AccessWindowsServox (COTS), Dialogic box, MS AccessApache"/>
        <s v="MSAcces, R, OracleAIXOracleMSAcces, R, Oracle"/>
        <s v="oracle forms 10g (9i v9.04), Oracle DB 10g, Oracle application server 10gOracle web based applcation.DFO currently has nomaster data management in place.AIXOracleoracle forms 10g (9i v9.04), Oracle DB 10g, Oracle application server 10gWindows Server 2003"/>
        <s v="C#, .net, OracleTomcatOracleLinux RHEL x86OracleC#, .net, OracleApache"/>
        <s v="OracleTomcatOracleLinux RHEL x86OracleOracleManaged by IM&amp;TS data managementApplication is Oracle database (on Linux) with Cognos front-endApache"/>
        <s v="ArcServer, Oracle, Asp.Net MVC.NetOracle 11g however data model is inefficient and does not scale well.Linux RHEL x86OracleArcServer, Oracle, Asp.Net MVCDev on Win 2003MS IIS"/>
        <s v="Apache, PHP, MySQL, Open Web Framework 4TomcatOracleLinux RHEL x86OracleApache, PHP, MySQL, Open Web Framework 4Windows Server 2003Apache"/>
        <s v="Application, database, serverTomcatLinux RHEL x86OracleApplication, database, serverApache"/>
        <s v="Microsoft C++, C#, Fortran, JavaTomcatMost programs are written in .Net C++ or C#, whenever older programs in C++ are updated we move them into either C++ .Net C# .Net or Java.Linux RHEL x86OracleMicrosoft C++, C#, Fortran, JavaRuns on DFO Standard hardware.Runs on any version Windows from Windows XP and newer operating systems.Apache"/>
        <s v="Application, database, serverTomcatLinux RHEL x86Application, database, serverApache"/>
        <s v="Apache, PHP, MySQL, Open Web Framework 5TomcatOracleLinux RHEL x86OracleApache, PHP, MySQL, Open Web Framework 5Apache"/>
        <s v="Oracle 11g,  Apache, PL/SQL,Oracle LinuxOracleOracle 11g,  Apache, PL/SQL,Apache"/>
        <s v="Oracle 11g,  Apache,  PL/SQLOracle LinuxOracleOracle 11g,  Apache,  PL/SQLApache"/>
        <s v="Oracle 11g ,  Apache,  PL/SQL, Mail ServerOracle LinuxMS/SQL Server,MS/SQL Server,MS/SQL Server,MS/SQL Server,OracleOracle 11g ,  Apache,  PL/SQL, Mail ServerApache"/>
        <s v="Oracle 11g ,  Apache, PL/SQLOracle LinuxOracleOracle 11g ,  Apache, PL/SQLApache"/>
        <s v=".NET; Web Services.Net.NET; Web Services"/>
        <s v=".NET; SQL.NetWindowsMS/SQL Server,MS/SQL Server.NET; SQL"/>
        <s v=".NET; Oracle DB.Net,WindowsOracle.NET; Oracle DBMS IIS"/>
        <s v="MS Excel; Oracle DB; VBAWindowsOracleMS Excel; Oracle DB; VBA"/>
        <s v=".NET; MS SQL.NetWindowsMS/SQL Server,MS/SQL Server,MS/SQL Server,MS/SQL Server.NET; MS SQL"/>
        <s v="Oracle 11g / PL/SQLOracle LinuxOracleOracle 11g / PL/SQLApache"/>
        <s v="Remedy server; Oracle, Active Directory.TomcatWindowsOracleRemedy server; Oracle, Active Directory.MS IIS"/>
        <s v="Web Portal TechnologyHPUX,WindowsOracleWeb Portal Technology"/>
        <s v="Lotus Notes/Domino server; Lotus Notes Names &amp; Address Books (security/authentication); MS-SQLWindowsMS/SQL Server,MS/SQL Server,MS/SQL Server,MS/SQL ServerLotus Notes/Domino server; Lotus Notes Names &amp; Address Books (security/authentication); MS-SQL"/>
        <s v="BMC Remedy, DynadocsSolaris x86SybaseBMC Remedy, Dynadocs"/>
        <s v="SQL, SMTPWindowsMS/SQL Server,MS/SQL Server,MS/SQL Server,MS/SQL ServerSQL, SMTP"/>
        <s v="Yes - Strategic Planning, Fact-based Decision making Support, Planning and forecasting, Business Analytics, Scorecards, Dashboards, Predictive Analysis, Adhoc and Diagnostics Analysis.WindowsMS/SQL Server,MS/SQL Server,MS/SQL Server,MS/SQL ServerYes - Strategic Planning, Fact-based Decision making Support, Planning and forecasting, Business Analytics, Scorecards, Dashboards, Predictive Analysis, Adhoc and Diagnostics Analysis.MS IIS"/>
        <s v="BMC Remedy &amp; SybaseSolaris x86SybaseBMC Remedy &amp; Sybase"/>
        <s v=".NetWindowsMS/SQL Server,MS/SQL Server,MS/SQL Server,MS/SQL ServerMS IIS"/>
        <s v="AD.NetWindowsMS/SQL Server,MS/SQL Server,MS/SQL Server,MS/SQL ServerADMS IIS"/>
        <s v=".NetWindowsMS/SQL Server,MS/SQL Server,MS/SQL Server,MS/SQL Server"/>
        <s v="SCOM, Impact Manager, Netview, BMC RemedySolaris x86SybaseSCOM, Impact Manager, Netview, BMC Remedy"/>
        <s v=".NetWindowsMS IIS"/>
        <s v="Windows 8 R2 OS (64 bit), SQL Server 2008 Rs SP1 (or hight including MS SSIS.WindowsMS/SQL Server,MS/SQL Server,MS/SQL Server,MS/SQL ServerWindows 8 R2 OS (64 bit), SQL Server 2008 Rs SP1 (or hight including MS SSIS."/>
        <s v="Interwoven Web Content Management Product.NetWindowsMS/SQL Server,MS/SQL Server,MS/SQL Server,MS/SQL ServerInterwoven Web Content Management ProductApache,MS IIS"/>
        <s v="BMC Remedy , Pureshare, Mobile ReachSolaris x86SybaseBMC Remedy , Pureshare, Mobile Reach"/>
        <s v=".NetMS/SQL Server,MS/SQL Server,MS/SQL Server,MS/SQL ServerMS IIS"/>
        <s v="Remedy, Email, Web ApplicationWindowsMS/SQL Server,MS/SQL Server,MS/SQL Server,MS/SQL ServerRemedy, Email, Web ApplicationMS IIS"/>
        <s v="BMC Remedy, X-link,SCCMSolaris x86SybaseBMC Remedy, X-link,SCCM"/>
        <s v=".NetLinux RHEL x86MySQL"/>
        <s v="Yes - Strategic Planning, Business Analytics, Predictive analysis, Adhoc and diagnostics analysis.WindowsMS/SQL Server,MS/SQL Server,MS/SQL Server,MS/SQL ServerYes - Strategic Planning, Business Analytics, Predictive analysis, Adhoc and diagnostics analysis."/>
        <s v="Yes - Planning and Forecasting, Business Analytics, Predictive analysis, Adhoc and diagnostics analysis.WindowsMS/SQL Server,MS/SQL Server,MS/SQL Server,MS/SQL ServerYes - Planning and Forecasting, Business Analytics, Predictive analysis, Adhoc and diagnostics analysis."/>
        <s v="MSSQL;.NET4.5; Web Services.NetWindowsMS/SQL Server,MS/SQL Server,MS/SQL Server,MS/SQL ServerMSSQL;.NET4.5; Web ServicesMS IIS"/>
        <s v="ColdFusion, Remedy, Web ApplicationWindowsSybaseColdFusion, Remedy, Web Application"/>
        <s v="WordPress, MYSQL, Active Directory, WordPress plug-ins, Microsoft ISSWindowsMS/SQL Server,MS/SQL Server,MS/SQL Server,MS/SQL ServerWordPress, MYSQL, Active Directory, WordPress plug-ins, Microsoft ISS"/>
        <s v="MSSQL;.NET4.5; Web Services_x000a_Interwoven Web Content Management Products_x000a_Java/perl.NetWindowsMS/SQL Server,MS/SQL Server,MS/SQL Server,MS/SQL ServerMSSQL;.NET4.5; Web Services_x000a_Interwoven Web Content Management Products_x000a_Java/perlMS IIS"/>
        <s v="MSSQL;NET4.5; Web Services_x000a_Interwoven Web Content Management Products_x000a_Java/perl.NetWindowsMS/SQL Server,MS/SQL Server,MS/SQL Server,MS/SQL ServerMSSQL;NET4.5; Web Services_x000a_Interwoven Web Content Management Products_x000a_Java/perlMS IIS"/>
        <s v=".NET4.5; Web Services_x000a_Interwoven Web Content Management Products_x000a_Java/perl.NetWindowsMS/SQL Server,MS/SQL Server,MS/SQL Server,MS/SQL Server.NET4.5; Web Services_x000a_Interwoven Web Content Management Products_x000a_Java/perlMS IIS"/>
        <s v="WebTrends Analytics vesrion 9.2.NetWindowsMS/SQL Server,MS/SQL Server,MS/SQL Server,MS/SQL ServerWebTrends Analytics vesrion 9.2MS IIS"/>
        <s v="Lyris List Manager version 12.NetWindowsMS/SQL Server,MS/SQL Server,MS/SQL Server,MS/SQL ServerLyris List Manager version 12MS IIS"/>
        <s v="Lotus Notes/Domino server; Lotus Notes Names &amp; Address Books (security/authentication).Lotus Notes/Domino server; Lotus Notes Names &amp; Address Books (security/authentication)."/>
        <s v="J2EE; Glassfish; Oracle WavesetJ2EE; Glassfish; Oracle Waveset"/>
        <s v="YesYes"/>
        <s v="Linux SLES x86"/>
        <s v="TomcatLinux SLES x86"/>
        <s v="YesWindowsYes"/>
        <s v="Yes.NetWindowsYes"/>
        <s v="Yes.Net,WindowsYes"/>
        <s v="YesLinux SLES x86OracleYes"/>
        <s v="YesTomcatLinux SLES x86OracleYes"/>
        <s v="YesWindowsMS/SQL Server,MS/SQL ServerYes"/>
        <s v="YesOracle LinuxYes"/>
        <s v="YesWindowsMySQLYes"/>
        <s v="YesWindowsOracleYes"/>
        <s v="YesLinux SLES x86Yes"/>
        <s v="YesOracleYes"/>
        <s v="YesAIX,Linux RHEL x86,Linux SLES x86Oracle,Yes"/>
        <s v="Yes.Net,WindowsMS/SQL Server,MS/SQL ServerYes"/>
        <s v="YesTomcatWindowsMySQLYes"/>
        <s v="YesLinux SLES x86MySQLYesApache"/>
        <s v="YesLinux on Z SLESYes"/>
        <s v="YesWebsphereLinux SLES x86OracleYes"/>
        <s v="AIX"/>
        <s v="YesLinux SLES x86MySQLYes"/>
        <s v="Apache v2.0.59;PHP v5.1.6;WIN2003 ALT-Web (IP Address: 10.33.2.64);MySQL v5.0.41Apache v2.0.59;PHP v5.1.6;WIN2003 ALT-Web (IP Address: 10.33.2.64);MySQL v5.0.41"/>
        <s v="YesTomcatOracleYes"/>
        <s v="YesWindowsMS/SQL Server,MS/SQL Server,Yes"/>
        <s v="YesTomcatLinux SLES x86Yes"/>
        <s v="YesTomcatLinux on Z SLESYes"/>
        <s v="YesTomcatLinux on Z SLESOracleYes"/>
        <s v=".Net,Windows"/>
        <s v="MS SQL ServerWindowsMySQLMS SQL Server"/>
        <s v="MS SQL Server_x000a_MS IIS_x000a_MS .Net.NetWindowsMS/SQL Server,MS/SQL ServerMS SQL Server_x000a_MS IIS_x000a_MS .NetMS IIS"/>
        <s v="SharePoint 2010, 2013_x000a_MS IIS_x000a_MS SQL ServerWindowsMS/SQL Server,MS/SQL ServerSharePoint 2010, 2013_x000a_MS IIS_x000a_MS SQL ServerMS IIS"/>
        <s v="MS IIS_x000a_MS SQL Server_x000a_MS SharePoint.NetWindowsMS/SQL Server,MS/SQL ServerMS IIS_x000a_MS SQL Server_x000a_MS SharePointMS IIS"/>
        <s v="MS .NET_x000a_MS IIS_x000a_MS SQL Server_x000a_MS SharepointWindowsMySQLMS .NET_x000a_MS IIS_x000a_MS SQL Server_x000a_MS SharepointMS IIS"/>
        <s v="MS Active Directory.NetMS Active DirectoryMS IIS"/>
        <s v="MyKey/EntrustMyKey/Entrust"/>
        <s v="MS .NET Framework_x000a_MS IIS.NetWindowsMS/SQL Server,MS/SQL ServerMS .NET Framework_x000a_MS IISMS IIS"/>
        <s v="MS .NET Framework_x000a_MS SQL Server_x000a_IIS.NetWindowsMS/SQL Server,MS/SQL ServerMS .NET Framework_x000a_MS SQL Server_x000a_IISMS IIS"/>
        <s v="MS .NET Framework_x000a_MS IIS_x000a_MS SQL Server.NetWindowsMS/SQL Server,MS/SQL ServerMS .NET Framework_x000a_MS IIS_x000a_MS SQL Server"/>
        <s v="MS .Net Framework_x000a_MS IIS_x000a_MS SQL Server_x000a_MS SQL Server Reporting Services (SSRS).NetWindowsMS/SQL Server,MS/SQL ServerMS .Net Framework_x000a_MS IIS_x000a_MS SQL Server_x000a_MS SQL Server Reporting Services (SSRS)MS IIS"/>
        <s v="MS IIS,"/>
        <s v="MS .NET Framework_x000a_MS IIS_x000a_MS SQL Server.NetWindowsMS/SQL Server,MS/SQL ServerMS .NET Framework_x000a_MS IIS_x000a_MS SQL ServerMS IIS"/>
        <s v="SSC ETI AI : Email integration = Not Applicable.NetWindowsMS/SQL Server,MS/SQL ServerSSC ETI AI : Email integration = Not ApplicableMS IIS"/>
        <s v="SSC ETI AI : Email integration = SMTP Only application_x000a_---SSC ETI AI : Email integration = Application with Mailboxes_x000a_---ZenworksSQL Server 2008 R2WindowsMS/SQL Server,MS/SQL ServerSSC ETI AI : Email integration = SMTP Only application_x000a_---SSC ETI AI : Email integration = Application with Mailboxes_x000a_---ZenworksWindows Server 2008 R2Apache"/>
        <s v="SSC ETI AI : Email integration = SMTP Only application_x000a_---COTS (CSDC)TomcatSQL Server 2008WindowsMS/SQL Server,MS/SQL ServerSSC ETI AI : Email integration = SMTP Only application_x000a_---COTS (CSDC)Apache"/>
        <s v="SSC ETI AI : Email integration =  - Depended on program that understand .msg fileOracle 10gHPUXOracleSSC ETI AI : Email integration =  - Depended on program that understand .msg fileDell PowerEdge 2850Windows Server 2003 / HP-UX B.11.31"/>
        <s v="SSC ETI AI : Email integration = Not Applicable_x000a_---Web Data Server 8.2SQL 2008 R2WindowsMS/SQL Server,MS/SQL ServerSSC ETI AI : Email integration = Not Applicable_x000a_---Web Data Server 8.2Dell PowerEdge 2850Windows Server 2000"/>
        <s v="SSC ETI AI : Email integration = SMTP Only application_x000a_---SSC ETI AI : Email integration = Application with Mailboxes_x000a_---AwareTomcatSQL server 2012WindowsMySQLSSC ETI AI : Email integration = SMTP Only application_x000a_---SSC ETI AI : Email integration = Application with Mailboxes_x000a_---AwareApache"/>
        <s v="SSC ETI AI : Email integration = Not Applicable.NetWindowsSSC ETI AI : Email integration = Not ApplicableMS IIS"/>
        <s v="C#.NetC#MS IIS"/>
        <s v=".NetWindowsMS/SQL Server,MS/SQL Server,MS IIS"/>
        <s v="SSC ETI AI : Email integration = SMTP Only application.NetWindowsMS/SQL Server,MS/SQL ServerSSC ETI AI : Email integration = SMTP Only applicationMS IIS"/>
        <s v="SSC ETI AI : Email integration = SMTP Only application_x000a_---Aware_x000a_---Fujitsu products_x000a_---Open SourceTomcatMySQLLinux RHEL x86MySQLSSC ETI AI : Email integration = SMTP Only application_x000a_---Aware_x000a_---Fujitsu products_x000a_---Open SourceVM on ESX 4.1Linux"/>
        <s v="SSC ETI AI : Email integration = SMTP Only application_x000a_---MediaWiki software_x000a_---Webtrends Analytics.NetMySQL_x000a_MS Access_x000a_SQL Server 2012 R2_x000a_XMLWindowsMS/SQL Server,MS/SQL ServerSSC ETI AI : Email integration = SMTP Only application_x000a_---MediaWiki software_x000a_---Webtrends AnalyticsWindows Server 2008 R2MS IIS"/>
        <s v="Not included in future application portfolio plans.Apache"/>
        <s v=".NetNot included in future application portfolio plans.WindowsMS/SQL Server,MS/SQL ServerMS IIS"/>
        <s v=".NetWindowsMS/SQL Server,MS/SQL Server,SybaseMS IIS"/>
        <s v=".NetWindowsMS/SQL Server,MS/SQL ServerWindows Server 2008 R2MS IIS"/>
        <s v="SSC ETI AI : Email integration = Not ApplicableWindowsSSC ETI AI : Email integration = Not ApplicableDell Poweredge 2900 (server), HP Compaq de7600 Convertible MinitowerWindows Server 2008 R2"/>
        <s v="SSC ETI AI : Email integration = SMTP Only application.NetWindowsSSC ETI AI : Email integration = SMTP Only applicationMS IIS"/>
        <s v="SSC ETI AI : Email integration = Not Applicable_x000a_---Crystal Reports 10.Net,WindowsSybaseSSC ETI AI : Email integration = Not Applicable_x000a_---Crystal Reports 10MS IIS"/>
        <s v="SSC ETI AI : Email integration = SMTP Only applicationSQL Server 2008 R2SSC ETI AI : Email integration = SMTP Only applicationVM on ESX 4.1Windows Server 2008 R2"/>
        <s v="SSC ETI AI : Email integration = Not Applicable.NetNot included in future application portfolio plans.WindowsMS/SQL Server,MS/SQL ServerSSC ETI AI : Email integration = Not ApplicableMS IIS"/>
        <s v=".NetSQL ServerWindowsMS/SQL Server,MS/SQL ServerMS IIS"/>
        <s v="SSC ETI AI : Email integration = Not Applicable.NetNot included in future application portfolio plans.WindowsSybaseSSC ETI AI : Email integration = Not ApplicableMS IIS"/>
        <s v="SSC ETI AI : Email integration = SMTP Only application_x000a_---SAP_x000a_---AFARIAOracle 11HPUXOracleSSC ETI AI : Email integration = SMTP Only application_x000a_---SAP_x000a_---AFARIA"/>
        <s v="SSC ETI AI : Email integration = Not Applicable_x000a_---Leadtools_x000a_---ezDICOM_x000a_---VDAR X-RAYSQL Server 2008 R2SSC ETI AI : Email integration = Not Applicable_x000a_---Leadtools_x000a_---ezDICOM_x000a_---VDAR X-RAYVM on ESX 4.1 / Dell PowerEdge 2850Windows Server 2000"/>
        <s v="Java, JavaScript, JQuery, Babel, Highcharts, NPM.NetJava, JavaScript, JQuery, Babel, Highcharts, NPMMS IIS"/>
        <s v="SSC ETI AI : Email integration = SMTP Only applicationMS SQL 2008 R2WindowsMS/SQL Server,MS/SQL ServerSSC ETI AI : Email integration = SMTP Only applicationVM on ESX 4.1 / Dell PowerEdge 2650Windows 2008, Red-Hat Enterprise Linux 6.1MS IIS"/>
        <s v="SSC ETI AI : Email integration = SMTP Only applicationHPUX,WindowsSybaseSSC ETI AI : Email integration = SMTP Only applicationWindows Server 2008 R2Apache"/>
        <s v="SSC ETI AI : Email integration = SMTP Only applicationSSC ETI AI : Email integration = SMTP Only application"/>
        <s v="SSC ETI AI : Email integration = Not ApplicableSQL Server 2008 R2SSC ETI AI : Email integration = Not ApplicableDell PowerEdge 2850Windows Vista"/>
        <s v="WebsphereLinux RHEL x86"/>
        <s v="TomcatLinux RHEL x86MS/SQL Server,MS/SQL ServerApache"/>
        <s v="SSC ETI AI : Email integration = SMTP Only applicationSSC ETI AI : Email integration = SMTP Only applicationWindows Server 2008 R2"/>
        <s v="SSC ETI AI : Email integration = SMTP Only applicationSQL Server 2008WindowsMS/SQL Server,MS/SQL ServerSSC ETI AI : Email integration = SMTP Only applicationWindows Server 2008 R2Apache"/>
        <s v=".NetMS AccessWindowsWindows Server 2008 R2MS IIS"/>
        <s v="SSC ETI AI : Email integration = Not Applicable_x000a_---Crystal Reports 8.5.Net,WindowsSybaseSSC ETI AI : Email integration = Not Applicable_x000a_---Crystal Reports 8.5MS IIS"/>
        <s v="SSC ETI AI : Email integration = SMTP Only applicationWindowsSSC ETI AI : Email integration = SMTP Only applicationWindows Server 2008 R2"/>
        <s v="SSC ETI AI : Email integration = Application with Client Side Controls_x000a_---Siebel_x000a_---Visual Studio .NET_x000a_---Adobe.Net,Database is benchmark for department in terms of data model.  DB is SQL server 2008 R2WindowsMS/SQL Server,MS/SQL ServerSSC ETI AI : Email integration = Application with Client Side Controls_x000a_---Siebel_x000a_---Visual Studio .NET_x000a_---AdobeQuantum Scalar i2000 / Brocade 3900 / Brocade 4100 / VM on ESX 4.1Windows Server 2008 R2MS IIS"/>
        <s v=".NetWindows Server 2008 R2MS IIS"/>
        <s v="Image Gear, Snowbound, Image Magic, PowerBuilderLinux on Z RHEL,WindowsSybaseImage Gear, Snowbound, Image Magic, PowerBuilderMS IIS"/>
        <s v="SSC ETI AI : Email integration = Application with Client Side Controls_x000a_---Adobe Livecycle_x000a_---SAP_x000a_---GCDocs_x000a_---Entrust_x000a_---GCKeySQL Server 2012WindowsMS/SQL Server,MS/SQL ServerSSC ETI AI : Email integration = Application with Client Side Controls_x000a_---Adobe Livecycle_x000a_---SAP_x000a_---GCDocs_x000a_---Entrust_x000a_---GCKeyVMWareWindows Server 2008 R2MS IIS"/>
        <s v="SSC ETI AI : Email integration = Not Applicable_x000a_HighStock / HighCharts 4.1.13 (HighSoft).NetJavaScript and HighSoft are part of CIC's future state architecture.XML data schema is documented and current.  wise, does not use RDBMS.SSC ETI AI : Email integration = Not Applicable_x000a_HighStock / HighCharts 4.1.13 (HighSoft)Standard CIC VM.Windows 2008 R2MS IIS"/>
        <s v="SSC ETI AI : Email integration = SMTP Only application_x000a_---future document scanning appliance (aka. ScanEngine)Solaris Sparc,WindowsMS/SQL Server,MS/SQL Server,SybaseSSC ETI AI : Email integration = SMTP Only application_x000a_---future document scanning appliance (aka. ScanEngine)"/>
        <s v="SSC ETI AI: Email Integration = SMTPWeblogicLinux on Z RHELOracleSSC ETI AI: Email Integration = SMTP"/>
        <s v="WebsphereWindowsDB2"/>
        <s v="SSC ETI AI : Email integration = SMTP Only application.NetSolaris Sparc,WindowsMS/SQL Server,MS/SQL Server,SybaseSSC ETI AI : Email integration = SMTP Only applicationVM on ESX 4.1Windows server 2008 R2MS IIS"/>
        <s v="SSC ETI AI : Email integration = SMTP Only application_x000a_---Erwin data modeller (All Fusion)_x000a_---Cognos_x000a_---Informatica.NetSQL Server 2008 R2WindowsSybaseSSC ETI AI : Email integration = SMTP Only application_x000a_---Erwin data modeller (All Fusion)_x000a_---Cognos_x000a_---InformaticaVM on ESX 4.1 / Dell PowerEdge R910Widows Server 2003MS IIS"/>
        <s v="TomcatLinux SLES x86,WindowsMS/SQL Server,MS/SQL ServerApache"/>
        <s v="SSC ETI AI : Email integration = SMTP Only application_x000a_(Some applications use the Telus SMTP Relay Autonomy TeamSite).Net,SQL Server 2008 R2WindowsMS/SQL Server,MS/SQL Server,SSC ETI AI : Email integration = SMTP Only application_x000a_(Some applications use the Telus SMTP Relay Autonomy TeamSite)VM on ESX 4.1Windows 2008 R2MS IIS"/>
        <s v="SSC ETI AI : Email integration = Not Applicable_x000a_---Crystal Reports 10Sybase ASE 15.0.2WindowsSybaseSSC ETI AI : Email integration = Not Applicable_x000a_---Crystal Reports 10VM on ESX 4.1Windows Server 2003MS IIS"/>
        <s v="SSC ETI AI : Email integration = SMTP Only application.NetSybase ASE 15.0.2WindowsSybaseSSC ETI AI : Email integration = SMTP Only applicationVM on ESX 4.1Windows Server 2003MS IIS"/>
        <s v="SSC ETI AI : Email integration = Not Applicable_x000a_---Crystal Reports 8.5_x000a_---CES SDF Framework Tools.NetSybase ASE 15.0.3WindowsSybaseSSC ETI AI : Email integration = Not Applicable_x000a_---Crystal Reports 8.5_x000a_---CES SDF Framework ToolsVM on ESX 4.1Windows Server 2000MS IIS"/>
        <s v="SSC ETI AI : Email integration = Not ApplicableWindowsSybaseSSC ETI AI : Email integration = Not ApplicableApache"/>
        <s v="SSC ETI AI : Email integration = SMTP Only applicationSQL Server 2008 R2WindowsMS/SQL Server,MS/SQL ServerSSC ETI AI : Email integration = SMTP Only applicationVM on ESX 4.1Windows Server 2008 R2 / Red-Hat Enterprise Linux 6.1Apache"/>
        <s v=".NetSQL Server 2012WindowsMS/SQL Server,MS/SQL ServerWindows Server 2008 R2MS IIS"/>
        <s v="SSC ETI AI : Email integration = Not Applicable_x000a_---SASWindows,WindowsMS/SQL Server,MS/SQL Server,SybaseSSC ETI AI : Email integration = Not Applicable_x000a_---SAS"/>
        <s v="SSC ETI AI : Email integration = Not ApplicableTomcatWindowsSybaseSSC ETI AI : Email integration = Not ApplicableWindows Server 2008 R2Apache"/>
        <s v="SSC ETI AI : Email integration = Not Applicable_x000a_---Crystal Reports 8.5_x000a_---CES SDF Framework Tools.NetSybase ASE 15.0.2WindowsSybaseSSC ETI AI : Email integration = Not Applicable_x000a_---Crystal Reports 8.5_x000a_---CES SDF Framework ToolsVM on ESX 4.1Windows VistaMS IIS"/>
        <s v="WebsphereDB2 Version 9.7WindowsDB2Windows 2008 R2 SP1Apache"/>
        <s v="This is not a complex app thus cost to provide functionality is minimal.My SQL Community ServerWindowsMySQLWindows Server 2003 R2 SP2.  Version is not current within last 2 yearsMS IIS"/>
        <s v="Image Gear, Snowbound, Image Magic, PowerBuilderHPUX,Linux SLES x86,WindowsSybaseImage Gear, Snowbound, Image Magic, PowerBuilderMS IIS"/>
        <s v="This is not a complex app thus cost to provide functionality is minimal.WindowsWindows Server 2003 R2 SP2.  Version is not current within last 2 yearsMS IIS"/>
        <s v="SSC ETI AI : Email integration = SMTP Only applicationSQL Server 2008 R2WindowsMS/SQL Server,MS/SQL ServerSSC ETI AI : Email integration = SMTP Only applicationWindows Server 2008 R2"/>
        <s v="TomcatFor major issues, CBN is responsible_x000a_Daily activities for support, PP Program is responsibleLinux SLES x86OracleWindows Server 2003 R2 64 SP2Apache"/>
        <s v="This is not a complex app thus cost to provide functionality is minimal.My SQL Community ServerWindowsMySQLWindows Server 2003 R2 SP2.  Max or Michel to confirm.  Version is not current within last 2 yearsMS IIS"/>
        <s v="This is not a complex app thus cost to provide functionality is minimal.My SQL Community ServerWindowsMySQLDL580 G4Windows Server 2003 R2 SP2.  Max or Michel to confirm.  Version is not current within last 2 yearsMS IIS"/>
        <s v="WindowsDL380 G52003 R2 64 SP2"/>
        <s v="SQL Server 2008 R2WindowsMS/SQL Server,MS/SQL ServerHP Proliant DLWindows Server 2008 R2 SP1 64Apache"/>
        <s v="SQL Server 2008 R2WindowsMS/SQL Server,MS/SQL Server2008 R2 SP1 64"/>
        <s v="SSC ETI AI : Email integration = SMTP Only applicationSQL Server 2008 R2WindowsMS/SQL Server,MS/SQL ServerSSC ETI AI : Email integration = SMTP Only applicationDell PowerEdge R910Windows server 2008 R2 / HP-UX B.11.11"/>
        <s v="SSC ETI AI : Email integration = Not ApplicableSQL Server 2008WindowsSybaseSSC ETI AI : Email integration = Not ApplicableWindows Server 2008 R2Apache"/>
        <s v="SSC ETI AI: Email integration =  SMTP and Email Web Services (EWS).NetSSC ETI AI: Email integration =  SMTP and Email Web Services (EWS)"/>
        <s v="GoogleGoogle"/>
        <s v="SSC ETI AI : Email integration = Not ApplicableSQL Server 2008 R2WindowsMS/SQL Server,MS/SQL ServerSSC ETI AI : Email integration = Not ApplicableVM on ESX 4.1 / Dell PowerEdge 2850Windows Server 2000"/>
        <s v="SSC ETI AI : Email integration = Not ApplicableSSC ETI AI : Email integration = Not Applicable"/>
        <s v="SSC ETI AI : Email integration = SMTP Only application_x000a_---Crystal Reports 11Sybase ASE 15.0.3HPUX,WindowsMS/SQL Server,MS/SQL Server,SybaseSSC ETI AI : Email integration = SMTP Only application_x000a_---Crystal Reports 11VM on ESX 4.1Windows 2000 server / Vista desktop"/>
        <s v="Unknown.NetWindowsOracleUnknownMS IIS"/>
        <s v="Adobe Connect.NetAdobe ConnectMS IIS"/>
        <s v=".NET.NetWindowsOracle.NETMS IIS"/>
        <s v="UnknownTomcatWindowsOracleUnknownApache"/>
        <s v="UnknownWindowsOracleUnknown"/>
        <s v="Cognos BI &amp; Planning - IBM InfoSphere/Datastage - IBM_x000a__x000a_Oracle DBTomcatWindowsOracleCognos BI &amp; Planning - IBM InfoSphere/Datastage - IBM_x000a__x000a_Oracle DBMS IIS"/>
        <s v="UnknownWebsphereWindowsOracleUnknownMS IIS"/>
        <s v="Cognos BI &amp; Planning - IBM InfoSphere/Datastage - Oracle dbTomcatWindowsOracleCognos BI &amp; Planning - IBM InfoSphere/Datastage - Oracle dbMS IIS"/>
        <s v="Unknown.NetWindowsOracleUnknown"/>
        <s v="Cognos BI &amp; Planning - IBM InfoSphere/Datastage - IBMTomcatWindowsOracleCognos BI &amp; Planning - IBM InfoSphere/Datastage - IBMMS IIS"/>
        <s v="UnknownWindowsOracleUnknownMS IIS"/>
        <s v="Abydos DesignerWindowsMS/SQL Server,MS/SQL ServerAbydos DesignerMS IIS"/>
        <s v="Oracle Spatial Data Ojbects.NetWindowsOracleOracle Spatial Data OjbectsMS IIS"/>
        <s v="Unknown.NetWindowsMS/SQL Server,MS/SQL ServerUnknownMS IIS"/>
        <s v="No.NetWindowsMySQLNoMS IIS"/>
        <s v="No.NetWindowsOracleNoMS IIS"/>
        <s v="UnknownWindowsUnknown"/>
        <s v="PHP ApplicationLinux SLES x86MySQLPHP ApplicationApache"/>
        <s v="Cloud SAASCloud SAAS"/>
        <s v="MS Dynamics , MS CRM PortalMS Dynamics , MS CRM Portal"/>
        <s v=" - COTSWindowsMS IIS"/>
        <s v="Linux SLES x86MySQLApache"/>
        <s v=".NetWindowsMS/SQL Server,MS/SQL ServerMS IIS,"/>
        <s v="C++, DB1z/OSDB2C++, DB1"/>
        <s v="Windows, Oracle, JbossOracleAIXOracleWindows, Oracle, JbossVM, IBM Power SeriesApache,MS IIS"/>
        <s v="Fax Server; Geocoding web serviceWebsphereAIXOracle,Fax Server; Geocoding web serviceApache"/>
        <s v="WebsphereOracleAIXOracleVMApache"/>
        <s v="Access DatabaseAccess Database"/>
        <s v="C++, DB2z/OSDB2C++, DB2"/>
        <s v="C++z/OSDB2C++"/>
        <s v="SMTP, DNS, HTTP, HTML, Windows, Oracle, SQLAIXOracleSMTP, DNS, HTTP, HTML, Windows, Oracle, SQL"/>
        <s v="Lotus/Domino, LDAPDominoAIXLotus/Domino, LDAPIBM Power Series"/>
        <s v="IFMS-SAPAIXOracleIFMS-SAP"/>
        <s v="scanning hardware, Outlook, MS Office, LDAP.NetWindowsMS/SQL Server,MS/SQL Serverscanning hardware, Outlook, MS Office, LDAPMS IIS"/>
        <s v="LDAPWebsphereOracleAIXOracleLDAPVM, IBM Power SeriesApache"/>
        <s v="Lotus DominoAIXLotus DominoApache"/>
        <s v="Oracle, LDAPWebsphereAIXOracleOracle, LDAPApache"/>
        <s v="WebsphereOracleApache"/>
        <s v="RGBBWebsphereAIXOracleRGBBApache"/>
        <s v="Hosted ExternallyMySQLHosted ExternallyApache"/>
        <s v="SSL certificates.NetWindowsMS/SQL Server,MS/SQL ServerSSL certificatesMS IIS"/>
        <s v="ScriptX (for PDF generation)WebsphereAIXOracleScriptX (for PDF generation)Apache"/>
        <s v="WebsphereAIXOracleApache"/>
        <s v="LDAPAIXLDAP"/>
        <s v="Scanning hardwareAIXOracleScanning hardware"/>
        <s v="Oracle clientAIXOracleOracle client"/>
        <s v="VerityWebsphereAIXOracleVerityApache"/>
        <s v="SSC Peter Corrigan and Ken FillipsSSC Peter Corrigan and Ken Fillips"/>
        <s v="Oracle, Oracle Application Server, JavaWeblogicAIXOracleOracle, Oracle Application Server, JavaApache"/>
        <s v="IBM Cognos BIAIXOracleIBM Cognos BIMS IIS"/>
        <s v="Websphere Application Server, Java, oracleWebsphereAIXOracleWebsphere Application Server, Java, oracleApache"/>
        <s v="Webspherez/OSDB2Apache"/>
        <s v="MS/SQL ServerVM"/>
        <s v="Oracle, LotusNotesAIXOracleOracle, LotusNotes"/>
        <s v="AIXOracleMS IIS"/>
        <s v="E-mail, EPIC, Verity, Entrust, FTP, scanning hardwareWebsphereAIXOracleE-mail, EPIC, Verity, Entrust, FTP, scanning hardwareApache"/>
        <s v="The Nuans application interacts with a Solr cloud environmentWebsphereAIXOracleThe Nuans application interacts with a Solr cloud environmentApache"/>
        <s v="VerityWebspherez/OSDB2VerityApache"/>
        <s v="E-mail.NetWindowsMS/SQL Server,MS/SQL ServerE-mailMS IIS"/>
        <s v="Lotus Notes - ICD-EPUB1, StratnotesAIXLotus Notes - ICD-EPUB1, Stratnotes"/>
        <s v="SMTP, Tomcat, API, OracleTomcatOracleAIXOracleSMTP, Tomcat, API, OracleVMApache"/>
        <s v="CITRIX, MSFT,  CSBF-Authentication, RightFax, RightFax API, Oracle, Oracle Packages, Oracle Scheduler, NSF Mount (IFMS), e-mail, JAVAWebsphereAIXOracleCITRIX, MSFT,  CSBF-Authentication, RightFax, RightFax API, Oracle, Oracle Packages, Oracle Scheduler, NSF Mount (IFMS), e-mail, JAVAApache"/>
        <s v="Oracle, Oracle Application Server, JavaHPUXOracleOracle, Oracle Application Server, JavaApache"/>
        <s v="Websphere, oracle, IIS, BO Server, Crystal ReportsWebsphereOracleAIXOracleWebsphere, oracle, IIS, BO Server, Crystal ReportsVM, IBM Power SeriesApache"/>
        <s v="Oracle, Websphere Application Server, payment processor (E-xact), 2A mutual authentication certificates, JETTY, Perl scriptsWebsphereOracleAIXOracleOracle, Websphere Application Server, payment processor (E-xact), 2A mutual authentication certificates, JETTY, Perl scriptsVMApache"/>
        <s v="Lotus/Domino, LDAP, Oracle, Apache, SMTPAIXOracleLotus/Domino, LDAP, Oracle, Apache, SMTPApache"/>
        <s v="Oracle, Websphere Application ServerWebsphereAIXOracleOracle, Websphere Application ServerApache"/>
        <s v="OracleVM, IBM Power Series"/>
        <s v="Oracle, PDF-Loader, XML Reader, DB Links.NetAIXOracleOracle, PDF-Loader, XML Reader, DB LinksMS IIS"/>
        <s v=".Net,WebsphereWindowsMS/SQL Server,MS/SQL ServerApache,MS IIS,"/>
        <s v="AIXOracle"/>
        <s v="CenturaAIXOracleCentura"/>
        <s v="Oracle, LDAP, Jasper SoftWebsphereAIXOracleOracle, LDAP, Jasper SoftApache"/>
        <s v="SMTP, API, MS Office, oracle, Apache, web-dav, Crowd, LDAP, JIRATomcatOracleAIXOracleSMTP, API, MS Office, oracle, Apache, web-dav, Crowd, LDAP, JIRAVMApache"/>
        <s v="Oracle, MSFTAIXOracleOracle, MSFT"/>
        <s v="Outlook, MS Office, Oracle, LDAPOracleAIXOracleOutlook, MS Office, Oracle, LDAPVM, IBM Power SeriesApache,MS IIS"/>
        <s v="Lotus Notes - ICD-EPUB1AIXLotus Notes - ICD-EPUB1"/>
        <s v="Email, ODBC Oracle, VerityWebsphereAIXOracleEmail, ODBC Oracle, VerityApache"/>
        <s v="ODBCWebsphereAIXOracleODBCApache"/>
        <s v="Centura (Team Developer), Edraw (Word Viewer), QuickViewPlusPro, NFS Solo, Oracle, COBOL, JetForm, JetForm Central (server base), MS WordAIXOracleCentura (Team Developer), Edraw (Word Viewer), QuickViewPlusPro, NFS Solo, Oracle, COBOL, JetForm, JetForm Central (server base), MS WordWindows AIXAIX"/>
        <s v="Email, MS-Office plugins..NetWindowsMS/SQL Server,MS/SQL ServerEmail, MS-Office plugins.MS IIS"/>
        <s v="VPNVPN"/>
        <s v="Oracle, PDF-Loader, XML Reader, DB Links, ASP 6.0AIXOracleOracle, PDF-Loader, XML Reader, DB Links, ASP 6.0MS IIS"/>
        <s v="SMTP, Tomcat, API, Oracle, ApacheTomcatOracleAIXOracleSMTP, Tomcat, API, Oracle, ApacheVMApache"/>
        <s v="Ethernet over Fiber.NetWindowsMS/SQL Server,MS/SQL ServerEthernet over Fiber"/>
        <s v="CA/Gen generated COBOl, DB2, Javaz/OSDB2CA/Gen generated COBOl, DB2, Java"/>
        <s v="Outlook OLE, Crystal Reports, CITRIXAIXOutlook OLE, Crystal Reports, CITRIX"/>
        <s v="WebsphereAIXApache"/>
        <s v="SMTP, Crystal Reports, SFTPAIXSMTP, Crystal Reports, SFTP"/>
        <s v="Crystal ReportsAIXCrystal Reports"/>
        <s v="Depends on an executable written in C to do the gravity calculation.WebsphereAIXOracleDepends on an executable written in C to do the gravity calculation.Apache"/>
        <s v="TomcatWindowsApache"/>
        <s v="Outlook OLE, Crystal ReportsWebsphereAIXOracleOutlook OLE, Crystal ReportsApache"/>
        <s v="prod=ic.iii.com, Test=ic-test.iii.com (externallly hosted by vendor)prod=ic.iii.com, Test=ic-test.iii.com (externallly hosted by vendor)"/>
        <s v="COBOL, DB2z/OSDB2COBOL, DB2"/>
        <s v=".NET, MSSQLWindowsMS/SQL Server,MS/SQL Server.NET, MSSQLMS IIS"/>
        <s v=".NET, MSSQL.NetWindowsMS/SQL Server,MS/SQL Server.NET, MSSQLMS IIS"/>
        <s v="Lotus NotesAIXLotus Notes"/>
        <s v="WeblogicAIXOracle"/>
        <s v="Oracle, XML ReaderWebsphereAIXOracleOracle, XML ReaderApache"/>
        <s v="Adlib Express (PDF converter)AIXOracleAdlib Express (PDF converter)Apache"/>
        <s v="CCM Mercury, Barcode Reader/Writer, Ghostscript for PDF generation, Outlook OLE, Wordperfect, MS Work, Rightfax, Pos Terminals for cheque validationAIXOracleCCM Mercury, Barcode Reader/Writer, Ghostscript for PDF generation, Outlook OLE, Wordperfect, MS Work, Rightfax, Pos Terminals for cheque validation"/>
        <s v="ZetafaxAIXOracleZetafax"/>
        <s v="RGBB Credit Card InterfaceWebsphereAIXOracleRGBB Credit Card InterfaceApache"/>
        <s v="IBM Cognos BIHPUXIBM Cognos BI"/>
        <s v="Java, WebsphereWebspherez/OSDB2Java, WebsphereApache"/>
        <s v="Interapp (db database), IC Registration- RGBB, FITT- CPC (“To-Be” only)- /sharedata- temp folder (file upload)-ECOM databasecipo_WebsphereInterapp (db database), IC Registration- RGBB, FITT- CPC (“To-Be” only)- /sharedata- temp folder (file upload)-ECOM databasecipo_Apache"/>
        <s v="WebshereVM"/>
        <s v="Google MapsWebsphereAIXOracleGoogle MapsApache"/>
        <s v="AIXOracleApache,MS IIS"/>
        <s v="EPIC, Verity, scanning hardware, OCR softwareWebsphereAIXOracleEPIC, Verity, scanning hardware, OCR softwareApache"/>
        <s v="LDAPWebsphereAIXOracleLDAPApache"/>
        <s v="Windows Server"/>
        <s v="OracleVM"/>
        <s v="OracleWebsphereAIXOracleOracleApache"/>
        <s v="WebsphereOracleAIXOracleVM"/>
        <s v="TomcatAIX"/>
        <s v="Outlook (CRC Only), LDAP.NetMS/SQL ServerWindowsMS/SQL Server,MS/SQL ServerOutlook (CRC Only), LDAPVMMS IIS"/>
        <s v=".NET.NetWindowsMySQL.NETMS IIS"/>
        <s v="Rochade.NetWindowsMS/SQL Server,MS/SQL ServerRochadeMS IIS"/>
        <s v="JavaWebsphereAIXOracleJavaApache"/>
        <s v="Lotus DominoAIXOracleLotus DominoApache"/>
        <s v="AIXOracleApache,"/>
        <s v="E-mailAIXOracleE-mailApache"/>
        <s v="Oracle, E-mailWindowsOracleOracle, E-mailMS IIS"/>
        <s v="Apache, C, PHP 5.0, Ingres 9.1.2, Fulcrum SearchServerLinux SLES x86Apache, C, PHP 5.0, Ingres 9.1.2, Fulcrum SearchServerApache"/>
        <s v="Java - Tomcat - Oracle 10iTomcatLinux SLES x86OracleJava - Tomcat - Oracle 10iProclu1, Alpha Compaq GS80True64Apache"/>
        <s v="CA-OpenRoad, Ingres 9.1.2, C, Fulcrum SearchServer, FreeBalanceLinux SLES x86CA-OpenRoad, Ingres 9.1.2, C, Fulcrum SearchServer, FreeBalance"/>
        <s v="Impromptu, IngresLinux SLES x86Impromptu, Ingres"/>
        <s v="COTS Windows Server, Windows 7, MSSQLWindowsMS/SQL Server,MS/SQL ServerCOTS Windows Server, Windows 7, MSSQL"/>
        <s v="Apache, C, PHP, Oracel, AD IntegrationDB on HP IntegrityLinux SLES x86OracleApache, C, PHP, Oracel, AD IntegrationWebapps  Virtual Machine EXS server, DB on HP integrity RX6600Apache"/>
        <s v="Apache, C, PHP 5.0, Oracle, Barcode read and printDB on HP IntegrityLinux SLES x86OracleApache, C, PHP 5.0, Oracle, Barcode read and printWebapps  Virtual Machine EXS server, DB on HP integrity RX6601Apache"/>
        <s v="COTS Linux Server, Client PCWindowsCOTS Linux Server, Client PCHP server G7"/>
        <s v="Apache, C, PHP 5.0, Ingres 9.1.2,Linux SLES x86Apache, C, PHP 5.0, Ingres 9.1.2,Apache"/>
        <s v="Apache, Perl Scripts, CGI C, Integrates AMICUSIngress proclu02Linux SLES x86Apache, Perl Scripts, CGI C, Integrates AMICUSTrue64Apache"/>
        <s v="Verity K2, SOLR Lucene, Sharepoint Search, PHP, Java, TomcatLinux SLES x86Verity K2, SOLR Lucene, Sharepoint Search, PHP, Java, TomcatVirtual machine XAPPS,  ancien ESXmix of several OSApache,MS IIS"/>
        <s v="COTSTomcatWindowsOracleCOTSHP integrity RX6600Windows server 2003"/>
        <s v="Apache, C, PHP, Ingres, Fulcrum SearchServerLinux SLES x86Apache, C, PHP, Ingres, Fulcrum SearchServerSame as Amicus WebTrue64Apache"/>
        <s v="Apache, C, PHP, OracleSQL Server 2012, DB on orapro 2 (Oracle)Linux SLES x86,WindowsMS/SQL Server,MS/SQL Server,OracleApache, C, PHP, OracleHP integrity RX4640LinuxApache,MS IIS"/>
        <s v="Apache, PHP, jQuery 1.9.1 , Framework, Oracle 10gLinux SLES x86OracleApache, PHP, jQuery 1.9.1 , Framework, Oracle 10gWebapps  Virtual Machine EXS server, DB on HP integrity RX6600Apache"/>
        <s v="Apache, C, PHP, IngresHPUXApache, C, PHP, IngresWebserv, Alpha server ES45Apache"/>
        <s v="COTS.NetWindowsMS/SQL Server,MS/SQL ServerCOTSWindows server 2008 R2, Virtual machine ESX G7MS IIS"/>
        <s v="Apache, C, PHP, Oracle, Solr LuceneLinux SLES x86OracleApache, C, PHP, Oracle, Solr LuceneWebapps  Virtual Machine EXS server, DB on HP integrity RX6600Apache"/>
        <s v="Apache, C, PHP, Oracle, Solr LuceneLinux SLES x86OracleApache, C, PHP, Oracle, Solr LuceneHP integrity RX6600Apache"/>
        <s v="COTSTomcatLinux SLES x86OracleCOTSWebapps  Virtual Machine EXS server, DB on HP integrity RX6600Apache"/>
        <s v="COTSWindowsCOTSESX G1"/>
        <s v="COTS Freebalance, Oracle 10G, Windows clientHPUXOracleCOTS Freebalance, Oracle 10G, Windows clientHP proliant G1"/>
        <s v="CA Openroad, Ingres, C, Ingres report writerHPUXCA Openroad, Ingres, C, Ingres report writerApplication on Proclu2, DB on Oraserv, HP Proliant BL685CG1True64"/>
        <s v="linux 11,Apache, Java 1.6, Tomcat 5.5, Object DBTomcatJava objectDBLinux SLES x86linux 11,Apache, Java 1.6, Tomcat 5.5, Object DBESXG8Apache"/>
        <s v="COTSMicrosoft Server 2008 R2WindowsCOTSVirtual machine ESX G7Windows server 2008 R2"/>
        <s v="MSSQL2003, VB Scripts link CommvaultSql Server 2005, proliant G5WindowsMS/SQL Server,MS/SQL ServerMSSQL2003, VB Scripts link CommvaultDB on proliant G5Windows"/>
        <s v="Oracle, Java, SOLR LuceneTomcatLinux SLES x86OracleOracle, Java, SOLR LuceneApache"/>
        <s v="Apache, C, PHP, IngresOracle ETHESES_PRODHPUXApache, C, PHP, IngresWebapps  Virtual Machine EXS server, DB on HP integrity RX6600Apache"/>
        <s v="COTSTomcatWindowsMS/SQL Server,MS/SQL ServerCOTSVirtual server ESX G7Windows server 2008 R2Apache"/>
        <s v="Sharepoint, SQLServerWindowsMS/SQL Server,MS/SQL ServerSharepoint, SQLServerMS IIS"/>
        <s v="Sharepoint, RGBB integration.Net,mssql 2008 r11WindowsMS/SQL Server,MS/SQL ServerSharepoint, RGBB integrationESX G7Windows server 2008 R12MS IIS"/>
        <s v="Sharepoint - Internet  (WCMS).NetWindowsMS/SQL Server,MS/SQL ServerSharepoint - Internet  (WCMS)MS IIS"/>
        <s v="External Collaboration.NetWindowsMS/SQL Server,MS/SQL ServerExternal CollaborationMS IIS"/>
        <s v="Collaboration Portal.NetWindowsMS/SQL Server,MS/SQL ServerCollaboration PortalMS IIS"/>
        <s v="Canadian Information Publication.NetWindowsMS/SQL Server,MS/SQL ServerCanadian Information PublicationMS IIS"/>
        <s v="COTS, WindowWindowsOracleCOTS, WindowApache"/>
        <s v="COTSCOTSApache"/>
        <s v="Query Management System.NetWindowsMS/SQL Server,MS/SQL ServerQuery Management SystemMS IIS"/>
        <s v="Intranet.NetWindowsMS/SQL Server,MS/SQL ServerIntranetMS IIS"/>
        <s v="Internet (WCMS)TomcatOracle,Internet (WCMS)Apache"/>
        <s v="COTS.NetMS/SQL Server,MS/SQL ServerCOTSMS IIS"/>
        <s v="Java, TomcatTomcatLinux SLES x86OracleJava, TomcatCloud Virtual Machine"/>
        <s v=".NET, IIS.NetWindowsMS/SQL Server,MS/SQL Server.NET, IISMS IIS"/>
        <s v=".NET, IIS.NetWindows.NET, IISMS IIS"/>
        <s v="LAC Central.NetWindowsMS/SQL Server,MS/SQL ServerLAC CentralMS IIS"/>
        <s v="répliquée (SQL Publisher) à un serveur de Borden et à un serveur d’Asticou (SQL Subscriber).  Transfert entre ALLIES et SIIEL est 100% automatisérépliquée (SQL Publisher) à un serveur de Borden et à un serveur d’Asticou (SQL Subscriber).  Transfert entre ALLIES et SIIEL est 100% automatisé"/>
        <s v="Interaction est à sens unique avec HRMS.Interaction est à sens unique avec HRMS."/>
        <s v="Secure Enclave + Oracle DB_x000a_Unix (AIX) ORACLE 11.2.0.1Linux SLES x86OracleSecure Enclave + Oracle DB_x000a_Unix (AIX) ORACLE 11.2.0.1"/>
        <s v="DWAN FORCES.MIL.CA Windows Domain and full Active Directory services.AIXOracleDWAN FORCES.MIL.CA Windows Domain and full Active Directory services.MS IIS,MS IIS,MS IIS"/>
        <s v="4D DatabaseCOTSWindows4D Database"/>
        <s v="COTSNo Database"/>
        <s v="HRMS data extract, ESB, PERMON, Posting PreferenceMS/SQL Server,MS/SQL Server,HRMS data extract, ESB, PERMON, Posting Preference"/>
        <s v="HRMS data extractWindowsMS/SQL Server,MS/SQL Server,HRMS data extract"/>
        <s v="Nominal Roll data provided by units.Nominal Roll data provided by units."/>
        <s v="C#.Net, MVC 5.23, .Net Framework 4.6, IIS 7.5 Visual Studio 2015, SQL Server 2012.Net.Net Framework 4.6SQL Server 2012WindowsMS/SQL Server,MS/SQL ServerC#.Net, MVC 5.23, .Net Framework 4.6, IIS 7.5 Visual Studio 2015, SQL Server 2012Windows 2008 R2MS IIS,MS IIS,MS IIS"/>
        <s v="1473614736"/>
        <s v="Win2008R2 ORACLE 11gWindowsOracleWin2008R2 ORACLE 11g"/>
        <s v="Active directory, WebServices,  JAVA, Oracle DB_x000a_AIX 6.1 ORACLE 10.2.0.4WeblogicAIXOracleActive directory, WebServices,  JAVA, Oracle DB_x000a_AIX 6.1 ORACLE 10.2.0.4"/>
        <s v="Multiple &amp; complex, contact technical OPI if importantMultiple &amp; complex, contact technical OPI if important"/>
        <s v="MS Access database, BoSS XXI Version 4.0, two digital cameras Printer for report printing, privacy enclosureMS Access database, BoSS XXI Version 4.0, two digital cameras Printer for report printing, privacy enclosure"/>
        <s v="MS SQL/MS AccessCOTSWindowsMS/SQL Server,MS/SQL ServerMS SQL/MS Access"/>
        <s v="IIS 6.5 MSSQL 2000WindowsMS/SQL Server,MS/SQL ServerIIS 6.5 MSSQL 2000MS IIS,MS IIS,MS IIS"/>
        <s v="IIS 6.5WindowsMS/SQL Server,MS/SQL ServerIIS 6.5MS IIS,MS IIS,MS IIS"/>
        <s v="AccessWindowsAccess"/>
        <s v="MS/SQL Server,MS/SQL ServerMS IIS,MS IIS,MS IIS"/>
        <s v="IIS 7.5, SQL Server 2012, C#.Net, MVC 5.23, .Net Framework 4.6, Visual Studio 2015.Net.Net Framework 4.6_x000a_Visual Studio 2015SQL Server 2012WindowsMS/SQL Server,MS/SQL ServerIIS 7.5, SQL Server 2012, C#.Net, MVC 5.23, .Net Framework 4.6, Visual Studio 2015Windows 2008 R2MS IIS,MS IIS,MS IIS"/>
        <s v="WINDOWS, LINUXWINDOWS, LINUX"/>
        <s v="Oracle,WINDOWSOracle,WINDOWS"/>
        <s v="Creation tool runs on windows workstation; hosting tool runs on Windows IIS serverCreation tool runs on windows workstation; hosting tool runs on Windows IIS server"/>
        <s v="Runs on windows serverRuns on windows server"/>
        <s v="Underlying CSNI web technologies and apps.Underlying CSNI web technologies and apps."/>
        <s v="sql serversql server"/>
        <s v="ORACLEORACLE"/>
        <s v="SQLSQL"/>
        <s v="Information updated in this application can also be updated via Tel Rep Application, Oracle products running on windows servers.Information updated in this application can also be updated via Tel Rep Application, Oracle products running on windows servers."/>
        <s v="Oracle products running on windows servers.    Visual Basic application installed on runs on local windows workstation.Oracle products running on windows servers.    Visual Basic application installed on runs on local windows workstation."/>
        <s v="Oracle hosted web pages.  Also has a Visual Basic component that runs on windows workstation.Oracle hosted web pages.  Also has a Visual Basic component that runs on windows workstation."/>
        <s v="Oracle and IIS hosted web pages.  Also has a Visual Basic component that runs on windows workstation.Oracle and IIS hosted web pages.  Also has a Visual Basic component that runs on windows workstation."/>
        <s v="Asp .net application hosted on a windows serverAsp .net application hosted on a windows server"/>
        <s v="Internet - XHTML, XML, HTML, SGML, Java, PDF.NetWindowsInternet - XHTML, XML, HTML, SGML, Java, PDFMS IIS,MS IIS,MS IIS"/>
        <s v="Oracle/Oracle*Forms/Oracle*APEX/EntrustWindowsOracleOracle/Oracle*Forms/Oracle*APEX/EntrustMS IIS,MS IIS,MS IIS"/>
        <s v="- SmartPlant Markup Plus (Viewer Software Component) - MicroStation V8 (Editor Component)- SmartPlant Markup Plus (Viewer Software Component) - MicroStation V8 (Editor Component)"/>
        <s v="AIX 6.1 ORACLE 11g ZlinuxWindowsOracleAIX 6.1 ORACLE 11g Zlinux"/>
        <s v="SAP_x000a_&quot;Central Prod: DB2 z/OS 10.5_x000a_Central Dev and QA: DB2  LUW 10.5_x000a_Deployed Prod: DB2  LUW 10.5_x000a_Deployed Dev and QA: DB2  LUW 10.5&quot;z/OSDB2SAP&quot;Central Prod: IBM P Series, IBM Z Series_x000a_Central Dev &amp; QA: IBM P Series, IBM Z Series, HP X Series_x000a_Deployed Prod: HP X Series_x000a_Deployed Dev and QA: HP X Series&quot;_x000a__x000a_&quot;Central Prod: AIX 7.1, z/OS_x000a_Central Dev and QA: AIX 7.1, LINUX , z/OS_x000a_Deployed Prod: LINUX_x000a_Deployed Dev &amp; QA: LINUX_x000a_Windows 7_x000a_Windows XP&quot;"/>
        <s v="NoNo"/>
        <s v="All data reported under Monitor MASSThe application suite is configured to be flexible and to integrate with all enterprise applications.Enterprise Industry standard Oracle DBMSAll data reported under Monitor MASSHardware configuration supports a robust Client Server application with 6,000 concurrent users across DND."/>
        <s v="SQL ServerWindowsMS/SQL Server,MS/SQL ServerSQL ServerMS IIS,MS IIS,MS IIS"/>
        <s v=".NET.NetWindowsOracle.NETMS IIS,MS IIS,MS IIS"/>
        <s v=".Netsql server 2008WindowsMS/SQL Server,MS/SQL Serverwindows 7"/>
        <s v=".Netsql 2008WindowsMS/SQL Server,MS/SQL Serverwindows 7"/>
        <s v=".NetWindowsMS/SQL Server,MS/SQL ServerOperating system is Win7"/>
        <s v="MS/SQL ServerWindowsMS/SQL Server,MS/SQL ServerMS/SQL Server"/>
        <s v="SQL Server, MS .NET 4 Framework, MS Message Queue, MS Scheduler.NetWindowsMS/SQL Server,MS/SQL ServerSQL Server, MS .NET 4 Framework, MS Message Queue, MS SchedulerMS IIS,MS IIS,MS IIS"/>
        <s v="Oracle 10G, Microsoft AccessWindowsOracleOracle 10G, Microsoft Access"/>
        <s v="MS Access 2003WindowsMS Access 2003"/>
        <s v="CFHIS is a fully integrated electronic health record system comprises of more than 30 off-the-shelf applications for care providers to service all DND personnel.  These applications run on Windows and AIX OS with Oracle database backend.  Enabling technolWindowsMS/SQL Server,MS/SQL ServerCFHIS is a fully integrated electronic health record system comprises of more than 30 off-the-shelf applications for care providers to service all DND personnel.  These applications run on Windows and AIX OS with Oracle database backend.  Enabling technolMS IIS,"/>
        <s v="OracleThis application is on an older version due to the current server (Win 2003), This will be soon upgraded.OracleOracleCurrently running on Windows 2003. Upgrade to WIndows 2008 R2 is imminentApache,Apache,Apache"/>
        <s v="SQL Server, VSTS/TFS, IIS, Active Directory.NetSQL Server 2012 EnterpriseWindowsMS/SQL Server,MS/SQL ServerSQL Server, VSTS/TFS, IIS, Active DirectoryMicrosoft Windows Server 2008 R2 DataCenterMS IIS,MS IIS,MS IIS"/>
        <s v="HRMS data extract, 1697(APS Opening)MS/SQL Server,MS/SQL ServerHRMS data extract, 1697(APS Opening)MS IIS,MS IIS,MS IIS"/>
        <s v="All Costs are under Monitor MASSAll Costs are under Monitor MASS"/>
        <s v="SESSES"/>
        <s v="All data reported under Monitor MASSAll data reported under Monitor MASS"/>
        <s v="OracleWindowsOracleOracle"/>
        <s v="Oracle 11G, Oracle 6i, MS.NET Framwork 4.0.WindowsOracleOracle 11G, Oracle 6i, MS.NET Framwork 4.0."/>
        <s v="Classic ASP, SQL Server 2012, IIS 7.5.Net.Net Framework 4.6_x000a_Visual Studio 2015SQL Server 2012WindowsMS/SQL Server,MS/SQL ServerClassic ASP, SQL Server 2012, IIS 7.5Windows 2008 R2MS IIS,MS IIS,MS IIS"/>
        <s v="MSSQL 2008MSSQL 2008"/>
        <s v="ASP.NET, SQL,  javascriptDB to be migrated in fall 2014WindowsMS/SQL Server,MS/SQL ServerASP.NET, SQL,  javascriptMS IIS,MS IIS,MS IIS"/>
        <s v="ASP, ASP.NET, SQL.NetWindowsMS/SQL Server,MS/SQL ServerASP, ASP.NET, SQLMS IIS,MS IIS,MS IIS"/>
        <s v="asp, javascript, sqWindowsMS/SQL Server,MS/SQL Serverasp, javascript, sqMS IIS,MS IIS,MS IIS"/>
        <s v="SQL, ASPWindowsMS/SQL Server,MS/SQL ServerSQL, ASPMS IIS,MS IIS,MS IIS"/>
        <s v="KONFIGTomcatAIXDB2,OracleKONFIGApache,Apache,Apache"/>
        <s v="MS ExcelWindowsMS Excel"/>
        <s v="vba Access 2010/MS SQLWindowsMS/SQL Server,MS/SQL Servervba Access 2010/MS SQL"/>
        <s v="vb.net.NetWindowsvb.net"/>
        <s v="DVDWindowsDVD"/>
        <s v="Oracle DatabaseWindowsOracleOracle Database"/>
        <s v="Oracle DatabaseWeblogicWindowsOracleOracle Database"/>
        <s v="Oracle DRMIS.NetWindowsOracleOracle DRMIS"/>
        <s v="Java, Custom components, COVEOWindowsOracleJava, Custom components, COVEOMS IIS,MS IIS,MS IIS"/>
        <s v="SQL Server, EndecaWindowsMS/SQL Server,MS/SQL ServerSQL Server, EndecaMS IIS,MS IIS,MS IIS"/>
        <s v="SQL, VBWindowsMS/SQL Server,MS/SQL ServerSQL, VB"/>
        <s v="SMTP, SQL Server 2008, Active Directory, JDK, Perl, local Administrator access, TCP data transfer across networksTomcatWindowsMS/SQL Server,MS/SQL ServerSMTP, SQL Server 2008, Active Directory, JDK, Perl, local Administrator access, TCP data transfer across networksApplication/Web Server - as per APM Technical Assessment Guidelines_x000a__x000a_Tomcat 6 - Retirement_x000a_MySQL 2005 and 2008 - Retirement_x000a__x000a_Microsoft Windows Server 2008 R2 EnterpriseApache,Apache,Apache"/>
        <s v="OracleAIXOracleOracleMS IIS,MS IIS,MS IIS"/>
        <s v="SSL Certificate Z/Linux ORACLE 11gLinux SLES x86OracleSSL Certificate Z/Linux ORACLE 11gMS IIS,MS IIS,MS IIS"/>
        <s v="Oracle/MS AccessWindowsMS/SQL Server,MS/SQL ServerOracle/MS Access"/>
        <s v="MS SQL/MS AccessWindowsOracleMS SQL/MS Access"/>
        <s v="Oracle/vb.netWindowsOracleOracle/vb.net"/>
        <s v="Oracle/Oracle*Forms/Oracle*APEXWindowsOracleOracle/Oracle*Forms/Oracle*APEX"/>
        <s v="Visual FoxPro, Illustrated Repair Parts Manuals and Scales manualVisual FoxPro, Illustrated Repair Parts Manuals and Scales manual"/>
        <s v="MS SQL/MS AccessWindowsMS/SQL Server,MS/SQL ServerMS SQL/MS Access"/>
        <s v="PeopleSoft, OracleAIXOraclePeopleSoft, OracleIBM Power Server 8_x000a_x86 blade servers"/>
        <s v="WindowsMS/SQL Server,MS/SQL ServerMS IIS,MS IIS,MS IIS"/>
        <s v="Secure interfaces, authentication layerSecure interfaces, authentication layer"/>
        <s v="SQL Server 2008, Borland Delphi 6.0, Visual FoxproThick ClientSQL Server 2012WindowsMS/SQL Server,MS/SQL ServerSQL Server 2008, Borland Delphi 6.0, Visual FoxproWindows 7"/>
        <s v="Active Directory.NetWindowsMS/SQL Server,MS/SQL ServerActive DirectoryMS IIS,MS IIS,MS IIS"/>
        <s v="MS SQL/IISCOTSWindowsMS/SQL Server,MS/SQL ServerMS SQL/IISMS IIS,MS IIS,MS IIS"/>
        <s v="COTS"/>
        <s v="MSSQL 2000 IIS 6.5WindowsMySQLMSSQL 2000 IIS 6.5MS IIS,MS IIS,MS IIS"/>
        <s v="VB.Net/MS Sql.NetWindowsMS/SQL Server,MS/SQL ServerVB.Net/MS Sql"/>
        <s v="Microsoft Internet Explorer 5.5 or higher with JavaScript and data binding enabled Adobe Acrobat Reader 8 or higher. DTSearch search engine.WindowsMicrosoft Internet Explorer 5.5 or higher with JavaScript and data binding enabled Adobe Acrobat Reader 8 or higher. DTSearch search engine."/>
        <s v="MSFT, FTP, MS IIE, Flash, Java, Acrobat, MS ExcelWebsphereOracleMSFT, FTP, MS IIE, Flash, Java, Acrobat, MS ExcelMS IIS,MS IIS,MS IIS"/>
        <s v=".NET, XMLWindows.NET, XML"/>
        <s v="Oracle/Weblogic/Forms11g/JVMWeblogicWindowsOracleOracle/Weblogic/Forms11g/JVMApache,Apache,Apache"/>
        <s v=".NetWindowsMS/SQL Server,MS/SQL ServerMS IIS,MS IIS,MS IIS"/>
        <s v="10346, 4 J''s Genero Bdl, Versaterm OS ToolkitCurrently on IBM Informix 11, but will upgrade to IBM Informix 12 in August 2017.AIX10346, 4 J''s Genero Bdl, Versaterm OS Toolkitx 86 - x64Currently on Windows Server 2003, but will be upgraded to Windows Server 2012 in August 2017.Apache,"/>
        <s v="Oracle/SSO(LDAP)/C#.NET/.NET 4.0.NetWindowsOracleOracle/SSO(LDAP)/C#.NET/.NET 4.0"/>
        <s v="Oracle/SSO (LDAP)/IIS ou Apache/Oracle*APEXWindowsOracleOracle/SSO (LDAP)/IIS ou Apache/Oracle*APEXMS IIS,MS IIS,MS IIS"/>
        <s v="Oracle, MDAC, Crystal ReportsWindowsOracleOracle, MDAC, Crystal Reports"/>
        <s v="Oracle, ASP NET, MS IISWindowsOracleOracle, ASP NET, MS IISMS IIS,MS IIS,MS IIS"/>
        <s v="Oracle, ASP NET, NS IISWindowsOracleOracle, ASP NET, NS IIS"/>
        <s v=".Net, MS SQL Server, MS ActiveSync/WMDC, Win Server 2012 R2,WindowsMS/SQL Server,MS/SQL Server.Net, MS SQL Server, MS ActiveSync/WMDC, Win Server 2012 R2,MS IIS,MS IIS,MS IIS"/>
        <s v="Team Developer 6.2 (Gupta SQL), Oracle 11gHPUXOracleTeam Developer 6.2 (Gupta SQL), Oracle 11g"/>
        <s v="APEX, OracleWindowsOracleAPEX, Oracle"/>
        <s v="Computerized Maintenance Management System CH148 MHPWindowsOracleComputerized Maintenance Management System CH148 MHP"/>
        <s v="Product Lifecycle Management (PLM).NetWindowsMS/SQL Server,MS/SQL ServerProduct Lifecycle Management (PLM)MS IIS,MS IIS,MS IIS"/>
        <s v="CH148 Cyclone Integrated Information Environment (IIE)  on DWAN.NetWindowsMS/SQL Server,MS/SQL ServerCH148 Cyclone Integrated Information Environment (IIE)  on DWAN"/>
        <s v="Integrated Information Environment (IIE),  Learning Management System (LMS)TomcatWindowsMS/SQL Server,MS/SQL ServerIntegrated Information Environment (IIE),  Learning Management System (LMS)"/>
        <s v="WindowsMySQLMS IIS,MS IIS,MS IIS"/>
        <s v=".Net, Oracle.NetWindowsOracle.Net, Oracle"/>
        <s v="IIS 6.5 .NET Framework 2.0 MSSQL 2008.NetWindowsMS/SQL Server,MS/SQL ServerIIS 6.5 .NET Framework 2.0 MSSQL 2008MS IIS,MS IIS,MS IIS"/>
        <s v="Technical Document Management - Configuration Management.NetWindowsOracleTechnical Document Management - Configuration ManagementMS IIS,MS IIS,MS IIS"/>
        <s v="IIS 7 SSL .NET Framework 4.0 LDAP Authentication MSSQL 2008.NetWindowsMS/SQL Server,MS/SQL ServerIIS 7 SSL .NET Framework 4.0 LDAP Authentication MSSQL 2008MS IIS,MS IIS,MS IIS"/>
        <s v="Radio Propagation Simulation, Radio FrequencyWindowsRadio Propagation Simulation, Radio Frequency"/>
        <s v="NASA''s ARMWindowsNASA''s ARM"/>
        <s v="IIS 6.5 MSSQL 2000WindowsIIS 6.5 MSSQL 2000"/>
        <s v="MSSQL 2000 IIS 6.5WindowsMS/SQL Server,MS/SQL ServerMSSQL 2000 IIS 6.5MS IIS,MS IIS,MS IIS"/>
        <s v="IIS, MS.NET 4, Oracel 11g, Crystal Reports.NetHPUXOracleIIS, MS.NET 4, Oracel 11g, Crystal ReportsMS IIS"/>
        <s v="VB 6 Runtimes MS AccessWindowsVB 6 Runtimes MS Access"/>
        <s v="Secure interfaces, database, authentication layerWindowsDB2Secure interfaces, database, authentication layer"/>
        <s v="Win2008R2 ORACLE 11g Oracle Database, Active Directory, MS IIS, .NET framework.NetOracle 11g (11.2)WindowsOracleWin2008R2 ORACLE 11g Oracle Database, Active Directory, MS IIS, .NET frameworkMicrosoft Windows Server 2008 R2MS IIS,MS IIS,MS IIS"/>
        <s v="ASP, javascriptWindowsMS/SQL Server,MS/SQL ServerASP, javascriptMS IIS,MS IIS,MS IIS"/>
        <s v="Microsoft Internet Explorer 5.5 or higher with JavaScript and data binding enabled Adobe Acrobat Reader 8 or higher. DTSearch search engine.WebsphereWindowsMicrosoft Internet Explorer 5.5 or higher with JavaScript and data binding enabled Adobe Acrobat Reader 8 or higher. DTSearch search engine.MS IIS,MS IIS,MS IIS"/>
        <s v="WebWindowsWebMS IIS,MS IIS,MS IIS"/>
        <s v=".NET 4.0 MSSQL 2008 Database IEWSS (in-house LDAP service).NetWindowsMS/SQL Server,MS/SQL Server.NET 4.0 MSSQL 2008 Database IEWSS (in-house LDAP service)MS IIS,MS IIS,MS IIS"/>
        <s v="IIS,PHP,MSSqlWindowsMS/SQL Server,MS/SQL ServerIIS,PHP,MSSqlMS IIS,MS IIS,MS IIS"/>
        <s v="Crystal Reports 9classic aspWindowsMS/SQL Server,MS/SQL ServerCrystal Reports 9Win 2003 ServerMS IIS,MS IIS,MS IIS"/>
        <s v="Crystal Reports 9phpWindowsMS/SQL Server,MS/SQL ServerCrystal Reports 9Win 2003 ServerMS IIS,MS IIS,MS IIS"/>
        <s v="ms accessWindows"/>
        <s v="Database, Network.NetWindowsMySQLDatabase, NetworkMS IIS,MS IIS,MS IIS"/>
        <s v="MS AccessWindowsMS/SQL Server,MS/SQL ServerMS AccessMS IIS,MS IIS,MS IIS"/>
        <s v="Cold Fusion codeWeblogicWindowsCold Fusion codeMS IIS,MS IIS,MS IIS"/>
        <s v="Oracle/Oracle*Forms/Oracle*10gASWindowsOracleOracle/Oracle*Forms/Oracle*10gAS"/>
        <s v="SQL ServerSQL Server 2008 R2WindowsMS/SQL Server,MS/SQL ServerSQL ServerMicrosoft Windows Server 2008 R2 DataCenterMS IIS,MS IIS,MS IIS"/>
        <s v="COTS Translation softwareWindowsCOTS Translation software"/>
        <s v="Oracle/IIS ou ApacheCOTSWindowsOracleOracle/IIS ou ApacheMS IIS,MS IIS,MS IIS"/>
        <s v="MS Visual StudioWindowsMS Visual Studio"/>
        <s v="Oracle/MS AccessWindowsOracleOracle/MS Access"/>
        <s v="Sql Server 2008, .NET framework.NetSQL Server 2012WindowsMS/SQL Server,MS/SQL ServerSql Server 2008, .NET frameworkMicrosoft Windows Server 2008 R2MS IIS,MS IIS,MS IIS"/>
        <s v="WebsphereWindowsMS/SQL Server,MS/SQL Server,"/>
        <s v="Oracle RDBMSSolaris SparcOracleOracle RDBMS"/>
        <s v="SQL Server 2008 R2Microsoft Windows Server 2008 R2 DataCenter"/>
        <s v=".NET framework 4.6, IIS 7.5, SQL Server 2012, VB.Net, Visual Studio 2015.Net.Net Framework 4.6SQL Server 2012WindowsMS/SQL Server,MS/SQL Server.NET framework 4.6, IIS 7.5, SQL Server 2012, VB.Net, Visual Studio 2015Windows 2008 R2MS IIS,MS IIS,MS IIS"/>
        <s v="Microsoft SQL Server.NetWindowsMS/SQL Server,MS/SQL ServerMicrosoft SQL ServerMS IIS,MS IIS,MS IIS"/>
        <s v=".NET framework 4.6, MS IIS 7.5, SQL Server 2012, VB.Net, Visual Studio 2015.Net.Net Framework 4.6SQL Server 2012WindowsMS/SQL Server,MS/SQL Server.NET framework 4.6, MS IIS 7.5, SQL Server 2012, VB.Net, Visual Studio 2015Windows 2008 R2MS IIS,MS IIS,MS IIS"/>
        <s v="OracleWindowsOracle"/>
        <s v="Intranet (Portal), PKI or ExoStar (authorization).NetIntranet (Portal), PKI or ExoStar (authorization)"/>
        <s v=".NET framework, SQL Server 2008, Crystal Reports, Idworks.NetThick clientSQL server 2005WindowsMS/SQL Server,MS/SQL Server.NET framework, SQL Server 2008, Crystal Reports, IdworksWindows 7"/>
        <s v="MSFTz/OSDB2MSFTMS IIS,MS IIS,MS IIS"/>
        <s v="SQL Server.NetSQL ServerMS IIS,MS IIS,MS IIS"/>
        <s v="SQL ServerMS/SQL Server,MS/SQL ServerSQL ServerMS IIS,MS IIS,MS IIS"/>
        <s v="OCR AnyDocs, OracleWindowsOracleOCR AnyDocs, Oracle"/>
        <s v="Oracle, Oracle Forms, XP Network,WindowsOracleOracle, Oracle Forms, XP Network,"/>
        <s v="HRMS MIL PERS DATAHRMS MIL PERS DATA"/>
        <s v="SQL Server.NetWindowsMS/SQL Server,MS/SQL ServerSQL ServerMS IIS,MS IIS,MS IIS"/>
        <s v="People Soft  OracleOracle 10.2.0.4AIXOraclePeople Soft  OracleIBM Power System 8_x000a_x86 Blade ServersAIX 6.1_x000a_Windows Server 2008 R2"/>
        <s v="Z/Linux, ORACLE 11gOracle 11g (11.2)Linux SLES x86OracleZ/Linux, ORACLE 11g&quot;Oracle WebLogic 11g(10.3.6) (Oracle Forms)_x000a__x000a_IIS 7.5 ( Query only Web Site )_x000a__x000a_.Net 4.5 (Windows Services and File Sharing Server)&quot;Microsoft Windows Server 2008 R2 DataCenter_x000a_&quot;IIS Server: Win Server 2008 R2_x000a__x000a_NON IIS Server: Win Server 2008 R2_x000a__x000a_Interface Server: Win Server 2008 R2 - Web Services_x000a__x000a_Interface Server: Win Server 2008 R2 - MQ Series_x000a__x000a_SFTP Server - Win Server 2008 R2_x000a__x000a_Oracle Forms 11G App Server - Win Server 2008 R2_x000a__x000a_Database Server: Linux V11&quot;"/>
        <s v="(Oracle) CGCS, MSSQL Server.Net_x000a_SQLite 3.7.6, exports data from CGCS DBWindowsMS/SQL Server,MS/SQL Server(Oracle) CGCS, MSSQL ServerWindowsMS IIS,MS IIS,MS IIS"/>
        <s v="Segregated local network with no connection to intranet and no connection to internet.WindowsSegregated local network with no connection to intranet and no connection to internet."/>
        <s v="Oracle Database Server; Java VM_x000a_AIX 6.1 ORACLE 10.2.0.4AIXOracleOracle Database Server; Java VM_x000a_AIX 6.1 ORACLE 10.2.0.4"/>
        <s v="Oracle Database, Novell Extend, J2EEWindowsOracleOracle Database, Novell Extend, J2EE"/>
        <s v="Oracle database spreadsheet, MS Access,WeblogicWindows,WindowsOracleOracle database spreadsheet, MS Access,"/>
        <s v="Oracle Fusion Middleware 11gWeblogicOracle 11gLinux SLES x86OracleOracle Fusion Middleware 11gSUSE Linux Enterprise Server v11"/>
        <s v="AIX 6.1, ORACLE 11g, ASP (Classic).NetWindowsOracleAIX 6.1, ORACLE 11g, ASP (Classic)MS IIS,MS IIS,MS IIS"/>
        <s v="Oracle Database, Novell Extend, J2EEOracle 11g (11.2)WindowsOracleOracle Database, Novell Extend, J2EEMicrosoft Windows Server 2008 R2"/>
        <s v="SQL Server 2008, SSL Certificate_x000a_Windows 2008 R2.NetSQL server 2012WindowsMS/SQL Server,MS/SQL ServerSQL Server 2008, SSL Certificate_x000a_Windows 2008 R2MS IIS,MS IIS,MS IIS"/>
        <s v="SQL Server 2008, SSL Certificate.NetSQL Server 2008 R2WindowsMS/SQL Server,MS/SQL ServerSQL Server 2008, SSL CertificateMS IIS 7.0 with .Net 4.5.2Microsoft Windows Server 2008 R2 DataCenter_x000a_&quot;IIS Server: Win Server 2008 R2_x000a__x000a_Database Server: Windows Server 2008 R2&quot;MS IIS,MS IIS,MS IIS"/>
        <s v="Oracle, RDIMS, PixTools, Vintasoft.NetAIXOracleOracle, RDIMS, PixTools, VintasoftMS IIS,MS IIS,MS IIS"/>
        <s v="Z/Linux ORACLE 11g CGCS_x000a_SQL Server 2008, SSL Certificate.NetUses CGCS Database_x000a_Oracle 11GWindowsOracleZ/Linux ORACLE 11g CGCS_x000a_SQL Server 2008, SSL CertificateWindows Server 2008 R2_x000a_IIS 7.0MS IIS,MS IIS,MS IIS"/>
        <s v="Ms Access databaseWindowsMs Access database"/>
        <s v="Engineering specifications, standards, manuals and technical publications.NetWindowsEngineering specifications, standards, manuals and technical publications"/>
        <s v="ScannerWindowsScanner"/>
        <s v="Oracle Database, Oracle Developer Suite (Forms and Reports)TomcatWindowsOracleOracle Database, Oracle Developer Suite (Forms and Reports)Apache,Apache,Apache"/>
        <s v="Oracle Database, Oracle Developer Suite (Forms and Reports 6i)Oracle 6iWindowsOracleOracle Database, Oracle Developer Suite (Forms and Reports 6i)This is an executable run off the client''s DWAN machine. There is no web server, it is client/server."/>
        <s v="Micorosft AccessAIXOracleMicorosft Access"/>
        <s v="developed in Visual FoxPro 9.0, using an OO approach.FoxPro DB 9_x000a_Windows Server 2008 R2Windowsdeveloped in Visual FoxPro 9.0, using an OO approach.MS IIS,MS IIS,MS IIS"/>
        <s v="Oracle database, SSL Certificate.NetOracle 11g (11.2)Linux SLES x86OracleOracle database, SSL Certificate&quot;IIS Server: Win Server 2008 R2_x000a__x000a_Database Server: Linux V11&quot;Microsoft Windows Server 2008 R2 DataCenterMS IIS,MS IIS,MS IIS"/>
        <s v="noTomcatWindowsOraclenoApache,Apache,Apache"/>
        <s v="Web portal to various Technical Document Management Systems in DND/CF.NetWindowsWeb portal to various Technical Document Management Systems in DND/CF"/>
        <s v="Sql Server 2008, ASP (classic).NetWindowsMS/SQL Server,MS/SQL ServerSql Server 2008, ASP (classic)MS IIS,MS IIS,MS IIS"/>
        <s v="Database, Email.NetWindowsMS/SQL Server,MS/SQL ServerDatabase, EmailMS IIS,MS IIS,MS IIS"/>
        <s v="ASP.NET, MySQL.NetWindowsMySQLASP.NET, MySQLMS IIS,MS IIS,MS IIS"/>
        <s v="Client ServerClient ServerApache,"/>
        <s v="AutoCAD Map 3D requires a more powerful computer than is generally found for most DWAN users."/>
        <s v="FlexLM Licencing serverFlexLM Licencing server"/>
        <s v="Cisco AnyConnect Secure Mobility Client,  OmegaPS Analyzer, SAP Graphical User Interface, Prometheus, EAA Authorization.NetWindowsCisco AnyConnect Secure Mobility Client,  OmegaPS Analyzer, SAP Graphical User Interface, Prometheus, EAA Authorization"/>
        <s v="EDCS (Enterprise Data/ Collaborative System) Aeronautics/Main instance -proprietary Lockheed MartinWindowsEDCS (Enterprise Data/ Collaborative System) Aeronautics/Main instance -proprietary Lockheed Martin"/>
        <s v="SSC MyKey PKI, ADFS (2 factor authentication), eCMS platform.NetWindowsMS/SQL Server,MS/SQL ServerSSC MyKey PKI, ADFS (2 factor authentication), eCMS platformMS IIS,MS IIS,MS IIS"/>
        <s v="crack growth life prediction toolsWindowscrack growth life prediction tools"/>
        <s v="Interactive Electronic Technical Manual (L3Mas)WindowsInteractive Electronic Technical Manual (L3Mas)"/>
        <s v="computational fluid dynamics, Computer Assisted DesignWindowscomputational fluid dynamics, Computer Assisted Design"/>
        <s v="MATLAB from MATHWORKSMATLAB from MATHWORKS"/>
        <s v="Computer Aided DesignWindowsComputer Aided Design"/>
        <s v="Style sheets (IDLS), MASViewer V1.0., Coveo 6.5.WindowsStyle sheets (IDLS), MASViewer V1.0., Coveo 6.5."/>
        <s v="Linux SLES x86OracleMS IIS,MS IIS,MS IIS"/>
        <s v="Bar Code readerWindowsBar Code reader"/>
        <s v="Aeroport - CC130J Aeronautics/Main instance -proprietary Lockheed Martin.NetWindowsAeroport - CC130J Aeronautics/Main instance -proprietary Lockheed Martin"/>
        <s v="IETP (Interactive Electronic Technical Publication) Aeronautics/Main instance -proprietary Lockheed Martin.NetWindowsIETP (Interactive Electronic Technical Publication) Aeronautics/Main instance -proprietary Lockheed Martin"/>
        <s v="Solid Edge 2D &amp; 3D models and drawings..NetWindowsOracleSolid Edge 2D &amp; 3D models and drawings."/>
        <s v="Can be installed on various platforms. In this case baseline DWAM windows for the desktops is used."/>
        <s v="AEC Collections components work with DWAN Win 7 / Win 10 OS. Users will require more performing workstations than standard business workstations. ADMIE is going to lifecycle workstations for users who require AEC Collections software to ensure they have hardware that can support the software. e.g. graphica cards, ram, upgrade, solid state drive/"/>
        <s v="Ms Access database spreadsheetWindowsMs Access database spreadsheet"/>
        <s v="MS SQLWindowsMS/SQL Server,MS/SQL ServerMS SQL"/>
        <s v="FoxPro!  ASPWindowsFoxPro!  ASPMS IIS,MS IIS,MS IIS"/>
        <s v="COTS - Konfig  Win2008R2 ORACLE 11gTomcatWindowsOracleCOTS - Konfig  Win2008R2 ORACLE 11gApache,Apache,Apache"/>
        <s v="Windows 2008 under SQLNew platform is available but need to contract using MERCdata model/documentattion is not easilyWindowsMS/SQL Server,MS/SQL ServerWindows 2008 under SQLVery old OSMS IIS,MS IIS,MS IIS"/>
        <s v="SQL Server.NetWindowsMS/SQL Server,MS/SQL ServerSQL ServerPDET mobile OS is not longer supported"/>
        <s v="SGML driven Web-based using, DT search &amp; Adobe SVG driven figures &amp; graphics.WindowsSGML driven Web-based using, DT search &amp; Adobe SVG driven figures &amp; graphics.MS IIS,MS IIS,MS IIS"/>
        <s v="Oracle databaseAIXOracleOracle database"/>
        <s v="Oracle databaseOracle 11g (11.2)Linux SLES x86OracleOracle databaseMS IIS 7.5 with .NET 4.0Microsoft Windows Server 2008 R2 DataCenter"/>
        <s v="Technical Document Management ViewerWindowsTechnical Document Management Viewer"/>
        <s v="Adobe Acrobat, Computer Assisted DesignWindowsAdobe Acrobat, Computer Assisted Design"/>
        <s v="The two versions of VI require their own Database, access to FTP gateways through the receiving and sending directories, CFNOC Firewall, MSR Firewall and CitrixThe two versions of VI require their own Database, access to FTP gateways through the receiving and sending directories, CFNOC Firewall, MSR Firewall and Citrix"/>
        <s v="VB 5 RuntimesWindowsVB 5 Runtimes"/>
        <s v="AcrobatWindowsAcrobat"/>
        <s v="Oracle Fusion Middleware 11gWeblogicOracle 11gWindowsOracleOracle Fusion Middleware 11gMS Windows 2008R2"/>
        <s v="File Transfer ProtocolWindowsFile Transfer Protocol"/>
        <s v="PLTS proprietary database, OracleWindowsOraclePLTS proprietary database, Oracle"/>
        <s v="Oracle Database 11g, MS IIS 7.5, .NET framework 4.6, VB.Net, Visual Studio 2015.Net.Net Framework 4.6Oracle 11gLinux SLES x86OracleOracle Database 11g, MS IIS 7.5, .NET framework 4.6, VB.Net, Visual Studio 2015Windows 2008 R2MS IIS,MS IIS,MS IIS"/>
        <s v="MS Access MSSQL 2000WindowsMS/SQL Server,MS/SQL ServerMS Access MSSQL 2000"/>
        <s v="Oracle Fusion Middleware 11gWeblogicLinux SLES x86OracleOracle Fusion Middleware 11gSUSE Linux Enterprise Server v11"/>
        <s v="ASPDatabase is MS SQL 2008 ServerWindowsMS/SQL Server,MS/SQL ServerASPCurrently running on Windows Server 2008 VMCurrently running on Server 2008, IIS 7.5MS IIS,MS IIS,MS IIS"/>
        <s v="MSAccessWindowsMSAccess"/>
        <s v="MSAccessMS SQL 2008WindowsMSAccessRunning on Server 2008 R2, IIS 7, but is fully capable of running on Server 2015, IIS 8."/>
        <s v="Vbscript/Javascript/HTML/ASP/CSS/SOAP/Jquery/XmlWindowsVbscript/Javascript/HTML/ASP/CSS/SOAP/Jquery/XmlMS IIS,MS IIS,MS IIS"/>
        <s v="Oracle/PLSQL WebWeblogicWindowsOracleOracle/PLSQL WebApache,Apache,Apache"/>
        <s v="Oracle/Weblogic/Forms11g/JVMWeblogicWindowsOracleOracle/Weblogic/Forms11g/JVM"/>
        <s v="Oracle/Weblogic/JVMWeblogicWindowsOracleOracle/Weblogic/JVM"/>
        <s v="SQL Server 2012 with SSIS packages, MS Access forms (ACCDB files)._x000a_This application is not web based, it runs on the client''s local machine like an executable, connecting to a network database server.MS SQL Server 2012WindowsMS/SQL Server,MS/SQL ServerSQL Server 2012 with SSIS packages, MS Access forms (ACCDB files)._x000a_This application is not web based, it runs on the client''s local machine like an executable, connecting to a network database server.MS Windows 2008 R2"/>
        <s v="Oracle/Weblogic/JVMWeblogicWindowsOracleOracle/Weblogic/JVMApache,Apache,Apache"/>
        <s v="Oracle/Oracle*Forms/Oracle*APEX/EntrustWeblogicWindowsOracleOracle/Oracle*Forms/Oracle*APEX/EntrustMS IIS,MS IIS,MS IIS"/>
        <s v="Oracle/Oracle*Forms/Oracle*10gASWeblogicWindowsOracleOracle/Oracle*Forms/Oracle*10gASApache,"/>
        <s v="Oracle/Oracle*Forms/Oracle*APEXWindowsOracleOracle/Oracle*Forms/Oracle*APEXMS IIS,MS IIS,MS IIS"/>
        <s v="MS SQLWindowsMS/SQL Server,MS/SQL ServerMS SQLNeeds to migrated to Win 7MS IIS,MS IIS,MS IIS"/>
        <s v="AccessWindowsMS/SQL Server,MS/SQL ServerAccess"/>
        <s v="SQL, IIS, .ASPWindowsMS/SQL Server,MS/SQL ServerSQL, IIS, .ASPMS IIS,MS IIS,MS IIS"/>
        <s v="IIS 6.5 .NET Framework 4.5 MSSQL 2008.NetWindowsMS/SQL Server,MS/SQL ServerIIS 6.5 .NET Framework 4.5 MSSQL 2008MS IIS,MS IIS,MS IIS"/>
        <s v="IIS 6.5 MSSQL 2000WindowsOracleIIS 6.5 MSSQL 2000MS IIS,MS IIS,MS IIS"/>
        <s v="IIS 6.5 MSSQL 2000WindowsMySQLIIS 6.5 MSSQL 2000MS IIS,MS IIS,MS IIS"/>
        <s v="Apache Web ServerTomcatApache Web ServerApache,Apache,Apache"/>
        <s v="reminder programWindowsreminder program"/>
        <s v="DRMIS, Peoplesoft, Oracle_x000a_Importation des données provenant de MASIS.WeblogicWindowsOracleDRMIS, Peoplesoft, Oracle_x000a_Importation des données provenant de MASIS."/>
        <s v="WindowsWINDOWS 7"/>
        <s v="Une relation est établie avec le MIMS pour certains rapports.Une relation est établie avec le MIMS pour certains rapports."/>
        <s v="MS Access/Sql ServerWindowsMS/SQL Server,MS/SQL ServerMS Access/Sql Server"/>
        <s v="Vb.Net/Sql Server.NetWindowsMS/SQL Server,MS/SQL ServerVb.Net/Sql Server"/>
        <s v="SQL Server.NetWindowsMS/SQL Server,MS/SQL ServerSQL Server"/>
        <s v="MS SQLCOTSWindowsMS/SQL Server,MS/SQL ServerMS SQL"/>
        <s v="4D (www.4d.com) a database development tools used only on the DreNet network.Windows4D (www.4d.com) a database development tools used only on the DreNet network."/>
        <s v="4D Database (www.4d.com) is a database development tool used only on the DreNet network.Windows4D Database (www.4d.com) is a database development tool used only on the DreNet network."/>
        <s v="4D (www.4d.com) It’s a database development tools used only on the DreNet network.Windows4D (www.4d.com) It’s a database development tools used only on the DreNet network."/>
        <s v="4D (www.4d.com) is a database development tool used only on the DreNet network.Windows4D (www.4d.com) is a database development tool used only on the DreNet network."/>
        <s v="java, Custom components, COVEOjava, Custom components, COVEO"/>
        <s v="Oracle FORMS, REPORTS Dev6iWindowsOracleOracle FORMS, REPORTS Dev6i"/>
        <s v="TomcatLinux RHEL x86Oracle"/>
        <s v="TomcatLatest MySQLLinux RHEL x86MySQLVirtualized VMWare but in legacy environmentDeployed on RHEL 6.xApache"/>
        <s v=".NetWindowsMS/SQL Server,MS/SQL ServerSSC CloudMS IIS"/>
        <s v="LinkuriousWindowsMySQLLinkuriousApache"/>
        <s v="AMIeiLinux RHEL x86MySQLAMIeiApache"/>
        <s v="IntellixirWindowsMS/SQL Server,MS/SQL ServerIntellixirMS IIS"/>
        <s v="SummonTomcatLinux RHEL x86OracleSummonApache"/>
        <s v="Fedora and SolrTomcatLinux RHEL x86OracleFedora and SolrApache"/>
        <s v="pPMCWindowsMS/SQL Server,MS/SQL ServerpPMC"/>
        <s v="Archibus Web CentralOracleArchibus Web Central"/>
        <s v="TomcatLinux SLES x86OracleApache"/>
        <s v="ColdFusion 7TomcatLinux SLES x86OracleColdFusion 7Apache"/>
        <s v="Linux SLES x86OracleApache"/>
        <s v="PHPMySQLPHPVirtual serverUbuntu serverApache"/>
        <s v="TomcatApache"/>
        <s v="PostgreSQL 9.2, ArcGIS Server 10.2, Lucene.Net,TomcatPostgreSQL 9.2MySQLPostgreSQL 9.2, ArcGIS Server 10.2, LuceneFedora Core (Apps) / Windows Server 2008 R2 (DB)Apache"/>
        <s v="TomcatSybaseApache"/>
        <s v="PHP, PostgreSQLWindowsMySQLPHP, PostgreSQL"/>
        <s v="php,mapserver,perlTomcatLinux SLES x86Oraclephp,mapserver,perlApache"/>
        <s v="perlOracleperl"/>
        <s v="Windowspc"/>
        <s v="PHPMySQLMySQLPHPVirtual serverUbuntu serverApache"/>
        <s v="PHPMySQLMySQLPHPApache"/>
        <s v="CentOS, PHP, ApacheMySQLCentOS, PHP, ApacheApache"/>
        <s v="CentOS, PHP, ApacheMySQLCentOS, PHP, Apache"/>
        <s v="Red Hat Enterprise Linux Server release 5.11 (Tikanga), PHP, ApacheTomcatMySQLRed Hat Enterprise Linux Server release 5.11 (Tikanga), PHP, ApacheApache"/>
        <s v="MySQLMySQLApache,"/>
        <s v="MySQLWindowsMySQL,"/>
        <s v="CentOS, PHP, ApacheLinux RHEL x86MySQLCentOS, PHP, ApacheApache"/>
        <s v="Postgres 9, php, apache, tomcatLinux RHEL x86MySQLPostgres 9, php, apache, tomcatApache"/>
        <s v="TomcatLinux RHEL x86MySQL,Oracle,Apache"/>
        <s v="TomcatLinux RHEL x86Apache"/>
        <s v="International Remote Sensing EnvironmentLinux RHEL x86MySQLInternational Remote Sensing EnvironmentApache"/>
        <s v="MS ExcelOracleMS Excel"/>
        <s v="using VM CitrixWindowsusing VM CitrixMS IIS"/>
        <s v="SSC support not required.Net,Linux RHEL x86,Solaris Sparc,WindowsSSC support not required"/>
        <s v="ColdFusion 7Linux RHEL x86OracleColdFusion 7MS IIS"/>
        <s v="ColdFusion 9Linux RHEL x86OracleColdFusion 9MS IIS"/>
        <s v="ColdFusion 9, LDAPLinux RHEL x86OracleColdFusion 9, LDAPMS IIS"/>
        <s v="PHPLinux on Z RHELMySQLPHPApache"/>
        <s v="Clipshare, PHPTomcatLinux RHEL x86MySQLClipshare, PHPApache"/>
        <s v="ColdFusion 7, LDAPLinux RHEL x86OracleColdFusion 7, LDAPMS IIS"/>
        <s v="Python 2.7.2, Django 1.3.1WindowsMySQLPython 2.7.2, Django 1.3.1"/>
        <s v="Php, mediawikiLinux RHEL x86MySQLPhp, mediawikiApache"/>
        <s v="Linux RHEL x86MS/SQL Server,MS/SQL ServerMS IIS"/>
        <s v="ColdFusion 7WindowsColdFusion 7MS IIS"/>
        <s v="FileMakerFileMakerMS IIS"/>
        <s v="FileMakerOracleFileMaker"/>
        <s v="Linux RHEL x86MS/SQL Server,MS/SQL Server"/>
        <s v="FileMakerFileMaker"/>
        <s v="FileMakerWindowsFileMaker"/>
        <s v="WindowsMS/SQL Server,MS/SQL Server,MS IIS"/>
        <s v="Managed and controlled by ASP, ISP and GC program office for GCDOCSManaged and controlled by ASP, ISP and GC program office for GCDOCSLinux RHEL x86OracleManaged and controlled by ASP, ISP and GC program office for GCDOCSManaged and controlled by ASP, ISP and GC program office for GCDOCS"/>
        <s v="glassfish, JSP, eclipseLinux RHEL x86MySQLglassfish, JSP, eclipse"/>
        <s v="ColdFusion 7WindowsMS/SQL Server,MS/SQL ServerColdFusion 7MS IIS"/>
        <s v="ColdFusion 9, Fusebox5Linux RHEL x86OracleColdFusion 9, Fusebox5MS IIS"/>
        <s v=".Net 3.NetWindowsMS/SQL Server,MS/SQL Server.Net 3MS IIS"/>
        <s v="pgplot, multicast, IP GRE tunelling, http (non-standard)Linux RHEL x86MySQL,Oraclepgplot, multicast, IP GRE tunelling, http (non-standard)Apache"/>
        <s v="Tessernet components, ploticusTessernet components, ploticus"/>
        <s v="CC"/>
        <s v="Linux on Z RHEL,Solaris Sparc,Solaris x86old Sun Sparc must goCentOS and Solaris are enterprise standards however Solaris 9 is not current and no longer supported"/>
        <s v="Apache PHPLinux SLES x86OracleApache PHPApache"/>
        <s v="Linux on Z RHEL,Solaris x86CentOS and Solaris are enterprise standards"/>
        <s v="Solaris SparcApache"/>
        <s v="Linux on Z RHELMySQLApache"/>
        <s v="ASP.NET.NetOracleASP.NETDell Server 610Windows Server 2008 R2 standard SP1MS IIS"/>
        <s v="NRCan_0293; NRCan_0471; Système pour la gestion du flux de données géospatiales; Système de répartition des tâches; DFS(cits); Email;AD;PythonOracleNRCan_0293; NRCan_0471; Système pour la gestion du flux de données géospatiales; Système de répartition des tâches; DFS(cits); Email;AD;Python"/>
        <s v="TCL, XML, PostgreSQL, PHPLinux RHEL x86TCL, XML, PostgreSQL, PHP"/>
        <s v="Apache PHPLinux on Z SLESOracleApache PHPApache"/>
        <s v="Cuadra STARTomcatLinux RHEL x86Cuadra STARApache"/>
        <s v="Java Librairies : Spring, Spring MVCTomcatJava Librairies : Spring, Spring MVCApache"/>
        <s v="JavaTomcatOracleJavaApache"/>
        <s v="NRCan_0265; NRCan_0293; NRCan_0471;  Système pour la gestion du flux de données géospatiales; Système de répartition des tâches; Système de base de données PostgreSQL; DFS(cits); Email; AD; PythonOracleNRCan_0265; NRCan_0293; NRCan_0471;  Système pour la gestion du flux de données géospatiales; Système de répartition des tâches; Système de base de données PostgreSQL; DFS(cits); Email; AD; Python"/>
        <s v="DFS(cits); JavaOracleDFS(cits); Java"/>
        <s v="ArcGIS Server Standard 10WindowsArcGIS Server Standard 10MS IIS"/>
        <s v="ArcGIS for Desktop Advanced.NetMS/SQL Server,MS/SQL ServerArcGIS for Desktop Advanced"/>
        <s v="Microsoft SQL Server 2008 R2.NetWindowsMS/SQL Server,MS/SQL ServerMicrosoft SQL Server 2008 R2MS IIS"/>
        <s v="System requirements:  AMD Athlon 64 with SSE2 technology, AMD Opteron processor with SSE2 technology, Intel Xeon processor with Intel EM64T support with SSE2 technology, or Pentium 4 with Intel EM64T support with SSE2 technology., 2 GB RAM, 4 GB free disk space for installation, 1024 x 768 VGA display with true color, Internet Explorer 7.0 or later.Software runs on Windows 8 and Windows 8.1 Standard, Enterprise, or Professional Edition, Windows 7 Enterprise, Ulitmate, Professional, or Home Premium edition, or Windows XP Professional (SP2 or later)"/>
        <s v="C++WindowsMS/SQL Server,MS/SQL ServerC++"/>
        <s v="FortranFortran"/>
        <s v="ColdFusion 7, Fusebox 4, JavaScriptLinux RHEL x86OracleColdFusion 7, Fusebox 4, JavaScriptMS IIS"/>
        <s v="WindowsWindowsWindows"/>
        <s v="SAP, Job Boss, PowerBuilder, OracleLinux RHEL x86OracleSAP, Job Boss, PowerBuilder, Oracle"/>
        <s v=".NetLinux RHEL x86Oracle"/>
        <s v="Visual Basic 6Linux RHEL x86OracleVisual Basic 6MS IIS"/>
        <s v="Visual Studio Ultimate 2012 with MSDN.NetApplication is not flexibleVisual Studio Ultimate 2012 with MSDNApplications are running on virtual servers.  Windows servers are the preferred platform to run ASP.NET applicationsCompliant with NRCan''''s web OSs.MS IIS"/>
        <s v="Visual Studio Ultimate 2012 with MSDNApplication cannot be extended without significant costs or risks.Database running in &quot;SQL Server 2000 mode&quot; on a SQL Server 2008 database.  Database Adjustment Score - All of the above apply.WindowsMS/SQL Server,MS/SQL ServerVisual Studio Ultimate 2012 with MSDNApplications are running on virtual servers.  Windows servers are the preferred platform to run the VB 6.0 applicationsServer 2003 is scheduled to be end of life in July 2015."/>
        <s v="Visual Studio Ultimate 2012 with MSDNApplication cannot be extended without significant costs or risks.Database running in &quot;SQL Server 2000 mode&quot; on a SQL Server 2008 database.  Database Ajustment Score - All of the above apply.WindowsMS/SQL Server,MS/SQL ServerVisual Studio Ultimate 2012 with MSDNApplications are running on virtual servers.  Windows servers are the preferred platform to run the VB 6.0 applicationsServer 2003 is scheduled to be end of life in July 2015."/>
        <s v=".Net 4WindowsMS/SQL Server,MS/SQL Server.Net 4MS IIS"/>
        <s v=".Net 4Linux RHEL x86MS/SQL Server,MS/SQL Server.Net 4MS IIS"/>
        <s v="C#, .Net 4, PL/SQL, XSLT, XMLLinux RHEL x86OracleC#, .Net 4, PL/SQL, XSLT, XMLMS IIS"/>
        <s v="ColdFusion 9ColdFusion 9MS IIS"/>
        <s v="ColdFusion 9WindowsColdFusion 9MS IIS"/>
        <s v="C++, OMNIS 7Linux RHEL x86,OracleC++, OMNIS 7"/>
        <s v="ColdFusion 9, Fusebox 5Linux RHEL x86OracleColdFusion 9, Fusebox 5MS IIS"/>
        <s v="ColdFusion 9, Model Glue frameworkLinux RHEL x86OracleColdFusion 9, Model Glue frameworkMS IIS"/>
        <s v="ColdFusion 7,  LDAPLinux RHEL x86OracleColdFusion 7,  LDAPMS IIS"/>
        <s v="ColdFusion 7. LDAPLinux RHEL x86OracleColdFusion 7. LDAPMS IIS"/>
        <s v="ASPWindowsMS/SQL Server,MS/SQL ServerASPMS IIS"/>
        <s v="Visual Fox Pro V9WindowsOracle,Visual Fox Pro V9"/>
        <s v="Fox ProFox Pro"/>
        <s v="JavaScript, PHPSDE (Oracle)WindowsOracleJavaScript, PHPMS IIS"/>
        <s v="Email; AD.Net,WindowsMS/SQL Server,MS/SQL ServerEmail; ADMS IIS"/>
        <s v="ADWindowsMySQLADMS IIS"/>
        <s v="Delphi/Oracle databaseSolaris SparcOracleDelphi/Oracle databaseWindows 7 and Windows 2008 R2 Standard and Sun Unix"/>
        <s v="Delphi/Oracle databaseSolaris SparcOracleDelphi/Oracle databaseWindows 7 and Windows 2008 R2 Standard"/>
        <s v="VS .NET/Oracle database.NetSolaris SparcOracleVS .NET/Oracle databaseWindows 7 and Windows 2008 R2 Standard and Sun Unix"/>
        <s v="Silverlight, .NET.NetData model created by someone who was lost through workforce adjustment before documenting the modelOracleSilverlight, .NETWindows Server 2008 R2MS IIS"/>
        <s v="Minimal cost and effort to provide functionalityLinux on Z RHEL,Solaris x86old Sun Sparc must goCentOS and Solaris are enterprise standardsApache"/>
        <s v="Minimal cost and effort to provide functionalityCentOS is enterprise standardApache"/>
        <s v="Minimal cost and effort to provide functionalityCentOS and Solaris are enterprise standardsApache"/>
        <s v="Minimal cost and effort to provide functionalityold Sun Sparc must goCentOS and Solaris are enterprise standards"/>
        <s v="Web (Apache, PHP, MySQL)MySQLLinux RHEL x86MySQLWeb (Apache, PHP, MySQL)Apache"/>
        <s v="Web (Apache, PHP, MySQL)MySQLLinux RHEL x86,Solaris SparcMySQL,Web (Apache, PHP, MySQL)Apache"/>
        <s v="PHPLinux RHEL x86PHP"/>
        <s v="Apache Tomcat, MapServer, 52North, PostgresqlTomcatPOSTGISLinux on Z RHELApache Tomcat, MapServer, 52North, PostgresqlRHEL 6.8Apache"/>
        <s v="PHP, PostgresqlPHP, PostgresqlWindows 2008R2"/>
        <s v="Messaging, EmailsLinux RHEL x86OracleMessaging, EmailsApache"/>
        <s v="PHPLinux RHEL x86OraclePHPApache"/>
        <s v="PHPLinux RHEL x86OraclePHP"/>
        <s v="Microsoft SQL Server 2008 R2.Net,WindowsMS/SQL Server,MS/SQL ServerMicrosoft SQL Server 2008 R2MS IIS"/>
        <s v="XML.NetWindowsXMLMS IIS"/>
        <s v="Integration with 3rd party service via web services;SSL;IP filtering.Net,WindowsMS/SQL Server,MS/SQL ServerIntegration with 3rd party service via web services;SSL;IP filteringMS IIS"/>
        <s v="Application cannot be extended without significant costs or risks.Database running in &quot;SQL Server 2000 mode&quot; on a SQL Server 2008 database.  Database Adjustment Score - All of the above apply.WindowsMS/SQL Server,MS/SQL ServerApplications are running on virtual servers.  Windows servers are the preferred platform to run the VB 6.0 applicationsServer 2003 is scheduled to be end of life in July 2015."/>
        <s v=".Net+1 and -1 as the application is flexible but is customizedWorkstations supplied by CIOBApplication running on Windows 7 Enterprise"/>
        <s v="Access 2007.Net+1 and -1 as the application is flexible but is customizedDatabase running in &quot;SQL Server 2000 mode&quot; on a SQL Server 2008 database.  Database Adjustment Score - All of the above apply.WindowsMS/SQL Server,MS/SQL ServerAccess 2007Workstations supplied by CIOBApplication running on Windows 7 Enterprise"/>
        <s v="WindowsMySQL,OracleApache"/>
        <s v="ArcGIS Server 10.2.Net,TomcatPostgreSQL 9.2ArcGIS Server 10.2Fedora Core (Apps) / Windows Server 2008 R2 (DB)Apache"/>
        <s v="-High speed networking_x000a_-Computational cluster_x000a_-Large data storage_x000a_-High performance graphics cards for renderingData is stored in formatted binary (or ASCII) data files, NOT a database. Data can typically be exported into a &quot;standard&quot; data format as required. Some 3rd party tools can read the binary data formats. The user manual documents the file structure for the ASCII version of the data files.-High speed networking_x000a_-Computational cluster_x000a_-Large data storage_x000a_-High performance graphics cards for renderingHigh performance graphics cards are supported by the vendor for OpenGL rendering.We run the application on 64-bit OSes, RHEL Linux and Windows."/>
        <s v="Web Services.Net,WindowsMS/SQL Server,MS/SQL ServerWeb ServicesMS IIS"/>
        <s v="MatlabMatlab"/>
        <s v="http (non-standard)http (non-standard)"/>
        <s v="multicast, IP GRE tunellingmulticast, IP GRE tunelling"/>
        <s v="Intel FortranIntel Fortran"/>
        <s v="Oracle APEXOracle 11.2; no formal data modelLinux on Z RHELOracleOracle APEXx86_64Red Hat Enterprise Linux Server release 5.8Apache"/>
        <s v="DFS(cits); Email, AD.Net,WindowsMS/SQL Server,MS/SQL ServerDFS(cits); Email, ADMS IIS"/>
        <s v="AD; SDEOracle/SDEOracleAD; SDE"/>
        <s v="AD; PostgreSQL; PostGISPostgreSQL/PostGIS;PostgreSQL/SDEOracleAD; PostgreSQL; PostGIS"/>
        <s v="Perl, Java, JavaScript, PostgreSQLPostgresqlLinux RHEL x86Perl, Java, JavaScript, PostgreSQLApache"/>
        <s v="Linux SLES x86Oracle"/>
        <s v="ArcGIS Server Standard 10; FTP.NetWindowsMS/SQL Server,MS/SQL ServerArcGIS Server Standard 10; FTP"/>
        <s v="ArcGIS Server Standard 10.NetWindowsMS/SQL Server,MS/SQL ServerArcGIS Server Standard 10MS IIS"/>
        <s v="ArcGIS Server (SDE) 10.NetWindowsMS/SQL Server,MS/SQL ServerArcGIS Server (SDE) 10"/>
        <s v="Microsoft SQL Server 2008 R2.Net,WindowsMS/SQL Server,MS/SQL ServerMicrosoft SQL Server 2008 R2Windows 2008R2MS IIS"/>
        <s v=".Net,WindowsMS IIS"/>
        <s v="MySQL, custom in-house softwareLinux on Z RHEL,Solaris x86MySQL,migrate from solaris to linux where possible"/>
        <s v="MySQLLinux on Z RHEL,Solaris x86MySQL,migrate from solaris to linux where possible"/>
        <s v="Linux on Z RHEL,Solaris x86MySQL,migrate from solaris to linux where possible"/>
        <s v="WeblogicLinux RHEL x86Oracle"/>
        <s v="HPUX"/>
        <s v="Linux RHEL x86Apache"/>
        <s v="JavaEELinux RHEL x86OracleJavaEE"/>
        <s v="MySQLLinux RHEL x86MySQLApache"/>
        <s v="Java Librairies : Lucene, Hibernate, Spring, GeoToolsTomcatPostgreSQL/PostGIS, MySQLLinux RHEL x86MySQL,Java Librairies : Lucene, Hibernate, Spring, GeoToolsApache"/>
        <s v="PostgreSQL/PostGISLinux RHEL x86Apache"/>
        <s v="Java, PHPTomcatJava, PHP"/>
        <s v="GOES satellite, SQL database.NetCOTS, most architecture is current with modifications applied by COTSMicrosoft SQL is enterprise standard but the data model is maintained by the COTSWindowsMS/SQL Server,MS/SQL ServerGOES satellite, SQL databaseWindows is enterprise standard and preferred by COTS"/>
        <s v="RSYNC, WebSocketMinimal cost and effort to provide functionalityLinux on Z RHELRSYNC, WebSocketCentOS, Solaris, Windows are enterprise standard"/>
        <s v="PostgresLinux on Z RHELPostgres"/>
        <s v="FTP, RSYNCMinimal cost and effort to provide functionalityLinux on Z RHELFTP, RSYNCCentOS is enterprise standard"/>
        <s v="Minimal cost and effort to provide functionalitySolaris x86old Sun Sparc must goCentOS and Solaris are enterprise standards"/>
        <s v=".NET, LabVIEW, IDL.NetMinimal cost and effort to provide functionalityLinux RHEL x86,Windows.NET, LabVIEW, IDLCentOS and Solaris are enterprise standards"/>
        <s v="Linux on Z RHEL,Solaris Sparc,Solaris x86CentOS is enterprise standardApache,"/>
        <s v="Linux on Z RHEL,Solaris Sparc,Solaris x86CentOS is enterprise standardApache"/>
        <s v="Minimal cost and effort to provide functionalityLinux on Z RHEL,Solaris Sparc,Solaris x86old Sun Sparc must goCentOS, Solaris, Windows are enterprise standard"/>
        <s v="javaCOTS, most architecture is currentLinux RHEL x86,Linux on Z RHEL,Solaris SparcjavaCentOS is enterprise standards"/>
        <s v="Minimal cost and effort to provide functionalityLinux on Z RHEL,Solaris Sparc,Solaris x86old Sun Sparc must goCentOS and Solaris are enterprise standards"/>
        <s v="Minimal cost and effort to provide functionalityold Sun Sparc must goCentOS, Solaris, Windows are enterprise standard"/>
        <s v="PageGate and RelayFaxCOTS, most architecture is currentPageGate and RelayFaxNew system provided by COTSWindows is enterprise standard"/>
        <s v="COTS, most architecture is currentNew system provided by COTSWindows is enterprise standard"/>
        <s v="Dan &amp; AntelopeMinimal cost and effort to provide functionalityLinux on Z RHEL,Solaris Sparc,Solaris x86Dan &amp; Antelopeold Sun Sparc must goCentOS and Solaris are enterprise standards however Solaris 9 is not current and no longer supported"/>
        <s v="Dan architecture has been noted as outdated and is flagged for decomissionLinux on Z RHEL,Solaris Sparc,Solaris x86old Sun Sparc must goCentOS and Solaris are enterprise standards however Solaris 9 is not current and no longer supported"/>
        <s v="COTS, most architecture is currentLinux on Z RHEL,Solaris Sparc,Solaris x86CentOS and Solaris are enterprise standard and preferred platform by COTS"/>
        <s v="Ingres and Postgres. Running on Solaris for Intel with multi-master replicationSignicant effort to provide functionality however application to transition from Ingres to PostgreSQLIngres is marked for containmentLinux on Z RHEL,Solaris Sparc,Solaris x86Ingres and Postgres. Running on Solaris for Intel with multi-master replicationCentOS and Solaris are enterprise standards"/>
        <s v="Ingres. Running on Solaris for Intel with multi-master replicationCOTS, most architecture is currentIngres is marked for containmentSolaris x86Ingres. Running on Solaris for Intel with multi-master replicationCentOS and Solaris are enterprise standards"/>
        <s v="PostgresCOTS, architecture is currentLinux on Z RHELPostgresCentOS and Solaris are enterprise standards"/>
        <s v="Linux on Z RHEL,Solaris x86old Sun Sparc must goCentOS and Solaris are enterprise standards"/>
        <s v="CentOS and Solaris are enterprise standards"/>
        <s v="web and twitterMinimal cost and effort to provide functionalityLinux on Z RHEL,Solaris Sparc,Solaris x86web and twitterold Sun Sparc must goCentOS and Solaris are enterprise standardsApache,"/>
        <s v="Cold Fusion 7Linux RHEL x86OracleCold Fusion 7MS IIS"/>
        <s v="ASPLinux RHEL x86MS/SQL Server,MS/SQL ServerASPMS IIS"/>
        <s v="Seagates Crystal ReportsLinux RHEL x86OracleSeagates Crystal Reports"/>
        <s v="ASPXWindowsMS/SQL Server,MS/SQL ServerASPX"/>
        <s v="Java (JSP)Linux RHEL x86OracleJava (JSP)"/>
        <s v="Access 2007WindowsAccess 2007"/>
        <s v="PHPMySQLPHP"/>
        <s v="FoxProFoxPro"/>
        <s v="Access DBWindowsAccess DB"/>
        <s v="PHP, Perl, ApachePHP, Perl, ApacheApache"/>
        <s v="ColdFusion, Open BlueDragon, Tomcat, Apache, OracleTomcatLinux SLES x86OracleColdFusion, Open BlueDragon, Tomcat, Apache, OracleApache"/>
        <s v="Cold Fusion 9, IIS6Linux RHEL x86OracleCold Fusion 9, IIS6MS IIS"/>
        <s v="ColdFusion 9 , IIS6Linux RHEL x86OracleColdFusion 9 , IIS6MS IIS"/>
        <s v="CLSS map servicesWindowsMS/SQL Server,MS/SQL ServerVM serverMS IIS"/>
        <s v="PHPPHP"/>
        <s v="PHP, Perl, Apache, GDAL, PythonPHP, Perl, Apache, GDAL, PythonApache"/>
        <s v="Apache subversion 1.8_x000a_TortosieSVN_x000a_PuttyLinux RHEL x86MySQLApache subversion 1.8_x000a_TortosieSVN_x000a_PuttyApache"/>
        <s v="ASP.NetASPMS IIS"/>
        <s v="MS Excel 2007MS Excel 2007"/>
        <s v="Java, JavaScript, PostgreSQL, FMEJava, JavaScript, PostgreSQL, FMESystem lives in SSC EDC''s"/>
        <s v="MySQLVMs on ESXCentOS5 SSC NEEDS TO replaceApache"/>
        <s v="MySQLApache"/>
        <s v="Development_x000a_w-edm-elofson-ubuntu_x000a_192.139.7.200MySQLDevelopment_x000a_w-edm-elofson-ubuntu_x000a_192.139.7.200"/>
        <s v="AzureApache"/>
        <s v="PHP, Apache, MySQLLinux RHEL x86MySQLPHP, Apache, MySQLApache"/>
        <s v="Java, ApacheTomcatLinux RHEL x86Java, ApacheApache"/>
        <s v="Java, Apache, OracleTomcatLinux RHEL x86OracleJava, Apache, OracleApache"/>
        <s v="Java, Apache, PostgreSQLTomcatLinux RHEL x86Java, Apache, PostgreSQLApache"/>
        <s v="Java, Apache, openlayers, javascript, geonetworkTomcatLinux RHEL x86Java, Apache, openlayers, javascript, geonetworkApache"/>
        <s v="VMs on ESXCentOS5 SSC NEEDS TO replaceApache"/>
        <s v="R, Openlayers, javascriptLinux RHEL x86R, Openlayers, javascript"/>
        <s v="Data mining, simulation, modeling, optimization.Net,WindowsData mining, simulation, modeling, optimization"/>
        <s v="Artificial intelligence, Modeling, prediction.Net,WindowsArtificial intelligence, Modeling, prediction"/>
        <s v="Modeling, fault detection and diagnosis.Net,WindowsModeling, fault detection and diagnosis"/>
        <s v="Implementation of weather forecast in building operationWindowsImplementation of weather forecast in building operation"/>
        <s v="Data analysis, modeling and fault detection.Net,WindowsData analysis, modeling and fault detection"/>
        <s v="Access 2010Access 2010"/>
        <s v="Access 2013+1 and -1 as the application is flexible but is customizedThe database is a version that has not been current for 3 years or longerWindowsAccess 2013Workstations supplied by CIOBApplication running on Windows 7 Enterprise"/>
        <s v="Visual BasicVisual BasicWorkstations supplied by CIOBApplication running on Windows 7 Enterprise"/>
        <s v=".NET.Net.NETWorkstations supplied by CIOBApplication running on Windows 7 Enterprise"/>
        <s v="SQL ServerWindowsMS/SQL Server,MS/SQL ServerSQL ServerWorkstations supplied by CIOBApplication running on Windows 7 Enterprise"/>
        <s v="Python, Java, C+, VB .Netupdating/access to ArcGIS dbsWindowsMS/SQL Server,MS/SQL ServerPython, Java, C+, VB .Net"/>
        <s v="Microsoft SQL Serverinternal/external CLSS applicationsWindowsMS/SQL Server,MS/SQL ServerMicrosoft SQL ServerVM server"/>
        <s v="MS Access 2010MS Access 2010"/>
        <s v="mySQL, Phyton, Javascript, htmlMySQLmySQL, Phyton, Javascript, html"/>
        <s v="httphttpWeb based, any hardware will workWeb based access, almost any OS will work"/>
        <s v="Drupal Open Source CMSMySQLDrupal Open Source CMSNeeds to be transferred to a VMApache"/>
        <s v="Archetecture is docker basedno dbIn a docker vmRuns off of docker.. So off any system that runs docker. https://github.com/canmet-energy/docker-adlmflexnetserver"/>
        <s v="Webno dbIn a docker vmWeb based access, almost any OS will work"/>
        <s v="VMno dbIn a docker vmRun on any OS. Mac, Win, linux"/>
        <s v="Cloudno dbinvoked from a docker commitWeb based access, almost any OS will work"/>
        <s v="VMno dbuses docker containers.Web based access, almost any OS will work"/>
        <s v="Archetecture is docker basedno dbdecent video card.Windows"/>
        <s v="Archetecture is docker basedno dball hardwareRuns off of docker.. So off any system that runs docker. https://github.com/canmet-energy/docker-adlmflexnetserver"/>
        <s v="Webno dbweb serviceWeb based service"/>
        <s v="COTS, architecture is current with modifications applied by COTSNew VMCentOS is enterprise standard and preferred OS by the COTS"/>
        <s v="Minimal cost and effort to provide functionalityCentOS is enterprise standard and preferred OS by the COTS"/>
        <s v=".Net 4.5.Net.Net 4.5"/>
        <s v="MS Office Add-in - VBAClient / ServerNew database schema is based on Observations and Measurements (ISO 19156)WindowsMS/SQL Server,MS/SQL ServerMS Office Add-in - VBA"/>
        <s v="The application connect the project hardware, insert the values in the DB and create custom reports and GUIMS SQL 2008 R2 STDVM server and Desktop applicationThe server was migrated from win 2003 to win 2012"/>
        <s v="Cold Fusion 9Linux RHEL x86OracleCold Fusion 9MS IIS"/>
        <s v="TANDBERG Content Server version S6.2TANDBERG Content Server version S6.2MS IIS"/>
        <s v="Linux RHEL x86MS/SQL Server,MS/SQL Server,Oracle"/>
        <s v="Web based, any hardware will workWeb based access, almost any OS will work"/>
        <s v="Oracle LinuxOracleMS IIS"/>
        <s v="ESRI, Oracle, .Net.NetAIXOracle,ESRI, Oracle, .Net"/>
        <s v="ESRI, Oracle, SASAIXOracle,ESRI, Oracle, SAS"/>
        <s v="ESRI, Oracle,.NetESRI, Oracle,"/>
        <s v="ESRI, .Net.NetESRI, .Net"/>
        <s v=".NetWindowsMS/SQL Server,MS/SQL Server,MS IIS,"/>
        <s v="C# .NET_x000a_VB. NET_x000a_SQL Server 2014SQL Server 2014WindowsMS/SQL Server,MS/SQL ServerC# .NET_x000a_VB. NET_x000a_SQL Server 2014Windows 2012 R3MS IIS"/>
        <s v=".Net framework_x000a_MS SQL Server.NetWindowsMS/SQL Server,MS/SQL Server.Net framework_x000a_MS SQL ServerMS IIS"/>
        <s v=".Net Framework 3.5_x000a_MS SQL Server 2008 R2.NetSQL Server 2008 R2WindowsMS/SQL Server,MS/SQL Server.Net Framework 3.5_x000a_MS SQL Server 2008 R2Windows 2008MS IIS"/>
        <s v="AchibusTomcatSQL Server 2008WindowsMS/SQL Server,MS/SQL ServerAchibusWindows 2008 R2Apache"/>
        <s v="TomcatSQL Server 2008 R2WindowsMS/SQL Server,MS/SQL ServerWindows 7_x000a_TomCat 7"/>
        <s v=".Net framework_x000a_MS SQL Server.Net,SQL Server 2014WindowsMS/SQL Server,MS/SQL Server.Net framework_x000a_MS SQL ServerApp server Windows 2012 R2_x000a_Crystal Reports server is Windows 2008 R2MS IIS"/>
        <s v="Windows 2008_x000a_MySQLMySQLWindowsMySQLWindows 2008_x000a_MySQLWindows 2008MS IIS"/>
        <s v="MS Access 2010Access 2010WindowsMS Access 2010Windows 7"/>
        <s v="MS Access 2010Access 2010WindowsMS Access 2010Windows 2003"/>
        <s v=".Net framework_x000a_MS SQL ServerSQL Server 2008WindowsMS/SQL Server,MS/SQL Server.Net framework_x000a_MS SQL ServerWindows 2003MS IIS"/>
        <s v=".NetSQL Server 2008 R2WindowsMS/SQL Server,MS/SQL ServerWindows 2012MS IIS"/>
        <s v=".Net framework_x000a_MS SQL Server_x000a_Infogestics Controls.Net,SQL Server 2008WindowsMS/SQL Server,MS/SQL Server.Net framework_x000a_MS SQL Server_x000a_Infogestics ControlsWindows 2008 R2MS IIS"/>
        <s v="MS VB 6.0_x000a_MS SQLServer 2005.Net,SQL Server 2008WindowsMS/SQL Server,MS/SQL ServerMS VB 6.0_x000a_MS SQLServer 2005Windows Server 2008 R2MS IIS"/>
        <s v=".NetSql server 2008 R2 SP1WindowsMS/SQL Server,MS/SQL ServerMS IIS"/>
        <s v="ASP 2.0SQL Server 2008 R2WindowsMS/SQL Server,MS/SQL ServerASP 2.0Windows 2008 R2MS IIS"/>
        <s v="ForeMost Documentum,MS SQLServer 2000WindowsMS/SQL Server,MS/SQL ServerForeMost Documentum,Windows 2003MS IIS,"/>
        <s v="Windows 2008_x000a_MS SQL 2008MS SQL 2008WindowsMS/SQL Server,MS/SQL ServerWindows 2008_x000a_MS SQL 2008Windows 2008 64-bitApache"/>
        <s v="OpenText Edoc 5.3.1SQL Server 2008WindowsMS/SQL Server,MS/SQL ServerOpenText Edoc 5.3.1Windows 2003MS IIS,"/>
        <s v="WindowsMS/SQL Server,MS/SQL ServerWindows 2008 R2MS IIS"/>
        <s v="Genetec OmnicastSQL Server 2008R2WindowsMS/SQL Server,MS/SQL ServerGenetec OmnicastWindows 2008"/>
        <s v=".Net Framework_x000a_SQLServer.NetSql server 2008 R2WindowsMS/SQL Server,MS/SQL Server.Net Framework_x000a_SQLServerWindows 2008 R2"/>
        <s v="SQL Server 2008WindowsMS/SQL Server,MS/SQL ServerWindows 2012MS IIS"/>
        <s v="SQL Server 2008WindowsMS/SQL Server,MS/SQL ServerWindows 2008 R2MS IIS"/>
        <s v="ASP.NET_x000a_Crystal Reports 9.0_x000a_Dt Search technology_x000a_Infragistics_x000a_NHibernate.Net,MS SQL Server 2005 SP3WindowsMS/SQL Server,MS/SQL ServerASP.NET_x000a_Crystal Reports 9.0_x000a_Dt Search technology_x000a_Infragistics_x000a_NHibernateWindows 2003MS IIS"/>
        <s v="Access 2010WindowsAccess 2010"/>
        <s v="PHP, My SQLWindowsMySQLPHP, My SQLMS IIS"/>
        <s v="Visual C#WindowsMS/SQL Server,MS/SQL ServerVisual C#Windows 2012MS IIS"/>
        <s v="C# .NET_x000a_.net framework 4.5C# .NET_x000a_.net framework 4.5Windows 2012MS IIS"/>
        <s v="MySQL_x000a_Apache_x000a_PerlMySQL EnterpriseLinux SLES x86MySQLMySQL_x000a_Apache_x000a_PerlSUSE Enterprise Linux Server V 12.3Apache"/>
        <s v="MS VB 6.0_x000a_MS SQLServer 2008R2_x000a_.Net framework_x000a_Crystal Reports.Net,SQL Server 2008 R2WindowsMS/SQL Server,MS/SQL ServerMS VB 6.0_x000a_MS SQLServer 2008R2_x000a_.Net framework_x000a_Crystal ReportsCrystal Reports Windows Server 2008 R2MS IIS"/>
        <s v=".NET Framework_x000a_Crystal Reports_x000a_MS SQL Server 2008 R2_x000a_MS Visual Basic.NET.Net,SQL Server 2008R2WindowsMS/SQL Server,MS/SQL Server.NET Framework_x000a_Crystal Reports_x000a_MS SQL Server 2008 R2_x000a_MS Visual Basic.NETWindows 2003_x000a_Windows 2000MS IIS"/>
        <s v="ASP .NET_x000a_.net framework 4.0.NetWindowsMS/SQL Server,MS/SQL ServerASP .NET_x000a_.net framework 4.0MS IIS"/>
        <s v="Classic ASPClassic ASPMS IIS"/>
        <s v="MS VB 6.0_x000a_.Net framework_x000a_MS SQLServer 2008R2_x000a_Redemption 4.X.Net,WindowsMS/SQL Server,MS/SQL ServerMS VB 6.0_x000a_.Net framework_x000a_MS SQLServer 2008R2_x000a_Redemption 4.XWindows 2012 R2"/>
        <s v="Drupal_x000a_SQL Server 2008WindowsMS/SQL Server,MS/SQL ServerDrupal_x000a_SQL Server 2008MS IIS"/>
        <s v="FTI RingTailWindowsMS/SQL Server,MS/SQL ServerFTI RingTailMS IIS"/>
        <s v="Classic ASP_x000a_SQL Server 2014SQL Server 2014WindowsMS/SQL Server,MS/SQL ServerClassic ASP_x000a_SQL Server 2014Windows 2008 R2MS IIS"/>
        <s v="Sharepoint 2016_x000a_Windows 2012 R2_x000a_SQL Server 2014.NetSQL Server 2014WindowsMS/SQL Server,MS/SQL ServerSharepoint 2016_x000a_Windows 2012 R2_x000a_SQL Server 2014Windows 2012 R2MS IIS"/>
        <s v="C# .NET, ASP .NET_x000a_SQL Server 2014SQL Server 2014WindowsMS/SQL Server,MS/SQL ServerC# .NET, ASP .NET_x000a_SQL Server 2014Windows 2012 R2MS IIS"/>
        <s v="SnapStreams_x000a_MS SqlServer 2008WindowsMS/SQL Server,MS/SQL ServerSnapStreams_x000a_MS SqlServer 2008"/>
        <s v="hosted by third party Njoyn/CGIhosted by third party Njoyn/CGI"/>
        <s v="MS Access 2010MS Access 2010WindowsMS Access 2010Windows 2012 R2MS IIS"/>
        <s v=".NET 4.5_x000a_c#_x000a_SQL Server 2008.Net,WindowsMS/SQL Server,MS/SQL Server.NET 4.5_x000a_c#_x000a_SQL Server 2008MS IIS"/>
        <s v="MS Access 2010WindowsMS Access 2010"/>
        <s v="MS Access 2010MS Access 2010WindowsMS Access 2010Windows 2012 R2"/>
        <s v=".Net,SQL Server 2005WindowsMS/SQL Server,MS/SQL ServerWindows 2008MS IIS"/>
        <s v="PHP_x000a_MySQLMySQLWindowsMySQLPHP_x000a_MySQLWindows 2012MS IIS"/>
        <s v="Java 8, MySQL 5.7, Tomcat 8TomcatLinux RHEL x86Java 8, MySQL 5.7, Tomcat 8"/>
        <s v="YesOracle LinuxOracleYes"/>
        <s v="TomcatLinux on Z SLESOracleApache"/>
        <s v="Tomcat"/>
        <s v="TomcatLinux on Z SLES"/>
        <s v="Yes.NetWindowsMS/SQL Server,MS/SQL ServerYes"/>
        <s v=".Net,TomcatWindowsMS IIS,"/>
        <s v="YesYesApache"/>
        <s v="YesMySQLYes"/>
        <s v="YesTomcatSolaris x86Yes"/>
        <s v="SQL Server, IISWindowsMS/SQL Server,MS/SQL ServerSQL Server, IISMS IIS"/>
        <s v="IIS, .NET, SQL Server, Active Directory.NetWindowsMS/SQL Server,MS/SQL ServerIIS, .NET, SQL Server, Active DirectoryMS IIS"/>
        <s v="SQL Server, Microsoft AccessWindowsMS/SQL Server,MS/SQL ServerSQL Server, Microsoft Access"/>
        <s v="SQL ServerWindowsMS/SQL Server,MS/SQL ServerSQL ServerMS IIS"/>
        <s v="IIS, .NET, SQL Server.NetWindowsMS/SQL Server,MS/SQL ServerIIS, .NET, SQL ServerMS IIS"/>
        <s v="SQL ServerWindowsMS/SQL Server,MS/SQL ServerSQL Server"/>
        <s v="IIS, .NET, SQL Server, SOLR.Net,TomcatWindowsMS/SQL Server,MS/SQL ServerIIS, .NET, SQL Server, SOLRApache,MS IIS"/>
        <s v="IIS, SQL ServerWindowsMS/SQL Server,MS/SQL ServerIIS, SQL ServerMS IIS"/>
        <s v="IIS, .NET, SQL Server, Geoserver.NetWindowsMS/SQL Server,MS/SQL ServerIIS, .NET, SQL Server, GeoserverMS IIS"/>
        <s v="IIS, .NET, SQL ServerWindowsMS/SQL Server,MS/SQL ServerIIS, .NET, SQL Server"/>
        <s v="Oracle Databses Schemas : Some PL-SQL for certain apps for ETLHPUXOracleOracle Databses Schemas : Some PL-SQL for certain apps for ETL"/>
        <s v="J2EE, Oracle, AD (Active Directory) authentification dependentWeblogicHPUXOracleJ2EE, Oracle, AD (Active Directory) authentification dependentApache,"/>
        <s v="J2EE, oracle, acrobat,ms-excel,audio filesWeblogicHPUXOracleJ2EE, oracle, acrobat,ms-excel,audio filesApache"/>
        <s v="PHP,oracle,HPUXTomcatHPUXOraclePHP,oracle,HPUXApache"/>
        <s v="J2EE, oracle, acrobat,ms-excel,xml, web servicesWeblogicHPUXOracleJ2EE, oracle, acrobat,ms-excel,xml, web servicesApache"/>
        <s v="Dependent on SAS security (Meta-Data Server), AD (Active Directory) authentification dependentWeblogicHPUXOracleDependent on SAS security (Meta-Data Server), AD (Active Directory) authentification dependentApache"/>
        <s v="J2EE,Oracle DBWeblogicHPUXOracleJ2EE,Oracle DBApache,"/>
        <s v="GetAccess for Cyber Auth., J2EE, Oracle DB, SMTPWeblogicHPUXOracleGetAccess for Cyber Auth., J2EE, Oracle DB, SMTPApache,"/>
        <s v="app server running on whq12No available documentation / data modelHPUXOracleapp server running on whq12"/>
        <s v="VB 5, AD, MS AccessWindowsVB 5, AD, MS Access"/>
        <s v="Java, JEE, Oracle, PL/SQLWeblogicHPUXOracleJava, JEE, Oracle, PL/SQL"/>
        <s v="Oracle, SMTP, Integrated SchedulerHPUXOracleOracle, SMTP, Integrated SchedulerApache"/>
        <s v="HPUXOracle,Apache,"/>
        <s v="Dependent on SAS BI ServerWeblogicHPUXOracleDependent on SAS BI ServerApache"/>
        <s v="The Application consist of 2 modules: &quot;ATIP Pro Case Management&quot; and &quot;ATIP Redaction&quot;. Oracle, IIS, Web-Browser, thick clientHPUXOracle,The Application consist of 2 modules: &quot;ATIP Pro Case Management&quot; and &quot;ATIP Redaction&quot;. Oracle, IIS, Web-Browser, thick clientIIS server on WHQ29, Database on  natux65.psc10p(contain)MS IIS"/>
        <s v="J2EE, OracleWeblogicHPUXOracleJ2EE, OracleApache,"/>
        <s v="HPUXOracle,"/>
        <s v="MS Access, Oracle, J2EE, SMTPWeblogicHPUX,WindowsMS Access, Oracle, J2EE, SMTP"/>
        <s v="J2EE, oracle,acrobat, ms-excelWeblogicHPUXOracleJ2EE, oracle,acrobat, ms-excelApache"/>
        <s v="open road, ingress,C++,oracle, impromptuHPUXOracleopen road, ingress,C++,oracle, impromptu"/>
        <s v="Not Evaluated.NetWindowsMS/SQL Server,MS/SQL ServerNot Evaluated"/>
        <s v="J2EE, Oracle, acrobatWeblogicHPUXOracleJ2EE, Oracle, acrobatApache"/>
        <s v="cgi-perl, oracleTomcatHPUXOraclecgi-perl, oracleApache"/>
        <s v="Windows Desktop and Local SANOutdated database versionWindows Desktop and Local SAN"/>
        <s v="LDAP,IIS, SMTP, Oracle DB,.NetHPUXOracleLDAP,IIS, SMTP, Oracle DB,MS IIS"/>
        <s v="java, oracle, HPUX, acrobatWeblogicHPUXOraclejava, oracle, HPUX, acrobatApache"/>
        <s v="FBF tables, FAIS tables, Oracle, LDAP.NetHPUXOracleFBF tables, FAIS tables, Oracle, LDAP"/>
        <s v="Oracle, , SMTP, Integrated Scheduler, printer label, scanning systemHPUXOracleOracle, , SMTP, Integrated Scheduler, printer label, scanning system"/>
        <s v="Java, LDAP,IIS,crystal reports, SMTP, Oracle DB, App Server(Linux Suse)WeblogicHPUXOracleJava, LDAP,IIS,crystal reports, SMTP, Oracle DB, App Server(Linux Suse)Apache"/>
        <s v="IIS, MS-SQL.NetWindowsMS/SQL Server,MS/SQL ServerIIS, MS-SQLMS IIS"/>
        <s v="Oracle, .Net 4.0, LDAP, SMTP, Integrated Scheduler, integrate Office.NetHPUXOracleOracle, .Net 4.0, LDAP, SMTP, Integrated Scheduler, integrate OfficeMS IIS"/>
        <s v="IIS,AD, MS SQL, .NETWeblogicWindowsMS/SQL Server,MS/SQL ServerIIS,AD, MS SQL, .NETMS IIS"/>
        <s v="whq12, Automate, smtpwhq12, Automate, smtp"/>
        <s v="Windows Desktop and Local SANWindows Desktop and Local SAN"/>
        <s v="Apache / MySQL / PHPLinux SLES x86MySQLApache / MySQL / PHPUsing SuSE LinuxApache"/>
        <s v="MS- ACCESSMS- ACCESS"/>
        <s v="J2EE, oracle, acrobat,ms-excel,xml, web servicesWeblogicHPUXOracleJ2EE, oracle, acrobat,ms-excel,xml, web services"/>
        <s v="Not EvaluatedHPUXOracleNot Evaluated"/>
        <s v="OracleHPUXOracleOracle"/>
        <s v="app server running on natux65No available documentation / data modelHPUXOracleapp server running on natux65"/>
        <s v="Data Provided (Scored)Data Provided (Scored)"/>
        <s v="Data Provided (Scored)"/>
        <s v="Data Provided (Scored)Data Missing (Score of 0)"/>
        <s v="Data Missing (Score of 0)Data Provided (Scored)"/>
        <s v="Data Missing (Score of 0)"/>
        <s v="Data Missing (Score of 0)Data Missing (Score of 0)"/>
        <s v="WebLogic, Oracle DBWeblogicCommon Services Web (default)Linux SLES x86OracleWebLogic, Oracle DBApache"/>
        <s v="Database, NNSWindowsMS/SQL Server,MS/SQL ServerDatabase, NNS"/>
        <s v="Weblogic Common, PMI, DB2, LDAPWeblogicWindowsMS/SQL Server,MS/SQL ServerWeblogic Common, PMI, DB2, LDAPApache"/>
        <s v="Programmable Matching Accelerator (PMA), Matchers, Oracle, WorkFlow Server, and Bioconsent ServerCOTS (default)AIXOracleProgrammable Matching Accelerator (PMA), Matchers, Oracle, WorkFlow Server, and Bioconsent Server"/>
        <s v="Java 6, Weblogic 10, WLI 10WeblogicWindows,z/OSDB2,MS/SQL Server,MS/SQL ServerJava 6, Weblogic 10, WLI 10Apache"/>
        <s v="Java, IBM Cognos, LDAP, ArcGIS, MotioCI, EntrustCOTS (default) - not on common services.Linux on Z RHEL,WindowsMS/SQL Server,MS/SQL Server,OracleJava, IBM Cognos, LDAP, ArcGIS, MotioCI, EntrustMS IIS"/>
        <s v="IBM Cognos,LDAPCOTS (default)WindowsMS/SQL Server,MS/SQL ServerIBM Cognos,LDAPApache"/>
        <s v="WebSphere Message Broker, WebSphere MQ, Java, DB2, ESQL, LDAPWebsphereCPIC (Broker)Interfaces with  application databases, but does not have its ownWebSphere Message Broker, WebSphere MQ, Java, DB2, ESQL, LDAP"/>
        <s v="WebSphere Message Broker, WebSphere MQ, Java, DB2, ESQL, SOAP, LDAP/X.500WebsphereWebSphere Message Broker, WebSphere MQ, Java, DB2, ESQL, SOAP, LDAP/X.500"/>
        <s v="z/OS, TSO/Batch/ISPF, C, Virtual Tape, DB2z/OS, TSO/Batch/ISPF, C, Virtual Tape, DB2"/>
        <s v="WebLogic Common, PMI, SFTP, LDAP, DB2 (report generation on mainframe)Weblogicz/OSDB2WebLogic Common, PMI, SFTP, LDAP, DB2 (report generation on mainframe)Apache"/>
        <s v="Weblogic Common, PMI, LDAPWeblogicWeblogic Common, PMI, LDAPApache"/>
        <s v="Weblogic Common, PMI, DB2, LDAP, SMTPWeblogicCommon Services Web (default).Stored formats, bulk facility. Read-only to CPICMSG database (msg. att. query).z/OSDB2Weblogic Common, PMI, DB2, LDAP, SMTPApache"/>
        <s v="IIB Integration Bus, WebSphere MQ, Java, C, DB2, ESQL, SMTP, LDAP/X.500WebsphereService Oriented Architecture, not common services but licensed completely.z/OSDB2IIB Integration Bus, WebSphere MQ, Java, C, DB2, ESQL, SMTP, LDAP/X.500"/>
        <s v=".NET, IIS6, MS-SQL, Merak Mail Server.NetRCMP/CIO does not support a .Net environment for CUSTOM applications.WindowsMS/SQL Server,MS/SQL Server.NET, IIS6, MS-SQL, Merak Mail ServerMS IIS"/>
        <s v=".NET, IIS6, MS-SQL, SMTPCOTS (default)WindowsMS/SQL Server,MS/SQL Server.NET, IIS6, MS-SQL, SMTP"/>
        <s v="Weblogic Common, PMI, DB2, LDAPWeblogicCommon Services Web (default)z/OSDB2Weblogic Common, PMI, DB2, LDAPApache"/>
        <s v="WebSphere Message Broker, WebSphere MQ, Java, DB2, ESQLWebsphereService Oriented Architecture, not common services but licensed completely.Interfaces with  application databases, but does not have its ownWebSphere Message Broker, WebSphere MQ, Java, DB2, ESQL"/>
        <s v="WebLogic Common, PMI, LDAPWeblogicCommon Services Web (default).Uses Enterprise LDAP Directory. Uses COMPaS CPIC Directory.WebLogic Common, PMI, LDAPApache"/>
        <s v="WebSphere Message Broker, WebSphere MQ, Java, DB2, ESQL, LDAPWebsphereCPIC (Broker).CPICBRKR database.z/OSDB2WebSphere Message Broker, WebSphere MQ, Java, DB2, ESQL, LDAP"/>
        <s v="WebLogic Common, PMI, Oracle, IPEWeblogicLinux RHEL x86OracleWebLogic Common, PMI, Oracle, IPEApache"/>
        <s v="WebLogic Common, PMI, Oracle, LDAP, Secure Access PortalWeblogicLinux RHEL x86OracleWebLogic Common, PMI, Oracle, LDAP, Secure Access PortalApache"/>
        <s v="WebLogic Common, PMI, DB2, LDAPWeblogicz/OSDB2WebLogic Common, PMI, DB2, LDAPApache"/>
        <s v="Secure Access Portal, LDAP, DB2, SQL Server 2014, WebLogic, IDOL, ETL (CDC / DataStage), Control-M.WeblogicCommon Services Web (default)Linux on Z RHEL,Windows,z/OSDB2,MS/SQL Server,MS/SQL Server,OracleSecure Access Portal, LDAP, DB2, SQL Server 2014, WebLogic, IDOL, ETL (CDC / DataStage), Control-M.Apache"/>
        <s v="Secure Access Portal, Entrust Security Certificates, Internet Explorer, Apache HTTP server, Apache GetAccess Runtime, Apache Open SSL,Apache WebLogic Proxy, Flash Player, JREWeblogicCOTSLinux on Z RHELOracleSecure Access Portal, Entrust Security Certificates, Internet Explorer, Apache HTTP server, Apache GetAccess Runtime, Apache Open SSL,Apache WebLogic Proxy, Flash Player, JREApache"/>
        <s v="BEA Weblogic,BEA Tuxedo/JOLT, Integration Gateway, PeopleSoft Application Services, Secure Access Portal, Entrust Security Certificates, Windows XP Ross Workstation (Protected B environment), Internet Explorer, Apache HTTP server,Apache GetAccess Runtime,Apache Open SSL,Apache WebLogic Proxy,LDAP,DRDA,DB2 database,DB2 Connect,PDFWeblogicCOTS (default) + 1 for extensibilty, -1 for customizations.z/OSDB2BEA Weblogic,BEA Tuxedo/JOLT, Integration Gateway, PeopleSoft Application Services, Secure Access Portal, Entrust Security Certificates, Windows XP Ross Workstation (Protected B environment), Internet Explorer, Apache HTTP server,Apache GetAccess Runtime,Apache Open SSL,Apache WebLogic Proxy,LDAP,DRDA,DB2 database,DB2 Connect,PDFApache"/>
        <s v="Entrust Security Certificates, Windows XP Ross Workstation (Protected B environment), LDAP, Oracle databaseLinux on Z RHELOracleEntrust Security Certificates, Windows XP Ross Workstation (Protected B environment), LDAP, Oracle database"/>
        <s v="Web infrastructure, Virtual infrastructure, RDBMS, VPN technologies, Network, Run Advertised ProgramsTomcatWindowsMS/SQL Server,MS/SQL ServerWeb infrastructure, Virtual infrastructure, RDBMS, VPN technologies, Network, Run Advertised ProgramsApache,MS IIS"/>
        <s v="Database, File system, Microsoft Data Access Component 2.8COTS (default).WindowsMS/SQL Server,MS/SQL ServerDatabase, File system, Microsoft Data Access Component 2.8MS IIS"/>
        <s v="Servers, Network, Firewall/ACLCOTS (default)Linux SLES x86Servers, Network, Firewall/ACLApache"/>
        <s v="Z/OS and supporting infrastructure, DB2, CICS, MQ Seriesz/OSDB2Z/OS and supporting infrastructure, DB2, CICS, MQ Series"/>
        <s v="Z/OS and supporting infrastructure, DB2, CICSPlatform is Sustain, development is COBOL, Security is Custom.z/OSDB2Z/OS and supporting infrastructure, DB2, CICS"/>
        <s v="Z/OS and supporting infrastructure, DB2Platform is Sustain, development is COBOL, Security is Custom.Interfaces with  application databases, but does not have its ownz/OSDB2Z/OS and supporting infrastructure, DB2"/>
        <s v="Secure interfaces, VMware, Firewalls, PKI Entrust Secure certificates, Voice over IP, IBM Informix databaseLinux RHEL x86OracleSecure interfaces, VMware, Firewalls, PKI Entrust Secure certificates, Voice over IP, IBM Informix databaseApache"/>
        <s v="Secure interfacesTomcatCOTS (default)Linux on Z RHELOracleSecure interfacesApache,MS IIS"/>
        <s v="CICSDoes not use a database, uses VSAM.CICS"/>
        <s v="Secure interfaces, wireless infrastructureTomcatCOTS (default)Interfaces with  application databases, but does not have its ownLinux on Z RHELOracleSecure interfaces, wireless infrastructureApache"/>
        <s v="SAPCOTS (default) + highly customizable.z/OSDB2SAP"/>
        <s v="Windows .Net platform.NetCOTS (default)WindowsMS/SQL Server,MS/SQL ServerWindows .Net platformMS IIS"/>
        <s v="Secure Access Portal, GetAccess, Entrust CAWeblogicCommon Services Web (default).z/OSDB2Secure Access Portal, GetAccess, Entrust CAApache"/>
        <s v="VPNCUSTOM (no vendor support for development language, locally customized.)WindowsMS/SQL Server,MS/SQL ServerVPN"/>
        <s v="RCMP IE BrowserWeblogicCustom Search (Common Services)Does not use a databaseRCMP IE BrowserApache"/>
        <s v="Secure Access Portal, GetAccess, Entrust CAWeblogicCommon Services Web (default)z/OSDB2Secure Access Portal, GetAccess, Entrust CAApache"/>
        <s v="SQL and TomcatTomcatWindowsMS/SQL Server,MS/SQL ServerSQL and TomcatApache"/>
        <s v="DB2 database, Weblogic server 10.x,  LDAP, J2EEWeblogicCommon Services Web (default)Windows,z/OSDB2,MS/SQL Server,MS/SQL ServerDB2 database, Weblogic server 10.x,  LDAP, J2EEApache"/>
        <s v="Secure Access Portal, GetAccess, Entrust CAWeblogicCommon Services Web (default) - Massive duplication between TSMIT variants.WindowsMS/SQL Server,MS/SQL ServerSecure Access Portal, GetAccess, Entrust CAApache"/>
        <s v="Windows, Nortel Anyconnect, EntrustKiosk applicationWindowsWindows, Nortel Anyconnect, Entrust"/>
        <s v="WebLogic, DB2, Apache, GetAccess, LDAPWeblogicz/OSDB2WebLogic, DB2, Apache, GetAccess, LDAPApache"/>
        <s v="DB2, WebLogic, LDAP._x000a_Interfaces with CPIC, BC Prime, PROS, PIP and Interpol.WeblogicCommon Services Web (default)z/OSDB2DB2, WebLogic, LDAP._x000a_Interfaces with CPIC, BC Prime, PROS, PIP and Interpol.Apache"/>
        <s v="Weblogic, Java, JavascriptWeblogicCommon Services Web (default) - WLI is EOLLinux SLES x86MS/SQL Server,MS/SQL ServerWeblogic, Java, JavascriptApache"/>
        <s v="Entrust, LDAP, SQL Server 2014, SafeNet, .NET 3.5 SP1.NetCOTS (default)WindowsMS/SQL Server,MS/SQL ServerEntrust, LDAP, SQL Server 2014, SafeNet, .NET 3.5 SP1"/>
        <s v="Weblogic, Java, JavascriptWeblogicCommon Services Web (default)WindowsMS/SQL Server,MS/SQL ServerWeblogic, Java, JavascriptApache"/>
        <s v="Entrust.NetCOTS (default).Interfaces with  application databases, but does not have its own.Entrust"/>
        <s v="Entrust, LDAP, SQL Server, SafeNet, .NET 3.5 SP1.NetCOTS (default)WindowsMS/SQL Server,MS/SQL ServerEntrust, LDAP, SQL Server, SafeNet, .NET 3.5 SP1"/>
        <s v="WebLogic, SQL Server.Net,WeblogicCommon Services Web (default) - WLI SupportInterfaces with  application databases, but does not have its ownWebLogic, SQL Server"/>
        <s v="SQL Server.NetCOTS (default)Interfaces with  application databases, but does not have its ownSQL Server"/>
        <s v="SQL Server.NetUnsupported Development Language.Interfaces with  application databases, but does not have its ownSQL Server"/>
        <s v="Groupwise, Entrust, SQL ServerWeblogicInterfaces with  application databases, but does not have its ownGroupwise, Entrust, SQL Server"/>
        <s v="PowerBuilderCommon Services Web (default) - no vendor support for development language.HPUXOraclePowerBuilder"/>
        <s v="MQ Series, JMSCommon Services Web (default) - update WLSLinux RHEL x86OracleMQ Series, JMS"/>
        <s v="Java, MQ Series, JMSWeblogicPlatform is Sustain, development is COBOL, Security is Custom.Linux on Z RHELOracleJava, MQ Series, JMS"/>
        <s v="PowerBuilderThick client. Unsupported development language.Linux on Z RHELOraclePowerBuilder"/>
        <s v="JavaWeblogicCommon Services Web (default)Linux on Z RHELDB2,OracleJavaApache"/>
        <s v="Unix scriptsPlatform is Sustain, development is COBOL, Security is Custom.Interfaces with  application databases, but does not have its ownLinux on Z RHELOracleUnix scripts"/>
        <s v="Natural, CobolPlatform is Sustain, development is COBOL, Security is Custom.Interfaces with  application databases, but does not have its ownLinux on Z RHELDB2,Natural, Cobol"/>
        <s v="CobolPlatform is Sustain, development is COBOL, Security is Custom.Linux on Z RHELOracleCobol"/>
        <s v="VBScript, CobolADABASInterfaces with  application databases, but does not have its ownVBScript, Cobol"/>
        <s v="Oracle 11g, internetWeblogicCommon Services Web (default).Linux on Z RHELOracleOracle 11g, internetApache"/>
        <s v="Secure Access Portal, Idol Search Engine, Weblogic, DB2WeblogicCommon Services Web (default)z/OSDB2Secure Access Portal, Idol Search Engine, Weblogic, DB2Apache"/>
        <s v="Secure Interface, IE BrowserWeblogicCommon Services Web (default).SQL server 2014WindowsMS/SQL Server,MS/SQL ServerSecure Interface, IE BrowserApache"/>
        <s v="Secure Interface, IE BrowserWeblogicCommon Services Web (default).SQL server 2014.WindowsMS/SQL Server,MS/SQL ServerSecure Interface, IE BrowserApache"/>
        <s v="RCMP Custom Browser, EntrustWeblogicCommon Services Web (default)z/OSDB2RCMP Custom Browser, EntrustApache"/>
        <s v="WebLogic, Oracle.Web-Flash, RESTFul back-end.WindowsMS/SQL Server,MS/SQL ServerWebLogic, Oracle."/>
        <s v="Pervasive SQLCOTS but unsupported DBWindowsPervasive SQL"/>
        <s v="Oracle 11g, ghostscript, Windows, NSF, AnyConnectCOTS (default) - no vendor supportLinux on Z RHELOracleOracle 11g, ghostscript, Windows, NSF, AnyConnect"/>
        <s v="WebLogic, Java, apache, SQL serverWeblogicCommon Services Web (default)WindowsMS/SQL Server,MS/SQL ServerWebLogic, Java, apache, SQL serverApache"/>
        <s v="Active Directory.NetCOTS (default) - no vendor support.WindowsMS/SQL Server,MS/SQL Server,Active DirectoryMS IIS"/>
        <s v="Weblogic Common, SQL, COTS Vendor productWeblogicCommon Services Web (default)WindowsWeblogic Common, SQL, COTS Vendor productApache"/>
        <s v="Geo ServerWeblogicCommon Services Web (default).Uses a file structure to manage the mapping layers. NGS Proxy (a sub component of NGS) uses DB2 for its management.Windows,z/OSDB2,MS/SQL Server,MS/SQL ServerGeo ServerApache"/>
        <s v="RCMP Custom Browser, Entrust, NGSCommon Services Web (default).WindowsMS/SQL Server,MS/SQL ServerRCMP Custom Browser, Entrust, NGS"/>
        <s v="Secure Interface, IE BrowserWeblogicCommon Services Web (default).Linux on Z RHELOracleSecure Interface, IE BrowserApache"/>
        <s v="NoneWeblogicCOTS product. Architecture has not been assessed.COTS uses SQL Server 2014 but data model would have to be requested from vendor.MS/SQL Server,MS/SQL ServerNone"/>
        <s v=".NET, IIS, MS-SQL, SMTP, Java.NetCOTS (default).WindowsMS/SQL Server,MS/SQL Server.NET, IIS, MS-SQL, SMTP, JavaMS IIS"/>
        <s v="Common Services WebLogicWeblogicCommon Services Web (default).z/OSDB2Common Services WebLogicApache"/>
        <s v="Hyper-V, Active Directory, Network, SQL database, Hardware VPN, FTPCOTS (default).WindowsMS/SQL Server,MS/SQL ServerHyper-V, Active Directory, Network, SQL database, Hardware VPN, FTP"/>
        <s v="Hyper-V, Active Directory, Network, SQL database, IISCOTS (default).WindowsMS/SQL Server,MS/SQL ServerHyper-V, Active Directory, Network, SQL database, IIS"/>
        <s v="SQL Server 2008, LDAPWindowsMS/SQL Server,MS/SQL ServerSQL Server 2008, LDAP"/>
        <s v="DB2, Oracle, ETL (CDC / DataStage), IBM I2 Analyst's Notebook, CognosWebsphereLinux on Z RHEL,Windows,z/OSDB2,OracleDB2, Oracle, ETL (CDC / DataStage), IBM I2 Analyst's Notebook, Cognos"/>
        <s v="Built into COTS application"/>
        <s v="software runs on IBM''s mainframeSoftware runs on IBM''s z/OS"/>
        <s v="Software runs only on z/OS and therefore only on IBM mainframesSoftware requires vendors OS security software, runs on IBM z/OS"/>
        <s v="We are in transition from Solaris hardware to Intel Linux hardware. The Intel hardware is a preferred platform by the vendorWe are in a transition from Solaris to a Linux environment. Linux being a preferred platform by the vendor."/>
        <s v="this software runs on z/linux"/>
        <s v="Software runs only on z/OS and therefore only on IBM mainframes"/>
        <s v="The servers were purchased in 2011 - it is already 7 years old.This appliance is running the Cisco AsyncOS"/>
        <s v="Windows Server 2003"/>
        <s v=".Net Framework.NetWindowsMS/SQL Server,MS/SQL Server.Net Framework"/>
        <s v="Database.NetAIXOracleDatabaseAIXAIX based back-end"/>
        <s v="C#, Oracle.Net,AIX,Linux RHEL x86,WindowsC#, Oracle"/>
        <s v="Apache, ActivePerl, OracleOracle 11gR2AIXOracleApache, ActivePerl, OracleAIX for DBWindows Server and AIX for DBApache"/>
        <s v="Microsoft Excel, Oracle DatabaseOracle 11gR2AIXOracleMicrosoft Excel, Oracle DatabaseWindows 7"/>
        <s v="SQL Server; SAS, Dollar UniverseWindowsMS/SQL Server,MS/SQL ServerSQL Server; SAS, Dollar Universe"/>
        <s v="Windows, IIS, .Net framework, SADF, .Net Oracle Client, Infragistics Components.NetOracle 11gR2AIXOracleWindows, IIS, .Net framework, SADF, .Net Oracle Client, Infragistics ComponentsWindows 7"/>
        <s v=".NET.Net.NETMS IIS"/>
        <s v="Java, Tomcat, perl, apache, mysqlTomcatWindowsMySQLJava, Tomcat, perl, apache, mysqlApache"/>
        <s v="SQL Server 2012; VB .NET.NetWindowsMS/SQL Server,MS/SQL ServerSQL Server 2012; VB .NET"/>
        <s v="Database.NetWindowsMS/SQL Server,MS/SQL ServerDatabase"/>
        <s v=".Net, Access, HTML.NetASPData ModelWindows.Net, Access, HTML"/>
        <s v="C#.Net,AIX,Linux RHEL x86,WindowsC#"/>
        <s v="10.Net10"/>
        <s v="Oracle DB, Unix,  Microsoft IIS 8.5, .Net, Infragistics, Kerberos authentification.NetAIXOracleOracle DB, Unix,  Microsoft IIS 8.5, .Net, Infragistics, Kerberos authentificationMS IIS"/>
        <s v="Windows, .Net framework, Microsoft Access.NetAccessWindowsWindows, .Net framework, Microsoft AccessWindows 7"/>
        <s v="Microsoft Access, ASP, Windows ServerApp to be retiredOlder AccessWindowsMicrosoft Access, ASP, Windows ServerWindows Server 2003MS IIS"/>
        <s v="ebXML (ebMS)ASPWindowsMS/SQL Server,MS/SQL ServerebXML (ebMS)MQ Service will be disabled. Changes in progress to eliminate this service"/>
        <s v="Hosting Database.NetWindowsMS/SQL Server,MS/SQL ServerHosting Database"/>
        <s v="SQL Server, SQL Server Analysis ServicesASPWindowsMS/SQL Server,MS/SQL ServerSQL Server, SQL Server Analysis Services"/>
        <s v="SASASPData ModelWindowsSAS"/>
        <s v="SAS,  Access, Excel.NetWindowsSAS,  Access, Excel "/>
        <s v="SQL Database / .NET.NetWindowsMS/SQL Server,MS/SQL ServerSQL Database / .NET"/>
        <s v=".NET, SQL Server, MS Excel.NetWindowsMS/SQL Server,MS/SQL Server.NET, SQL Server, MS ExcelMS IIS"/>
        <s v="MS SQL Server, .Net Framework, IIS..NetWindowsMS/SQL Server,MS/SQL ServerMS SQL Server, .Net Framework, IIS.MS IIS"/>
        <s v="C#, .NET, SAS, Unix, B 20/20, EFT, Open Text Exceed for Unix Admin; Email MS Exchange or SMTP.Net,C#, .NET, SAS, Unix, B 20/20, EFT, Open Text Exceed for Unix Admin; Email MS Exchange or SMTPIBM AIXIBM AIX v6.9"/>
        <s v=".Net, ASP.NetIncludes Sybase IQWindowsMS/SQL Server,MS/SQL Server,Sybase.Net, ASPMS IIS"/>
        <s v=".Net, ASP.NetIncludes Sybase IQWindowsSybase.Net, ASPMS IIS"/>
        <s v="MS Outlook;VB.Net;SQL Server.NetWindowsMS/SQL Server,MS/SQL ServerMS Outlook;VB.Net;SQL Server"/>
        <s v="Oracle, SAS, Unix, C, Email MS Exchange or SMTP, Exceed for UnixOracle 11gR2AIXOracle,Oracle, SAS, Unix, C, Email MS Exchange or SMTP, Exceed for UnixIBM AIXIBM AIX v6.9"/>
        <s v="SAS, Unix, Oracle, SQL Developer, PL SQL, Pro*C, ExceedOracle 11gR2AIXOracleSAS, Unix, Oracle, SQL Developer, PL SQL, Pro*C, ExceedIBM AIXIBM AIX v6.9"/>
        <s v="SAS, Unix, ExceedAIXSAS, Unix, ExceedIBM AIXIBM AIX v6.9"/>
        <s v="C#, .Net, SAS, Unix, EFT, X12-Arima, Email MS Exchange or SMTP; Open Text Exceed for Unix Admin.Net,C#, .Net, SAS, Unix, EFT, X12-Arima, Email MS Exchange or SMTP; Open Text Exceed for Unix AdminIBM AIXIBM AIX v6.9"/>
        <s v="C#, .Net, SAS, Unix, Email MS Exchange or SMTP; Open Text Exceed for Unix Admin.Net,C#, .Net, SAS, Unix, Email MS Exchange or SMTP; Open Text Exceed for Unix AdminIBM AIXIBM AIX v6.9"/>
        <s v="SAS, Unix, SAS EG, Email MS Exchange or SMTP; Open Text Exceed for Unix Admin.Net,SAS, Unix, SAS EG, Email MS Exchange or SMTP; Open Text Exceed for Unix AdminIBM AIXIBM AIX v6.9"/>
        <s v="SAS, Unix, SAS AF, Email MS Exchange or SMTP; Open Text Exceed for Unix AdminSAS, Unix, SAS AF, Email MS Exchange or SMTP; Open Text Exceed for Unix AdminIBM AIXIBM AIX v6.9"/>
        <s v="SAS, Unix, B20/20; Open Text Exceed for Unix Admin; Email MS Exchange or SMTP.Net,SAS, Unix, B20/20; Open Text Exceed for Unix Admin; Email MS Exchange or SMTPIBM AIXIBM AIX v6.9"/>
        <s v="SAS, Unix, Email MS Exchange or SMTP; Open Text Exceed for Unix AdminSAS, Unix, Email MS Exchange or SMTP; Open Text Exceed for Unix AdminIBM AIXIBM AIX v6.9"/>
        <s v="SAS, Unix, Email MS Exchange or SMTP; Open Text Exceed for Unix Admin.Net,SAS, Unix, Email MS Exchange or SMTP; Open Text Exceed for Unix AdminIBM AIXIBM AIX v6.9"/>
        <s v="SAS, Unix, C#, .NET, SAS AF, Email MS Exchange or SMTP; Open Text Exceed for Unix Admin.Net,SAS, Unix, C#, .NET, SAS AF, Email MS Exchange or SMTP; Open Text Exceed for Unix AdminIBM AIXIBM AIX v6.9"/>
        <s v="File serverWindowsFile serverMS IIS"/>
        <s v="VB.Net.NetWindowsMS/SQL Server,MS/SQL ServerVB.Net"/>
        <s v="ESRI, Java Script.Net,AIX,WindowsMySQLESRI, Java ScriptMS IIS"/>
        <s v=".Net, SQL Server.NetASPData ModelWindowsMS/SQL Server,MS/SQL Server.Net, SQL Server"/>
        <s v="Excel, SAS Fondation 9.3WindowsMS/SQL Server,MS/SQL ServerExcel, SAS Fondation 9.3"/>
        <s v="IISIIS"/>
        <s v=".Net, SQL Server 2016, Abobe Acrobat.NetWindowsMS/SQL Server,MS/SQL Server.Net, SQL Server 2016, Abobe Acrobat"/>
        <s v="SAS Foundation, Beyond 2020, STATAWindowsSAS Foundation, Beyond 2020, STATA"/>
        <s v="Blaise, SAS Foundation 9.3, SSPEWindowsBlaise, SAS Foundation 9.3, SSPE"/>
        <s v="SAS,  Access.NetWindowsSAS,  Access "/>
        <s v="Active Directory, EmailWeblogicLinux RHEL x86OracleActive Directory, Email"/>
        <s v="Microsoft OfficeMicrosoft Office"/>
        <s v="ASPData modelWindows"/>
        <s v=".Net, SAS.Net.Net, SAS"/>
        <s v="Ghost ScriptGhost Script"/>
        <s v="SQL Server DB, Oracle DB, IIS.NetWindowsMS/SQL Server,MS/SQL Server,OracleSQL Server DB, Oracle DB, IISMS IIS"/>
        <s v="microsoft .Net.NetLinux RHEL x86Oraclemicrosoft .Net"/>
        <s v="ARC IMS, Oracle, Tomcat, JSP, XML, Java ScriptTomcatOracle 11gAIXOracle,ARC IMS, Oracle, Tomcat, JSP, XML, Java ScriptWindows 2008.MS IIS"/>
        <s v="SQL Database.NetWindowsMS/SQL Server,MS/SQL ServerSQL Database"/>
        <s v="File Server, SAS ServerWindowsFile Server, SAS Server"/>
        <s v="SAS Enterprise, EFT,WindowsSAS Enterprise, EFT,"/>
        <s v="SQL Database, SAS, MS Excel, File Server, Oracle Client, Windows, Active Directory4: SQL Server 2012WindowsMS/SQL Server,MS/SQL ServerSQL Database, SAS, MS Excel, File Server, Oracle Client, Windows, Active Directory4: W7 | ?: Windows Server ?"/>
        <s v=".NET.NetWindowsMS/SQL Server,MS/SQL Server.NET"/>
        <s v="C#, .NET, SAS, Unix, B 20/20.Net,C#, .NET, SAS, Unix, B 20/20IBM AIXIBM AIX v6.9"/>
        <s v="Vintasoft TWAIN .NET SDK &amp; Email.NetVintasoft TWAIN .NET SDK &amp; Email"/>
        <s v=".NET, SQL Server.NetWindowsMS/SQL Server,MS/SQL Server.NET, SQL Server"/>
        <s v="Smalltalk, C, Sybase, TPLWindowsSybaseSmalltalk, C, Sybase, TPL"/>
        <s v="Oracle 12Oracle 12"/>
        <s v=".Net, SAS.NetWindows.Net, SAS"/>
        <s v="MS SQL Server, .Net Framework, IIS, Secure Socket Layer (SSL).NetWindowsMS/SQL Server,MS/SQL ServerMS SQL Server, .Net Framework, IIS, Secure Socket Layer (SSL)MS IIS"/>
        <s v="C#, SAS.Net,WindowsC#, SAS"/>
        <s v="File ServerWindowsFile Server"/>
        <s v="SAS, Beyond 20/20 Software Any Type*, Excel, SAMBAOracle 11gR2SAS, Beyond 20/20 Software Any Type*, Excel, SAMBAWindows 7 (64 bits)"/>
        <s v="MS AccessAccess database 2013WindowsMS AccessWindows 7 (64 bits)"/>
        <s v="LogiPlus, MS AccessAccess database 2013WindowsLogiPlus, MS AccessWindows 7 (64 bits)"/>
        <s v=".Net, C#, WPF, SQL Server,  SAS Integration Services, SAS Enterprise platform.NetWindowsMS/SQL Server,MS/SQL Server.Net, C#, WPF, SQL Server,  SAS Integration Services, SAS Enterprise platform"/>
        <s v="Excel, SAS EGWindowsExcel, SAS EG"/>
        <s v="SAS Foundation 9.3, SAS/EIWindowsSAS Foundation 9.3, SAS/EI"/>
        <s v="SAS/AF, SQL Server 2016WindowsMS/SQL Server,MS/SQL ServerSAS/AF, SQL Server 2016"/>
        <s v="SAS.Net,AIX,Linux RHEL x86,WindowsSAS"/>
        <s v="VB 6.Net,WindowsVB 6"/>
        <s v="C, Visual Studio 2005TomcatOracle Database 11gR2AIXOracleC, Visual Studio 2005Three very old Unix servers need to be replacedAIX needs to be updated to newer version"/>
        <s v="ESRI, .NETWindowsOracleESRI, .NETMS IIS,"/>
        <s v="SAS FoundationWindowsSAS Foundation"/>
        <s v=".Net, SQL Server 2016.NetWindowsMS/SQL Server,MS/SQL Server.Net, SQL Server 2016"/>
        <s v="SQL Server 2016, Excel.NetWindowsMS/SQL Server,MS/SQL ServerSQL Server 2016, Excel"/>
        <s v="Oracle database, Microsoft Excel, Mediawiki,TomcatAIX,WindowsMS/SQL Server,MS/SQL Server,OracleOracle database, Microsoft Excel, Mediawiki,Apache"/>
        <s v="IIS; .Net Framework.NetWindowsMS/SQL Server,MS/SQL ServerIIS; .Net FrameworkMS IIS"/>
        <s v="IIS; .Net Framework.NetWindowsIIS; .Net FrameworkMS IIS"/>
        <s v=".Net Framework.NetWindowsMS/SQL Server,MS/SQL Server.Net FrameworkMS IIS"/>
        <s v=".Net Framework.NetWindowsMySQL.Net Framework"/>
        <s v="IIS; .Net Framework.NetWindowsMySQLIIS; .Net FrameworkMS IIS"/>
        <s v="ESRI, Java Script.NetESRI, Java ScriptMS IIS"/>
        <s v="Authentification layer, security, file tranfer, .netAIXOracleAuthentification layer, security, file tranfer, .net"/>
        <s v="Java, TomcatTomcatAIXOracleJava, TomcatApache"/>
        <s v="ESRI, Java ScriptWindowsSybaseESRI, Java ScriptMS IIS"/>
        <s v="ColdFusionWindowsSybaseColdFusion"/>
        <s v="ColdFusionWindowsSybaseColdFusionMS IIS"/>
        <s v="python, SOLR, Lucidworks FusionTomcatSolaris Sparcpython, SOLR, Lucidworks Fusion"/>
        <s v="C, Visual Studio 2005WindowsC, Visual Studio 2005MS IIS"/>
        <s v="ESRI, Java ScriptLinux RHEL x86MySQLESRI, Java ScriptMS IIS"/>
        <s v="ESRI, Java ScriptOracle Database 11gR2AIXSybaseESRI, Java ScriptThree very old Unix servers need to be replacedAIX needs to be updated to newer versionMS IIS,"/>
        <s v="Windows, SQL Server (DB, Agent, SSIS, SSAS), OWC, EzCube, Report DesignerSQL Server 2008 R2WindowsMS/SQL Server,MS/SQL ServerWindows, SQL Server (DB, Agent, SSIS, SSAS), OWC, EzCube, Report DesignerWindows Server"/>
        <s v="Windows, IIS, .Net Framework, SQL Server.NetSQL Server 2008 R2WindowsMS/SQL Server,MS/SQL ServerWindows, IIS, .Net Framework, SQL ServerWindows Server"/>
        <s v="Windows Server, IISWindowsMS/SQL Server,MS/SQL ServerWindows Server, IISMS IIS"/>
        <s v=".Net FrameworkWindowsMySQL.Net Framework"/>
        <s v="SASAIX,Linux RHEL x86,WindowsSAS"/>
        <s v="Blaise..Net,WindowsBlaise."/>
        <s v="Blaise.WindowsBlaise."/>
        <s v="VB.Net;SQL Server; SAS Foundation.NetWindowsMS/SQL Server,MS/SQL ServerVB.Net;SQL Server; SAS Foundation"/>
        <s v="Modgen 11, Visual Studio 2010WindowsModgen 11, Visual Studio 2010"/>
        <s v="MySQLMySQL"/>
        <s v="OracleAIX,Linux RHEL x86,WindowsDB2,MS/SQL Server,MS/SQL Server,Oracle,Oracle"/>
        <s v="Quest Authentication Services_x000a_Samba_x000a_Veritas Clustered File System_x000a_Solid State DrivesQuest Authentication Services_x000a_Samba_x000a_Veritas Clustered File System_x000a_Solid State DrivesVirtualization not preferred by vendorOld RHEL version"/>
        <s v="DatabaseSQL Server 2012WindowsMS/SQL Server,MS/SQL ServerDatabaseWindows 7"/>
        <s v="SQL Database, SAS, MS Excel, Windows, Active Directory.Net,4: SQL Server 2012WindowsMS/SQL Server,MS/SQL ServerSQL Database, SAS, MS Excel, Windows, Active Directory4: W7 | ?: Windows Server ?"/>
        <s v="SQL Database, MS Excel, Windows, Active Directory.Net,4: SQL Server 2012WindowsMS/SQL Server,MS/SQL ServerSQL Database, MS Excel, Windows, Active Directory4: W7 | ?: Windows Server ?"/>
        <s v=".Net, C#, SQL Server, SAS.NetWindowsMS/SQL Server,MS/SQL Server.Net, C#, SQL Server, SAS"/>
        <s v="SAS Forecast ServerSAS Forecast Server"/>
        <s v="Fax Software Telephone GatewaysWindowsMS/SQL Server,MS/SQL ServerFax Software Telephone Gateways"/>
        <s v=".Net, Sybase.NetWindowsSybase.Net, Sybase"/>
        <s v="Asp.net MVC 4.NetWindowsMS/SQL Server,MS/SQL ServerAsp.net MVC 4MS IIS"/>
        <s v="Apache Tomcat, Java JDK7WindowsApache Tomcat, Java JDK7Apache"/>
        <s v="MS SQL Server, .Net Framework, IIS.WindowsMS SQL Server, .Net Framework, IIS.Apache"/>
        <s v="Windows, IIS, .Net Framework, Csla (SADF), SQL Server.NetSQL Server 2008 R2WindowsMS/SQL Server,MS/SQL ServerWindows, IIS, .Net Framework, Csla (SADF), SQL ServerWindows Server"/>
        <s v="ESRI, Java ScriptESRI, Java ScriptWindows 2012.MS IIS"/>
        <s v="C#, SQL Server.Net,WindowsC#, SQL Server"/>
        <s v=".Net Framework.NetWindows.Net Framework"/>
        <s v="Hardware, OS, AuthenticationWindowsHardware, OS, Authentication"/>
        <s v="JavaWebsphereLinux RHEL x86OracleJavaApache"/>
        <s v="Database, SASWindowsOracleDatabase, SAS"/>
        <s v=".Net, SharePoint, SQL Server.Net,WindowsMS/SQL Server,MS/SQL Server,Sybase.Net, SharePoint, SQL ServerMS IIS"/>
        <s v="ColdFusionOracle 11gWindowsSybaseColdFusionWindows 2008.MS IIS"/>
        <s v=".Net, Sybase, C#.NetWindowsSybase.Net, Sybase, C#MS IIS,"/>
        <s v="C.Net,AIX,Linux RHEL x86,WindowsC"/>
        <s v="Database.NetWindowsDatabase"/>
        <s v="SAS, Unix, C#, .NET, Email MS Exchange or SMTP; Open Text Exceed for Unix Admin.Net,SAS, Unix, C#, .NET, Email MS Exchange or SMTP; Open Text Exceed for Unix AdminIBM AIXIBM AIX v6.9"/>
        <s v="C#.Net,OracleC#"/>
        <s v="SQL Server 2012; .Net.NetWindowsMS/SQL Server,MS/SQL ServerSQL Server 2012; .Net"/>
        <s v="C++.Net,WindowsC++"/>
        <s v="PFM, SASPFM, SAS"/>
        <s v="MS SQL Server, .Net Framework, ASP.Net, JavaScript, HTLM, IIS..NetWindowsMS/SQL Server,MS/SQL ServerMS SQL Server, .Net Framework, ASP.Net, JavaScript, HTLM, IIS.MS IIS"/>
        <s v="SASWindowsSAS"/>
        <s v="Oracle 11g 32 bit clientWindowsOracleOracle 11g 32 bit client"/>
        <s v="Oracle BPMWeblogicWindowsMS/SQL Server,MS/SQL ServerOracle BPM"/>
        <s v="SAS.Net,WindowsSAS"/>
        <s v="Oracle, C#Oracle LinuxOracleOracle, C#"/>
        <s v="VB.NET.NetVB.NET"/>
        <s v=".NET  SQL server.NetWindowsMS/SQL Server,MS/SQL Server.NET  SQL server"/>
        <s v=".Net.Net,Windows.Net"/>
        <s v="SQL Server Database, SSRS, SSIS, .NET Framework, CSLA, SAS, MS Excel, Windows, Active Directory, C#.Net,4: SQL Server 2012WindowsMS/SQL Server,MS/SQL ServerSQL Server Database, SSRS, SSIS, .NET Framework, CSLA, SAS, MS Excel, Windows, Active Directory, C#4: W7 | ?: Windows Server ?"/>
        <s v="Access.Net,Data modelWindowsAccess"/>
        <s v="Drupal WCMSLinux RHEL x86MySQLDrupal WCMSMS IIS"/>
        <s v="VB 6.0, Basis DBVB 6.0, Basis DB"/>
        <s v="C++, C#.Net,OracleC++, C#"/>
        <s v=".NET, SQL server.NetWindowsMS/SQL Server,MS/SQL Server.NET, SQL serverMS IIS"/>
        <s v="Microsoft IIS 8.5, .Net, TFS, Visual Studio, SQL Server.NetWindowsMS/SQL Server,MS/SQL ServerMicrosoft IIS 8.5, .Net, TFS, Visual Studio, SQL Server"/>
        <s v="Database.NetWindowsMS/SQL Server,MS/SQL ServerDatabaseMS IIS"/>
        <s v="SAS, SAS/AFWindowsSAS, SAS/AF"/>
        <s v="MS Access, SQL Server, VBAWindowsMS/SQL Server,MS/SQL ServerMS Access, SQL Server, VBA"/>
        <s v="SAS Foundation, Microsoft ExcelWindowsMS/SQL Server,MS/SQL Server,SAS Foundation, Microsoft ExcelMS IIS,"/>
        <s v="SQL sever 2012, Microsoft Vb.net, AD, Microsoft Excel, Microsoft Word.WindowsMS/SQL Server,MS/SQL ServerSQL sever 2012, Microsoft Vb.net, AD, Microsoft Excel, Microsoft Word."/>
        <s v="SQL sever 2012, Microsoft Vb.net, AD, Microsoft Excel, Microsoft Word, SAS BIWindowsMS/SQL Server,MS/SQL ServerSQL sever 2012, Microsoft Vb.net, AD, Microsoft Excel, Microsoft Word, SAS BI"/>
        <s v="SAS Foundation, SAS AFWindowsSAS Foundation, SAS AF"/>
        <s v="SQL sever 2012, Microsoft Vb.net, AD, Microsoft Excel, Microsoft WordWindowsMS/SQL Server,MS/SQL ServerSQL sever 2012, Microsoft Vb.net, AD, Microsoft Excel, Microsoft Word"/>
        <s v="AccessArchitecture unknownWindowsAccess"/>
        <s v=".NET, ESRI, Oracle, Java ScriptOracle 12cAIXOracle.NET, ESRI, Oracle, Java ScriptWindows 2012.MS IIS,MS IIS"/>
        <s v="SAS FoundationWindowsMS/SQL Server,MS/SQL ServerSAS Foundation"/>
        <s v="SAP ASE/IQSAP ASE/IQ"/>
        <s v="Windows XPDOS-based(?)WindowsWindows XPMust run in Windows XP; Currently running via VM. Windows 7 32-bit version is available; To be tested in STC environment"/>
        <s v="Architecture unknownWindows"/>
        <s v="Architecture unknown"/>
        <s v="AutomicAutomic"/>
        <s v="IIS; .Net Framework.NetLinux RHEL x86OracleIIS; .Net FrameworkMS IIS"/>
        <s v="DatabaseWindowsDatabase"/>
        <s v="LINUX-FAMELinux RHEL x86,WindowsMS/SQL Server,MS/SQL Server,LINUX-FAME"/>
        <s v="LINUX-FAMELinux RHEL x86,WindowsMS/SQL Server,MS/SQL Server,LINUX-FAMEAIX"/>
        <s v="SQL Server DB, IIS, .Net (Core &amp; Framework), SAS.Net,WindowsMS/SQL Server,MS/SQL ServerSQL Server DB, IIS, .Net (Core &amp; Framework), SASMS IIS,"/>
        <s v="SQL Server Database, .NET Framework, IIS, CSLA, Windows, Active Directory.NetSQL ServerWindowsMS/SQL Server,MS/SQL ServerSQL Server Database, .NET Framework, IIS, CSLA, Windows, Active DirectoryWindows"/>
        <s v="SQL Server, JAVAWeblogicSQL ServerWindowsMS/SQL Server,MS/SQL ServerSQL Server, JAVAWindows"/>
        <s v="SQL Server, JAVA, SASWeblogicSQL ServerWindowsMS/SQL Server,MS/SQL ServerSQL Server, JAVA, SASWindows"/>
        <s v="SQL Server Database, NET Framework, SAS, MS Excel, Windows, Active Directory, SAS Grid.Net,4: SQL Server 2012WindowsMS/SQL Server,MS/SQL ServerSQL Server Database, NET Framework, SAS, MS Excel, Windows, Active Directory, SAS Grid"/>
        <s v="SQL Server Database, SSRS, SSIS, .NET Framework, MS Excel, Windows, Active Directory4: SQL Server 2012WindowsMS/SQL Server,MS/SQL ServerSQL Server Database, SSRS, SSIS, .NET Framework, MS Excel, Windows, Active Directory"/>
        <s v="ESRI, Java ScriptOracle 11gESRI, Java ScriptWindows 2008.MS IIS"/>
        <s v="ESRI, Java Script, OracleOracle 11gOracleESRI, Java Script, OracleWindows 2008.MS IIS"/>
        <s v="ESRI, Java Script, OracleOracle 11gAIXOracleESRI, Java Script, OracleWindows 2008.MS IIS"/>
        <s v=".net.NetToo much complexity for capture of simple geospatial data.  VR Capture should be part of CMP.MySQLWindowsMS/SQL Server,MS/SQL Server,MySQL.netWindows 2012.MS IIS"/>
        <s v=".NET, ESRI, Oracle, Java Script.NetTwo-tier architecture.Oracle 11gAIXOracle.NET, ESRI, Oracle, Java ScriptWindows 2008.MS IIS"/>
        <s v=".Net, SQL Server.NetData Model not available in an industry standardWindowsMS/SQL Server,MS/SQL Server.Net, SQL Server"/>
        <s v="SQL Server, .Net, Active Directory, SCCM.NetWindowsMS/SQL Server,MS/SQL ServerSQL Server, .Net, Active Directory, SCCMMS IIS"/>
        <s v="ESRI, Java ScriptOracle 11gAIXESRI, Java ScriptWindows 2008.MS IIS,MS IIS"/>
        <s v="Oracle Database.NetLinux RHEL x86OracleOracle Database"/>
        <s v="SQL Server 2012, .Net.NetWindowsMS/SQL Server,MS/SQL ServerSQL Server 2012, .Net"/>
        <s v="SQL Database, SAS, MS Excel, File Server, Windows, Active Directory, C#.Net,4: SQL Server 2012WindowsMS/SQL Server,MS/SQL ServerSQL Database, SAS, MS Excel, File Server, Windows, Active Directory, C#4: W7 | ?: Windows Server ?"/>
        <s v=".Net5: SQL Server 2014WindowsMS/SQL Server,MS/SQL Server4: W7 | ?: Windows Server ? | 5: IIS 8.5MS IIS"/>
        <s v=".NetWindowsMS/SQL Server,MS/SQL Server4: W7 | ?: Windows Server ? | 5: IIS 8.5MS IIS"/>
        <s v="SASSAS"/>
        <s v="SAS.Net,AIX,WindowsSAS"/>
        <s v="Python, .Net, SQL ServerWindowsMS/SQL Server,MS/SQL ServerPython, .Net, SQL ServerMS IIS"/>
        <s v="Oracle DB, Unix,  Microsoft IIS 8.5, .Net, Infragistics, Kerberos authentificationAIXOracleOracle DB, Unix,  Microsoft IIS 8.5, .Net, Infragistics, Kerberos authentificationMS IIS"/>
        <s v="SQL Server, ASP.NET MVC.NetWindowsMS/SQL Server,MS/SQL ServerSQL Server, ASP.NET MVCMS IIS"/>
        <s v="SQL Server, ASP.NET MVC Core.NetWindowsMS/SQL Server,MS/SQL ServerSQL Server, ASP.NET MVC CoreMS IIS"/>
        <s v="Oracle, ASP.NET MVC.NetAIX,Linux RHEL x86OracleOracle, ASP.NET MVCMS IIS"/>
        <s v="SSPE, PFM, SASWindowsSSPE, PFM, SAS"/>
        <s v="ESRI, .NETWindowsMySQLESRI, .NETMS IIS"/>
        <s v=".Net Framework, Sybase, Afaria, PowerBuilder.Net,WindowsSybase.Net Framework, Sybase, Afaria, PowerBuilder"/>
        <s v="MS SQL Server, .Net Framework, IIS.WindowsMS/SQL Server,MS/SQL ServerMS SQL Server, .Net Framework, IIS.MS IIS"/>
        <s v="VB.Net;SQL Server.NetWindowsMS/SQL Server,MS/SQL ServerVB.Net;SQL Server"/>
        <s v=".Net, SQL Server 2016, ZedGraph, Excel.NetWindowsMS/SQL Server,MS/SQL Server.Net, SQL Server 2016, ZedGraph, Excel"/>
        <s v=".Net, ZedGraph.NetWindowsMS/SQL Server,MS/SQL Server.Net, ZedGraph"/>
        <s v=".Net FrameworkWindows.Net Framework"/>
        <s v=".Net, SQL Server 2016, ZedGraph.NetWindowsMS/SQL Server,MS/SQL Server.Net, SQL Server 2016, ZedGraph"/>
        <s v=".Net, SQL Server 2016, ZedGraph, SAS.NetWindowsMS/SQL Server,MS/SQL Server.Net, SQL Server 2016, ZedGraph, SAS"/>
        <s v="Java, TomcatTomcatAIXOracleJava, TomcatMS IIS"/>
        <s v="SQL Server, .Net.NetLinux RHEL x86,WindowsMS/SQL Server,MS/SQL Server,OracleSQL Server, .Net"/>
        <s v="SASAIXSAS"/>
        <s v="DatabaseWindowsMS/SQL Server,MS/SQL ServerDatabase"/>
        <s v=".Net, ASP.NetIncludes Sybase IQWindowsSybase.Net, ASP"/>
        <s v="PythonOracle 11gPython"/>
        <s v="Oracle, WeblogicAIXOracleOracle, Weblogic"/>
        <s v="C#WindowsC#"/>
        <s v="Java, Tomcat, Oracle DatabaseTomcatOracle 11gR2AIXOracleJava, Tomcat, Oracle DatabaseAIX for DBWindows Server and AIX for DB"/>
        <s v="C#, Oracle.Net,OracleC#, Oracle"/>
        <s v="ESRI, Java Script, OracleTomcatAIXOracleESRI, Java Script, OracleMS IIS"/>
        <s v=".Net Framework; SQL Server.NetWindowsMS/SQL Server,MS/SQL Server.Net Framework; SQL Server"/>
        <s v=".Net Framework, SQL Server.NetWindowsMS/SQL Server,MS/SQL Server.Net Framework, SQL Server"/>
        <s v="C#, SQL Server 2012WindowsMS/SQL Server,MS/SQL ServerC#, SQL Server 2012"/>
        <s v="Oracle DatabaseOracle 11gR2AIXOracleOracle DatabaseAIX for DBAIX for DB"/>
        <s v="Oracle Database, ActiveBatch, Dollar UniverseOracle 11gR2AIXOracleOracle Database, ActiveBatch, Dollar UniverseAIX for DBAIX for DB"/>
        <s v="Database.NetAIXOracleDatabaseAIXMS IIS"/>
        <s v="Unix, X12-Arima, Exceed; Oracle Enterprise Edition 11gR2 (11.2); SASOracle 11gR2AIXOracleUnix, X12-Arima, Exceed; Oracle Enterprise Edition 11gR2 (11.2); SASIBM AIXIBM AIX v6.9"/>
        <s v="IBM AIX, FAMEAIXIBM AIX, FAMEAIX"/>
        <s v="Oracle, Reporting Services, Drupal.Net,Linux RHEL x86,Linux RHEL x86,WindowsMS/SQL Server,MS/SQL Server,MySQL,OracleOracle, Reporting Services, Drupal"/>
        <s v="SAS Foundation;WindowsSAS Foundation;"/>
        <s v="MSFoxproWindowsMSFoxpro"/>
        <s v="VB .NETWindowsMS/SQL Server,MS/SQL ServerVB .NET"/>
        <s v="SAS Foundation; VB.NET.NetWindowsSAS Foundation; VB.NET"/>
        <s v="SAS, MS Excel, File Server4: SQL Server 2012WindowsMS/SQL Server,MS/SQL ServerSAS, MS Excel, File Server4: W7 | ?: Windows Server ?"/>
        <s v="SQL Database, MS Excel, File Server, Windows, Active Directory3: SQL Server 2005WindowsMS/SQL Server,MS/SQL ServerSQL Database, MS Excel, File Server, Windows, Active Directory4: Vista | ?: Windows Server ?"/>
        <s v="Windows, IIS, .Net Framework, Csla (SADF), SQL Server, Infragistics Components, OrgPlus, Heat.NetSQL Server 2008 R2WindowsMS/SQL Server,MS/SQL ServerWindows, IIS, .Net Framework, Csla (SADF), SQL Server, Infragistics Components, OrgPlus, HeatWindows Server"/>
        <s v="AIX, SAS, MS Excel, File ServerAIXAIX, SAS, MS Excel, File ServerAIX4: Vista | ?: AIX ?"/>
        <s v="SQL, Business rules server.NetWindowsMS/SQL Server,MS/SQL ServerSQL, Business rules serverMS IIS"/>
        <s v=".Net, SAS.NetWindows.Net, SAS "/>
        <s v="IIS, ASP, VB6ASP and ExtensibiltyData ModelWindowsMS/SQL Server,MS/SQL ServerIIS, ASP, VB6MS IIS"/>
        <s v=".Net, SQL Server, Excel.NetASPData ModelWindowsMS/SQL Server,MS/SQL Server.Net, SQL Server, Excel"/>
        <s v=".Net, SQL Server, Excel.NetASPWindowsMS/SQL Server,MS/SQL Server.Net, SQL Server, Excel"/>
        <s v=".Net, SQL Server, SAS.Net,ASPData ModelWindowsMS/SQL Server,MS/SQL Server,.Net, SQL Server, SAS"/>
        <s v=".Net, SAS.NetASPData ModelWindowsMS/SQL Server,MS/SQL Server.Net, SAS"/>
        <s v="MS Team Foundation Server (TFS) v2012; SAS 9.2; SAS 9.2; SAS databaseWindowsMS Team Foundation Server (TFS) v2012; SAS 9.2; SAS 9.2; SAS database"/>
        <s v="ZIM, Active DirectoryWindowsZIM, Active Directory"/>
        <s v="MS Team Foundation Server (TFS) v2012; SAS 9.2; SAS 9.2; SAS/AF 9.2; SAS databaseWindowsMS Team Foundation Server (TFS) v2012; SAS 9.2; SAS 9.2; SAS/AF 9.2; SAS database"/>
        <s v="Oracle DB, Oracle JDeveloper, Oracle ADF, JavaAIXOracleOracle DB, Oracle JDeveloper, Oracle ADF, Java"/>
        <s v="MS Access; MS Team Foundation Server (TFS) v2013; MS Visual Basic v6.0; MS Virtual PC 2007WindowsMS Access; MS Team Foundation Server (TFS) v2013; MS Visual Basic v6.0; MS Virtual PC 2007"/>
        <s v="SAS Foundation 9.3, SAS/AF, SQL Server 2016, Adobe ReaderWindowsMS/SQL Server,MS/SQL ServerSAS Foundation 9.3, SAS/AF, SQL Server 2016, Adobe Reader"/>
        <s v=".Net, SQL Server 2016, Crystal Reports,.NetWindowsMS/SQL Server,MS/SQL Server.Net, SQL Server 2016, Crystal Reports,"/>
        <s v=".Net,  SQL Server 2016.NetWindowsMS/SQL Server,MS/SQL Server.Net,  SQL Server 2016"/>
        <s v="DatabaseWeblogicAIXOracleDatabaseAIXAIX based back-endApache"/>
        <s v="ORACLE, Weblogic, javascriptWeblogicAIXOracleORACLE, Weblogic, javascript"/>
        <s v="ESRI, Java ScriptESRI, Java ScriptMS IIS"/>
        <s v="MS VB.NET, Active Directory;;FTP Server/Service; Beyond 20/20 Software Any Type*.NetMS VB.NET, Active Directory;;FTP Server/Service; Beyond 20/20 Software Any Type*Windows 7 (64 bits)"/>
        <s v="ORACLE, Weblogic, javascript, Open Text Exceed for Unix Admin;WeblogicOracle 11gR2AIXOracleORACLE, Weblogic, javascript, Open Text Exceed for Unix Admin;IBM AIXIBM AIX v6.9"/>
        <s v="ESRI, Java Script, Oracle.NetAIXOracleESRI, Java Script, OracleMS IIS"/>
        <s v="active directoryWeblogicWindowsMS/SQL Server,MS/SQL Serveractive directory"/>
        <s v="ESRI, Java ScriptTomcatAIXOracleESRI, Java ScriptMS IIS"/>
        <s v="Gupta, SybaseWindowsSybaseGupta, Sybase"/>
        <s v="SQL Server; SAS FoundationWindowsMS/SQL Server,MS/SQL ServerSQL Server; SAS Foundation"/>
        <s v="VBWindowsSybaseVB"/>
        <s v="MS SQL Server, IISWindowsMS/SQL Server,MS/SQL ServerMS SQL Server, IISMS IIS"/>
        <s v="File ServerAccess 2007WindowsFile Server"/>
        <s v="Hosting Database.NetAIXOracleHosting Database"/>
        <s v="C, Visual Studio 2005Oracle 11gAIXOracle,C, Visual Studio 2005"/>
        <s v="Cold Fusion, OracleTomcatOracle 11gAIXOracle,Cold Fusion, OracleWas migrated to Windows 2008.Apache,MS IIS"/>
        <s v=".NET, ESRI, Oracle.NetOracle 11gAIXOracle,.NET, ESRI, OracleMS IIS"/>
        <s v=".NET, Oracle.NetOracle 11gAIXOracle,.NET, Oracle"/>
        <s v="ARC IMS, Oracle, JSPTomcatAIXOracle,ARC IMS, Oracle, JSPApache,MS IIS"/>
        <s v=".NET, ESRI, Oracle.NetOld code and several patches through the years.Oracle 11gAIXOracle,.NET, ESRI, Oracle"/>
        <s v="Oracle Forms 6i, Oracle DBASPData modelWindowsOracleOracle Forms 6i, Oracle DB"/>
        <s v="Access 2005ASPData modelWindowsAccess 2005"/>
        <s v="ebXML (ebMS)WindowsMS/SQL Server,MS/SQL ServerebXML (ebMS)"/>
        <s v="dBaseWindowsdBase"/>
        <s v="AbleCommerce, SQL Server.NetWindowsMS/SQL Server,MS/SQL ServerAbleCommerce, SQL ServerMS IIS"/>
        <s v="VB 6, SQL server, BasisLinux RHEL x86,WindowsMS/SQL Server,MS/SQL Server,VB 6, SQL server, Basis"/>
        <s v="VB 6, SQL server, BasisWindowsMS/SQL Server,MS/SQL Server,VB 6, SQL server, Basis"/>
        <s v="SQL Server.NetWindowsMS/SQL Server,MS/SQL ServerSQL ServerMS IIS"/>
        <s v="Reflection,BasisReflection,Basis"/>
        <s v="File Server, SQL Server, SSAS, SSRS, SSISWindowsMS/SQL Server,MS/SQL ServerFile Server, SQL Server, SSAS, SSRS, SSIS"/>
        <s v="SASWindowsSASVista, needs tb tested on Win 7"/>
        <s v="SAS 9.2; compuQuote External subscriptoin data sourceWindowsSAS 9.2; compuQuote External subscriptoin data source"/>
        <s v="SAS; compuQuote External subscriptoin data sourceWindowsSAS; compuQuote External subscriptoin data source"/>
        <s v=".Net, SQL Server.NetWindowsMS/SQL Server,MS/SQL Server.Net, SQL ServerMS IIS,"/>
        <s v="SAS Foundation 9.3, SQL Server 2016WindowsMS/SQL Server,MS/SQL ServerSAS Foundation 9.3, SQL Server 2016"/>
        <s v="MS SQL Server, IIS.NetWindowsMS/SQL Server,MS/SQL ServerMS SQL Server, IISMS IIS"/>
        <s v="MySQL Oracle 12MySQL Oracle 12"/>
        <s v="VB 6.0, Basis DBWindowsVB 6.0, Basis DB"/>
        <s v="Sybase scriptsWindowsSybaseSybase scriptsMS IIS"/>
        <s v="SASWindowsSybaseSAS"/>
        <s v="SASASPData modelWindowsSASWindows 7"/>
        <s v=".Net.Net,Data modelWindows.Net"/>
        <s v=".Net, SQL Server.Net,ASPData modelWindowsMS/SQL Server,MS/SQL Server.Net, SQL Server"/>
        <s v="MS SQL Server, .Net Framework, IIS..NetWindowsMS/SQL Server,MS/SQL Server,MySQLMS SQL Server, .Net Framework, IIS.MS IIS"/>
        <s v=".Net.NetIncludes Sybase IQWindowsSybase.Net"/>
        <s v="SQL Server Database, SSRS, SSAS, .NET Framework, SAS, SAS EG, MS Excel, File Server, IIS, Oracle Client, Windows, Active Directory.Net,5: SQL Server 2016WindowsMS/SQL Server,MS/SQL ServerSQL Server Database, SSRS, SSAS, .NET Framework, SAS, SAS EG, MS Excel, File Server, IIS, Oracle Client, Windows, Active Directory4: W7 | ?: Windows Server ? | IIS 7.0"/>
        <s v="SQL Server Database, SSRS, .NET Framework, SAS, SAS EG, MS Excel, File Server, IIS, Windows, Active Directory.NetSQL Server 2014 SP2WindowsMS/SQL Server,MS/SQL ServerSQL Server Database, SSRS, .NET Framework, SAS, SAS EG, MS Excel, File Server, IIS, Windows, Active Directory"/>
        <s v="Oracle RDMS, MS SQL Server, Apache Tomcat, JavaTomcatAIX,Linux on Z RHEL,WindowsMS/SQL Server,MS/SQL Server,OracleOracle RDMS, MS SQL Server, Apache Tomcat, Java"/>
        <s v="PostGreSQL, Apache, Python, JSON, CKANLinux on Z RHELPostGreSQL, Apache, Python, JSON, CKANApache"/>
        <s v="Java, EAIPWebsphereLinux on Z RHELOracleJava, EAIPApache"/>
        <s v="ASP.net MVC; C#; MS SQL Server; IIS.NetWindowsMS/SQL Server,MS/SQL ServerASP.net MVC; C#; MS SQL Server; IISMS IIS"/>
        <s v="Client ServerHPUXOracleClient Server"/>
        <s v=".Net00HPUX,Oracle00MS IIS"/>
        <s v="Application Server (Web):  Windows 2008 and IIS 7.0 or above , .Net Framework 4.5.2, Oracle Client 11gR2 EN with the Oracle 11g 64bit ODP.NET driver for .NET 4.0 Database Server: Oracle 11g DBMS Workstation: .Net framework 4.5.2, Internet Explorer 11, A .txt compatible viewer , Oracle Client 11gR2 EN with Oracle 11g 64bit ODP.NET driver for .NET 4.0, Windows 7..NetHPUXOracleApplication Server (Web):  Windows 2008 and IIS 7.0 or above , .Net Framework 4.5.2, Oracle Client 11gR2 EN with the Oracle 11g 64bit ODP.NET driver for .NET 4.0 Database Server: Oracle 11g DBMS Workstation: .Net framework 4.5.2, Internet Explorer 11, A .txt compatible viewer , Oracle Client 11gR2 EN with Oracle 11g 64bit ODP.NET driver for .NET 4.0, Windows 7.MS IIS"/>
        <s v=".Net00HPUXOracle00MS IIS"/>
        <s v=".Net0HPUXOracle00MS IIS"/>
        <s v=".NetHPUXOracleMS IIS"/>
        <s v="Database Server: Oracle 11g DBMS Workstation: .Net framework 4.0, Internet Explorer 11,  Oracle Client 11gR2 EN with Oracle 11g 64bit ODP.NET driver for .NET 4.0, Windows 7, A PDF compatible viewer, Crystal Reports Runtime 13.NetHPUXOracleDatabase Server: Oracle 11g DBMS Workstation: .Net framework 4.0, Internet Explorer 11,  Oracle Client 11gR2 EN with Oracle 11g 64bit ODP.NET driver for .NET 4.0, Windows 7, A PDF compatible viewer, Crystal Reports Runtime 13MS IIS"/>
        <s v="IIS, MS.NET 4, Oracle 11g.NetHPUXOracleIIS, MS.NET 4, Oracle 11gMS IIS"/>
        <s v="Oracle &amp; Web server.NetHPUXOracleOracle &amp; Web serverMS IIS"/>
        <s v="HPUXOracleApache,"/>
        <s v="Geographical Mapping Service, Scheduling Service.NetUses older CLF standard, marked for containment0HPUXOracleGeographical Mapping Service, Scheduling Service00MS IIS"/>
        <s v="Application Server (Web):  Windows 2008 and IIS 7.0 or above , .Net Frmaework 4.0, Oracle Client 11gR2 EN with the Oracle 11g 64bit ODP.NET driver for .NET 4.0 Database Server: Oracle 11g DBMS Workstation: .Net framework 4.0, Internet Explorer 7 and above,  Oracle Client 11gR2 EN with Oracle 11g 64bit ODP.NET driver for .NET 4.0, Windows XP or more recent version of Windows.NetHPUXOracleApplication Server (Web):  Windows 2008 and IIS 7.0 or above , .Net Frmaework 4.0, Oracle Client 11gR2 EN with the Oracle 11g 64bit ODP.NET driver for .NET 4.0 Database Server: Oracle 11g DBMS Workstation: .Net framework 4.0, Internet Explorer 7 and above,  Oracle Client 11gR2 EN with Oracle 11g 64bit ODP.NET driver for .NET 4.0, Windows XP or more recent version of WindowsMS IIS"/>
        <s v="00HPUXOracle00MS IIS"/>
        <s v="00Oracle00"/>
        <s v="Geographical Mapping Service.NetUses older CLF standard, but soon to be upgradedHPUXOracleGeographical Mapping ServiceUses older hardware but soon to be upgraded in October 2013Uses Windows Server 2003 but soon to be upgraded to Windows Server 2008 R2 in October 2013MS IIS"/>
        <s v="Windows00"/>
        <s v=".NET, Oracle, IIS.Net00HPUXOracle.NET, Oracle, IIS00MS IIS"/>
        <s v="Client Server00HPUXOracleClient Server00"/>
        <s v=".Net00HPUXOracleTC StandardTC StandardMS IIS"/>
        <s v=".Net00WindowsOracleTC StandardTC StandardMS IIS"/>
        <s v=".Net00WindowsMS/SQL Server,MS/SQL Server00MS IIS"/>
        <s v=".NetHPUX,OracleMS IIS"/>
        <s v="Citrix Thin-client Service.Net00HPUX,OracleCitrix Thin-client Service00"/>
        <s v=".NetUses older CLF standard, marked for containmentHPUXOracleMS IIS"/>
        <s v="Oracle, IIS.Net0HPUXOracleOracle, IISMS IIS"/>
        <s v="IIS, .NET.NetIIS, .NETMS IIS"/>
        <s v=".NET, web.NetOracle Database 11g Enterprise Edition Release 11.2.0.4.0 - 64bit Production.NET, webWindow Server 2008 R2MS IIS"/>
        <s v="00HPUXOracleTC StandardTC StandardMS IIS"/>
        <s v="000MS IIS"/>
        <s v="User Authentication (CGKey, Federation of Credentials).Net0HPUXOracleUser Authentication (CGKey, Federation of Credentials)00MS IIS"/>
        <s v="00WindowsOracleTC StandardTC StandardMS IIS"/>
        <s v="Legacy Non-End State"/>
        <s v=".NetWindowsOracleTC StandardTC StandardMS IIS"/>
        <s v="HPUXOracleTC StandardTC StandardMS IIS"/>
        <s v="00WindowsMS/SQL Server,MS/SQL Server00"/>
        <s v="HPUXOracleMS IIS"/>
        <s v="Application Server (Web):  Windows 2008 and IIS 7.0 or above , .Net Frmaework 4.0, Oracle Client 11gR2 EN with the Oracle 11g 64bit ODP.NET driver for .NET 4.0, Crystal Reports Runtime 13 Database Server: Oracle 11g DBMS Workstation: .Net framework 4.5.2, Internet Explorer 7 and above,  Oracle Client 11gR2 EN with Oracle 11g 64bit ODP.NET driver for .NET 4.0, Crystal Reports Runtime 13, Windows 7, A PDF compatible viewer, A CSV compatible viewer.NetHPUXOracleApplication Server (Web):  Windows 2008 and IIS 7.0 or above , .Net Frmaework 4.0, Oracle Client 11gR2 EN with the Oracle 11g 64bit ODP.NET driver for .NET 4.0, Crystal Reports Runtime 13 Database Server: Oracle 11g DBMS Workstation: .Net framework 4.5.2, Internet Explorer 7 and above,  Oracle Client 11gR2 EN with Oracle 11g 64bit ODP.NET driver for .NET 4.0, Crystal Reports Runtime 13, Windows 7, A PDF compatible viewer, A CSV compatible viewerMS IIS"/>
        <s v=".Net0Poor data and application architectureHPUXOracleTC StandardTC StandardMS IIS"/>
        <s v="00HPUXOracle00"/>
        <s v=".Net00Windows,WindowsOracle0MS IIS,"/>
        <s v="Application Server (Web):  Windows 2008 and IIS 7.0 or above , .Net Frmaework 4.0, Oracle Client 11gR2 EN with the Oracle 11g 64bit ODP.NET driver for .NET 4.0 Database Server: Oracle 11g DBMS Infrastructure: Active Directory, Public folders Workstation: .Net framework 4.5.2, Internet Explorer 11,  Oracle Client 11gR2 EN with Oracle 11g 64bit ODP.NET driver for .NET 4.0, Windows 7.NetHPUXOracleApplication Server (Web):  Windows 2008 and IIS 7.0 or above , .Net Frmaework 4.0, Oracle Client 11gR2 EN with the Oracle 11g 64bit ODP.NET driver for .NET 4.0 Database Server: Oracle 11g DBMS Infrastructure: Active Directory, Public folders Workstation: .Net framework 4.5.2, Internet Explorer 11,  Oracle Client 11gR2 EN with Oracle 11g 64bit ODP.NET driver for .NET 4.0, Windows 7MS IIS"/>
        <s v="File Transfer.Net00HPUXOracleFile Transfer00MS IIS"/>
        <s v="User Authentication (Entrust).Net00HPUXOracleUser Authentication (Entrust)00MS IIS"/>
        <s v="00HPUX00MS IIS"/>
        <s v=".NetUses older CLF standard, marked for containment0HPUXOracle00MS IIS"/>
        <s v=".Net00HPUX,Oracle00MS IIS,"/>
        <s v="Application Server (Web):  Windows 2008 and IIS 7.0 or above , .Net Framework 3.5, Oracle Client 11gR2 EN with the Oracle 11g 64bit ODP.NET driver for .NET 4.0 Database Server: Oracle 11g DBMS Workstation: .Net Framework 3.5, Internet Explorer 11, Oracle Client 11gR2 EN with Oracle 11g 64bit ODP.NET driver for .NET 4.0, Windows 7..NetHPUXOracleApplication Server (Web):  Windows 2008 and IIS 7.0 or above , .Net Framework 3.5, Oracle Client 11gR2 EN with the Oracle 11g 64bit ODP.NET driver for .NET 4.0 Database Server: Oracle 11g DBMS Workstation: .Net Framework 3.5, Internet Explorer 11, Oracle Client 11gR2 EN with Oracle 11g 64bit ODP.NET driver for .NET 4.0, Windows 7.MS IIS"/>
        <s v="Application Server (Web):  Windows 2008 and IIS 7.0 or above , .Net Framework 3.5, Oracle Client 11gR2 EN with the Oracle 11g 64bit ODP.NET driver for .NET 4.0 Database Server: Oracle 11g DBMS Workstation: .Net Framework 3.5, Internet Explorer 11,  Oracle Client 11gR2 EN with Oracle 11g 64bit ODP.NET driver for .NET 4.0, Windows 7..NetHPUXOracleApplication Server (Web):  Windows 2008 and IIS 7.0 or above , .Net Framework 3.5, Oracle Client 11gR2 EN with the Oracle 11g 64bit ODP.NET driver for .NET 4.0 Database Server: Oracle 11g DBMS Workstation: .Net Framework 3.5, Internet Explorer 11,  Oracle Client 11gR2 EN with Oracle 11g 64bit ODP.NET driver for .NET 4.0, Windows 7.MS IIS"/>
        <s v="File TransferOracleFile TransferMS IIS"/>
        <s v="Oracle, IIS, MS AccessWindowsOracle,Oracle, IIS, MS Access00MS IIS"/>
        <s v="Microsoft OfficeWindowsMicrosoft Office"/>
        <s v="Microsoft Office00WindowsMicrosoft Office00"/>
        <s v=".NET, Oracle.Net0HPUXOracle.NET, OracleMS IIS"/>
        <s v="00Oracle00MS IIS,"/>
        <s v="Microsoft WordWindowsMicrosoft Word"/>
        <s v="Oracle &amp; Web server.Net00HPUXOracleOracle &amp; Web server00MS IIS"/>
        <s v=".Net00Oracle0MS IIS,"/>
        <s v=".Net000"/>
        <s v="MS Visual Basic 5.000MS Visual Basic 5.000"/>
        <s v="0HPUXOracle00MS IIS"/>
        <s v="Application Server (Web):  Windows 2008 and IIS 7.0 or above , .Net Framework 4.0, Oracle Client 11gR2 EN with the Oracle 11g 64bit ODP.NET driver for .NET 4.0 Database Server: Oracle 11g DBMS Workstation: .Net framework 4.5.2, Internet Explorer 11, A .txt compatible viewer , Oracle Client 11gR2 EN with Oracle 11g 64bit ODP.NET driver for .NET 4.0, Windows 7..NetHPUXOracleApplication Server (Web):  Windows 2008 and IIS 7.0 or above , .Net Framework 4.0, Oracle Client 11gR2 EN with the Oracle 11g 64bit ODP.NET driver for .NET 4.0 Database Server: Oracle 11g DBMS Workstation: .Net framework 4.5.2, Internet Explorer 11, A .txt compatible viewer , Oracle Client 11gR2 EN with Oracle 11g 64bit ODP.NET driver for .NET 4.0, Windows 7.MS IIS"/>
        <s v="Oracle, Forte0HPUXOracleOracle, Forte"/>
        <s v="Business Intelligence (OLAP).Net0HPUXBusiness Intelligence (OLAP)00MS IIS"/>
        <s v="Application Server (Web):  Windows 2008 and IIS 7.0 or above , .Net Frmaework 4.0, Oracle Client 11gR2 EN with the Oracle 11g 64bit ODP.NET driver for .NET 4.0, Crystal Reports Runtime 13 Database Server: Oracle 11g DBMS Workstation: .Net framework 4.0, Internet Explorer 11,  Oracle Client 11gR2 EN with Oracle 11g 64bit ODP.NET driver for .NET 4.0, Crystal Reports Runtime 13, Windows 7, A PDF compatible viewer, A CSV compatible viewer.NetHPUXOracleApplication Server (Web):  Windows 2008 and IIS 7.0 or above , .Net Frmaework 4.0, Oracle Client 11gR2 EN with the Oracle 11g 64bit ODP.NET driver for .NET 4.0, Crystal Reports Runtime 13 Database Server: Oracle 11g DBMS Workstation: .Net framework 4.0, Internet Explorer 11,  Oracle Client 11gR2 EN with Oracle 11g 64bit ODP.NET driver for .NET 4.0, Crystal Reports Runtime 13, Windows 7, A PDF compatible viewer, A CSV compatible viewerMS IIS"/>
        <s v=".NetHPUXOracleTC StandardTC StandardMS IIS"/>
        <s v="Database Server: Oracle 11g DBMS Workstation: .Net framework 4.0,  Oracle Client 11gR2 EN with Oracle 11g 32bit ODP.NET driver for .NET 4.0, Windows 7.NetHPUXOracleDatabase Server: Oracle 11g DBMS Workstation: .Net framework 4.0,  Oracle Client 11gR2 EN with Oracle 11g 32bit ODP.NET driver for .NET 4.0, Windows 7MS IIS"/>
        <s v="Oracle, IIS, MS Access.NetWindowsOracle,Oracle, IIS, MS Access00MS IIS"/>
        <s v="Crystal Report 10.2, Edraw, Outlook. TCMailer, Excel, Word, Infragistics, PDF, Active Directory, RDIMS, SQL Server.Net,SQL0WindowsMS/SQL Server,MS/SQL ServerCrystal Report 10.2, Edraw, Outlook. TCMailer, Excel, Word, Infragistics, PDF, Active Directory, RDIMS, SQL Server00"/>
        <s v="0HPUXOracle00"/>
        <s v="00Windows,WindowsOracle00MS IIS,"/>
        <s v="SQL Server 2008 or 2012WindowsMS/SQL Server,MS/SQL ServerSQL Server 2008 or 2012"/>
        <s v="Oracle DataBase,OAM, OID, SSOWeblogicHPUX,Linux RHEL x86Oracle,Oracle DataBase,OAM, OID, SSOLinux RHEL 6Apache,"/>
        <s v=".Net,HPUXOracleMS IIS"/>
        <s v="Oracle Database,TomcatOracle 11g R2HPUXOracleOracle Database,VMWindows Server 2008 R2 SP1Apache"/>
        <s v="Oracle RDBMS; Java; LDAPWeblogicHPUX,Linux RHEL x86OracleOracle RDBMS; Java; LDAPLinux RHEL 6Apache"/>
        <s v=".Net00HPUXOracle00"/>
        <s v="IIS, MS.NET 4, Oracle 11g, Crystal Reports.NetHPUXOracleIIS, MS.NET 4, Oracle 11g, Crystal ReportsMS IIS"/>
        <s v="Oracle RDBMS; Oracle Data Integrator; LDAP; SSOWeblogicHPUX,Linux RHEL x86Oracle,Oracle RDBMS; Oracle Data Integrator; LDAP; SSOLinux RHEL 6 / Windows Server 2003Apache,MS IIS"/>
        <s v="Oracle DataBase, SAP Business ObjectsHPUXOracleOracle DataBase, SAP Business ObjectsMS IIS"/>
        <s v="OracleLinux RHEL x86OracleOracle"/>
        <s v="Application Server (Web):  Windows 2008 and IIS 7.0 or above , .Net Frmaework 4.0, Oracle Client 11gR2 EN with the Oracle 11g 64bit ODP.NET driver for .NET 4.0 Database Server: Oracle 11g DBMS Workstation: .Net framework 4.5.2, Internet Explorer 11,  Oracle Client 11gR2 EN with Oracle 11g 64bit ODP.NET driver for .NET 4.0, Windows 7.NetHPUXOracleApplication Server (Web):  Windows 2008 and IIS 7.0 or above , .Net Frmaework 4.0, Oracle Client 11gR2 EN with the Oracle 11g 64bit ODP.NET driver for .NET 4.0 Database Server: Oracle 11g DBMS Workstation: .Net framework 4.5.2, Internet Explorer 11,  Oracle Client 11gR2 EN with Oracle 11g 64bit ODP.NET driver for .NET 4.0, Windows 7MS IIS"/>
        <s v="Oracle, IIS.NetHPUXOracleOracle, IISMS IIS"/>
        <s v=".NetHPUX,Oracle"/>
        <s v=".Net,00HPUXOracle00MS IIS"/>
        <s v="Oracle DatabaseTomcatOracle 11g R2HPUXOracleOracle DatabaseVMWindows Server 2008 R1Apache"/>
        <s v="COTS product with an application server running on a Windows 2003 virtual server, an oracle 11gR2 database  running on an HP Unix server and a client piece currently running on Windows XP SP3.TomcatStandard Client-Application Server-Database Server configuration.HPUXOracleCOTS product with an application server running on a Windows 2003 virtual server, an oracle 11gR2 database  running on an HP Unix server and a client piece currently running on Windows XP SP3.Vmware supplied virtual serverWindows Server 2003"/>
        <s v="Oracle, .net.Net00HPUXOracleOracle, .net00"/>
        <s v="00WindowsOracle00MS IIS,"/>
        <s v="WindowsOracleTC StandardTC Standard"/>
        <s v=".Net000MS IIS,"/>
        <s v="IIS.NetIISMS IIS"/>
        <s v="Oracle, IIS, LDAP.NetHPUXOracleOracle, IIS, LDAPMS IIS"/>
        <s v="No special technologies.NetHPUXOracleNo special technologiesMS IIS"/>
        <s v="MS Access, ExcelWindowsMS Access, Excel00"/>
        <s v=".NetPoor data and application architectureHPUXOracleTC StandardTC StandardMS IIS"/>
        <s v="ExcelWindowsExcel00"/>
        <s v="Oracle, .net.Net00HPUXOracleOracle, .net00MS IIS"/>
        <s v="GSA Server, IISGSA Server, IISMS IIS"/>
        <s v=".Net00HPUX,Oracle00"/>
        <s v="Entrust, Oracle, .net.Net00HPUXOracleEntrust, Oracle, .net00"/>
        <s v="Citrix Thin-client Service.Net00HPUXOracleCitrix Thin-client Service00"/>
        <s v="COTSTomcatMicrosoft SQL Server 2008 R2 10.52.4000.0WindowsCOTSWindow Server 2008 R2MS IIS"/>
        <s v="Oracle Data Integrator, Business Objects00HPUXOracleOracle Data Integrator, Business Objects00MS IIS"/>
        <s v="Secure interface to CBN00HPUXOracleSecure interface to CBN00"/>
        <s v="WindowsTC StandardTC StandardMS IIS"/>
        <s v=".Net.NetLEIS was over-engineeredHPUXOracle.NetProblems with Windows 10MS IIS"/>
        <s v="Weblogic00WindowsTC StandardTC StandardMS IIS"/>
        <s v="00WindowsTC StandardTC StandardMS IIS"/>
        <s v=".Net00WindowsMS/SQL Server,MS/SQL Server00MS IIS,"/>
        <s v="Web ServiceWeb ServiceMS IIS"/>
        <s v="Windows Server, .NET.NetRequires SQL Server 2008R2 or laterWindowsMS/SQL Server,MS/SQL ServerWindows Server, .NETMust run Windows Server 2008 R2 or higherWindows Server 2008 R2 minimumMS IIS"/>
        <s v="ExcelExcelWindowsExcelExcel"/>
        <s v="0000"/>
        <s v=".NetAvailability, Scalability &amp; Performance (ASP) – The application design does not meet current ASP requirements, but can be modified to meet them without excessive cost or risk.Used Access database_x000a_Database / Data Model that are not part of enterprise standards or wise does not qualify for a score of 1 or better..All standard / mainstream hardware (h/w) platforms as specified by enterprise standardsWeb application_x000a_All standard / mainstream operating system(s) (OS) as specified by enterprise standards"/>
        <s v="MS Access FormMS Access FormWindowsMS Access FormMS Access Form"/>
        <s v=".Net00WindowsOracle00MS IIS"/>
        <s v="Oracle Database 11g Enterprise Edition Release 11.2.0.4.0 - 64bit ProductionWindow Server 2008 R2"/>
        <s v="MS SqlServer, .Net.NetWindowsMS/SQL Server,MS/SQL ServerMS SqlServer, .Net"/>
        <s v=".Net00HPUXOracle00MS IIS,"/>
        <s v=".Net0000"/>
        <s v="Application Server (Web):  Windows 2008 and IIS 7.0 or above , .Net Frmaework 4.0  Database Server: SQL Server 2012 DBMS Workstation: .Net framework 4.5.2, Internet Explorer 11, Windows 7.NetWindowsMS/SQL Server,MS/SQL ServerApplication Server (Web):  Windows 2008 and IIS 7.0 or above , .Net Frmaework 4.0  Database Server: SQL Server 2012 DBMS Workstation: .Net framework 4.5.2, Internet Explorer 11, Windows 7MS IIS"/>
        <s v="Windows 700WindowsWindows 7TC StandardTC Standard"/>
        <s v="AD, Oracle DB.NetHPUXOracleAD, Oracle DBMS IIS"/>
        <s v="Oracle.NetHPUXOracleOracle"/>
        <s v=".NET, MVC, Oracle.NetHPUXOracle.NET, MVC, OracleMS IIS"/>
        <s v="Application Server (Web):  Windows 2008 and IIS 7.0 or above , .Net Framework 4.5, Oracle Client 11gR2 EN with the Oracle 11g 64bit ODP.NET driver for .NET 4.0 Database Server: Oracle 11g DBMS.NetHPUXOracleApplication Server (Web):  Windows 2008 and IIS 7.0 or above , .Net Framework 4.5, Oracle Client 11gR2 EN with the Oracle 11g 64bit ODP.NET driver for .NET 4.0 Database Server: Oracle 11g DBMSMS IIS"/>
        <s v="C#, APIs, IIS.NetC#, APIs, IISMS IIS"/>
        <s v="Microsft Dynamics CRMMicrosft Dynamics CRM"/>
        <s v=".net, oracle, iis.NetWindowsOracle.net, oracle, iisMS IIS"/>
        <s v="SQL Server 2014, Microsoft .Net 3.5.NetWindowsMS/SQL Server,MS/SQL ServerSQL Server 2014, Microsoft .Net 3.5"/>
        <s v="SQL Server Express 2014, Microsoft .Net 3.5.NetWindowsMS/SQL Server,MS/SQL ServerSQL Server Express 2014, Microsoft .Net 3.5"/>
        <s v="Oracle 11G, Adobe Flash, Apache TOMCAT JBoss 5.1TomcatHPUXOracleOracle 11G, Adobe Flash, Apache TOMCAT JBoss 5.1Apache"/>
        <s v=".NET, ASP, OracleHPUXOracle.NET, ASP, OracleMS IIS"/>
        <s v="Client Server00HPUXClient Server00"/>
        <s v="All standard (IIS, .Net).Net00All standard (IIS, .Net)TC StandardTC StandardMS IIS"/>
        <s v="WindowsOracleMS IIS,"/>
        <s v="C#, IIS.NetHPUXOracleC#, IISMS IIS"/>
        <s v="UnknownUnknownMS IIS"/>
        <s v="COTS.NetOracleCOTSWindows ServerMS IIS"/>
        <s v="COTSWebsphereIBM WebSphereOracleCOTSWindows Server"/>
        <s v="All standard (IIS, .Net).NetAll standard (IIS, .Net)MS IIS"/>
        <s v="Windows 7/8.1/10 Operating system for SASEG, Windows Server 2008 R2 for SAS BaseWindowsWindows 7/8.1/10 Operating system for SASEG, Windows Server 2008 R2 for SAS Base"/>
        <s v="Application Server (Web):  Windows 2008 and IIS 7.0 or above , .Net Framework 4.5, Oracle Client 11gR2 EN with the Oracle 11g 64bit ODP.NET driver for .NET 4.0 Database Server: Oracle 11g DBMS.Net00HPUXOracleApplication Server (Web):  Windows 2008 and IIS 7.0 or above , .Net Framework 4.5, Oracle Client 11gR2 EN with the Oracle 11g 64bit ODP.NET driver for .NET 4.0 Database Server: Oracle 11g DBMS00MS IIS"/>
        <s v="Application Server (Web):  Windows 2008 and IIS 7.0 or above , .Net Framework 4.0, Oracle Client 11gR2 EN with the Oracle 11g 64bit ODP.NET driver for .NET 4.0 Database Server: Oracle 11g DBMS.Net00HPUXOracleApplication Server (Web):  Windows 2008 and IIS 7.0 or above , .Net Framework 4.0, Oracle Client 11gR2 EN with the Oracle 11g 64bit ODP.NET driver for .NET 4.0 Database Server: Oracle 11g DBMS00MS IIS"/>
        <s v="Application Server (Web):  Windows 2008 and IIS 7.0 or above , .Net Framework 4.5, LDAP.Net00Application Server (Web):  Windows 2008 and IIS 7.0 or above , .Net Framework 4.5, LDAP00"/>
        <s v="Application Server (Web):  Windows 2008 and IIS 7.0 or above , .Net Framework 4.5,SQLServer DBMS.Net00WindowsMS/SQL Server,MS/SQL ServerApplication Server (Web):  Windows 2008 and IIS 7.0 or above , .Net Framework 4.5,SQLServer DBMS00MS IIS"/>
        <s v="Oracle 11G R2 ODBC driver.Net00HPUXOracleOracle 11G R2 ODBC driver00"/>
        <s v="All standard (IIS, .Net).NetApplication leverages databases from  applications.HPUXOracleAll standard (IIS, .Net)MS IIS"/>
        <s v="IIS 7.0 or above, .Net Framework 4.5.2, Entity Framework 6, Oracle Client 12c (12.1) and ODP.Net driver.NetHPUXOracleIIS 7.0 or above, .Net Framework 4.5.2, Entity Framework 6, Oracle Client 12c (12.1) and ODP.Net driverMS IIS"/>
        <s v="Windows Server 2008 R2, IIS 7.5, Oracle 11gR2, .Net Framework 4.0.NetOracle 11gR2HPUX,HPUXOracle,OracleWindows Server 2008 R2, IIS 7.5, Oracle 11gR2, .Net Framework 4.0virtual x86Windows Server 2008 R2 StandardMS IIS"/>
        <s v=".Net, Oracle, SQL Lite.NetHPUX,WindowsOracle,.Net, Oracle, SQL Lite"/>
        <s v="Windows 2008 and IIS 7.0 or above , .Net Framework 4.5.2, Oracle Client 11gR2 EN with the Oracle 11g 64bit ODP.NET driver for .NET 4.0, Oracle 11g DBMS, .Net framework 4.5.2, Internet Explorer 11,.NetHPUXOracleWindows 2008 and IIS 7.0 or above , .Net Framework 4.5.2, Oracle Client 11gR2 EN with the Oracle 11g 64bit ODP.NET driver for .NET 4.0, Oracle 11g DBMS, .Net framework 4.5.2, Internet Explorer 11,MS IIS"/>
        <s v="Windows 2008 and IIS 7.0 or above , .Net Framework 4.6.1 , Database Server: SQL Server 2014 DBMS Workstation: .Net Framework 4.6.1, Internet Explorer 11..NetWindowsMS/SQL Server,MS/SQL ServerWindows 2008 and IIS 7.0 or above , .Net Framework 4.6.1 , Database Server: SQL Server 2014 DBMS Workstation: .Net Framework 4.6.1, Internet Explorer 11.MS IIS"/>
        <s v="GCKey.Net00WindowsMS/SQL Server,MS/SQL ServerGCKey00MS IIS"/>
        <s v="MSSQL, Microsoft IISWindowsMS/SQL Server,MS/SQL ServerMSSQL, Microsoft IISMS IIS"/>
        <s v="MSSQL, Microsoft IIS.NetWindowsMS/SQL Server,MS/SQL ServerMSSQL, Microsoft IISMS IIS"/>
        <s v="SQL Database, Oracle Sun one, IIS,TomcatWindowsMS/SQL Server,MS/SQL ServerSQL Database, Oracle Sun one, IIS,MS IIS"/>
        <s v="SQL Database, IISWindowsMS/SQL Server,MS/SQL ServerSQL Database, IISMS IIS"/>
        <s v="MSSQL, Microsoft IISTomcatWindowsMS/SQL Server,MS/SQL ServerMSSQL, Microsoft IISMS IIS"/>
        <s v="Database, WebLogicWeblogicWindowsMS/SQL Server,MS/SQL ServerDatabase, WebLogic"/>
        <s v="WindowsMS/SQL Server,MS/SQL ServerApache,"/>
        <s v="Database, SAPGUI (frontend)WindowsMS/SQL Server,MS/SQL ServerDatabase, SAPGUI (frontend)"/>
        <s v="TomcatData model / documentation is not available at allLinux SLES x86OracleApache"/>
        <s v="MS Access, MS OutlookWindowsMS Access, MS Outlook"/>
        <s v="Linux RHEL x86,Linux SLES x86MySQL,Oracle,SybaseApache"/>
        <s v="MS VB 6, MS Access, MS Word, MS Excel, MS Outlook, MS IE, GCDocsWindowsMS VB 6, MS Access, MS Word, MS Excel, MS Outlook, MS IE, GCDocs"/>
        <s v="MSSQL, Microsoft IIS.Net,TomcatWindowsMS/SQL Server,MS/SQL ServerMSSQL, Microsoft IISMS IIS"/>
        <s v=".net.NetWindowsMySQL.netSQL 2005MS IIS"/>
        <s v=".net and Sharepoint.Net,WindowsMS/SQL Server,MS/SQL Server,.net and SharepointMS IIS"/>
        <s v="SAP BITomcatWindowsMS/SQL Server,MS/SQL ServerSAP BIApache"/>
        <s v=".net_x000a_Sharepoint.NetWindowsMS/SQL Server,MS/SQL Server.net_x000a_SharepointMS IIS"/>
        <s v="JIRA_x000a_.netTomcatWindowsMS/SQL Server,MS/SQL ServerJIRA_x000a_.netMS IIS"/>
        <s v="JIRATomcatWindowsMS/SQL Server,MS/SQL ServerJIRAMS IIS"/>
        <s v="The one PC has the main product in a stand alone mode.  The 95 clickpads interact with the application.The one PC has the main product in a stand alone mode.  The 95 clickpads interact with the application.MS IIS"/>
        <s v="TomcatWindowsMS/SQL Server,MS/SQL ServerMS IIS"/>
        <s v="TBS websiteTBS website"/>
        <s v=".NetWindowsMS/SQL Server,MS/SQL ServerAssume SSC meets or surpasses current standards.MS IIS"/>
        <s v="SQL_x000a_IISWindowsMS/SQL Server,MS/SQL ServerSQL_x000a_IISMS IIS"/>
        <s v="assume SSC is evergreenassume SSC is evergreen"/>
        <s v="Active Directory (for Authentication), Citrix Servers (Medavie Use Only), Oracle Database, WebSphere AppServer, MQ Series, PowerBuilder 10.5, Desktop, Batch, Managed Secure File Transfer, Data Exchange with PSPC, Medavie, ESDC, DND, CRA, CVVRS Sunlife via MSFT, FTP, VAC Webservices, VAC Scheduler, Adobe LiveCycle, Integrates with Document Management, Integrates with  Systems APIs, WordPerfectWebsphereStruts 1.xx is EOL and VAC needs to migrate to Struts 2.xxdb model not in the db modeling tool yetHPUXOracleActive Directory (for Authentication), Citrix Servers (Medavie Use Only), Oracle Database, WebSphere AppServer, MQ Series, PowerBuilder 10.5, Desktop, Batch, Managed Secure File Transfer, Data Exchange with PSPC, Medavie, ESDC, DND, CRA, CVVRS Sunlife via MSFT, FTP, VAC Webservices, VAC Scheduler, Adobe LiveCycle, Integrates with Document Management, Integrates with  Systems APIs, WordPerfectall hardware scored the same, re: windows and unix hardware runs on hardware 3+ yrs with majority being 5+ yrs oldHPUX not supported in End State Data Center"/>
        <s v="GCKey/Secure Key concierge using Get Access (for Authentication), Active Directory and_x000a_Custom User ID and Password (for Authentication),_x000a_Websphere Application Server, MS IIS Presentation Layer (DMZ (IIS HTTP server with SSL certs, with Internal/Exetrnal Firewalls, WAF, IDPS)), Oracle Database, MQ Series,_x000a_SMTP Email Integration, Java 7, StrutsWebsphereStruts 1.xx is EOL and VAC needs to migrate to Struts 2.xxData Model not up-to-date electronic versionHPUXOracleGCKey/Secure Key concierge using Get Access (for Authentication), Active Directory and_x000a_Custom User ID and Password (for Authentication),_x000a_Websphere Application Server, MS IIS Presentation Layer (DMZ (IIS HTTP server with SSL certs, with Internal/Exetrnal Firewalls, WAF, IDPS)), Oracle Database, MQ Series,_x000a_SMTP Email Integration, Java 7, Strutsall hardware scored the same, re: windows and unix hardware runs on hardware 3+ yrs with majority being 5+ yrs oldHPUX not supported in End State Data CenterMS IIS"/>
        <s v="Active Directory (for Authentication), Websphere Application Server, Websphere Presentation Layer, Oracle Database, Java 7, StrutsWebsphereHPUXOracleActive Directory (for Authentication), Websphere Application Server, Websphere Presentation Layer, Oracle Database, Java 7, Strutsall hardware scored the same, re: windows and unix hardware runs on hardware 3+ yrs with majority being 5+ yrs oldHPUX not supported in End State Data Center"/>
        <s v="Active Directory (for Authentication), Websphere Application Server, Websphere Presentation Layer,_x000a_Oracle Database, Java 7, StrutsWebsphereStruts 1.xx is EOL and VAC needs to migrate to Struts 2.xx frameworkHPUXOracleActive Directory (for Authentication), Websphere Application Server, Websphere Presentation Layer,_x000a_Oracle Database, Java 7, Strutsall hardware scored the same, re: windows and unix hardware runs on hardware 3+ yrs with majority being 5+ yrs oldHPUX not supported in End State Data Center"/>
        <s v="Active Directory (for Authentication), Websphere Application Server, Websphere Presentation Layer, Oracle Database, MQ Series, Email Integration, Java 7, Struts,_x000a_Adobe LiveCycle, Managed Secure File Transfer, Data Exchange with VAC Webservices via PSPC, Integrates with Document Management, Integrates with  Systems APIsWebsphereStruts 1.xx is EOL and VAC needs to migrate to Struts 2.xx frameworkdb model not in the db modeling tool yetHPUXOracleActive Directory (for Authentication), Websphere Application Server, Websphere Presentation Layer, Oracle Database, MQ Series, Email Integration, Java 7, Struts,_x000a_Adobe LiveCycle, Managed Secure File Transfer, Data Exchange with VAC Webservices via PSPC, Integrates with Document Management, Integrates with  Systems APIsall hardware scored the same, re: windows and unix hardware runs on hardware 3+ yrs with majority being 5+ yrs oldHPUX not supported in End State Data Center"/>
        <s v="Custom User ID and Password (for Authentication),_x000a_Oracle Database, DesktopHPUXOracleCustom User ID and Password (for Authentication),_x000a_Oracle Database, Desktopall hardware scored the same, re: windows and unix hardware runs on hardware 3+ yrs with majority being 5+ yrs oldDesktop Thick Client only (Win7) to Oracle DB (on HPUX 11.31)"/>
        <s v="Active Directory (for Authentication), Websphere Application Server, MS IIS 7.5 Presentation Layer,_x000a_Websphere Presentation Layer, Oracle Database,_x000a_Email Integration, PHP 5.3.9 (Old Version called OOS)WebsphereStruts 2.xxdb model not in the db modeling tool yetHPUXOracleActive Directory (for Authentication), Websphere Application Server, MS IIS 7.5 Presentation Layer,_x000a_Websphere Presentation Layer, Oracle Database,_x000a_Email Integration, PHP 5.3.9 (Old Version called OOS)all hardware scored the same, re: windows and unix hardware runs on hardware 3+ yrs with majority being 5+ yrs oldHPUX not supported in End State Data CenterMS IIS"/>
        <s v="MS Access Database, VB, Desktop, FormFlowAdj - Version of db olderMS Access Database, VB, Desktop, FormFlowall hardware scored the same, re: windows and unix hardware runs on hardware 3+ yrs with majority being 5+ yrs old"/>
        <s v="Oracle Database, Email Integration, Unicode, Desktop, SQL, Unix Scripting, BatchHPUXOracleOracle Database, Email Integration, Unicode, Desktop, SQL, Unix Scripting, Batchall hardware scored the same, re: windows and unix hardware runs on hardware 3+ yrs with majority being 5+ yrs oldHPUX B.11.31"/>
        <s v="GCKey/Secure Key concierge using Get Access (for Authentication), Custom User ID and Password (for Authentication), Active Directory (for Authentication),_x000a_Websphere Application Server, MS IIS Presentation Layer, DMZ (IIS HTTP server with SSL certs, with Internal/Exetrnal Firewalls, WAF, IDPS),  Websphere Presentation Layer,_x000a_Oracle Database, MQ Series, Email Integration, Java 7, struts 2, Batch, Adobe LiveCycle, Integrates with  Systems APIsWebsphereStruts 2.xxData Model not up-to-date electronic versionHPUXOracleGCKey/Secure Key concierge using Get Access (for Authentication), Custom User ID and Password (for Authentication), Active Directory (for Authentication),_x000a_Websphere Application Server, MS IIS Presentation Layer, DMZ (IIS HTTP server with SSL certs, with Internal/Exetrnal Firewalls, WAF, IDPS),  Websphere Presentation Layer,_x000a_Oracle Database, MQ Series, Email Integration, Java 7, struts 2, Batch, Adobe LiveCycle, Integrates with  Systems APIsall hardware scored the same, re: windows and unix hardware runs on hardware 3+ yrs with majority being 5+ yrs oldHPUX B.11.31MS IIS"/>
        <s v="Custom User ID and Password (for Authentication), Oracle Database, Desktop, Integrates with FreeBalance Systems, Integrates with PeopleSoftHPUXOracleCustom User ID and Password (for Authentication), Oracle Database, Desktop, Integrates with FreeBalance Systems, Integrates with PeopleSoftall hardware scored the same, re: windows and unix hardware runs on hardware 3+ yrs with majority being 5+ yrs oldDesktop Thick Client only to Oracle DB"/>
        <s v="Active Directory (for Authentication), Oracle DB, Websphere application Server, BatchWebsphereDB model not in the DB modeling tool yetHPUXOracleActive Directory (for Authentication), Oracle DB, Websphere application Server, Batchall hardware scored the same, re: windows and unix hardware runs on hardware 3+ yrs with majority being 5+ yrs oldHPUX not supported in End-State Data Centre"/>
        <s v="Active Directory (for Authentication), Websphere Application Server, Websphere Presentation Layer,_x000a_Oracle Database, Java 7, StrutsWebsphereStruts 1.xx is EOL and VAC needs to migrate to Struts 2.xx framework.HPUXOracleActive Directory (for Authentication), Websphere Application Server, Websphere Presentation Layer,_x000a_Oracle Database, Java 7, Strutsall hardware scored the same, re: windows and unix hardware runs on hardware 3+ yrs with majority being 5+ yrs oldHPUX not supported in End-State Data Centre"/>
        <s v="Active Directory (for Authentication), Websphere Application Server, Websphere Presentation Layer,_x000a_Oracle Database, Java, StrutsWebsphereHPUXOracleActive Directory (for Authentication), Websphere Application Server, Websphere Presentation Layer,_x000a_Oracle Database, Java, Strutsall hardware scored the same, re: windows and unix hardware runs on hardware 3+ yrs with majority being 5+ yrs old"/>
        <s v="Custom User ID and Password (for Authentication), Oracle Database, VB, DesktopHPUXOracleCustom User ID and Password (for Authentication), Oracle Database, VB, Desktopall hardware scored the same, re: windows and unix hardware runs on hardware 3+ yrs with majority being 5+ yrs oldDesktop Thick Client only to Oracle DB"/>
        <s v="E-Directory (for Authenicaiton), Citrix Server (regional access), Groupwise, Oracle DBHPUX,WindowsOracle,E-Directory (for Authenicaiton), Citrix Server (regional access), Groupwise, Oracle DBall hardware scored the same, re: windows and unix hardware runs on hardware 3+ yrs with majority being 5+ yrs oldhpux 11.31, uses maybe some citrix, very min."/>
        <s v="E-Directory (for Authenticatiion), Groupwise, Exchange, Oracle DBData Model not up-to-date electronic versionHPUXOracleE-Directory (for Authenticatiion), Groupwise, Exchange, Oracle DBall hardware scored the same, re: windows and unix hardware runs on hardware 3+ yrs with majority being 5+ yrs oldWindows"/>
        <s v="Oracle DB, AppServer, HTTP Server (IIS)HPUXOracleOracle DB, AppServer, HTTP Server (IIS)running on Processor -• 3.0 GHz Intel Xeon or AMD Opteronmigrated to version 2.5.4.  Using Window 8 Servers.MS IIS"/>
        <s v="website runs off MSSQL this app uses MSSQL database for storage, ColdFusion 11MS SQLHPUXOraclewebsite runs off MSSQL this app uses MSSQL database for storage, ColdFusion 11all hardware scored the same, re: windows and unix hardware runs on hardware 3+ yrs with majority being 5+ yrs oldhpux 11.31MS IIS"/>
        <s v="website runs off MSSQL this app uses MSSQL database for storage, ColdFusion 11WindowsMS/SQL Server,MS/SQL Serverwebsite runs off MSSQL this app uses MSSQL database for storage, ColdFusion 11SQL Server boxes are a physical cluster on Windows 2008 R2MS IIS"/>
        <s v="website runs off MSSQL this app uses MSSQL database for storage, ColdFusion 11MS SQLWindowsMS/SQL Server,MS/SQL Serverwebsite runs off MSSQL this app uses MSSQL database for storage, ColdFusion 11all hardware scored the same, re: windows and unix hardware runs on hardware 3+ yrs with majority being 5+ yrs oldSQL Server boxes are a physical cluster on Windows 2008 R2MS IIS"/>
        <s v="website runs off MSSQL this app uses oracle database for storage, ColdFusion 11MS SQLHPUX,WindowsMS/SQL Server,MS/SQL Server,Oraclewebsite runs off MSSQL this app uses oracle database for storage, ColdFusion 11all hardware scored the same, re: windows and unix hardware runs on hardware 3+ yrs with majority being 5+ yrs oldOracle (MNDB3073 10.245.44.43:1533)  SID: CVW1_x000a__x000a_HPUX not Supported in End State Data CentreMS IIS"/>
        <s v="CSDN Database,LDAP,FHCPS, Cognos Framework, Transformer and Powerplay are enabling technologies, e-mail, oracle db, VAC Scheduler, FTPHPUXOracleCSDN Database,LDAP,FHCPS, Cognos Framework, Transformer and Powerplay are enabling technologies, e-mail, oracle db, VAC Scheduler, FTPall hardware scored the same, re: windows and unix hardware runs on hardware 3+ yrs with majority being 5+ yrs oldHPUX 11.31"/>
        <s v="Active Directory (for Authentication), Websphere Application Server, Websphere Presentation Layer,_x000a_Oracle Database, Java 7, Struts, Adobe LiveCycle - Adobe Correspondence (CMS) Management, CSDNWebspheredb model not in the db modeling tool yetHPUXOracleActive Directory (for Authentication), Websphere Application Server, Websphere Presentation Layer,_x000a_Oracle Database, Java 7, Struts, Adobe LiveCycle - Adobe Correspondence (CMS) Management, CSDNall hardware scored the same, re: windows and unix hardware runs on hardware 3+ yrs with majority being 5+ yrs oldHPUX 11.31"/>
        <s v="Active Directory (for Authentication), Websphere, Windows, Oracle, Adobe Reader, Adobe FlashWebsphereHPUXOracleActive Directory (for Authentication), Websphere, Windows, Oracle, Adobe Reader, Adobe Flashall hardware scored the same, re: windows and unix hardware runs on hardware 3+ yrs with majority being 5+ yrs old"/>
        <s v="Active Directory (For Authentication), websphere, Windows, Oracle, Adobe ReaderWebspherescore of minus 1 b/c of FAIM requirementhas it''s own internal oracle DBHPUXOracleActive Directory (For Authentication), websphere, Windows, Oracle, Adobe Readerall hardware scored the same, re: windows and unix hardware runs on hardware 3+ yrs with majority being 5+ yrs oldservers are on w2k8.  w2k12 is available but still 4 years old."/>
        <s v="Custom User ID and Password (for Authentication), Citrix Servers (Medavie Use Only), Websphere Application Server, Websphere Presentation Layer, Oracle Database,_x000a_Java 7, Struts, Adobe LiveCycle, Integrates with  Systems APIsWebsphereStruts 1.xx is EOL and VAC needs to migrate to Struts 2.xx framework.  FAIM does not have a visual interface, and may not make use of struts at all (TBD).FAIM does not sote any data of itrs own, it just retrieved existing data from CSDN AND POULATES INTO FORMS.  Forms are saved in CSDN DB.  FAIM does have properties stored witin a DB through property manager.HPUXOracleCustom User ID and Password (for Authentication), Citrix Servers (Medavie Use Only), Websphere Application Server, Websphere Presentation Layer, Oracle Database,_x000a_Java 7, Struts, Adobe LiveCycle, Integrates with  Systems APIsall hardware scored the same, re: windows and unix hardware runs on hardware 3+ yrs with majority being 5+ yrs oldWebsphere, Oracle and Adobe LC running on updated and current OS''s."/>
        <s v="Adobe ProWebsphereHPUXOracleAdobe Proall hardware scored the same, re: windows and unix hardware runs on hardware 3+ yrs with majority being 5+ yrs oldW2K8"/>
        <s v="Active Directory (for Authentication), Websphere Application Server, Websphere Presentation Layer,_x000a_Oracle Database, Java 7, Struts 2WebsphereHPUXOracleActive Directory (for Authentication), Websphere Application Server, Websphere Presentation Layer,_x000a_Oracle Database, Java 7, Struts 2all hardware scored the same, re: windows and unix hardware runs on hardware 3+ yrs with majority being 5+ yrs oldHPUX not supported in End State Data Center"/>
        <s v="LDAP credentials (for Authentication), Userid/Passwords (for Authentication), Tomcat Application Server,_x000a_MS IIS Presentation Layer, Oracle Database,  Database_x000a_Cognos SQL, Native SQL, Desktop, Integrates with Finance-SAP-Sigma SystemsTomcatOracle db for content store_x000a_Oracle db for data sourcesHPUX,WindowsOracle,LDAP credentials (for Authentication), Userid/Passwords (for Authentication), Tomcat Application Server,_x000a_MS IIS Presentation Layer, Oracle Database,  Database_x000a_Cognos SQL, Native SQL, Desktop, Integrates with Finance-SAP-Sigma SystemsWin 7 - Client_x000a_Win Serv 2008 - ServerMS IIS"/>
        <s v="Cognos Transformer CubesCognos Transformer CubesWin 7 - Client"/>
        <s v="LDAP credentials (for Authentication), Userid/Passwords (for Authentication)Oracle db for content store_x000a_Oracle db for data sourcesLDAP credentials (for Authentication), Userid/Passwords (for Authentication)Win 7 - Client_x000a_Win Serv 2008 - Server"/>
        <s v="Websphere Application Server, Websphere Presentation Layer, Java 7, StrutsWebsphereStruts 1.xx is EOL and VAC needs to migrate to Struts 2.xxWebsphere Application Server, Websphere Presentation Layer, Java 7, Strutsall hardware scored the same, re: windows and unix hardware runs on hardware 3+ yrs with majority being 5+ yrs oldHPUX not supported in End State Data Center"/>
        <s v="Active Directory (for Authentication)-1 The database is a version that has not been current for 3 years or longer.  Windows 2008 R2..Active Directory (for Authentication)Scored the client machine hardware , SQL DB and and distribution point hardwareMarking based upon client OS - Windows 7_x000a_-1 - One or more OS are a version that has not been current for 2 years or longer.  Windows 7 was released in 2009.  Windows 10 is now available"/>
        <s v="Active Directory (for Authentication), Websphere Application Server, Websphere Presentation Layer,_x000a_Oracle  Database, Java 7, StrutsWebsphereStruts 1.xx is EOL and VAC needs to migrate to Struts 2.xx framework.db model not in the db modeling tool yetHPUXOracleActive Directory (for Authentication), Websphere Application Server, Websphere Presentation Layer,_x000a_Oracle  Database, Java 7, Strutsall hardware scored the same, re: windows and unix hardware runs on hardware 3+ yrs with majority being 5+ yrs old"/>
        <s v="Active Directory (for Authentication), Websphere Application Server, Websphere Presentation Layer, Oracle Database, Java 7, StrutsWebsphereStruts 1.xx is EOL and VAC needs to migrate to Struts 2.xx framework.HPUXOracleActive Directory (for Authentication), Websphere Application Server, Websphere Presentation Layer, Oracle Database, Java 7, Strutsnot supported in End State Data CenterHPUX not supported in End State Data Center"/>
        <s v="Active Directory (for Authentication), Websphere Application Server, Websphere Presentation Layer,_x000a_Oracle Database, Email Integration, Java 7, Struts 2WebsphereHPUXOracleActive Directory (for Authentication), Websphere Application Server, Websphere Presentation Layer,_x000a_Oracle Database, Email Integration, Java 7, Struts 2all hardware scored the same, re: windows and unix hardware runs on hardware 3+ yrs with majority being 5+ yrs oldHPUX not supported in End State Data Center"/>
        <s v="Custom User ID and Password and PKI Soft Tokens (for Authentication), Websphere Application Server, Websphere Presentation Layer, Oracle Database, Email Integration, Java, Web Services, Data Exchange with Medavie via RTDTWebspheredb model not in the db modeling tool yetHPUXOracleCustom User ID and Password and PKI Soft Tokens (for Authentication), Websphere Application Server, Websphere Presentation Layer, Oracle Database, Email Integration, Java, Web Services, Data Exchange with Medavie via RTDTall hardware scored the same, re: windows and unix hardware runs on hardware 3+ yrs with majority being 5+ yrs oldHPUX not supported in End State Data Center"/>
        <s v="Active Directory (for Authentication), Websphere Application Server, Websphere Presentation Layer, Oracle Database, Java 7, Struts 2.0WebsphereStruts 2 frameworkdb model not in the db modeling tool yetHPUXOracleActive Directory (for Authentication), Websphere Application Server, Websphere Presentation Layer, Oracle Database, Java 7, Struts 2.0all hardware scored the same, re: windows and unix hardware runs on hardware 3+ yrs with majority being 5+ yrs oldHPUX not supported in End State Data Center"/>
        <s v="LDAP credentials (for Authentication), Custom Authentication (for Authentication), Tomcat Application Server, Oracle Database,  Database, Email Integration, BatchTomcatstore_x000a_oracle db for storage of reports, cubes, and packagesHPUX,WindowsOracle,LDAP credentials (for Authentication), Custom Authentication (for Authentication), Tomcat Application Server, Oracle Database,  Database, Email Integration, BatchWin 7 - Client_x000a_Win Serv 2008 - Server"/>
        <s v="Active Directory for AuthenticationTomcatHPUX,WindowsOracle,Active Directory for AuthenticationCOGNOSPRD01"/>
        <s v="E-Directory (for Authentication)This product is packaged with mysqlWindowsMySQLE-Directory (for Authentication)Virtual MachineWindows 2012 R2MS IIS"/>
        <s v="Websphere Application Server, MS IIS Presentation Layer,_x000a_Websphere Presentation Layer, Oracle Database, Email Integration, Java 7, StrutsWebsphereOOCSS was developed with Struts 1.2 will eventually be moving to Struts 2db model not in the db modeling tool yetHPUXOracleWebsphere Application Server, MS IIS Presentation Layer,_x000a_Websphere Presentation Layer, Oracle Database, Email Integration, Java 7, Strutsall hardware scored the same, re: windows and unix hardware runs on hardware 3+ yrs with majority being 5+ yrs oldHPUX not supported in End State Data CenterMS IIS"/>
        <s v="Oracle DB, AppServer(Tomcat)Web-BasedOracle 11.2HPUXOracleOracle DB, AppServer(Tomcat)Windows 2008 SP2Apache"/>
        <s v="Active Directory (for Authentication), Websphere Application Server, Websphere Presentation Layer,_x000a_Oracle Database, Java 7, Struts, BatchWebsphereStruts 1.xx is EOL and VAC needs to migrate to Struts 2.xx frameworkdb model not in the db modeling tool yetHPUXOracleActive Directory (for Authentication), Websphere Application Server, Websphere Presentation Layer,_x000a_Oracle Database, Java 7, Struts, Batchall hardware scored the same, re: windows and unix hardware runs on hardware 3+ yrs with majority being 5+ yrs oldHPUX not supported in End State Data Center"/>
        <s v="C sharp, MS SQL, IIS Web Server, Cold Fusion, Third party APIWindowsMS/SQL Server,MS/SQL ServerC sharp, MS SQL, IIS Web Server, Cold Fusion, Third party APIScored based on database server. All  applications are third party developed.MS IIS"/>
        <s v="Active Directory (for Authentication), Websphere Application Server, Websphere Presentation Layer,_x000a_Oracle Database, Java 7, Struts, BatchWebsphereStruts 1.xx is EOL and VAC needs to migrate to Struts 2.xx framework.db model not in the db modeling tool yetHPUXOracleActive Directory (for Authentication), Websphere Application Server, Websphere Presentation Layer,_x000a_Oracle Database, Java 7, Struts, Batchall hardware scored the same, re: windows and unix hardware runs on hardware 3+ yrs with majority being 5+ yrs oldHPUX not supported in End State Data Center"/>
        <s v="Active Directory (for Authentication), Websphere Application Server, Websphere Presentation Layer,_x000a_Oracle Database, Java 7, StrutsWebsphereHPUXOracleActive Directory (for Authentication), Websphere Application Server, Websphere Presentation Layer,_x000a_Oracle Database, Java 7, Strutsall hardware scored the same, re: windows and unix hardware runs on hardware 3+ yrs with majority being 5+ yrs oldHPUX not supported in End State Data Center"/>
        <s v="Active Directory (for Authentication), Userid/Passwords (for Authentication), Websphere Application Server,_x000a_Websphere Presentation Layer, Oracle Database, Java 7WebsphereHPUXOracleActive Directory (for Authentication), Userid/Passwords (for Authentication), Websphere Application Server,_x000a_Websphere Presentation Layer, Oracle Database, Java 7all hardware scored the same, re: windows and unix hardware runs on hardware 3+ yrs with majority being 5+ yrs oldHPUX"/>
        <s v="WebsphereHPUXOracleall hardware scored the same, re: windows and unix hardware runs on hardware 3+ yrs with majority being 5+ yrs oldHPUX not supported in End State Data Center"/>
        <s v="Active Directory (For Authentication), websphere, Windows, OracleWebsphereStruts 2 and latest WETmodel not in toolHPUXOracleActive Directory (For Authentication), websphere, Windows, Oracleall hardware scored the same, re: windows and unix hardware runs on hardware 3+ yrs with majority being 5+ yrs oldWebsphere and Oracle"/>
        <s v="C sharp, MS SQL, IIS Web Server, Cold Fusion, Third party APIWindowsMySQLC sharp, MS SQL, IIS Web Server, Cold Fusion, Third party APIScored based on database server. All  applications are third party developed.MS IIS"/>
        <s v="website runs off MSSQL this app uses oracle database for storage, ColdFusion 11MS SQLwebsite runs off MSSQL this app uses oracle database for storage, ColdFusion 11all hardware scored the same, re: windows and unix hardware runs on hardware 3+ yrs with majority being 5+ yrs oldSQL Server boxes are a physical cluster on Windows 2008 R2"/>
        <s v="MS CRM+1 more robust than needed, AND ''-1 app has been customized, net adjustment 0MS CRMWindows 7 Desktop"/>
        <s v="Oracle DB, Active Directory Authentication, PC Operating System.Oracle DB, Active Directory Authentication, PC Operating System.Windows 7 Desktop"/>
        <s v="Windows 7 Desktop"/>
        <s v="FreeBalanceFreeBalanceWindows 7 Desktop"/>
        <s v="PeopleSoftPeopleSoftWindows 7 Desktop"/>
        <s v="Windows Desktop Operating System , SmartboardWindows Desktop Operating System , SmartboardWindows 7 Desktop"/>
        <s v="Desktop Computer running WindowsDesktop Computer running WindowsWindows 7 Desktop"/>
        <s v="HPUXOracleWindows 7 Desktop"/>
        <s v="node.jsnode.jsWindows 7 Desktop"/>
        <s v="license server to control accessHPUXOraclelicense server to control accessWindows 7 Desktop"/>
        <s v="local license file for accesslocal license file for accessWindows 7 Desktop"/>
        <s v="Web-based accessThere is a clear lack of quality controls built into the data model.HPUXOracleWeb-based accessWindows 7 DesktopApache"/>
        <s v="license server to control accessWill be end of life. IBM promoting IBM Rational Functional Testerlicense server to control accessWindows 7 Desktop"/>
        <s v="Web-based accessWeb-based accessWindows 7 Desktop"/>
        <s v="WindowsWindows 7 Desktop"/>
        <s v=".NetWindows 7 DesktopMS IIS"/>
        <s v="WebsphereWindows 7 Desktop"/>
        <s v="Windows 7 DesktopMS IIS"/>
        <s v="Oracle ClientOracle ClientWindows 7 Desktop"/>
        <s v="MS SQL, Active Directory, Windows Server, IISWindowsMS/SQL Server,MS/SQL ServerMS SQL, Active Directory, Windows Server, IISMS IIS"/>
        <s v="Oracle, Windows ServerWindowsOracleOracle, Windows Server"/>
        <s v="MS SQL, Active Directory, IIS, Windows Server, .Net and Reporting ServicesWindowsMS/SQL Server,MS/SQL ServerMS SQL, Active Directory, IIS, Windows Server, .Net and Reporting ServicesMS IIS"/>
        <s v="MS SQL, Active Directory, Crystal, IIS, Windows Server, .Net, SharePoint and Reporting Services.NetWindowsMS/SQL Server,MS/SQL ServerMS SQL, Active Directory, Crystal, IIS, Windows Server, .Net, SharePoint and Reporting ServicesMS IIS"/>
        <s v="MS SQL, Active Directory, Windows Server, IISWindowsMS/SQL Server,MS/SQL ServerMS SQL, Active Directory, Windows Server, IIS"/>
        <s v="MS SQL, Active Directory, Windows Server, IIS, CRM, SharePoint and Reporting Services.NetWindowsMS/SQL Server,MS/SQL ServerMS SQL, Active Directory, Windows Server, IIS, CRM, SharePoint and Reporting ServicesMS IIS"/>
        <s v="MS SQL, Active Directory, Windows Server, IIS, ADFS, SharePoint and GCKey.NetWindowsMS/SQL Server,MS/SQL ServerMS SQL, Active Directory, Windows Server, IIS, ADFS, SharePoint and GCKeyMS IIS"/>
        <s v="MS SQL, Active Directory, Windows Server, IISMS/SQL Server,MS/SQL ServerMS SQL, Active Directory, Windows Server, IISMS IIS"/>
        <s v="Microsoft IIS_x000a_Microsoft ASP_x000a_HTML_x000a_Javascript.NetWindowsMS/SQL Server,MS/SQL ServerMicrosoft IIS_x000a_Microsoft ASP_x000a_HTML_x000a_JavascriptMS IIS"/>
      </sharedItems>
    </cacheField>
  </cacheFields>
  <extLst>
    <ext xmlns:x14="http://schemas.microsoft.com/office/spreadsheetml/2009/9/main" uri="{725AE2AE-9491-48be-B2B4-4EB974FC3084}">
      <x14:pivotCacheDefinition/>
    </ext>
  </extLst>
</pivotCacheDefinition>
</file>

<file path=xl/pivotCache/pivotCacheRecords1.xml><?xml version="1.0" encoding="utf-8"?>
<pivotCacheRecords xmlns="http://schemas.openxmlformats.org/spreadsheetml/2006/main" xmlns:r="http://schemas.openxmlformats.org/officeDocument/2006/relationships" count="8622">
  <r>
    <x v="0"/>
    <x v="0"/>
    <x v="0"/>
    <s v="STAT"/>
    <m/>
    <s v="WorkDynamics_Technologies_Inc"/>
    <x v="0"/>
    <s v=""/>
    <x v="0"/>
    <s v="2.1  Science, Innovation, Adoption &amp; Sustainability"/>
    <s v="Information Management Services"/>
    <s v="AAFC-1003"/>
    <s v="In Production"/>
    <s v="desktop"/>
    <x v="0"/>
    <x v="0"/>
  </r>
  <r>
    <x v="1"/>
    <x v="1"/>
    <x v="1"/>
    <s v="ASSYST"/>
    <m/>
    <s v="Other"/>
    <x v="1"/>
    <s v="Vendor: axiossystems.com (External partner: Sierra Systems in Canada)_x000a_Product: assyst ITSM solution : assystWeb + Service Catalog (assystNET)"/>
    <x v="0"/>
    <s v="3.1  Internal Services"/>
    <s v="Human Resources Management Services,Human Resources Management Services,Information Management Services,Information Technology Services,Other"/>
    <s v="AAFC-1053"/>
    <s v="In Production"/>
    <s v="web"/>
    <x v="0"/>
    <x v="1"/>
  </r>
  <r>
    <x v="2"/>
    <x v="2"/>
    <x v="2"/>
    <s v="APPEDS"/>
    <m/>
    <s v=""/>
    <x v="1"/>
    <s v=""/>
    <x v="0"/>
    <s v="1.1  Business Risk Management"/>
    <s v="Financial Management Services"/>
    <s v="AAFC-1087"/>
    <s v="In Production"/>
    <s v="web"/>
    <x v="1"/>
    <x v="2"/>
  </r>
  <r>
    <x v="2"/>
    <x v="3"/>
    <x v="3"/>
    <s v="SSR"/>
    <s v="This website, often referred to as SSR Online, is a database of delegations extended to departmental officers via an SSR form. An officer?s SSR will not be found on this site until the duly-signed original form has been received by the SSR-FSS unit."/>
    <s v=""/>
    <x v="1"/>
    <s v=""/>
    <x v="0"/>
    <s v="3.1  Internal Services"/>
    <s v="Human Resources Management Services"/>
    <s v="AAFC-1093"/>
    <s v="In Production"/>
    <s v="web"/>
    <x v="1"/>
    <x v="3"/>
  </r>
  <r>
    <x v="2"/>
    <x v="3"/>
    <x v="4"/>
    <s v="CIRG"/>
    <s v="The CIRG is a web enabled database application which allows managers to dynamically build a competency interview and/or reference check guide for the position(s) they wish to fill. This system is used nationally."/>
    <s v=""/>
    <x v="1"/>
    <s v=""/>
    <x v="0"/>
    <s v="3.1  Internal Services"/>
    <s v="Human Resources Management Services"/>
    <s v="AAFC-1106"/>
    <s v="In Production"/>
    <s v="web"/>
    <x v="1"/>
    <x v="4"/>
  </r>
  <r>
    <x v="2"/>
    <x v="3"/>
    <x v="5"/>
    <s v="NAKISA"/>
    <m/>
    <s v="Other"/>
    <x v="1"/>
    <s v="Nakisa Org Chart from Nakisa Corporation"/>
    <x v="0"/>
    <s v="3.1  Internal Services"/>
    <s v="Human Resources Management Services"/>
    <s v="AAFC-1125"/>
    <s v="In Production"/>
    <s v="web"/>
    <x v="0"/>
    <x v="5"/>
  </r>
  <r>
    <x v="3"/>
    <x v="4"/>
    <x v="6"/>
    <s v="ESAS"/>
    <s v="ESAS is a Single Sign On provider for both GCCF (external) and ( Active Directory NTiD) internal facing web applications"/>
    <s v=""/>
    <x v="1"/>
    <s v=""/>
    <x v="0"/>
    <s v="3.1  Internal Services"/>
    <s v="Information Technology Services"/>
    <s v="AAFC-1175"/>
    <s v="In Production"/>
    <s v="web"/>
    <x v="1"/>
    <x v="6"/>
  </r>
  <r>
    <x v="2"/>
    <x v="2"/>
    <x v="7"/>
    <s v="PINSS"/>
    <s v="PINSS is a multi-tier J2EE application which collects Production Insurance data at a national level in support of actuarial and statistical analysis performance reporting and forecasting and the payment of federal contributions towards premiums and administrative costs through claims submitted by the provinces."/>
    <s v=""/>
    <x v="1"/>
    <s v=""/>
    <x v="0"/>
    <s v="1.1  Business Risk Management"/>
    <s v="Financial Management Services"/>
    <s v="AAFC-1346"/>
    <s v="In Production"/>
    <s v="web"/>
    <x v="1"/>
    <x v="7"/>
  </r>
  <r>
    <x v="4"/>
    <x v="5"/>
    <x v="8"/>
    <s v="FIP"/>
    <m/>
    <s v=""/>
    <x v="1"/>
    <s v=""/>
    <x v="0"/>
    <s v="Business Risk Management"/>
    <s v="Other"/>
    <s v="AAFC-1369"/>
    <s v="In Production"/>
    <s v=""/>
    <x v="1"/>
    <x v="8"/>
  </r>
  <r>
    <x v="3"/>
    <x v="4"/>
    <x v="9"/>
    <s v="TDRS"/>
    <s v="The Trade Database Retrieval System (TDRS) contains all 97 Chapters of the Harmonized System nomenclature from 1988 to the most current data available.  The database encompasses selected variables at the harmonized code detail level (i.e. Canadian H.S. 8 for re-exports and exports and Canadian H.S.10 for imports).  The system provides analysts with an easy method of extracting and aggregating vast amounts of data.  A user-friendly, button-driven interface embeds the business rules required to accurately extract the data. It enables them to create, save, run and re-use customized queries as well as to generate reports (i.e. Summary, Market Share, Trade Balance, Average Over Time, Price Index) which may be exported to Excel."/>
    <s v=""/>
    <x v="1"/>
    <s v=""/>
    <x v="0"/>
    <s v="3.1  Internal Services"/>
    <s v="Information Management Services"/>
    <s v="AAFC-139"/>
    <s v="In Production"/>
    <s v="web"/>
    <x v="1"/>
    <x v="9"/>
  </r>
  <r>
    <x v="2"/>
    <x v="6"/>
    <x v="10"/>
    <s v="SIERRA"/>
    <s v="A single system to allow the Canadian Agriculture Library to manage Acquisitions, Resource Description, Access and Circulation.  Sierra replaced the previous Integrated Library System called Millennium that the Federal Science Library used."/>
    <s v="Other"/>
    <x v="1"/>
    <s v="Vendor :Innovative Interfaces; Product :Sierra"/>
    <x v="0"/>
    <s v="3.1  Internal Services"/>
    <s v="Information Management Services"/>
    <s v="AAFC-1419"/>
    <s v="In Production"/>
    <s v="desktop"/>
    <x v="0"/>
    <x v="10"/>
  </r>
  <r>
    <x v="0"/>
    <x v="7"/>
    <x v="11"/>
    <s v="VDX"/>
    <s v="Manages and tracks requests for books and journal articles between AAFC libraries or between AAFC libraries and external parties.  Prior to 2015, VDX was hosted on an AAFC server, but since 2015 it is hosted at OCLC (vendor) and accessed via the Internet."/>
    <s v="Other"/>
    <x v="1"/>
    <s v="Vendor :OCLC, Product :VDX"/>
    <x v="0"/>
    <s v="3.1  Internal Services"/>
    <s v="Information Management Services"/>
    <s v="AAFC-1420"/>
    <s v="In Production"/>
    <s v="web"/>
    <x v="0"/>
    <x v="11"/>
  </r>
  <r>
    <x v="0"/>
    <x v="8"/>
    <x v="12"/>
    <s v="WCMS"/>
    <s v="Java implemented web content management system from HP Interwoven. Uses standard content capture templates and workflows to publish web content to AAFC Online, AgriSource and other web sites.  It facilitates users or content owners publishing and editing of material. NOTE: Previously there was an entry in the APM inventory for Interwoven Workflow Modeler, but since this workflow modeler is part of the Web Content Management System and it does not have separate license fees, the entry for Interwoven Workflow Modeler has been deleted."/>
    <s v="Other"/>
    <x v="1"/>
    <s v="Open Text HP TeamSite"/>
    <x v="0"/>
    <s v="3.1  Internal Services"/>
    <s v="Information Technology Services"/>
    <s v="AAFC-1421"/>
    <s v="In Production"/>
    <s v="web"/>
    <x v="0"/>
    <x v="12"/>
  </r>
  <r>
    <x v="2"/>
    <x v="9"/>
    <x v="13"/>
    <s v="GCDS"/>
    <m/>
    <s v="Adobe_Systems_Incorporated"/>
    <x v="2"/>
    <s v=""/>
    <x v="0"/>
    <s v=""/>
    <s v="Other"/>
    <s v="AAFC-1439"/>
    <s v="In Production"/>
    <s v="web"/>
    <x v="0"/>
    <x v="13"/>
  </r>
  <r>
    <x v="2"/>
    <x v="10"/>
    <x v="14"/>
    <s v="AGRICH"/>
    <s v="The enterprise solution for tracking all AAFC's chemicals.  This replaces several existing systems."/>
    <s v="Other"/>
    <x v="1"/>
    <s v="Biovia, CISPro Global"/>
    <x v="0"/>
    <s v="Science and Technology"/>
    <s v="Materiel Services"/>
    <s v="AAFC-1442"/>
    <s v="In Production"/>
    <s v="web"/>
    <x v="0"/>
    <x v="14"/>
  </r>
  <r>
    <x v="3"/>
    <x v="4"/>
    <x v="15"/>
    <s v="AIMIS"/>
    <m/>
    <s v=""/>
    <x v="1"/>
    <s v=""/>
    <x v="0"/>
    <s v=""/>
    <s v="Information Management Services"/>
    <s v="AAFC-1666"/>
    <s v="In Production"/>
    <s v="web"/>
    <x v="1"/>
    <x v="15"/>
  </r>
  <r>
    <x v="0"/>
    <x v="7"/>
    <x v="16"/>
    <s v="PPS"/>
    <m/>
    <s v="Other"/>
    <x v="1"/>
    <s v="Open Text, eDOCS"/>
    <x v="0"/>
    <s v="3.1  Internal Services"/>
    <s v="Information Management Services"/>
    <s v="AAFC-1682"/>
    <s v="In Production"/>
    <s v="desktop"/>
    <x v="0"/>
    <x v="16"/>
  </r>
  <r>
    <x v="0"/>
    <x v="11"/>
    <x v="17"/>
    <s v="EIPMS"/>
    <s v="EIPMS was designed to facilitate the collection and collation of all environmental information that is deemed relevant by ISO14001, other government working groups, and AAFC."/>
    <s v=""/>
    <x v="1"/>
    <s v=""/>
    <x v="0"/>
    <s v=""/>
    <s v="Management and Oversight Services"/>
    <s v="AAFC-17"/>
    <s v="In Production"/>
    <s v=""/>
    <x v="1"/>
    <x v="17"/>
  </r>
  <r>
    <x v="2"/>
    <x v="10"/>
    <x v="18"/>
    <s v="PLANT GRIN"/>
    <m/>
    <s v=""/>
    <x v="1"/>
    <s v=""/>
    <x v="0"/>
    <s v="2.1  Science, Innovation, Adoption &amp; Sustainability"/>
    <s v="Other"/>
    <s v="AAFC-1794"/>
    <s v="In Production"/>
    <s v="web"/>
    <x v="1"/>
    <x v="18"/>
  </r>
  <r>
    <x v="1"/>
    <x v="12"/>
    <x v="19"/>
    <s v="GPL"/>
    <s v="Application system to support AESB, Client Service Center and staff for delivery of AESB Programs and Services :- Greencover Land Conversion,  - National Farm Stewardship Program, - National Water Supply Expansion Program, - Cover Crop Protection Program, CFRID, BSE, LDAP, CIP, NLWIS and AESB. Phone calls and other requests are logged and tracked to provide information on status. Reports can be generated for service levels and for performance monitoring. Also mail merge letters. Formerly called Greencover Phone log (GPL)."/>
    <s v=""/>
    <x v="1"/>
    <s v=""/>
    <x v="0"/>
    <s v="3.1  Internal Services"/>
    <s v="Information Management Services"/>
    <s v="AAFC-1825"/>
    <s v="In Production"/>
    <s v="web"/>
    <x v="1"/>
    <x v="19"/>
  </r>
  <r>
    <x v="0"/>
    <x v="0"/>
    <x v="20"/>
    <s v="FDMS"/>
    <m/>
    <s v="WorkDynamics_Technologies_Inc"/>
    <x v="0"/>
    <s v=""/>
    <x v="0"/>
    <s v=""/>
    <s v="Information Management Services"/>
    <s v="AAFC-185"/>
    <s v="In Production"/>
    <s v="desktop"/>
    <x v="0"/>
    <x v="0"/>
  </r>
  <r>
    <x v="0"/>
    <x v="0"/>
    <x v="21"/>
    <s v="MUPPS"/>
    <s v="The Minor Use Pesticide Program will provide benefits to Canadian producers, the environment, and consumers by focussing on :* making minor use pesticide products, with emphasis on reduced-risk products, more readily available; and  * providing Canadian producers with access to new pest-management technologies to improve their competitiveness domestically."/>
    <s v=""/>
    <x v="1"/>
    <s v=""/>
    <x v="0"/>
    <s v="1.2  Market Access, Negotiations, Sector Competitiveness, and Assurance Systems"/>
    <s v="Other"/>
    <s v="AAFC-1965"/>
    <s v="In Production"/>
    <s v="web"/>
    <x v="1"/>
    <x v="20"/>
  </r>
  <r>
    <x v="0"/>
    <x v="7"/>
    <x v="22"/>
    <s v="FDMS"/>
    <m/>
    <s v=""/>
    <x v="1"/>
    <s v=""/>
    <x v="0"/>
    <s v=""/>
    <s v="Information Management Services"/>
    <s v="AAFC-1985"/>
    <s v="In Production"/>
    <s v="web"/>
    <x v="1"/>
    <x v="21"/>
  </r>
  <r>
    <x v="2"/>
    <x v="3"/>
    <x v="23"/>
    <s v="LRITD"/>
    <m/>
    <s v=""/>
    <x v="1"/>
    <s v=""/>
    <x v="0"/>
    <s v="3.1  Internal Services"/>
    <s v="Human Resources Management Services"/>
    <s v="AAFC-2065"/>
    <s v="In Production"/>
    <s v="web"/>
    <x v="1"/>
    <x v="22"/>
  </r>
  <r>
    <x v="2"/>
    <x v="9"/>
    <x v="24"/>
    <s v="ARD"/>
    <m/>
    <s v=""/>
    <x v="1"/>
    <s v=""/>
    <x v="0"/>
    <s v="3.1  Internal Services"/>
    <s v="Management and Oversight Services"/>
    <s v="AAFC-2067"/>
    <s v="In Production"/>
    <s v="web"/>
    <x v="1"/>
    <x v="23"/>
  </r>
  <r>
    <x v="0"/>
    <x v="11"/>
    <x v="25"/>
    <s v="AGROBASE"/>
    <s v="Comprehensive plant breeding data management and analysis package"/>
    <s v="Other"/>
    <x v="1"/>
    <s v="Vendor: Agronomix_x000a_Product: Agrobase SQL"/>
    <x v="0"/>
    <s v="2.1  Science, Innovation, Adoption &amp; Sustainability"/>
    <s v="Other"/>
    <s v="AAFC-221"/>
    <s v="In Production"/>
    <s v="desktop"/>
    <x v="0"/>
    <x v="24"/>
  </r>
  <r>
    <x v="0"/>
    <x v="11"/>
    <x v="26"/>
    <s v="RARDA/CQIS"/>
    <s v="Database of cereal quality tests.  This 'system' is comprised of a couple of different COTS products supplied by RAR software.  The main software components are P2M (which has a few different versions and installs).  P2M controls doug mixing machines and transmits data about the power used, viscosity, etc. to a back-end database.  Then another product RARDA is used to extract the information from the database and analyse it."/>
    <s v=""/>
    <x v="1"/>
    <s v=""/>
    <x v="0"/>
    <s v=""/>
    <s v="Other"/>
    <s v="AAFC-225"/>
    <s v="In Production"/>
    <s v="desktop"/>
    <x v="1"/>
    <x v="25"/>
  </r>
  <r>
    <x v="0"/>
    <x v="13"/>
    <x v="27"/>
    <s v="CCPP"/>
    <m/>
    <s v=""/>
    <x v="1"/>
    <s v=""/>
    <x v="0"/>
    <s v="1.1  Business Risk Management"/>
    <s v="Financial Management Services,Information Management Services,Management and Oversight Services"/>
    <s v="AAFC-2486"/>
    <s v="In Production"/>
    <s v="web"/>
    <x v="1"/>
    <x v="26"/>
  </r>
  <r>
    <x v="0"/>
    <x v="0"/>
    <x v="28"/>
    <s v="TRECS"/>
    <m/>
    <s v="WorkDynamics_Technologies_Inc"/>
    <x v="0"/>
    <s v=""/>
    <x v="0"/>
    <s v="3.1  Internal Services"/>
    <s v="Information Management Services"/>
    <s v="AAFC-2565"/>
    <s v="In Production"/>
    <s v="desktop"/>
    <x v="0"/>
    <x v="27"/>
  </r>
  <r>
    <x v="0"/>
    <x v="13"/>
    <x v="29"/>
    <s v="EFP/NFSP"/>
    <m/>
    <s v=""/>
    <x v="1"/>
    <s v=""/>
    <x v="0"/>
    <s v="2.1  Science, Innovation, Adoption &amp; Sustainability"/>
    <s v="Financial Management Services,Information Management Services"/>
    <s v="AAFC-258"/>
    <s v="In Production"/>
    <s v="web"/>
    <x v="1"/>
    <x v="28"/>
  </r>
  <r>
    <x v="0"/>
    <x v="13"/>
    <x v="30"/>
    <s v="GLC"/>
    <m/>
    <s v=""/>
    <x v="1"/>
    <s v=""/>
    <x v="0"/>
    <s v="2.1  Science, Innovation, Adoption &amp; Sustainability"/>
    <s v="Financial Management Services,Information Management Services"/>
    <s v="AAFC-264"/>
    <s v="In Production"/>
    <s v="web"/>
    <x v="1"/>
    <x v="29"/>
  </r>
  <r>
    <x v="0"/>
    <x v="7"/>
    <x v="31"/>
    <s v="IPBS"/>
    <s v="Application system to support delivery of South West Sask Irrigation Program / Project. Keeps track of irrigated vs non irrigated crown land (deeded to PFRA, South West Saskatchewan).  Bills for 0 and M, private water systems etc...Prints invoices; payment"/>
    <s v=""/>
    <x v="1"/>
    <s v=""/>
    <x v="0"/>
    <s v="South West Saskatchewan Irrigation Program"/>
    <s v="Information Management Services"/>
    <s v="AAFC-266"/>
    <s v="In Production"/>
    <s v="web"/>
    <x v="1"/>
    <x v="30"/>
  </r>
  <r>
    <x v="5"/>
    <x v="14"/>
    <x v="32"/>
    <s v="NAIS"/>
    <s v="Generates drought maps for the web after some data manipulation and GIS processing. The data is based on the manipulation of data from Environment Canada and other weather station networks."/>
    <s v=""/>
    <x v="1"/>
    <s v=""/>
    <x v="0"/>
    <s v="3.1  Internal Services"/>
    <s v="Other"/>
    <s v="AAFC-269"/>
    <s v="In Production"/>
    <s v="desktop"/>
    <x v="1"/>
    <x v="31"/>
  </r>
  <r>
    <x v="0"/>
    <x v="13"/>
    <x v="33"/>
    <s v="NWSEP"/>
    <m/>
    <s v=""/>
    <x v="1"/>
    <s v=""/>
    <x v="0"/>
    <s v="2.1  Science, Innovation, Adoption &amp; Sustainability"/>
    <s v="Financial Management Services,Information Management Services"/>
    <s v="AAFC-273"/>
    <s v="In Production"/>
    <s v="web"/>
    <x v="1"/>
    <x v="32"/>
  </r>
  <r>
    <x v="0"/>
    <x v="8"/>
    <x v="34"/>
    <s v="ROU"/>
    <s v="This system tracks and prints routing slips for various periodicals that are circulated throughout PFRA.  It tracks the status of these periodicals as well."/>
    <s v=""/>
    <x v="1"/>
    <s v=""/>
    <x v="0"/>
    <s v="Canadian Agriculture Library"/>
    <s v="Information Management Services"/>
    <s v="AAFC-274"/>
    <s v="In Production"/>
    <s v="web"/>
    <x v="1"/>
    <x v="33"/>
  </r>
  <r>
    <x v="0"/>
    <x v="13"/>
    <x v="35"/>
    <s v="PCP"/>
    <m/>
    <s v=""/>
    <x v="1"/>
    <s v=""/>
    <x v="0"/>
    <s v="Permanent Cover Program (PCP)"/>
    <s v="Financial Management Services,Information Management Services"/>
    <s v="AAFC-275"/>
    <s v="In Production"/>
    <s v="web"/>
    <x v="1"/>
    <x v="30"/>
  </r>
  <r>
    <x v="3"/>
    <x v="15"/>
    <x v="36"/>
    <s v="RGE"/>
    <s v="Supports the Community Pasture Program :System used to monitor Range Condition Assessments. Database for rangeland conditions, evaluation of PFRA community pastures (biological/ecological information), to monitor livestock utilization of all AESB communit"/>
    <s v=""/>
    <x v="1"/>
    <s v=""/>
    <x v="0"/>
    <s v="2.1  Science, Innovation, Adoption &amp; Sustainability"/>
    <s v="Information Management Services"/>
    <s v="AAFC-276"/>
    <s v="In Production"/>
    <s v="web"/>
    <x v="1"/>
    <x v="30"/>
  </r>
  <r>
    <x v="0"/>
    <x v="7"/>
    <x v="37"/>
    <s v="IDX"/>
    <s v="It is designed to aid both field and headquarters staff in keeping track of maps  / plans / microfilm / test hole drilling logs / scanned documents, etc.of construction and engineering projects. Helps find maps and plans for past projects related to water"/>
    <s v=""/>
    <x v="1"/>
    <s v=""/>
    <x v="0"/>
    <s v="2.2  Industry Capacity"/>
    <s v="Information Management Services"/>
    <s v="AAFC-277"/>
    <s v="In Production"/>
    <s v="web"/>
    <x v="1"/>
    <x v="30"/>
  </r>
  <r>
    <x v="3"/>
    <x v="4"/>
    <x v="38"/>
    <s v="FIGE"/>
    <s v="Allows analysts the capability of loading historical and froecast Farm Income data in order to analyze, modify and report"/>
    <s v=""/>
    <x v="1"/>
    <s v=""/>
    <x v="0"/>
    <s v="3.1  Internal Services"/>
    <s v="Information Management Services"/>
    <s v="AAFC-2793"/>
    <s v="In Production"/>
    <s v="web"/>
    <x v="1"/>
    <x v="34"/>
  </r>
  <r>
    <x v="0"/>
    <x v="13"/>
    <x v="39"/>
    <s v="WGTP"/>
    <m/>
    <s v=""/>
    <x v="1"/>
    <s v=""/>
    <x v="0"/>
    <s v="1.1  Business Risk Management"/>
    <s v="Information Management Services"/>
    <s v="AAFC-287"/>
    <s v="In Production"/>
    <s v="web"/>
    <x v="1"/>
    <x v="35"/>
  </r>
  <r>
    <x v="0"/>
    <x v="7"/>
    <x v="40"/>
    <s v="AGRIDOC"/>
    <m/>
    <s v="Other"/>
    <x v="1"/>
    <s v="Open Text, eDOCS"/>
    <x v="0"/>
    <s v="3.1  Internal Services"/>
    <s v="Information Management Services"/>
    <s v="AAFC-299"/>
    <s v="In Production"/>
    <s v="desktop"/>
    <x v="0"/>
    <x v="36"/>
  </r>
  <r>
    <x v="2"/>
    <x v="3"/>
    <x v="41"/>
    <s v="DIRECTINFO"/>
    <s v="DirectInfo is the nation-wide directory of personnel at AAFC, CFIA, CART, CDC, CGC and FPCC.  It contains contact information for the personnel."/>
    <s v=""/>
    <x v="1"/>
    <s v=""/>
    <x v="0"/>
    <s v="3.1  Internal Services"/>
    <s v="Human Resources Management Services,Information Management Services"/>
    <s v="AAFC-307"/>
    <s v="In Production"/>
    <s v="web"/>
    <x v="1"/>
    <x v="37"/>
  </r>
  <r>
    <x v="0"/>
    <x v="7"/>
    <x v="42"/>
    <s v="E-FORMS"/>
    <s v="The Forms Catalogue was developed to simplify the use, view and ordering of departmental forms. These forms are broken down into two groups :'AAFC Standard eForms' and 'Purchasing Forms'"/>
    <s v=""/>
    <x v="1"/>
    <s v=""/>
    <x v="0"/>
    <s v="3.1  Internal Services"/>
    <s v="Information Management Services"/>
    <s v="AAFC-311"/>
    <s v="In Production"/>
    <s v="web"/>
    <x v="1"/>
    <x v="38"/>
  </r>
  <r>
    <x v="0"/>
    <x v="7"/>
    <x v="43"/>
    <s v="PUBCX"/>
    <s v="PubliCentrale (external) is an application designed to destribute governement publications on request."/>
    <s v=""/>
    <x v="1"/>
    <s v=""/>
    <x v="0"/>
    <s v="3.1  Internal Services"/>
    <s v="Information Management Services"/>
    <s v="AAFC-320"/>
    <s v="In Production"/>
    <s v="web"/>
    <x v="1"/>
    <x v="39"/>
  </r>
  <r>
    <x v="0"/>
    <x v="13"/>
    <x v="44"/>
    <s v="REC"/>
    <s v="Index of headquarter records held in central records office.  Supports IST Info Centre for AESB records management of paper files, documents, file classification structure, tracking, BF schedules, retention periods for files,  etc. Based on National Archives classification."/>
    <s v=""/>
    <x v="1"/>
    <s v=""/>
    <x v="0"/>
    <s v="Information Management Program, AAFC"/>
    <s v="Information Management Services,Management and Oversight Services"/>
    <s v="AAFC-321"/>
    <s v="In Production"/>
    <s v="web"/>
    <x v="1"/>
    <x v="40"/>
  </r>
  <r>
    <x v="2"/>
    <x v="2"/>
    <x v="45"/>
    <s v="COP"/>
    <m/>
    <s v=""/>
    <x v="1"/>
    <s v=""/>
    <x v="0"/>
    <s v="1.1  Business Risk Management"/>
    <s v="Financial Management Services"/>
    <s v="AAFC-3285"/>
    <s v="In Production"/>
    <s v="web"/>
    <x v="1"/>
    <x v="41"/>
  </r>
  <r>
    <x v="0"/>
    <x v="16"/>
    <x v="46"/>
    <s v="LDAP"/>
    <m/>
    <s v=""/>
    <x v="1"/>
    <s v=""/>
    <x v="0"/>
    <s v="1.1  Business Risk Management"/>
    <s v="Information Management Services"/>
    <s v="AAFC-3369"/>
    <s v="In Production"/>
    <s v="web"/>
    <x v="1"/>
    <x v="42"/>
  </r>
  <r>
    <x v="0"/>
    <x v="0"/>
    <x v="47"/>
    <s v="OCRT"/>
    <m/>
    <s v="WorkDynamics_Technologies_Inc"/>
    <x v="0"/>
    <s v=""/>
    <x v="0"/>
    <s v="3.1  Internal Services"/>
    <s v="Information Management Services"/>
    <s v="AAFC-3371"/>
    <s v="In Production"/>
    <s v="desktop"/>
    <x v="0"/>
    <x v="43"/>
  </r>
  <r>
    <x v="0"/>
    <x v="13"/>
    <x v="48"/>
    <s v="CIP"/>
    <m/>
    <s v=""/>
    <x v="1"/>
    <s v=""/>
    <x v="0"/>
    <s v="1.1  Business Risk Management"/>
    <s v="Financial Management Services,Information Management Services"/>
    <s v="AAFC-3373"/>
    <s v="In Production"/>
    <s v="web"/>
    <x v="1"/>
    <x v="44"/>
  </r>
  <r>
    <x v="2"/>
    <x v="10"/>
    <x v="49"/>
    <s v="BNGDB"/>
    <s v="A searchable database of a large amount of Brassica Napus Genetic information accumulated by the Saskatoon Research Centre. The Bio-products and Bio-processing group, Saskatoon Research Centre has developed a specialized web application. GMOD.ORG (Generic Model Organism Database)  is a collection of open source software tools for managing, visualising, storing, and disseminating genetic and genomic data"/>
    <s v="Other"/>
    <x v="1"/>
    <s v="GMOD.org, Gbrowse"/>
    <x v="0"/>
    <s v="Genomics Research and Development Intiative(GRDI)"/>
    <s v="Information Management Services,Information Management Services,Information Technology Services,Other"/>
    <s v="AAFC-3375"/>
    <s v="In Production"/>
    <s v="web"/>
    <x v="0"/>
    <x v="45"/>
  </r>
  <r>
    <x v="2"/>
    <x v="10"/>
    <x v="50"/>
    <s v="IH"/>
    <s v="Collection and Reporting of Horticulture data to provide the Horticulture industry with the necessary intelligence to make informed decisions about their industry."/>
    <s v=""/>
    <x v="1"/>
    <s v=""/>
    <x v="0"/>
    <s v="1.2  Market Access, Negotiations, Sector Competitiveness, and Assurance Systems"/>
    <s v="Information Management Services"/>
    <s v="AAFC-3377"/>
    <s v="In Production"/>
    <s v="web"/>
    <x v="1"/>
    <x v="46"/>
  </r>
  <r>
    <x v="3"/>
    <x v="17"/>
    <x v="51"/>
    <s v="NETINSIGHT"/>
    <s v="A web analytics tool to track the usage of AAFC's Inter/Intranet. Produces web stats and reports from web server logs"/>
    <s v="Other"/>
    <x v="1"/>
    <s v="IBM Unica,  NetInsight"/>
    <x v="0"/>
    <s v="3.1  Internal Services"/>
    <s v="Information Management Services"/>
    <s v="AAFC-3425"/>
    <s v="In Production"/>
    <s v="web"/>
    <x v="0"/>
    <x v="47"/>
  </r>
  <r>
    <x v="2"/>
    <x v="3"/>
    <x v="52"/>
    <s v="HRNCL"/>
    <m/>
    <s v=""/>
    <x v="1"/>
    <s v=""/>
    <x v="0"/>
    <s v="3.1  Internal Services"/>
    <s v="Human Resources Management Services"/>
    <s v="AAFC-3427"/>
    <s v="In Production"/>
    <s v="web"/>
    <x v="1"/>
    <x v="48"/>
  </r>
  <r>
    <x v="2"/>
    <x v="3"/>
    <x v="53"/>
    <s v="HRIP"/>
    <s v="Web-based application that supports a variety of forms for HR data entry."/>
    <s v=""/>
    <x v="1"/>
    <s v=""/>
    <x v="0"/>
    <s v="3.1  Internal Services"/>
    <s v="Human Resources Management Services"/>
    <s v="AAFC-3428"/>
    <s v="In Production"/>
    <s v="web"/>
    <x v="1"/>
    <x v="49"/>
  </r>
  <r>
    <x v="5"/>
    <x v="14"/>
    <x v="54"/>
    <s v="DW"/>
    <s v="Displays static maps in image and PDF formats, for current and historical drought/moisture conditions."/>
    <s v=""/>
    <x v="1"/>
    <s v=""/>
    <x v="0"/>
    <s v="1.1  Business Risk Management"/>
    <s v="Information Management Services"/>
    <s v="AAFC-3485"/>
    <s v="In Production"/>
    <s v="web"/>
    <x v="1"/>
    <x v="50"/>
  </r>
  <r>
    <x v="0"/>
    <x v="11"/>
    <x v="55"/>
    <s v="FFN"/>
    <s v="The Functional Foods and Nutraceuticals (FFN) database is a web-enabled system available to the public which provides an inventory of the capabilities of approximately 100 Canadian companies and research organizations and is intended to help companies and distributors seeking partners for reliable, well characterized products. It can also be used by people who want to know more about the sector and to facilitate networking and alliances among companies and research organizations."/>
    <s v=""/>
    <x v="1"/>
    <s v=""/>
    <x v="0"/>
    <s v="3.1  Internal Services"/>
    <s v="Information Management Services"/>
    <s v="AAFC-349"/>
    <s v="In Production"/>
    <s v="web"/>
    <x v="1"/>
    <x v="51"/>
  </r>
  <r>
    <x v="0"/>
    <x v="11"/>
    <x v="56"/>
    <s v="AGSTAR"/>
    <m/>
    <s v=""/>
    <x v="1"/>
    <s v=""/>
    <x v="0"/>
    <s v="3.1  Internal Services"/>
    <s v="Financial Management Services"/>
    <s v="AAFC-35"/>
    <s v="In Production"/>
    <s v="web"/>
    <x v="1"/>
    <x v="52"/>
  </r>
  <r>
    <x v="0"/>
    <x v="18"/>
    <x v="57"/>
    <s v="LISTSERV"/>
    <s v="An application that manages email distribution lists and allows posting for discussion purposes."/>
    <s v="Other"/>
    <x v="1"/>
    <s v="L-Soft, Listserv"/>
    <x v="0"/>
    <s v="3.1  Internal Services"/>
    <s v="Communications Services"/>
    <s v="AAFC-3585"/>
    <s v="In Production"/>
    <s v="web"/>
    <x v="0"/>
    <x v="53"/>
  </r>
  <r>
    <x v="0"/>
    <x v="19"/>
    <x v="58"/>
    <s v="CPPLMS"/>
    <s v="The application supports the major business process areas of the Community Pasture Program including Pre-Application Entry Tasks, Grazing Permit Application Entry, Allocation, Deposits, Deliveries, Bull Rental, Cattle Auditing, Grazing Season Year End Pro"/>
    <s v=""/>
    <x v="1"/>
    <s v=""/>
    <x v="0"/>
    <s v="Community Pasture Program (CPP)"/>
    <s v="Financial Management Services,Information Management Services"/>
    <s v="AAFC-3666"/>
    <s v="In Production"/>
    <s v="web"/>
    <x v="1"/>
    <x v="54"/>
  </r>
  <r>
    <x v="2"/>
    <x v="2"/>
    <x v="59"/>
    <s v="AGRS"/>
    <s v="Secure online system that manages cost sharing between the Federal and Provincial Governments delivering a defined set of non BR Agricultural programs.    Provinces, Territories and Federal Government programs submit their expenditures and forecasts of future expenditures to AAFC to ensure funding rations are maintained.  The system is used to process statements and issue payments as well as measure the performance of programs."/>
    <s v=""/>
    <x v="1"/>
    <s v=""/>
    <x v="0"/>
    <s v="3.1  Internal Services"/>
    <s v="Financial Management Services"/>
    <s v="AAFC-3669"/>
    <s v="In Production"/>
    <s v="web"/>
    <x v="1"/>
    <x v="55"/>
  </r>
  <r>
    <x v="2"/>
    <x v="20"/>
    <x v="60"/>
    <s v="CPMASS"/>
    <s v="The CPMA Monitoring and Statistical System (CPMASS) processes summary information on Canadian pari-mutuel betting activity and supports CPMA invoice preparation and accounts receivable management business processes."/>
    <s v=""/>
    <x v="1"/>
    <s v=""/>
    <x v="0"/>
    <s v="2.3  Canadian Pari-Mutuel Agency"/>
    <s v="Management and Oversight Services"/>
    <s v="AAFC-3673"/>
    <s v="In Production"/>
    <s v="web"/>
    <x v="1"/>
    <x v="56"/>
  </r>
  <r>
    <x v="0"/>
    <x v="11"/>
    <x v="61"/>
    <s v="AC"/>
    <s v="AgriConnexions is a resource for anyone at AAFC who wants to plan a consultation or organize a meeting. It contains information on over 130 selected industry and farming associations as well as key academic and financial institutions, including their mandate, current board members, addresses and contact information. The database also lists hundreds of events planned for the agriculture and agri-food sector, including host organizations, locations, dates and contacts. It allows the user to create a list of upcoming international, national, provincial and regional events. There is a calendar of specific events, meetings and conferences that can be created as well as many additional functions. AgriConnexions is not currently accessible to the public or to"/>
    <s v=""/>
    <x v="1"/>
    <s v=""/>
    <x v="0"/>
    <s v="3.1  Internal Services"/>
    <s v="Information Management Services"/>
    <s v="AAFC-3684"/>
    <s v="In Production"/>
    <s v="web"/>
    <x v="1"/>
    <x v="57"/>
  </r>
  <r>
    <x v="6"/>
    <x v="21"/>
    <x v="62"/>
    <s v="ESS"/>
    <s v="Email Subscribtion Service for AAFC online. Allows users to subscribe/unsubscribe to different mailing lists from a web form."/>
    <s v=""/>
    <x v="1"/>
    <s v=""/>
    <x v="0"/>
    <s v="3.1  Internal Services"/>
    <s v="Communications Services"/>
    <s v="AAFC-3686"/>
    <s v="In Production"/>
    <s v="web"/>
    <x v="1"/>
    <x v="58"/>
  </r>
  <r>
    <x v="2"/>
    <x v="22"/>
    <x v="63"/>
    <s v="ISL-CGC"/>
    <m/>
    <s v=""/>
    <x v="1"/>
    <s v=""/>
    <x v="0"/>
    <s v=""/>
    <s v="Human Resources Management Services"/>
    <s v="AAFC-3689"/>
    <s v="In Production"/>
    <s v="web"/>
    <x v="1"/>
    <x v="59"/>
  </r>
  <r>
    <x v="0"/>
    <x v="7"/>
    <x v="64"/>
    <s v="LBS"/>
    <s v="The Land Based System (LBS) applications was designed to provide a framework to support the delivery of land based financial assistance programs.  The “base” system provides limited functionality and it is expected that complex programs would require a customized module to be added for the system to provide maximum usefulness for each new program. Includes Common client and component modules. Provided a base line for PIA and TRA requirements."/>
    <s v=""/>
    <x v="1"/>
    <s v=""/>
    <x v="0"/>
    <s v="1.1  Business Risk Management"/>
    <s v="Information Management Services"/>
    <s v="AAFC-3691"/>
    <s v="In Production"/>
    <s v="web"/>
    <x v="1"/>
    <x v="60"/>
  </r>
  <r>
    <x v="4"/>
    <x v="5"/>
    <x v="65"/>
    <s v="BRMS"/>
    <m/>
    <s v=""/>
    <x v="1"/>
    <s v=""/>
    <x v="0"/>
    <s v="Business Risk Management"/>
    <s v="Other"/>
    <s v="AAFC-3701"/>
    <s v="In Production"/>
    <s v=""/>
    <x v="1"/>
    <x v="61"/>
  </r>
  <r>
    <x v="2"/>
    <x v="2"/>
    <x v="66"/>
    <s v="TISS"/>
    <m/>
    <s v=""/>
    <x v="1"/>
    <s v=""/>
    <x v="0"/>
    <s v="3.1  Internal Services"/>
    <s v="Financial Management Services"/>
    <s v="AAFC-3704"/>
    <s v="In Production"/>
    <s v="web"/>
    <x v="1"/>
    <x v="62"/>
  </r>
  <r>
    <x v="2"/>
    <x v="23"/>
    <x v="67"/>
    <s v="CMAS"/>
    <s v="Supports auditing of pari-mutuel betting data for regulatory compliance.  The CMAS is intended to provide monitoring and audit of Pari-Mutuel betting activities to ensure compliance with the Criminal Code of Canada, and to support the investigation of fraudulent actions."/>
    <s v=""/>
    <x v="1"/>
    <s v=""/>
    <x v="0"/>
    <s v="2.3  Canadian Pari-Mutuel Agency"/>
    <s v="Information Management Services"/>
    <s v="AAFC-3705"/>
    <s v="In Production"/>
    <s v="web"/>
    <x v="1"/>
    <x v="63"/>
  </r>
  <r>
    <x v="2"/>
    <x v="2"/>
    <x v="68"/>
    <s v="AARMS"/>
    <m/>
    <s v=""/>
    <x v="1"/>
    <s v=""/>
    <x v="0"/>
    <s v="3.1  Internal Services"/>
    <s v="Financial Management Services"/>
    <s v="AAFC-3707"/>
    <s v="In Production"/>
    <s v="web"/>
    <x v="1"/>
    <x v="64"/>
  </r>
  <r>
    <x v="2"/>
    <x v="3"/>
    <x v="69"/>
    <s v="NMP"/>
    <m/>
    <s v=""/>
    <x v="1"/>
    <s v=""/>
    <x v="0"/>
    <s v="3.1  Internal Services"/>
    <s v="Human Resources Management Services"/>
    <s v="AAFC-3709"/>
    <s v="In Production"/>
    <s v="web"/>
    <x v="1"/>
    <x v="65"/>
  </r>
  <r>
    <x v="0"/>
    <x v="11"/>
    <x v="70"/>
    <s v="MRS"/>
    <m/>
    <s v=""/>
    <x v="1"/>
    <s v=""/>
    <x v="0"/>
    <s v="2.1  Science, Innovation, Adoption &amp; Sustainability"/>
    <s v="Information Management Services"/>
    <s v="AAFC-3710"/>
    <s v="In Production"/>
    <s v="web"/>
    <x v="1"/>
    <x v="66"/>
  </r>
  <r>
    <x v="0"/>
    <x v="0"/>
    <x v="71"/>
    <s v="MASS"/>
    <m/>
    <s v=""/>
    <x v="1"/>
    <s v=""/>
    <x v="0"/>
    <s v="1.2  Market Access, Negotiations, Sector Competitiveness, and Assurance Systems"/>
    <s v="Information Management Services"/>
    <s v="AAFC-3711"/>
    <s v="In Production"/>
    <s v="web"/>
    <x v="1"/>
    <x v="67"/>
  </r>
  <r>
    <x v="5"/>
    <x v="14"/>
    <x v="72"/>
    <s v="AIR"/>
    <s v="Application system to support Agro climate Impact Reporter (AIR) for the National Agro-Climate Information Service (NAIS). Provides an ability to gather information and report the impact of climate events on a national basis.  NAIS uses the information to provide input to Departmental policies, programs and activities."/>
    <s v=""/>
    <x v="1"/>
    <s v=""/>
    <x v="0"/>
    <s v="National Agro-Climate Information Service (NAIS)"/>
    <s v="Information Management Services"/>
    <s v="AAFC-3714"/>
    <s v="In Production"/>
    <s v="web"/>
    <x v="1"/>
    <x v="68"/>
  </r>
  <r>
    <x v="0"/>
    <x v="19"/>
    <x v="73"/>
    <s v="FB"/>
    <s v="Application is used to build web forms which can address any number of different areas.  Application uses widgets and generates form syntax which is entered into the CMS Content.  Application has a development and sandbox instance only and updates content in AgriSource pages only.  Content from non-production environments is copied to internal production CMS pages once tested in non-prod."/>
    <s v=""/>
    <x v="1"/>
    <s v=""/>
    <x v="0"/>
    <s v="3.1  Internal Services"/>
    <s v="Information Technology Services"/>
    <s v="AAFC-3715"/>
    <s v="In Production"/>
    <s v="desktop"/>
    <x v="1"/>
    <x v="69"/>
  </r>
  <r>
    <x v="2"/>
    <x v="3"/>
    <x v="74"/>
    <s v="PSATRA"/>
    <s v="The PeopleSoft Access and Training Request Application facilitates the Security access authorization procedure as it streamlines the process of updating a PeopleSoft user’s access . It allows the requestor to submit an online form which is sent directly to the Delegated Authority for review. Once the Delegated Authority approves access the remainder of the process is automated. This application is used by six departments and agencies who are partners in the PeopleSoft 8.9 Shared Service. PeopleSoft 8.9 has moved to PWGSC."/>
    <s v=""/>
    <x v="1"/>
    <s v=""/>
    <x v="0"/>
    <s v="3.1  Internal Services"/>
    <s v="Human Resources Management Services"/>
    <s v="AAFC-3716"/>
    <s v="In Production"/>
    <s v="web"/>
    <x v="1"/>
    <x v="70"/>
  </r>
  <r>
    <x v="6"/>
    <x v="24"/>
    <x v="75"/>
    <s v="CPPWKPLN"/>
    <s v="Application to perform work planning activities required by the Community Pasture program area in the Agri-Environment Services Branch (AESB)."/>
    <s v=""/>
    <x v="1"/>
    <s v=""/>
    <x v="0"/>
    <s v="Community Pasture Program (CPP)"/>
    <s v="Information Management Services,Management and Oversight Services"/>
    <s v="AAFC-3717"/>
    <s v="In Production"/>
    <s v="web"/>
    <x v="1"/>
    <x v="30"/>
  </r>
  <r>
    <x v="2"/>
    <x v="10"/>
    <x v="76"/>
    <s v="ACP"/>
    <s v="The Canadian Biodiversity Information Facility (CBIF),  is used to communicate Biodiversity data from Canadian national collections and integrates important information for biosystematics research of organisms of relevance for the agricultural sector and beyond."/>
    <s v=""/>
    <x v="1"/>
    <s v=""/>
    <x v="0"/>
    <s v="2.1  Science, Innovation, Adoption &amp; Sustainability"/>
    <s v="Financial Management Services"/>
    <s v="AAFC-3718"/>
    <s v="In Production"/>
    <s v="web"/>
    <x v="1"/>
    <x v="71"/>
  </r>
  <r>
    <x v="5"/>
    <x v="25"/>
    <x v="77"/>
    <s v="SAS EG"/>
    <s v="Client Server Solution for stats BI analysis"/>
    <s v="SAS_Institute_Canada_Inc"/>
    <x v="3"/>
    <s v=""/>
    <x v="0"/>
    <s v=""/>
    <s v="Other"/>
    <s v="AAFC-3719"/>
    <s v="In Production"/>
    <s v="desktop"/>
    <x v="0"/>
    <x v="72"/>
  </r>
  <r>
    <x v="2"/>
    <x v="2"/>
    <x v="78"/>
    <s v="AGRREC"/>
    <m/>
    <s v=""/>
    <x v="1"/>
    <s v=""/>
    <x v="0"/>
    <s v="1.1  Business Risk Management"/>
    <s v="Financial Management Services"/>
    <s v="AAFC-3720"/>
    <s v="In Production"/>
    <s v="web"/>
    <x v="1"/>
    <x v="73"/>
  </r>
  <r>
    <x v="2"/>
    <x v="2"/>
    <x v="79"/>
    <s v="AGRRSK"/>
    <m/>
    <s v=""/>
    <x v="1"/>
    <s v=""/>
    <x v="0"/>
    <s v="1.1  Business Risk Management"/>
    <s v="Financial Management Services"/>
    <s v="AAFC-3721"/>
    <s v="In Production"/>
    <s v="web"/>
    <x v="1"/>
    <x v="55"/>
  </r>
  <r>
    <x v="2"/>
    <x v="9"/>
    <x v="80"/>
    <s v="ARIS"/>
    <s v="System to allow applicants to AgriRisk Initiatives program to apply online and for internal AAFC staff to manage incoming proposals"/>
    <s v=""/>
    <x v="1"/>
    <s v=""/>
    <x v="0"/>
    <s v="1.1  Business Risk Management"/>
    <s v="Information Management Services"/>
    <s v="AAFC-3723"/>
    <s v="In Production"/>
    <s v="web"/>
    <x v="1"/>
    <x v="74"/>
  </r>
  <r>
    <x v="2"/>
    <x v="2"/>
    <x v="81"/>
    <s v="ANS CALCULATOR"/>
    <s v="An internet web application that provides the public with the ability to calculate their Allowable Net Sales for the AgriInvest Business Risk Management Program"/>
    <s v=""/>
    <x v="1"/>
    <s v=""/>
    <x v="0"/>
    <s v="1.1  Business Risk Management"/>
    <s v="Other"/>
    <s v="AAFC-3724"/>
    <s v="In Production"/>
    <s v="web"/>
    <x v="1"/>
    <x v="75"/>
  </r>
  <r>
    <x v="4"/>
    <x v="5"/>
    <x v="82"/>
    <s v="MAA"/>
    <m/>
    <s v="Oracle_Canada_ULC"/>
    <x v="4"/>
    <s v=""/>
    <x v="0"/>
    <s v="FIPD/1.1 Business Risk Management"/>
    <s v="Other"/>
    <s v="AAFC-3725"/>
    <s v="In Production"/>
    <s v="web"/>
    <x v="0"/>
    <x v="76"/>
  </r>
  <r>
    <x v="7"/>
    <x v="26"/>
    <x v="83"/>
    <s v="PUBCINT"/>
    <s v="PubliCenttrale (Internal) provides a consolidated departmental system for managing, listing and distributing the different publications offered by the department. It is also used as the departmental communications tool using distribution lists managed by the Canadian Agricultural Library."/>
    <s v=""/>
    <x v="1"/>
    <s v=""/>
    <x v="0"/>
    <s v="3.1  Internal Services"/>
    <s v="Communications Services"/>
    <s v="AAFC-3727"/>
    <s v="In Production"/>
    <s v="web"/>
    <x v="1"/>
    <x v="77"/>
  </r>
  <r>
    <x v="0"/>
    <x v="16"/>
    <x v="84"/>
    <s v="APCM"/>
    <m/>
    <s v="Other"/>
    <x v="1"/>
    <s v="CSDC Systems, AccessPro Case Management"/>
    <x v="0"/>
    <s v="3.1  Internal Services"/>
    <s v="Information Management Services"/>
    <s v="AAFC-3728"/>
    <s v="In Production"/>
    <s v="web"/>
    <x v="0"/>
    <x v="78"/>
  </r>
  <r>
    <x v="0"/>
    <x v="16"/>
    <x v="85"/>
    <s v="APR"/>
    <m/>
    <s v="Other"/>
    <x v="1"/>
    <s v="CSDC Systems, APCM Redaction, APR"/>
    <x v="0"/>
    <s v="3.1  Internal Services"/>
    <s v="Communications Services"/>
    <s v="AAFC-3729"/>
    <s v="In Production"/>
    <s v="appliance"/>
    <x v="0"/>
    <x v="79"/>
  </r>
  <r>
    <x v="6"/>
    <x v="27"/>
    <x v="86"/>
    <s v="MULTICORPORA"/>
    <m/>
    <s v="Multicorpora_R_D_inc"/>
    <x v="1"/>
    <s v="MultiTrans , TextBase, TermBase, Flow. Vendor: Multicopora"/>
    <x v="0"/>
    <s v="3.1  Internal Services"/>
    <s v="Communications Services"/>
    <s v="AAFC-3730"/>
    <s v="In Production"/>
    <s v="desktop"/>
    <x v="0"/>
    <x v="80"/>
  </r>
  <r>
    <x v="0"/>
    <x v="28"/>
    <x v="87"/>
    <s v="BPD (A.K.A. MPDD)"/>
    <s v="Search form. Database with web interface search function."/>
    <s v=""/>
    <x v="1"/>
    <s v=""/>
    <x v="0"/>
    <s v="1.2  Market Access, Negotiations, Sector Competitiveness, and Assurance Systems"/>
    <s v="Information Management Services,Information Technology Services"/>
    <s v="AAFC-3731"/>
    <s v="In Production"/>
    <s v="web"/>
    <x v="1"/>
    <x v="81"/>
  </r>
  <r>
    <x v="0"/>
    <x v="28"/>
    <x v="88"/>
    <s v="NPP"/>
    <m/>
    <s v=""/>
    <x v="1"/>
    <s v=""/>
    <x v="0"/>
    <s v="1.1  Business Risk Management"/>
    <s v="Other"/>
    <s v="AAFC-3732"/>
    <s v="In Production"/>
    <s v="web"/>
    <x v="1"/>
    <x v="82"/>
  </r>
  <r>
    <x v="4"/>
    <x v="5"/>
    <x v="89"/>
    <s v="CANCHEESE"/>
    <s v="A comprehensive database dedicated solely to Canadian cheeses made from cow, goat, sheep, or buffalo milk."/>
    <s v=""/>
    <x v="1"/>
    <s v=""/>
    <x v="0"/>
    <s v="2.2  Industry Capacity"/>
    <s v="Information Management Services"/>
    <s v="AAFC-3734"/>
    <s v="In Production"/>
    <s v="web"/>
    <x v="1"/>
    <x v="83"/>
  </r>
  <r>
    <x v="4"/>
    <x v="5"/>
    <x v="90"/>
    <s v="GASBOY"/>
    <s v="GasBoy is a system used to control fuel pumps. The pumps are plugged into a device placed outside besides the tanks/pumps. Whenever someone wants to activate one of the pumps, the have to swipe the vehicle tag as well as their employee ID, then pump activates and keeps a log of every transaction. The GasBoy application is the one actually controlling this device. It provides a web interface that we can use to add vehicles and employees to the system , create rules  (who can use the system, limit usage to certain hours, limit usage to certain vehicles, etc). The system can also generate reports."/>
    <s v="Other"/>
    <x v="1"/>
    <s v="HeadOffice - SiteOmat, Orpak systems"/>
    <x v="0"/>
    <s v="3.1  Internal Services"/>
    <s v="Materiel Services"/>
    <s v="AAFC-3735"/>
    <s v="In Production"/>
    <s v="web"/>
    <x v="0"/>
    <x v="84"/>
  </r>
  <r>
    <x v="4"/>
    <x v="5"/>
    <x v="91"/>
    <s v="MUPPS"/>
    <s v="Management of farms (jobs, chemicals)"/>
    <s v=""/>
    <x v="1"/>
    <s v=""/>
    <x v="0"/>
    <s v="2.1  Science, Innovation, Adoption &amp; Sustainability"/>
    <s v="Other"/>
    <s v="AAFC-3736"/>
    <s v="In Production"/>
    <s v="desktop"/>
    <x v="1"/>
    <x v="85"/>
  </r>
  <r>
    <x v="4"/>
    <x v="5"/>
    <x v="92"/>
    <s v="ACTIVE MQ"/>
    <s v="Apache ActiveMQ ™ is the most popular and powerful open source messaging and Integration Patterns server.  Apache ActiveMQ is fast, supports many Cross Language Clients and Protocols, comes with easy to use Enterprise Integration Patterns and many advanced features while fully supporting JMS 1.1 and J2EE 1.4. Apache ActiveMQ is released under the Apache 2.0 License"/>
    <s v="Other"/>
    <x v="1"/>
    <s v="Apache - Active MQ"/>
    <x v="0"/>
    <s v="3.1  Internal Services"/>
    <s v="Information Technology Services"/>
    <s v="AAFC-3754"/>
    <s v="In Production"/>
    <s v="web"/>
    <x v="0"/>
    <x v="86"/>
  </r>
  <r>
    <x v="4"/>
    <x v="5"/>
    <x v="93"/>
    <s v="ANT"/>
    <s v="Apache Ant is a Java library and command-line tool whose mission is to drive processes described in build files as targets and extension points dependent upon each other. The main known usage of Ant is the build of Java applications. Ant supplies a number of built-in tasks allowing to compile, assemble, test and run Java applications. Ant can also be used effectively to build non Java applications, for instance C or C++ applications. More generally, Ant can be used to pilot any type of process which can be described in terms of targets and tasks."/>
    <s v="Other"/>
    <x v="1"/>
    <s v="Apache - ANT"/>
    <x v="0"/>
    <s v="3.1  Internal Services"/>
    <s v="Information Technology Services"/>
    <s v="AAFC-3757"/>
    <s v="In Production"/>
    <s v="desktop"/>
    <x v="0"/>
    <x v="86"/>
  </r>
  <r>
    <x v="5"/>
    <x v="14"/>
    <x v="94"/>
    <s v="ARCGIS"/>
    <s v="Collect and manage data, create professional maps, perform traditional and advanced spatial analysis, and solve real problems."/>
    <s v="ESRI_Canada_Limited"/>
    <x v="5"/>
    <s v=""/>
    <x v="0"/>
    <s v="3.1  Internal Services"/>
    <s v="Other"/>
    <s v="AAFC-3760"/>
    <s v="In Production"/>
    <s v="desktop"/>
    <x v="0"/>
    <x v="87"/>
  </r>
  <r>
    <x v="4"/>
    <x v="5"/>
    <x v="95"/>
    <s v="BT"/>
    <s v="A free real-time log file monitoring tool."/>
    <s v="Other"/>
    <x v="1"/>
    <s v="Bare Metal - Bare Tail"/>
    <x v="0"/>
    <s v="3.1  Internal Services"/>
    <s v="Information Technology Services"/>
    <s v="AAFC-3762"/>
    <s v="In Production"/>
    <s v="desktop"/>
    <x v="0"/>
    <x v="86"/>
  </r>
  <r>
    <x v="8"/>
    <x v="29"/>
    <x v="96"/>
    <s v="BC"/>
    <s v="Compare files and folders.  Merge changes, synchronize files, and generate reports.  Directly access FTP sites, media devices, WebDAV resources, svn repositories and cloud storage.   Includes built-in comparison viewers for a variety of data types.  In addition to text, compare tables, images, binary files, registry hives, and much more."/>
    <s v="Other"/>
    <x v="1"/>
    <s v="Scooter Software - Beyond Compare"/>
    <x v="0"/>
    <s v="3.1  Internal Services"/>
    <s v=""/>
    <s v="AAFC-3763"/>
    <s v="In Production"/>
    <s v="desktop"/>
    <x v="0"/>
    <x v="86"/>
  </r>
  <r>
    <x v="4"/>
    <x v="5"/>
    <x v="97"/>
    <s v="BUGZILLA"/>
    <s v="Bugzilla is a &quot;Defect Tracking System&quot; or &quot;Bug-Tracking System&quot;. Defect Tracking Systems allow individual or groups of developers to keep track of outstanding bugs in their product effectively."/>
    <s v="Other"/>
    <x v="1"/>
    <s v="Bugzilla - Bugzilla"/>
    <x v="0"/>
    <s v="3.1  Internal Services"/>
    <s v=""/>
    <s v="AAFC-3764"/>
    <s v="In Production"/>
    <s v="web"/>
    <x v="0"/>
    <x v="86"/>
  </r>
  <r>
    <x v="3"/>
    <x v="30"/>
    <x v="98"/>
    <s v="RTWDS"/>
    <s v="Data collection and QA/QC management of observational weather data from co-operative AAFC-AAC/Environment Canada weather stations.   Allows the AAFC-AAC Research community to access near real time weather data not publicly available from other sources.  This has been developed in-house over the last 30 years to support research and operational requirements at AAFC-AAC Centres across the country.   It uses some commercially available software such as &quot;Logger Net&quot; from Campbell Scientific Canada in Edmonton (Env Canada uses the same) as well as in-house developed applications to allow end user access.  It also requires the access and use of the SAS server for collection and processing."/>
    <s v=""/>
    <x v="1"/>
    <s v=""/>
    <x v="0"/>
    <s v="2.1  Science, Innovation, Adoption &amp; Sustainability"/>
    <s v="Information Management Services"/>
    <s v="AAFC-3765"/>
    <s v="In Production"/>
    <s v="web"/>
    <x v="1"/>
    <x v="88"/>
  </r>
  <r>
    <x v="4"/>
    <x v="5"/>
    <x v="99"/>
    <s v="GIMP"/>
    <s v="GIMP is a cross-platform image editor available for GNU/Linux, OS X, Windows and more operating systems. It is free software. GIMP provides sophisticated tools for graphic designers, photographers, illustrators, or scientists. It also has many customization options and 3rd party plugins."/>
    <s v="Other"/>
    <x v="1"/>
    <s v="Open Source - GIMP"/>
    <x v="0"/>
    <s v="3.1  Internal Services"/>
    <s v="Information Technology Services"/>
    <s v="AAFC-3767"/>
    <s v="In Production"/>
    <s v="desktop"/>
    <x v="0"/>
    <x v="86"/>
  </r>
  <r>
    <x v="4"/>
    <x v="5"/>
    <x v="100"/>
    <s v="NOTEPAD++"/>
    <s v="TextPad 8.0 is a powerful, general purpose editor for plain text files"/>
    <s v="Other"/>
    <x v="1"/>
    <s v="Helios - Textpad"/>
    <x v="0"/>
    <s v="3.1  Internal Services"/>
    <s v="Information Technology Services"/>
    <s v="AAFC-3770"/>
    <s v="In Production"/>
    <s v="desktop"/>
    <x v="0"/>
    <x v="86"/>
  </r>
  <r>
    <x v="4"/>
    <x v="5"/>
    <x v="101"/>
    <s v="MAVEN"/>
    <s v="Based on the concept of a project object model (POM), Maven can manage a project's build, reporting and documentation from a central piece of information."/>
    <s v="Other"/>
    <x v="1"/>
    <s v="Apache - Maven"/>
    <x v="0"/>
    <s v="3.1  Internal Services"/>
    <s v="Information Technology Services"/>
    <s v="AAFC-3771"/>
    <s v="In Production"/>
    <s v="web"/>
    <x v="0"/>
    <x v="86"/>
  </r>
  <r>
    <x v="4"/>
    <x v="5"/>
    <x v="102"/>
    <s v="NEXUS"/>
    <s v="Free repository manager with universal support for popular component formats. •Basic component intelligence •Supports Maven, Docker, NuGet, npm, PyPI, Bower, and more"/>
    <s v="Other"/>
    <x v="1"/>
    <s v="Sonatype - Nexus"/>
    <x v="0"/>
    <s v="3.1  Internal Services"/>
    <s v="Information Technology Services"/>
    <s v="AAFC-3772"/>
    <s v="In Production"/>
    <s v="web"/>
    <x v="0"/>
    <x v="86"/>
  </r>
  <r>
    <x v="4"/>
    <x v="5"/>
    <x v="103"/>
    <s v="VS MSDN"/>
    <s v="Microsoft Developer Network (MSDN) tools contain Visual Studio (Microsoft's development IDE) and Microsoft Visual Source Safe (discontinued source control program).  NOTE:  Previously there were 2 entries in APM:  Visual Studio and Visual Source Safe.  Since the MSDN license contains both tools and there is only 1 license fee for MSDN (Enterprise and Professional) and the fact that Visual Source Safe is discontinued, the entry for Visual Source Safe has been deleted, and the Visual Studio entry has been renamed to Visual Studio MSDN."/>
    <s v="Microsoft_Corporation"/>
    <x v="6"/>
    <s v=""/>
    <x v="0"/>
    <s v="3.1  Internal Services"/>
    <s v="Information Technology Services"/>
    <s v="AAFC-3773"/>
    <s v="In Production"/>
    <s v="desktop"/>
    <x v="0"/>
    <x v="86"/>
  </r>
  <r>
    <x v="4"/>
    <x v="5"/>
    <x v="104"/>
    <s v="TORTOISESVN"/>
    <s v="TortoiseSVN is an Apache™ Subversion (SVN)® client, implemented as a Windows shell extension. It's intuitive and easy to use, since it doesn't require the Subversion command line client to run."/>
    <s v="Other"/>
    <x v="1"/>
    <s v="Open Source - TortoiseSVN"/>
    <x v="0"/>
    <s v="3.1  Internal Services"/>
    <s v="Information Technology Services"/>
    <s v="AAFC-3774"/>
    <s v="In Production"/>
    <s v="desktop"/>
    <x v="0"/>
    <x v="86"/>
  </r>
  <r>
    <x v="4"/>
    <x v="5"/>
    <x v="105"/>
    <s v="SVN"/>
    <s v="Subversion is an open source version control system."/>
    <s v="Other"/>
    <x v="1"/>
    <s v="Apache - Subversion"/>
    <x v="0"/>
    <s v="3.1  Internal Services"/>
    <s v="Information Technology Services"/>
    <s v="AAFC-3775"/>
    <s v="In Production"/>
    <s v="web"/>
    <x v="0"/>
    <x v="89"/>
  </r>
  <r>
    <x v="6"/>
    <x v="5"/>
    <x v="106"/>
    <s v="PIH"/>
    <m/>
    <s v=""/>
    <x v="1"/>
    <s v=""/>
    <x v="0"/>
    <s v="2.1  Science, Innovation, Adoption &amp; Sustainability"/>
    <s v="Management and Oversight Services"/>
    <s v="AAFC-3776"/>
    <s v="In Production"/>
    <s v="web"/>
    <x v="1"/>
    <x v="90"/>
  </r>
  <r>
    <x v="4"/>
    <x v="5"/>
    <x v="107"/>
    <s v="FIDDLER"/>
    <s v="Fiddler is a web debugging proxy server application."/>
    <s v="Other"/>
    <x v="1"/>
    <s v="Telerik - Fiddler"/>
    <x v="0"/>
    <s v="3.1  Internal Services"/>
    <s v="Information Technology Services"/>
    <s v="AAFC-3777"/>
    <s v="In Production"/>
    <s v="desktop"/>
    <x v="0"/>
    <x v="86"/>
  </r>
  <r>
    <x v="0"/>
    <x v="11"/>
    <x v="108"/>
    <s v="SPS"/>
    <m/>
    <s v=""/>
    <x v="1"/>
    <s v=""/>
    <x v="0"/>
    <s v="2.1  Science, Innovation, Adoption &amp; Sustainability"/>
    <s v="Information Management Services"/>
    <s v="AAFC-3778"/>
    <s v="In Production"/>
    <s v="web"/>
    <x v="1"/>
    <x v="91"/>
  </r>
  <r>
    <x v="8"/>
    <x v="29"/>
    <x v="109"/>
    <s v="FE"/>
    <s v="Visualize and report on activity and search for commits, files, revisions, or teammates across SVN, Git, Mercurial, CVS and Perforce. ... View changes with a side-by-side or unified diff tool and link your JIRA Software issues directly to diffs, changeset details, or full source"/>
    <s v="Other"/>
    <x v="1"/>
    <s v="Atlassian - FishEye"/>
    <x v="0"/>
    <s v="3.1  Internal Services"/>
    <s v=""/>
    <s v="AAFC-3784"/>
    <s v="In Production"/>
    <s v="desktop"/>
    <x v="0"/>
    <x v="86"/>
  </r>
  <r>
    <x v="4"/>
    <x v="5"/>
    <x v="110"/>
    <s v="ECLIPSE"/>
    <s v="Java IDE."/>
    <s v="Other"/>
    <x v="1"/>
    <s v="Eclipse Foundation - Eclipse"/>
    <x v="0"/>
    <s v="3.1  Internal Services"/>
    <s v="Information Technology Services"/>
    <s v="AAFC-3789"/>
    <s v="In Production"/>
    <s v="desktop"/>
    <x v="0"/>
    <x v="86"/>
  </r>
  <r>
    <x v="4"/>
    <x v="5"/>
    <x v="111"/>
    <s v="CYGWIN"/>
    <s v="Linux-like environment for Windows making it possible to port software running on POSIX systems (such as Linux, BSD, and Unix systems) to Windows."/>
    <s v="Other"/>
    <x v="1"/>
    <s v="Open Source - Cygwin"/>
    <x v="0"/>
    <s v="3.1  Internal Services"/>
    <s v=""/>
    <s v="AAFC-3791"/>
    <s v="In Production"/>
    <s v="desktop"/>
    <x v="0"/>
    <x v="86"/>
  </r>
  <r>
    <x v="4"/>
    <x v="5"/>
    <x v="112"/>
    <s v="XMLPAD"/>
    <s v="WmHelp XMLPad’s features included: powerful XML, XSD and DTD editor with color syntax highlighting, line numbers, element range navigation, and context-dependent source assistant wizard; editing the DTD and XML using the tree and properties views, synchronized with the regular editor navigation; editing XML using state of the art Grid View and preview in the built-in browser window; generation the sample of XML from DTD schema and sample of DTD from XML file; preview the DTD schema in graphical Diagram window; on-demand and online validation for DTD schema and XML files against the underlying DTD schemas; XPath expression builder; auto-formatting and auto-parsing for the document."/>
    <s v="Other"/>
    <x v="1"/>
    <s v="WmHelp - XmlPad for Windows"/>
    <x v="0"/>
    <s v="3.1  Internal Services"/>
    <s v=""/>
    <s v="AAFC-3792"/>
    <s v="In Production"/>
    <s v="desktop"/>
    <x v="0"/>
    <x v="86"/>
  </r>
  <r>
    <x v="4"/>
    <x v="5"/>
    <x v="113"/>
    <s v="FB"/>
    <s v="Firebug integrates with Firefox to put a wealth of web development tools at your fingertips while you browse. You can edit, debug, and monitor CSS, HTML, and JavaScript live in any web page."/>
    <s v="Other"/>
    <x v="1"/>
    <s v="Firebug - Firebug"/>
    <x v="0"/>
    <s v="3.1  Internal Services"/>
    <s v="Information Technology Services"/>
    <s v="AAFC-3793"/>
    <s v="In Production"/>
    <s v="web"/>
    <x v="0"/>
    <x v="86"/>
  </r>
  <r>
    <x v="3"/>
    <x v="31"/>
    <x v="114"/>
    <s v="SMSIR"/>
    <m/>
    <s v=""/>
    <x v="1"/>
    <s v=""/>
    <x v="0"/>
    <s v="2.1  Science, Innovation, Adoption &amp; Sustainability"/>
    <s v="Management and Oversight Services"/>
    <s v="AAFC-3794"/>
    <s v="In Production"/>
    <s v="web"/>
    <x v="1"/>
    <x v="92"/>
  </r>
  <r>
    <x v="4"/>
    <x v="5"/>
    <x v="115"/>
    <s v="CONTACTUS"/>
    <s v="Simple web forms for departmental feedback. Submits information as an email to a shared mailbox."/>
    <s v=""/>
    <x v="1"/>
    <s v=""/>
    <x v="0"/>
    <s v="3.1  Internal Services"/>
    <s v="Communications Services"/>
    <s v="AAFC-3798"/>
    <s v="In Production"/>
    <s v="web"/>
    <x v="1"/>
    <x v="93"/>
  </r>
  <r>
    <x v="4"/>
    <x v="5"/>
    <x v="116"/>
    <s v="AGRI-INFO"/>
    <s v="Subscription form for Agri-info newsletter. Submit registration request as an email to a shared mailbox."/>
    <s v=""/>
    <x v="1"/>
    <s v=""/>
    <x v="0"/>
    <s v="3.1  Internal Services"/>
    <s v="Communications Services"/>
    <s v="AAFC-3799"/>
    <s v="In Production"/>
    <s v="web"/>
    <x v="1"/>
    <x v="86"/>
  </r>
  <r>
    <x v="2"/>
    <x v="32"/>
    <x v="117"/>
    <s v="RPIS"/>
    <s v="The Real Property Information System has been developed to give real property managers a quick and easy way to manage AAFC real property purchases, leases, licenses and easements anywhere in Canada. The system also supports management of Pasture assets by PFRA (Prairie Farm Rehabilitation Administration) property managers and management of PWGSC administered office accommodations."/>
    <s v=""/>
    <x v="1"/>
    <s v=""/>
    <x v="0"/>
    <s v="3.1  Internal Services"/>
    <s v="Real Property Services"/>
    <s v="AAFC-380"/>
    <s v="In Production"/>
    <s v="web"/>
    <x v="1"/>
    <x v="94"/>
  </r>
  <r>
    <x v="4"/>
    <x v="5"/>
    <x v="118"/>
    <s v="PSS"/>
    <m/>
    <s v=""/>
    <x v="1"/>
    <s v=""/>
    <x v="0"/>
    <s v="2.1  Science, Innovation, Adoption &amp; Sustainability"/>
    <s v="Management and Oversight Services"/>
    <s v="AAFC-3800"/>
    <s v="In Production"/>
    <s v="web"/>
    <x v="1"/>
    <x v="95"/>
  </r>
  <r>
    <x v="6"/>
    <x v="33"/>
    <x v="119"/>
    <s v="EARS"/>
    <s v="Internal application which captures the activities by time performed by FIPD employees."/>
    <s v=""/>
    <x v="1"/>
    <s v=""/>
    <x v="0"/>
    <s v="1.1  Business Risk Management"/>
    <s v="Information Management Services"/>
    <s v="AAFC-3801"/>
    <s v="In Production"/>
    <s v="web"/>
    <x v="1"/>
    <x v="96"/>
  </r>
  <r>
    <x v="6"/>
    <x v="24"/>
    <x v="120"/>
    <s v="UTR"/>
    <s v="The UAT Effort Tracking and Reporting Application is being developed as a tool to assist UAT in testing a given IT system release.   Data sources for the application are primarily user derived as users enter test case related tracking and reporting information into the application.  The tasks are broken into three separate work phases:  Phase 1: A lead tester will review the list of tasks that have been entered into the application for a release and assign a weight (in hours) to complete each task. This weight represents of the “testing” effort or work required to complete the task. The sum of the hours assigned to each task represents the total amount of work or effort required to test the system release.  This information is used for resource pl"/>
    <s v=""/>
    <x v="1"/>
    <s v=""/>
    <x v="0"/>
    <s v="1.1  Business Risk Management"/>
    <s v="Information Management Services"/>
    <s v="AAFC-3804"/>
    <s v="In Production"/>
    <s v="web"/>
    <x v="1"/>
    <x v="97"/>
  </r>
  <r>
    <x v="6"/>
    <x v="24"/>
    <x v="121"/>
    <s v="PDSS"/>
    <s v="The PDSS is the user and role management system for all of our Groovy Grails ESAS applications.  Currently supports UTR, SDSS, and EARS2."/>
    <s v=""/>
    <x v="1"/>
    <s v=""/>
    <x v="0"/>
    <s v="1.1  Business Risk Management"/>
    <s v="Information Management Services"/>
    <s v="AAFC-3805"/>
    <s v="In Production"/>
    <s v="web"/>
    <x v="1"/>
    <x v="97"/>
  </r>
  <r>
    <x v="6"/>
    <x v="24"/>
    <x v="122"/>
    <s v="SDSS"/>
    <m/>
    <s v=""/>
    <x v="1"/>
    <s v=""/>
    <x v="0"/>
    <s v="1.1  Business Risk Management"/>
    <s v="Information Management Services"/>
    <s v="AAFC-3806"/>
    <s v="In Production"/>
    <s v="web"/>
    <x v="1"/>
    <x v="98"/>
  </r>
  <r>
    <x v="6"/>
    <x v="24"/>
    <x v="123"/>
    <s v="LC-FIPDSMT"/>
    <s v="The Leave Calendar is a quick way for teams to view leave in order to plan for coverage (summer for example). This instance is used by the FIPD SMT group."/>
    <s v=""/>
    <x v="1"/>
    <s v=""/>
    <x v="0"/>
    <s v=""/>
    <s v="Information Management Services"/>
    <s v="AAFC-3807"/>
    <s v="In Production"/>
    <s v="web"/>
    <x v="1"/>
    <x v="99"/>
  </r>
  <r>
    <x v="6"/>
    <x v="24"/>
    <x v="124"/>
    <s v="LC-ISBAKS"/>
    <s v="The Leave Calendar is a quick way for teams to view leave in order to plan for coverage (summer for example).  This instance is used by the AKS teams."/>
    <s v=""/>
    <x v="1"/>
    <s v=""/>
    <x v="0"/>
    <s v="1.1  Business Risk Management"/>
    <s v="Information Management Services"/>
    <s v="AAFC-3808"/>
    <s v="In Production"/>
    <s v="web"/>
    <x v="1"/>
    <x v="100"/>
  </r>
  <r>
    <x v="0"/>
    <x v="16"/>
    <x v="125"/>
    <s v="TEAMMATE"/>
    <m/>
    <s v="Other"/>
    <x v="1"/>
    <s v="Wolters Kluwer.  TeamMate v5.7"/>
    <x v="0"/>
    <s v="3.1  Internal Services"/>
    <s v="Management and Oversight Services"/>
    <s v="AAFC-3810"/>
    <s v="In Production"/>
    <s v="desktop"/>
    <x v="0"/>
    <x v="101"/>
  </r>
  <r>
    <x v="2"/>
    <x v="20"/>
    <x v="126"/>
    <s v="EDCS"/>
    <m/>
    <s v=""/>
    <x v="1"/>
    <s v=""/>
    <x v="0"/>
    <s v="2.3  Canadian Pari-Mutuel Agency"/>
    <s v="Management and Oversight Services"/>
    <s v="AAFC-3811"/>
    <s v="In Production"/>
    <s v="web"/>
    <x v="1"/>
    <x v="102"/>
  </r>
  <r>
    <x v="6"/>
    <x v="5"/>
    <x v="127"/>
    <s v="AARMS"/>
    <m/>
    <s v=""/>
    <x v="1"/>
    <s v=""/>
    <x v="0"/>
    <s v="1.1  Business Risk Management"/>
    <s v="Financial Management Services"/>
    <s v="AAFC-3812"/>
    <s v="In Production"/>
    <s v="desktop"/>
    <x v="1"/>
    <x v="86"/>
  </r>
  <r>
    <x v="6"/>
    <x v="5"/>
    <x v="128"/>
    <s v="INTERIMS"/>
    <m/>
    <s v=""/>
    <x v="1"/>
    <s v=""/>
    <x v="0"/>
    <s v="1.1  Business Risk Management"/>
    <s v="Other"/>
    <s v="AAFC-3813"/>
    <s v="In Production"/>
    <s v="desktop"/>
    <x v="1"/>
    <x v="86"/>
  </r>
  <r>
    <x v="6"/>
    <x v="5"/>
    <x v="129"/>
    <s v="ENS"/>
    <m/>
    <s v=""/>
    <x v="1"/>
    <s v=""/>
    <x v="0"/>
    <s v="1.1  Business Risk Management"/>
    <s v="Other"/>
    <s v="AAFC-3814"/>
    <s v="In Production"/>
    <s v="desktop"/>
    <x v="1"/>
    <x v="103"/>
  </r>
  <r>
    <x v="6"/>
    <x v="5"/>
    <x v="130"/>
    <s v="ARA"/>
    <m/>
    <s v=""/>
    <x v="1"/>
    <s v=""/>
    <x v="0"/>
    <s v="1.1  Business Risk Management"/>
    <s v=""/>
    <s v="AAFC-3815"/>
    <s v="In Production"/>
    <s v="desktop"/>
    <x v="1"/>
    <x v="104"/>
  </r>
  <r>
    <x v="1"/>
    <x v="5"/>
    <x v="131"/>
    <s v="ASPR"/>
    <m/>
    <s v=""/>
    <x v="1"/>
    <s v=""/>
    <x v="0"/>
    <s v="1.1  Business Risk Management"/>
    <s v="Management and Oversight Services"/>
    <s v="AAFC-3816"/>
    <s v="In Production"/>
    <s v="desktop"/>
    <x v="1"/>
    <x v="105"/>
  </r>
  <r>
    <x v="6"/>
    <x v="5"/>
    <x v="132"/>
    <s v="TAP"/>
    <m/>
    <s v=""/>
    <x v="1"/>
    <s v=""/>
    <x v="0"/>
    <s v="1.1  Business Risk Management"/>
    <s v=""/>
    <s v="AAFC-3818"/>
    <s v="In Production"/>
    <s v="desktop"/>
    <x v="1"/>
    <x v="106"/>
  </r>
  <r>
    <x v="6"/>
    <x v="5"/>
    <x v="133"/>
    <s v="ABHA"/>
    <m/>
    <s v=""/>
    <x v="1"/>
    <s v=""/>
    <x v="0"/>
    <s v="1.1  Business Risk Management"/>
    <s v="Information Management Services"/>
    <s v="AAFC-3819"/>
    <s v="In Production"/>
    <s v="desktop"/>
    <x v="1"/>
    <x v="10"/>
  </r>
  <r>
    <x v="6"/>
    <x v="5"/>
    <x v="134"/>
    <s v="MAARM"/>
    <m/>
    <s v=""/>
    <x v="1"/>
    <s v=""/>
    <x v="0"/>
    <s v="1.1  Business Risk Management"/>
    <s v=""/>
    <s v="AAFC-3820"/>
    <s v="In Production"/>
    <s v="desktop"/>
    <x v="1"/>
    <x v="86"/>
  </r>
  <r>
    <x v="2"/>
    <x v="2"/>
    <x v="135"/>
    <s v="APP"/>
    <m/>
    <s v=""/>
    <x v="1"/>
    <s v=""/>
    <x v="0"/>
    <s v="1.1  Business Risk Management"/>
    <s v="Financial Management Services"/>
    <s v="AAFC-3821"/>
    <s v="In Production"/>
    <s v="web"/>
    <x v="1"/>
    <x v="107"/>
  </r>
  <r>
    <x v="2"/>
    <x v="2"/>
    <x v="136"/>
    <s v="AI"/>
    <m/>
    <s v=""/>
    <x v="1"/>
    <s v=""/>
    <x v="0"/>
    <s v="1.1  Business Risk Management"/>
    <s v="Financial Management Services"/>
    <s v="AAFC-3822"/>
    <s v="In Production"/>
    <s v="web"/>
    <x v="1"/>
    <x v="108"/>
  </r>
  <r>
    <x v="2"/>
    <x v="2"/>
    <x v="137"/>
    <s v="AS"/>
    <m/>
    <s v=""/>
    <x v="1"/>
    <s v=""/>
    <x v="0"/>
    <s v="1.1  Business Risk Management"/>
    <s v="Financial Management Services"/>
    <s v="AAFC-3823"/>
    <s v="In Production"/>
    <s v="web"/>
    <x v="1"/>
    <x v="109"/>
  </r>
  <r>
    <x v="2"/>
    <x v="2"/>
    <x v="138"/>
    <s v="KS"/>
    <m/>
    <s v=""/>
    <x v="1"/>
    <s v=""/>
    <x v="0"/>
    <s v="1.1  Business Risk Management"/>
    <s v="Financial Management Services"/>
    <s v="AAFC-3824"/>
    <s v="In Production"/>
    <s v="web"/>
    <x v="1"/>
    <x v="109"/>
  </r>
  <r>
    <x v="2"/>
    <x v="2"/>
    <x v="139"/>
    <s v="FIL"/>
    <m/>
    <s v=""/>
    <x v="1"/>
    <s v=""/>
    <x v="0"/>
    <s v="1.1  Business Risk Management"/>
    <s v="Financial Management Services"/>
    <s v="AAFC-3825"/>
    <s v="In Production"/>
    <s v="web"/>
    <x v="1"/>
    <x v="109"/>
  </r>
  <r>
    <x v="4"/>
    <x v="5"/>
    <x v="140"/>
    <s v="GIT"/>
    <s v="Source Management Tool"/>
    <s v="Other"/>
    <x v="1"/>
    <s v="GIT"/>
    <x v="0"/>
    <s v="3.1  Internal Services"/>
    <s v="Information Technology Services"/>
    <s v="AAFC-3827"/>
    <s v="In Production"/>
    <s v="web"/>
    <x v="0"/>
    <x v="86"/>
  </r>
  <r>
    <x v="2"/>
    <x v="3"/>
    <x v="141"/>
    <s v="HRKB"/>
    <s v="Knowledge base for HR call centre agents, containing information needed to respond to routine HR inquiries. The clients are not using this application currently because of slow search performance. Investigation of possible improvements is underway."/>
    <s v="Microsoft_Corporation"/>
    <x v="7"/>
    <s v=""/>
    <x v="0"/>
    <s v="3.1  Internal Services"/>
    <s v="Human Resources Management Services"/>
    <s v="AAFC-3833"/>
    <s v="In Production"/>
    <s v="web"/>
    <x v="0"/>
    <x v="110"/>
  </r>
  <r>
    <x v="3"/>
    <x v="34"/>
    <x v="142"/>
    <s v="EDM"/>
    <s v="ERwin Data Modeler is an industry-leading data modeling solution that provides a simple, visual interface to manage your complex data environment."/>
    <s v="Other"/>
    <x v="1"/>
    <s v="ERwin Inc"/>
    <x v="0"/>
    <s v="3.1  Internal Services"/>
    <s v="Information Technology Services"/>
    <s v="AAFC-3841"/>
    <s v="In Production"/>
    <s v="desktop"/>
    <x v="0"/>
    <x v="86"/>
  </r>
  <r>
    <x v="4"/>
    <x v="5"/>
    <x v="143"/>
    <s v="FFDE"/>
    <s v="The only browser made just for developers, Firefox Developer Edition was created with your workflow in mind. Build, test, scale and more all from one place, for the first time ever."/>
    <s v="Other"/>
    <x v="1"/>
    <s v="Firefox"/>
    <x v="0"/>
    <s v="3.1  Internal Services"/>
    <s v="Information Technology Services"/>
    <s v="AAFC-3843"/>
    <s v="In Production"/>
    <s v="desktop"/>
    <x v="0"/>
    <x v="86"/>
  </r>
  <r>
    <x v="5"/>
    <x v="14"/>
    <x v="144"/>
    <s v="PCI"/>
    <s v="a remote sensing desktop software package for processing earth observation data, allowing users to load, transform and perform complex analysis on satellite and aerial imagery."/>
    <s v="PCI_Geomatics"/>
    <x v="8"/>
    <s v=""/>
    <x v="0"/>
    <s v="3.1  Internal Services"/>
    <s v="Other"/>
    <s v="AAFC-3850"/>
    <s v="In Production"/>
    <s v="desktop"/>
    <x v="0"/>
    <x v="111"/>
  </r>
  <r>
    <x v="6"/>
    <x v="35"/>
    <x v="145"/>
    <s v="EMAF"/>
    <s v="• Enterprise Mapping Application Framework (EMAF) – Create a less complex approach to web mapping applications by creating a framework or shared library that utilizes ESRI commercial off the shelf map server engine (ArcGIS Server)  and  associated  Application Programming Interfaces (API’s).  This framework should leverage ESRI desktop tools and processes in the publication of web services and associated administration and configuration.  This framework should also utilize as much as possible the base mapping features available from commercial or other authoritative systems. This framework should use technologies that will better support accessibility standards required by Government of Canada websites."/>
    <s v=""/>
    <x v="1"/>
    <s v=""/>
    <x v="0"/>
    <s v="3.1  Internal Services"/>
    <s v="Information Management Services,Other,Real Property Services"/>
    <s v="AAFC-3852"/>
    <s v="In Production"/>
    <s v="web"/>
    <x v="1"/>
    <x v="112"/>
  </r>
  <r>
    <x v="4"/>
    <x v="5"/>
    <x v="146"/>
    <s v="GRADLE"/>
    <s v="Gradle is an open source build automation system that builds upon the concepts of Apache Ant and Apache Maven and introduces a Groovy-based domain-specific language (DSL) instead of the XML form used by Apache Maven of declaring the project configuration."/>
    <s v="Other"/>
    <x v="1"/>
    <s v="Gradle open source"/>
    <x v="0"/>
    <s v="3.1  Internal Services"/>
    <s v="Information Technology Services"/>
    <s v="AAFC-3855"/>
    <s v="In Production"/>
    <s v="desktop"/>
    <x v="0"/>
    <x v="86"/>
  </r>
  <r>
    <x v="4"/>
    <x v="5"/>
    <x v="147"/>
    <s v="GRUNT"/>
    <s v="Automation, performing repetitive tasks like minification, compilation, unit testing and linting."/>
    <s v="Other"/>
    <x v="1"/>
    <s v="Grunt open source"/>
    <x v="0"/>
    <s v="3.1  Internal Services"/>
    <s v="Information Technology Services"/>
    <s v="AAFC-3856"/>
    <s v="In Production"/>
    <s v="desktop"/>
    <x v="0"/>
    <x v="86"/>
  </r>
  <r>
    <x v="8"/>
    <x v="29"/>
    <x v="148"/>
    <s v="INFORMATICA"/>
    <m/>
    <s v="Other"/>
    <x v="1"/>
    <s v="Informatica Powercenter"/>
    <x v="0"/>
    <s v="1.1  Business Risk Management"/>
    <s v="Information Technology Services"/>
    <s v="AAFC-3857"/>
    <s v="In Production"/>
    <s v="desktop"/>
    <x v="0"/>
    <x v="113"/>
  </r>
  <r>
    <x v="0"/>
    <x v="5"/>
    <x v="149"/>
    <s v="IREP"/>
    <s v="The purpose of the Interim Repository Program (IRPP) database application is to store, analyze and then report information received from third party delivery users.   This application is used in conjunction with the National Farm Stewardship Program (NFSP) and National Water Supply Expansion Program (NWSEP) applications."/>
    <s v=""/>
    <x v="1"/>
    <s v=""/>
    <x v="0"/>
    <s v="2.1  Science, Innovation, Adoption &amp; Sustainability"/>
    <s v="Information Management Services"/>
    <s v="AAFC-3858"/>
    <s v="In Production"/>
    <s v="web"/>
    <x v="1"/>
    <x v="114"/>
  </r>
  <r>
    <x v="4"/>
    <x v="5"/>
    <x v="150"/>
    <s v="INFOSPHERE"/>
    <s v="IBM InfoSphere DataStage is an ETL tool and part of the IBM Information Platforms Solutions suite and IBM InfoSphere. It uses a graphical notation to construct data integration solutions."/>
    <s v="Other"/>
    <x v="1"/>
    <s v="IBM Infosphere"/>
    <x v="0"/>
    <s v="3.1  Internal Services"/>
    <s v="Information Technology Services"/>
    <s v="AAFC-3860"/>
    <s v="In Production"/>
    <s v="desktop"/>
    <x v="0"/>
    <x v="86"/>
  </r>
  <r>
    <x v="4"/>
    <x v="5"/>
    <x v="151"/>
    <s v="JAMELEON"/>
    <s v="Jameleon is an automated testing framework that can be easily used by technical and non-technical users alike. One of the main concepts behind Jameleon is to create a group of keywords or tags that represent different screens of an application. All of the logic required to automate each particular screen can be defined in Java and mapped to these keywords. The keywords can then be organized with different data sets to form test scripts without requiring an in-depth knowledge of how the application works. The test scripts are then used to automate testing and to generate manual test case documentation."/>
    <s v="Other"/>
    <x v="1"/>
    <s v="Jameleon - open source"/>
    <x v="0"/>
    <s v="3.1  Internal Services"/>
    <s v="Information Technology Services"/>
    <s v="AAFC-3861"/>
    <s v="In Production"/>
    <s v="desktop"/>
    <x v="0"/>
    <x v="86"/>
  </r>
  <r>
    <x v="4"/>
    <x v="5"/>
    <x v="152"/>
    <s v="FILEZILLA"/>
    <s v="FileZilla is a cross-platform graphical FTP, SFTP, and FTPS file management tool for Windows, Linux, Mac OS X, and more. With tons of intuitive tools, FileZilla helps you quickly move files between your computer and Web server."/>
    <s v="Other"/>
    <x v="1"/>
    <s v="Open Source - Tim Kosse (developer)"/>
    <x v="0"/>
    <s v="3.1  Internal Services"/>
    <s v="Information Technology Services"/>
    <s v="AAFC-3862"/>
    <s v="In Production"/>
    <s v="desktop"/>
    <x v="0"/>
    <x v="86"/>
  </r>
  <r>
    <x v="4"/>
    <x v="5"/>
    <x v="153"/>
    <s v="FIREFOXFTP"/>
    <s v="FireFTP is a free, secure, cross-platform FTP/SFTP client for Mozilla Firefox which provides easy and intuitive access to FTP/SFTP servers."/>
    <s v="Other"/>
    <x v="1"/>
    <s v="FireFTP"/>
    <x v="0"/>
    <s v="3.1  Internal Services"/>
    <s v="Information Technology Services"/>
    <s v="AAFC-3863"/>
    <s v="In Production"/>
    <s v="web"/>
    <x v="0"/>
    <x v="86"/>
  </r>
  <r>
    <x v="4"/>
    <x v="5"/>
    <x v="154"/>
    <s v="IRFANVIEW"/>
    <s v="IrfanView is a very fast, small, compact and innovative FREEWARE (for non-commercial use) graphic viewer for Windows 9x, ME, NT, 2000, XP, 2003 , 2008, Vista, Windows 7, Windows 8, Windows 10."/>
    <s v="Other"/>
    <x v="1"/>
    <s v="IrfanView"/>
    <x v="0"/>
    <s v="3.1  Internal Services"/>
    <s v="Information Technology Services"/>
    <s v="AAFC-3865"/>
    <s v="In Production"/>
    <s v="desktop"/>
    <x v="0"/>
    <x v="115"/>
  </r>
  <r>
    <x v="4"/>
    <x v="5"/>
    <x v="155"/>
    <s v="FSE"/>
    <s v="This plugin is my attempt to bring the wonderful world of inspections, tips, hints, fixes and refactoring to Selenese! The Selenium Expert goes through your selenium test cases suggesting improvements, giving tips and even lets you apply them."/>
    <s v="Other"/>
    <x v="1"/>
    <s v="Samit Badle"/>
    <x v="0"/>
    <s v="3.1  Internal Services"/>
    <s v="Information Technology Services"/>
    <s v="AAFC-3866"/>
    <s v="In Production"/>
    <s v="desktop"/>
    <x v="0"/>
    <x v="86"/>
  </r>
  <r>
    <x v="4"/>
    <x v="5"/>
    <x v="156"/>
    <s v="CHARLES"/>
    <s v="Charles is an HTTP proxy / HTTP monitor / Reverse Proxy that enables a developer to view all of the HTTP and SSL / HTTPS traffic between their machine and the Internet. This includes requests, responses and the HTTP headers (which contain the cookies and caching information)."/>
    <s v="Other"/>
    <x v="1"/>
    <s v="Charles"/>
    <x v="0"/>
    <s v="3.1  Internal Services"/>
    <s v="Information Technology Services"/>
    <s v="AAFC-3867"/>
    <s v="In Production"/>
    <s v="desktop"/>
    <x v="0"/>
    <x v="86"/>
  </r>
  <r>
    <x v="4"/>
    <x v="5"/>
    <x v="157"/>
    <s v="GEANY"/>
    <s v="Geany is a text editor using the GTK+ toolkit with basic features of an integrated development environment. It was developed to provide a small and fast IDE, which has only a few dependencies from other packages."/>
    <s v="Other"/>
    <x v="1"/>
    <s v="Geany"/>
    <x v="0"/>
    <s v="3.1  Internal Services"/>
    <s v="Legal Services"/>
    <s v="AAFC-3869"/>
    <s v="In Production"/>
    <s v="desktop"/>
    <x v="0"/>
    <x v="86"/>
  </r>
  <r>
    <x v="6"/>
    <x v="36"/>
    <x v="158"/>
    <s v="TEXTPAD"/>
    <s v="is a powerful, general purpose editor for plain text files. Easy to use, with all the features a power user requires."/>
    <s v="Other"/>
    <x v="1"/>
    <s v="Textpad"/>
    <x v="0"/>
    <s v="3.1  Internal Services"/>
    <s v="Information Technology Services"/>
    <s v="AAFC-3870"/>
    <s v="In Production"/>
    <s v="desktop"/>
    <x v="0"/>
    <x v="86"/>
  </r>
  <r>
    <x v="8"/>
    <x v="37"/>
    <x v="159"/>
    <s v="JAWS"/>
    <s v="JAWS, Job Access With Speech, is the world's most popular screen reader, developed for computer users whose vision loss prevents them from seeing screen content or navigating with a mouse. JAWS provides speech and Braille output for the most popular computer applications on your PC."/>
    <s v="Other"/>
    <x v="1"/>
    <s v="Freedom Scientific"/>
    <x v="0"/>
    <s v="3.1  Internal Services"/>
    <s v="Information Technology Services"/>
    <s v="AAFC-3872"/>
    <s v="In Production"/>
    <s v="desktop"/>
    <x v="0"/>
    <x v="86"/>
  </r>
  <r>
    <x v="8"/>
    <x v="38"/>
    <x v="160"/>
    <s v="JIRA"/>
    <s v="JIRA Software is built for every member of your software team to plan, track, and release great software."/>
    <s v="Other"/>
    <x v="1"/>
    <s v="Atlassian"/>
    <x v="0"/>
    <s v="3.1  Internal Services"/>
    <s v="Information Technology Services"/>
    <s v="AAFC-3873"/>
    <s v="In Production"/>
    <s v="web"/>
    <x v="0"/>
    <x v="116"/>
  </r>
  <r>
    <x v="4"/>
    <x v="5"/>
    <x v="161"/>
    <s v="JMETER"/>
    <s v="he Apache JMeter™ application is open source software, a 100% pure Java application designed to load test functional behavior and measure performance. It was originally designed for testing Web Applications but has since expanded to other test functions."/>
    <s v="Other"/>
    <x v="1"/>
    <s v="Apache JMeter"/>
    <x v="0"/>
    <s v="3.1  Internal Services"/>
    <s v="Information Technology Services"/>
    <s v="AAFC-3874"/>
    <s v="In Production"/>
    <s v="desktop"/>
    <x v="0"/>
    <x v="86"/>
  </r>
  <r>
    <x v="4"/>
    <x v="5"/>
    <x v="162"/>
    <s v="JUNIT"/>
    <s v="Unit testing for Java"/>
    <s v="Other"/>
    <x v="1"/>
    <s v="JUnit oper source"/>
    <x v="0"/>
    <s v="3.1  Internal Services"/>
    <s v="Information Technology Services"/>
    <s v="AAFC-3875"/>
    <s v="In Production"/>
    <s v="desktop"/>
    <x v="0"/>
    <x v="86"/>
  </r>
  <r>
    <x v="0"/>
    <x v="19"/>
    <x v="163"/>
    <s v="LIVECYCLE"/>
    <s v="Create forms and documents with a comprehensive design tool. Adobe® LiveCycle® Designer ES4 software helps you easily author form and document templates that combine high-fidelity dynamic presentation with sophisticated XML data handling. LiveCycle Designer ES4 lets you create form templates that can output to paper, PDF, and HTML5 without having to write scripts. Advanced layout capabilities let you preserve the appearance of imported PDF documents, while spell-check and customizable user dictionaries reduce the chance of errors. NOTE: Previously there were 2 entries in the APM inventory: Adobe Acrobat X Pro and Adobe Livecycle Designer/Workbench.  Since these two tools are part of the Adobe Livecycle Enterprise Suite and there is only 1 license fee"/>
    <s v="Adobe_Systems_Incorporated"/>
    <x v="1"/>
    <s v=""/>
    <x v="0"/>
    <s v="3.1  Internal Services"/>
    <s v="Information Technology Services"/>
    <s v="AAFC-3876"/>
    <s v="In Production"/>
    <s v="desktop"/>
    <x v="0"/>
    <x v="86"/>
  </r>
  <r>
    <x v="8"/>
    <x v="39"/>
    <x v="164"/>
    <s v="VISIO"/>
    <s v="Modelling tool"/>
    <s v="Microsoft_Corporation"/>
    <x v="6"/>
    <s v=""/>
    <x v="0"/>
    <s v="3.1  Internal Services"/>
    <s v="Information Technology Services"/>
    <s v="AAFC-3877"/>
    <s v="In Production"/>
    <s v="desktop"/>
    <x v="0"/>
    <x v="86"/>
  </r>
  <r>
    <x v="4"/>
    <x v="5"/>
    <x v="165"/>
    <s v="MYSQLWORKBENCH"/>
    <s v="MySQL Workbench is a unified visual tool for database architects, developers, and DBAs. MySQL Workbench provides data modeling, SQL development, and comprehensive administration tools for server configuration, user administration, backup, and much more. MySQL Workbench is available on Windows, Linux and Mac OS X."/>
    <s v="Other"/>
    <x v="1"/>
    <s v="Open Source MySQL Workbench"/>
    <x v="0"/>
    <s v="3.1  Internal Services"/>
    <s v="Information Technology Services"/>
    <s v="AAFC-3878"/>
    <s v="In Production"/>
    <s v="desktop"/>
    <x v="0"/>
    <x v="86"/>
  </r>
  <r>
    <x v="4"/>
    <x v="5"/>
    <x v="166"/>
    <s v="NETBEANS"/>
    <s v="Java IDE"/>
    <s v="Other"/>
    <x v="1"/>
    <s v="Open Source"/>
    <x v="0"/>
    <s v="3.1  Internal Services"/>
    <s v="Information Technology Services"/>
    <s v="AAFC-3879"/>
    <s v="In Production"/>
    <s v="desktop"/>
    <x v="0"/>
    <x v="86"/>
  </r>
  <r>
    <x v="4"/>
    <x v="5"/>
    <x v="167"/>
    <s v="NODEJS"/>
    <s v="Node.js® is a JavaScript runtime built on Chrome's V8 JavaScript engine. Node.js uses an event-driven, non-blocking I/O model that makes it lightweight and efficient. Node.js' package ecosystem, npm, is the largest ecosystem of open source libraries in the world."/>
    <s v="Other"/>
    <x v="1"/>
    <s v="Open source"/>
    <x v="0"/>
    <s v="3.1  Internal Services"/>
    <s v="Information Technology Services"/>
    <s v="AAFC-3880"/>
    <s v="In Production"/>
    <s v="desktop"/>
    <x v="0"/>
    <x v="86"/>
  </r>
  <r>
    <x v="8"/>
    <x v="29"/>
    <x v="168"/>
    <s v="ORACLE DEV SUITE"/>
    <s v="Oracle Developer Suite is the most complete and integrated development environment, combining the power of applications development and business intelligence tools in a single suite that is based on the latest industry standards.  Oracle Developer Suite lets developers quickly build high-quality transactional applications, which can be deployed to multiple channels, including portals, Web services, and wireless devices, and which can be extended with business intelligence capabilities.  The developer suite components are:  Oracle JDeveloper, Oracle Forms, Oracle Reports, Oracle Designer, Oracle Discoverer and Oracle Business Intelligence Beans."/>
    <s v="Oracle_Canada_ULC"/>
    <x v="9"/>
    <s v=""/>
    <x v="0"/>
    <s v="3.1  Internal Services"/>
    <s v="Information Technology Services"/>
    <s v="AAFC-3881"/>
    <s v="In Production"/>
    <s v="desktop"/>
    <x v="0"/>
    <x v="86"/>
  </r>
  <r>
    <x v="4"/>
    <x v="5"/>
    <x v="169"/>
    <s v="PUTTY"/>
    <s v="PuTTY is a free implementation of SSH and Telnet for Windows and Unix platforms, along with an xterm terminal emulator. It is written and maintained primarily by Simon Tatham.  The latest version is beta 0.67."/>
    <s v="Other"/>
    <x v="1"/>
    <s v="Open Source"/>
    <x v="0"/>
    <s v="3.1  Internal Services"/>
    <s v="Information Technology Services"/>
    <s v="AAFC-3883"/>
    <s v="In Production"/>
    <s v="desktop"/>
    <x v="0"/>
    <x v="86"/>
  </r>
  <r>
    <x v="4"/>
    <x v="5"/>
    <x v="170"/>
    <s v="PYCHARM"/>
    <s v="Lightweight IDE for Python &amp; Scientific development"/>
    <s v="Other"/>
    <x v="1"/>
    <s v="JetBrains"/>
    <x v="0"/>
    <s v="3.1  Internal Services"/>
    <s v="Information Technology Services"/>
    <s v="AAFC-3884"/>
    <s v="In Production"/>
    <s v="desktop"/>
    <x v="0"/>
    <x v="86"/>
  </r>
  <r>
    <x v="4"/>
    <x v="5"/>
    <x v="171"/>
    <s v="PYTHONWIN"/>
    <s v="Python Editor for Windows"/>
    <s v="Other"/>
    <x v="1"/>
    <s v="Open source"/>
    <x v="0"/>
    <s v="3.1  Internal Services"/>
    <s v="Information Technology Services"/>
    <s v="AAFC-3885"/>
    <s v="In Production"/>
    <s v="desktop"/>
    <x v="0"/>
    <x v="86"/>
  </r>
  <r>
    <x v="4"/>
    <x v="5"/>
    <x v="172"/>
    <s v="RISMA"/>
    <s v="RISMA is a web based application that presents historical and near real time soil moist and atmospheric data.  The data is collected by a network of sensors that are installed in agriculture fields in 3 provinces.  The data is collected every 15 minutes and refreshed every hour in the system."/>
    <s v=""/>
    <x v="1"/>
    <s v=""/>
    <x v="0"/>
    <s v="2.1  Science, Innovation, Adoption &amp; Sustainability"/>
    <s v="Information Management Services"/>
    <s v="AAFC-3887"/>
    <s v="In Production"/>
    <s v="web"/>
    <x v="1"/>
    <x v="117"/>
  </r>
  <r>
    <x v="3"/>
    <x v="30"/>
    <x v="173"/>
    <s v="SPECIFY6"/>
    <m/>
    <s v="Other"/>
    <x v="1"/>
    <s v="Open Source: Specify Software Project from the Biodiversity Institute, University of Kansas"/>
    <x v="0"/>
    <s v="2.1  Science, Innovation, Adoption &amp; Sustainability"/>
    <s v="Other"/>
    <s v="AAFC-3900"/>
    <s v="In Production"/>
    <s v="desktop"/>
    <x v="0"/>
    <x v="118"/>
  </r>
  <r>
    <x v="0"/>
    <x v="19"/>
    <x v="174"/>
    <s v="FVAB"/>
    <s v="Custom Design"/>
    <s v=""/>
    <x v="1"/>
    <s v=""/>
    <x v="0"/>
    <s v="3.1  Internal Services"/>
    <s v="Information Technology Services"/>
    <s v="AAFC-3904"/>
    <s v="In Production"/>
    <s v="desktop"/>
    <x v="1"/>
    <x v="119"/>
  </r>
  <r>
    <x v="0"/>
    <x v="19"/>
    <x v="175"/>
    <s v="AAFCONLINEPL"/>
    <s v="Presentation Layer - back-end application that pulls all the parts of a web page together at render time and serves a page from a static website to a user's web browser.  Web page content and other configurations stored within a content management system (CMS) - HP Content Center Professional or Teamsite. The Teamsite interface is managed by the Content Management System team and accessible through assigned username / password credentials to modify content to only specified users. Metadata for CMS is stored in Oracle 11g tables and used by the presentation layer and accessible via single schema user used by Web Services for deployment and interfaces with Teamsite."/>
    <s v=""/>
    <x v="1"/>
    <s v=""/>
    <x v="0"/>
    <s v="3.1  Internal Services"/>
    <s v="Information Technology Services"/>
    <s v="AAFC-3905"/>
    <s v="In Production"/>
    <s v="web"/>
    <x v="1"/>
    <x v="120"/>
  </r>
  <r>
    <x v="4"/>
    <x v="5"/>
    <x v="176"/>
    <s v="MULTISITEPL"/>
    <s v="Presentation Layer - back-end application that pulls all the parts of a web page together at render time and serves a page from a static website to a user's web browser. Supports 2 live websites (CART, CBIF) and one new, non-live site (DairyInfo).  Currently deployed in acceptance test and production."/>
    <s v=""/>
    <x v="1"/>
    <s v=""/>
    <x v="0"/>
    <s v="3.1  Internal Services"/>
    <s v="Information Technology Services"/>
    <s v="AAFC-3906"/>
    <s v="In Production"/>
    <s v="web"/>
    <x v="1"/>
    <x v="121"/>
  </r>
  <r>
    <x v="4"/>
    <x v="5"/>
    <x v="177"/>
    <s v="AGRISOURCEPL"/>
    <s v="Presentation Layer - back-end application that pulls all the parts of a web page together at render time and serves a page from a static website to a user's web browser.  Web page content and other configurations stored within a content management system (CMS) - HP Content Center Professional or Teamsite.  The Teamsite interface is managed by the Content Management System team and accessible through assigned username / password credentials to modify content to only specified users.  Metadata for CMS is stored in Oracle 11g tables and used by the presentation layer and accessible via single schema user used by Web Services for deployment and interfaces with Teamsite."/>
    <s v=""/>
    <x v="1"/>
    <s v=""/>
    <x v="0"/>
    <s v="3.1  Internal Services"/>
    <s v="Information Technology Services"/>
    <s v="AAFC-3907"/>
    <s v="In Production"/>
    <s v="web"/>
    <x v="1"/>
    <x v="122"/>
  </r>
  <r>
    <x v="4"/>
    <x v="5"/>
    <x v="178"/>
    <s v="JAVA"/>
    <s v="The Java Development Kit (JDK) is an implementation of either one of the Java Platform, Standard Edition, Java Platform, Enterprise Edition or Java Platform, Micro Edition platforms[1] released by Oracle Corporation in the form of a binary product aimed at Java developers on Solaris, Linux, Mac OS X or Windows. The JDK includes a private JVM and a few other resources to finish the development of a Java Application."/>
    <s v="Oracle_Canada_ULC"/>
    <x v="10"/>
    <s v=""/>
    <x v="0"/>
    <s v="3.1  Internal Services"/>
    <s v="Information Technology Services"/>
    <s v="AAFC-3908"/>
    <s v="In Production"/>
    <s v="desktop"/>
    <x v="0"/>
    <x v="86"/>
  </r>
  <r>
    <x v="4"/>
    <x v="5"/>
    <x v="179"/>
    <s v="SELENIUM"/>
    <s v="is a portable software testing framework for web applications. Selenium provides a record/playback tool for authoring tests without learning a test scripting language (Selenium IDE)."/>
    <s v="Other"/>
    <x v="1"/>
    <s v="Open source"/>
    <x v="0"/>
    <s v="3.1  Internal Services"/>
    <s v="Information Technology Services"/>
    <s v="AAFC-3910"/>
    <s v="In Production"/>
    <s v="desktop"/>
    <x v="0"/>
    <x v="86"/>
  </r>
  <r>
    <x v="4"/>
    <x v="5"/>
    <x v="180"/>
    <s v="SOAPUI"/>
    <s v="is the world leading Open Source Functional Testing tool for API Testing. It supports multiple protocols such as SOAP, REST, HTTP, JMS, AMF"/>
    <s v="Other"/>
    <x v="1"/>
    <s v="Open Source Smartbear"/>
    <x v="0"/>
    <s v="3.1  Internal Services"/>
    <s v="Information Technology Services"/>
    <s v="AAFC-3911"/>
    <s v="In Production"/>
    <s v="desktop"/>
    <x v="0"/>
    <x v="86"/>
  </r>
  <r>
    <x v="4"/>
    <x v="5"/>
    <x v="181"/>
    <s v="SPRING"/>
    <s v="is a set of plugins which are adding support for the popular application framework Spring Framework to the Eclipse platform."/>
    <s v="Other"/>
    <x v="1"/>
    <s v="Open Source"/>
    <x v="0"/>
    <s v="3.1  Internal Services"/>
    <s v="Information Technology Services"/>
    <s v="AAFC-3912"/>
    <s v="In Production"/>
    <s v="desktop"/>
    <x v="0"/>
    <x v="86"/>
  </r>
  <r>
    <x v="4"/>
    <x v="5"/>
    <x v="182"/>
    <s v="SUBCLIPSE"/>
    <s v="Enables Suvbersion support in the Eclipse IDE."/>
    <s v="Other"/>
    <x v="1"/>
    <s v="Open Source"/>
    <x v="0"/>
    <s v="3.1  Internal Services"/>
    <s v="Information Technology Services"/>
    <s v="AAFC-3914"/>
    <s v="In Production"/>
    <s v="desktop"/>
    <x v="0"/>
    <x v="86"/>
  </r>
  <r>
    <x v="8"/>
    <x v="29"/>
    <x v="183"/>
    <s v="TOAD"/>
    <s v="TOAD is a tool from Quest Software (www.quest.com) for creating and testing PL/SQL code. It offers many features for developers and DBAs and is available in a variety of versions."/>
    <s v="Other"/>
    <x v="1"/>
    <s v="Quest Software"/>
    <x v="0"/>
    <s v="3.1  Internal Services"/>
    <s v="Information Technology Services"/>
    <s v="AAFC-3916"/>
    <s v="In Production"/>
    <s v="desktop"/>
    <x v="0"/>
    <x v="86"/>
  </r>
  <r>
    <x v="4"/>
    <x v="5"/>
    <x v="184"/>
    <s v="VIM"/>
    <s v="VI editor for windows"/>
    <s v="Other"/>
    <x v="1"/>
    <s v="Open Source"/>
    <x v="0"/>
    <s v="3.1  Internal Services"/>
    <s v="Information Technology Services"/>
    <s v="AAFC-3919"/>
    <s v="In Production"/>
    <s v="desktop"/>
    <x v="0"/>
    <x v="86"/>
  </r>
  <r>
    <x v="3"/>
    <x v="34"/>
    <x v="185"/>
    <s v="ERWIN WP"/>
    <s v="The ERwin Web Portal provides a simple, customizable, web-based interface that allows both business and technical users across the organization to easily visualize the important metadata information that is stored in ERwin Data Modeler and beyond."/>
    <s v="Other"/>
    <x v="1"/>
    <s v="ERWin Web Portal"/>
    <x v="0"/>
    <s v="3.1  Internal Services"/>
    <s v="Information Technology Services"/>
    <s v="AAFC-3923"/>
    <s v="In Production"/>
    <s v="desktop"/>
    <x v="0"/>
    <x v="86"/>
  </r>
  <r>
    <x v="4"/>
    <x v="5"/>
    <x v="186"/>
    <s v="WINMERGE"/>
    <s v="modern compare/synchronization tool. It will be based on Qt library and cross-platform. You can use the same tool in Windows and in Linux."/>
    <s v="Other"/>
    <x v="1"/>
    <s v="Open Source"/>
    <x v="0"/>
    <s v="3.1  Internal Services"/>
    <s v="Information Technology Services"/>
    <s v="AAFC-3924"/>
    <s v="In Production"/>
    <s v="desktop"/>
    <x v="0"/>
    <x v="86"/>
  </r>
  <r>
    <x v="8"/>
    <x v="29"/>
    <x v="187"/>
    <s v="INTELLIJ"/>
    <s v="Java and Grails IDE."/>
    <s v="Other"/>
    <x v="1"/>
    <s v="Jetbrains"/>
    <x v="0"/>
    <s v="3.1  Internal Services"/>
    <s v="Information Technology Services"/>
    <s v="AAFC-3925"/>
    <s v="In Production"/>
    <s v="desktop"/>
    <x v="0"/>
    <x v="86"/>
  </r>
  <r>
    <x v="4"/>
    <x v="5"/>
    <x v="188"/>
    <s v="XMING"/>
    <s v="Xming is the leading X Window System Server for Microsoft Windows®. It is fully featured, lean, fast, simple to install and because it is standalone native Windows, easily made portable (not needing a machine-specific installation or access to the Windows registry)."/>
    <s v="Other"/>
    <x v="1"/>
    <s v="Open Source"/>
    <x v="0"/>
    <s v="3.1  Internal Services"/>
    <s v="Management and Oversight Services"/>
    <s v="AAFC-3927"/>
    <s v="In Production"/>
    <s v="desktop"/>
    <x v="0"/>
    <x v="86"/>
  </r>
  <r>
    <x v="4"/>
    <x v="5"/>
    <x v="189"/>
    <s v="XMLNOTEPAD"/>
    <s v="XML Notepad is an open-source XML editor written by Chris Lovett and published by Microsoft"/>
    <s v="Microsoft_Corporation"/>
    <x v="1"/>
    <s v=""/>
    <x v="0"/>
    <s v="3.1  Internal Services"/>
    <s v="Information Technology Services"/>
    <s v="AAFC-3928"/>
    <s v="In Production"/>
    <s v="desktop"/>
    <x v="0"/>
    <x v="86"/>
  </r>
  <r>
    <x v="8"/>
    <x v="29"/>
    <x v="190"/>
    <s v="XMLSPY"/>
    <s v="Altova XMLSpy® 2016 is the industry's best-selling XML editor for modeling, editing, transforming, and debugging XML-related technologies. It offers the world’s leading graphical schema designer, a code generator, file converters, debuggers, profilers, full database integration, support for XSLT, XPath, XQuery, WSDL, SOAP, XBRL, JSON, and Office Open XML (OOXML) , plus Visual Studio and Eclipse integration, and more."/>
    <s v="Other"/>
    <x v="1"/>
    <s v="Altova"/>
    <x v="0"/>
    <s v="3.1  Internal Services"/>
    <s v="Information Technology Services"/>
    <s v="AAFC-3929"/>
    <s v="In Production"/>
    <s v="desktop"/>
    <x v="0"/>
    <x v="86"/>
  </r>
  <r>
    <x v="8"/>
    <x v="29"/>
    <x v="191"/>
    <s v="COLDFUSION"/>
    <s v="Rapidly build, deploy, and maintain robust Internet applications."/>
    <s v="Adobe_Systems_Incorporated"/>
    <x v="11"/>
    <s v=""/>
    <x v="0"/>
    <s v="3.1  Internal Services"/>
    <s v="Information Technology Services"/>
    <s v="AAFC-3931"/>
    <s v="In Production"/>
    <s v="desktop"/>
    <x v="0"/>
    <x v="86"/>
  </r>
  <r>
    <x v="4"/>
    <x v="5"/>
    <x v="192"/>
    <s v="COGNOS"/>
    <s v="IBM Cognos Business Intelligence is a web-based, integrated business intelligence suite by IBM."/>
    <s v="Other"/>
    <x v="1"/>
    <s v="IBM Cognos"/>
    <x v="0"/>
    <s v="3.1  Internal Services"/>
    <s v="Other"/>
    <s v="AAFC-3932"/>
    <s v="In Production"/>
    <s v="desktop"/>
    <x v="0"/>
    <x v="86"/>
  </r>
  <r>
    <x v="4"/>
    <x v="5"/>
    <x v="193"/>
    <s v="SHAREPOINT"/>
    <s v="Microsoft SharePoint Designer (SPD), formerly known as Microsoft Office SharePoint Designer, is a discontinued HTML editor freeware specialized in creating or modifying Microsoft SharePoint sites, workflows and web pages. It is a part of Microsoft SharePoint family of products.[4] It was formerly a part of Microsoft Office 2007 family, but has never been included in any of the Microsoft Office suites. SharePoint Designer 2013 was the last version of this product."/>
    <s v="Microsoft_Corporation"/>
    <x v="1"/>
    <s v=""/>
    <x v="0"/>
    <s v="3.1  Internal Services"/>
    <s v="Information Technology Services"/>
    <s v="AAFC-3933"/>
    <s v="In Production"/>
    <s v="desktop"/>
    <x v="0"/>
    <x v="86"/>
  </r>
  <r>
    <x v="4"/>
    <x v="5"/>
    <x v="194"/>
    <s v="CCA"/>
    <s v="The Colour Contrast Analyser (CCA) helps you determine the legibility of text and the contrast of visual elements, such as graphical controls and visual indicators."/>
    <s v="Other"/>
    <x v="1"/>
    <s v="The Paciello Group"/>
    <x v="0"/>
    <s v="3.1  Internal Services"/>
    <s v="Information Technology Services"/>
    <s v="AAFC-3934"/>
    <s v="In Production"/>
    <s v="desktop"/>
    <x v="0"/>
    <x v="86"/>
  </r>
  <r>
    <x v="8"/>
    <x v="37"/>
    <x v="195"/>
    <s v="CS"/>
    <s v="Compliance Sheriff provides users with a means to monitor online content for potential compliance issues across digital environments – keeping information safe, appropriate and within regulatory guidelines. Compliance Sheriff automates content compliance to address a wide range of Web governance issues including Web accessibility, privacy factors, site quality and brand integrity."/>
    <s v="Other"/>
    <x v="1"/>
    <s v="Cryptzone"/>
    <x v="0"/>
    <s v="3.1  Internal Services"/>
    <s v="Information Technology Services"/>
    <s v="AAFC-3935"/>
    <s v="In Production"/>
    <s v="desktop"/>
    <x v="0"/>
    <x v="86"/>
  </r>
  <r>
    <x v="4"/>
    <x v="5"/>
    <x v="196"/>
    <s v="GROOVY"/>
    <s v="Programming language"/>
    <s v="Other"/>
    <x v="1"/>
    <s v="Open Source"/>
    <x v="0"/>
    <s v="3.1  Internal Services"/>
    <s v="Information Technology Services"/>
    <s v="AAFC-3937"/>
    <s v="In Production"/>
    <s v="desktop"/>
    <x v="0"/>
    <x v="86"/>
  </r>
  <r>
    <x v="3"/>
    <x v="5"/>
    <x v="197"/>
    <s v="AAFM"/>
    <s v="application for forecasting Agristability and AgriInvest program payment using participants' data"/>
    <s v=""/>
    <x v="1"/>
    <s v=""/>
    <x v="0"/>
    <s v="1.1  Business Risk Management"/>
    <s v="Financial Management Services"/>
    <s v="AAFC-3959"/>
    <s v="In Production"/>
    <s v="desktop"/>
    <x v="1"/>
    <x v="123"/>
  </r>
  <r>
    <x v="3"/>
    <x v="4"/>
    <x v="198"/>
    <s v="FPIS"/>
    <s v="The Food Processing Information System (FPIS) provides users with a user-friendly, point and click interface that enables them to run ad-hoc reports. FPIS also provides an automated method of loading survey information received from Statistics Canada on a quarterly basis."/>
    <s v=""/>
    <x v="1"/>
    <s v=""/>
    <x v="0"/>
    <s v="3.1  Internal Services"/>
    <s v="Information Management Services"/>
    <s v="AAFC-3960"/>
    <s v="In Production"/>
    <s v="web"/>
    <x v="1"/>
    <x v="124"/>
  </r>
  <r>
    <x v="2"/>
    <x v="10"/>
    <x v="199"/>
    <s v="SURPLUSSTORE"/>
    <s v="The online store allows you to view, acquire and post supplies at NO COST to meet your daily business requirements."/>
    <s v=""/>
    <x v="1"/>
    <s v=""/>
    <x v="0"/>
    <s v="3.1  Internal Services"/>
    <s v="Materiel Services"/>
    <s v="AAFC-3962"/>
    <s v="In Production"/>
    <s v="web"/>
    <x v="1"/>
    <x v="125"/>
  </r>
  <r>
    <x v="2"/>
    <x v="2"/>
    <x v="200"/>
    <s v="DFIP"/>
    <m/>
    <s v=""/>
    <x v="1"/>
    <s v=""/>
    <x v="0"/>
    <s v="1.2  Market Access, Negotiations, Sector Competitiveness, and Assurance Systems"/>
    <s v="Financial Management Services"/>
    <s v="AAFC-3969"/>
    <s v="In Production"/>
    <s v="web"/>
    <x v="1"/>
    <x v="126"/>
  </r>
  <r>
    <x v="4"/>
    <x v="5"/>
    <x v="201"/>
    <s v="DIETL"/>
    <s v="DirectInfo ETL is an application used only by the DirectInfo team.  Its purpose is to create nightly DirectInfo data extracts as well as populate the COR tables with DirectInfo data."/>
    <s v=""/>
    <x v="1"/>
    <s v=""/>
    <x v="0"/>
    <s v="3.1  Internal Services"/>
    <s v="Information Management Services"/>
    <s v="AAFC-3970"/>
    <s v="In Production"/>
    <s v="web"/>
    <x v="1"/>
    <x v="127"/>
  </r>
  <r>
    <x v="4"/>
    <x v="5"/>
    <x v="202"/>
    <s v="JAVAWRAPPER"/>
    <s v="The Java Wrapper collects web templates from web content management system and serves them to various AAFC web applications."/>
    <s v=""/>
    <x v="1"/>
    <s v=""/>
    <x v="0"/>
    <s v="3.1  Internal Services"/>
    <s v="Information Technology Services"/>
    <s v="AAFC-3972"/>
    <s v="In Production"/>
    <s v="web"/>
    <x v="1"/>
    <x v="86"/>
  </r>
  <r>
    <x v="0"/>
    <x v="28"/>
    <x v="203"/>
    <s v="ADDRESS LOOKUP"/>
    <s v="The Address Lookup Service allows address validation against AAFC Canada Post Database."/>
    <s v=""/>
    <x v="1"/>
    <s v=""/>
    <x v="0"/>
    <s v="3.1  Internal Services"/>
    <s v="Information Technology Services"/>
    <s v="AAFC-3973"/>
    <s v="In Production"/>
    <s v="web"/>
    <x v="1"/>
    <x v="128"/>
  </r>
  <r>
    <x v="6"/>
    <x v="24"/>
    <x v="204"/>
    <s v="BDCD"/>
    <m/>
    <s v=""/>
    <x v="1"/>
    <s v=""/>
    <x v="0"/>
    <s v="1.2  Market Access, Negotiations, Sector Competitiveness, and Assurance Systems"/>
    <s v="Management and Oversight Services"/>
    <s v="AAFC-3975"/>
    <s v="In Production"/>
    <s v="web"/>
    <x v="1"/>
    <x v="129"/>
  </r>
  <r>
    <x v="3"/>
    <x v="4"/>
    <x v="205"/>
    <s v="ODP"/>
    <s v="The Open Data Harvester is an ETL tool used to process and format datasets according to TBS dataset standards."/>
    <s v=""/>
    <x v="1"/>
    <s v=""/>
    <x v="0"/>
    <s v="3.1  Internal Services"/>
    <s v="Information Management Services"/>
    <s v="AAFC-3976"/>
    <s v="In Production"/>
    <s v="mini_main_super"/>
    <x v="1"/>
    <x v="130"/>
  </r>
  <r>
    <x v="2"/>
    <x v="40"/>
    <x v="206"/>
    <s v="ADE"/>
    <s v="This ADE application collects AAFC application data for Treasury Board of Canada Secretariat."/>
    <s v=""/>
    <x v="1"/>
    <s v=""/>
    <x v="0"/>
    <s v="3.1  Internal Services"/>
    <s v="Information Technology Services"/>
    <s v="AAFC-3977"/>
    <s v="In Production"/>
    <s v="web"/>
    <x v="1"/>
    <x v="131"/>
  </r>
  <r>
    <x v="2"/>
    <x v="2"/>
    <x v="207"/>
    <s v="SAP"/>
    <m/>
    <s v="Other"/>
    <x v="1"/>
    <s v="SAP - Systems, Applications and Products in data processing."/>
    <x v="0"/>
    <s v=""/>
    <s v="Financial Management Services"/>
    <s v="AAFC-40"/>
    <s v="In Production"/>
    <s v=""/>
    <x v="0"/>
    <x v="132"/>
  </r>
  <r>
    <x v="4"/>
    <x v="5"/>
    <x v="208"/>
    <s v="TISP"/>
    <m/>
    <s v=""/>
    <x v="1"/>
    <s v=""/>
    <x v="0"/>
    <s v="Business Risk Management"/>
    <s v="Other"/>
    <s v="AAFC-427"/>
    <s v="In Production"/>
    <s v=""/>
    <x v="1"/>
    <x v="133"/>
  </r>
  <r>
    <x v="2"/>
    <x v="3"/>
    <x v="209"/>
    <s v="HRWDB"/>
    <s v="The HR Work Description Builder allows managers to create a Work Description on line by selecting a degree of complexity for each Activity involved in a job."/>
    <s v=""/>
    <x v="1"/>
    <s v=""/>
    <x v="0"/>
    <s v="3.1  Internal Services"/>
    <s v="Human Resources Management Services"/>
    <s v="AAFC-438"/>
    <s v="In Production"/>
    <s v="web"/>
    <x v="1"/>
    <x v="4"/>
  </r>
  <r>
    <x v="2"/>
    <x v="20"/>
    <x v="210"/>
    <s v="GCWCC"/>
    <s v="A web-based fund-raising drive. Designed to allow employees to participate in events to raise money for charity."/>
    <s v=""/>
    <x v="1"/>
    <s v=""/>
    <x v="0"/>
    <s v=""/>
    <s v="Other"/>
    <s v="AAFC-443"/>
    <s v="In Production"/>
    <s v="web"/>
    <x v="1"/>
    <x v="134"/>
  </r>
  <r>
    <x v="2"/>
    <x v="3"/>
    <x v="211"/>
    <s v="WCAS"/>
    <m/>
    <s v=""/>
    <x v="1"/>
    <s v=""/>
    <x v="0"/>
    <s v="3.1  Internal Services"/>
    <s v="Human Resources Management Services"/>
    <s v="AAFC-452"/>
    <s v="In Production"/>
    <s v="web"/>
    <x v="1"/>
    <x v="135"/>
  </r>
  <r>
    <x v="2"/>
    <x v="9"/>
    <x v="212"/>
    <s v="ADAPT"/>
    <s v="Collects data on federally funded national programs and programs administered by Provincial councils."/>
    <s v=""/>
    <x v="1"/>
    <s v=""/>
    <x v="0"/>
    <s v="2.1  Science, Innovation, Adoption &amp; Sustainability"/>
    <s v="Financial Management Services"/>
    <s v="AAFC-456"/>
    <s v="In Production"/>
    <s v="web"/>
    <x v="1"/>
    <x v="136"/>
  </r>
  <r>
    <x v="2"/>
    <x v="3"/>
    <x v="213"/>
    <s v="PDHRMS"/>
    <m/>
    <s v="Oracle_Canada_ULC"/>
    <x v="12"/>
    <s v=""/>
    <x v="0"/>
    <s v="3.1  Internal Services"/>
    <s v="Human Resources Management Services"/>
    <s v="AAFC-56"/>
    <s v="In Production"/>
    <s v="web"/>
    <x v="0"/>
    <x v="137"/>
  </r>
  <r>
    <x v="2"/>
    <x v="22"/>
    <x v="214"/>
    <s v="ISL-AGR"/>
    <m/>
    <s v=""/>
    <x v="1"/>
    <s v=""/>
    <x v="0"/>
    <s v="3.1  Internal Services"/>
    <s v="Human Resources Management Services"/>
    <s v="AAFC-57"/>
    <s v="In Production"/>
    <s v="web"/>
    <x v="1"/>
    <x v="138"/>
  </r>
  <r>
    <x v="4"/>
    <x v="5"/>
    <x v="215"/>
    <s v="MIS"/>
    <m/>
    <s v=""/>
    <x v="1"/>
    <s v=""/>
    <x v="0"/>
    <s v="1.1  Business Risk Management"/>
    <s v="Information Technology Services"/>
    <s v="AAFC-64"/>
    <s v="In Production"/>
    <s v="web"/>
    <x v="1"/>
    <x v="139"/>
  </r>
  <r>
    <x v="4"/>
    <x v="5"/>
    <x v="216"/>
    <s v="NCSS"/>
    <m/>
    <s v=""/>
    <x v="1"/>
    <s v=""/>
    <x v="0"/>
    <s v="Business Risk Management"/>
    <s v="Other"/>
    <s v="AAFC-65"/>
    <s v="In Production"/>
    <s v=""/>
    <x v="1"/>
    <x v="133"/>
  </r>
  <r>
    <x v="4"/>
    <x v="5"/>
    <x v="217"/>
    <s v="ETRS"/>
    <m/>
    <s v=""/>
    <x v="1"/>
    <s v=""/>
    <x v="0"/>
    <s v="Business Risk Management"/>
    <s v="Other"/>
    <s v="AAFC-97"/>
    <s v="In Production"/>
    <s v=""/>
    <x v="1"/>
    <x v="140"/>
  </r>
  <r>
    <x v="2"/>
    <x v="2"/>
    <x v="218"/>
    <s v="GX"/>
    <m/>
    <s v="Anthony_Macauley_Associates"/>
    <x v="13"/>
    <s v=""/>
    <x v="1"/>
    <s v="2.1.2.2 - Financial Management"/>
    <s v="Financial Management Services"/>
    <s v="ACOA-0001"/>
    <s v="In Production"/>
    <s v="rich"/>
    <x v="0"/>
    <x v="141"/>
  </r>
  <r>
    <x v="2"/>
    <x v="9"/>
    <x v="219"/>
    <s v="QAccess"/>
    <m/>
    <s v=""/>
    <x v="1"/>
    <s v=""/>
    <x v="1"/>
    <s v="1.1 - Enterprise Development &amp; 1.2 - Community Development"/>
    <s v="Management and Oversight Services"/>
    <s v="ACOA-0002"/>
    <s v="In Production"/>
    <s v="web"/>
    <x v="1"/>
    <x v="142"/>
  </r>
  <r>
    <x v="2"/>
    <x v="41"/>
    <x v="220"/>
    <s v="PRIS"/>
    <m/>
    <s v=""/>
    <x v="1"/>
    <s v=""/>
    <x v="1"/>
    <s v="2.1.3.3 - Acquisition"/>
    <s v="Acquisition Services"/>
    <s v="ACOA-0005"/>
    <s v="In Production"/>
    <s v=""/>
    <x v="1"/>
    <x v="142"/>
  </r>
  <r>
    <x v="0"/>
    <x v="42"/>
    <x v="221"/>
    <s v="ADIR"/>
    <m/>
    <s v=""/>
    <x v="1"/>
    <s v=""/>
    <x v="1"/>
    <s v="1.1 - Enterprise Development &amp; 1.2 - Community Development"/>
    <s v="Management and Oversight Services"/>
    <s v="ACOA-0006"/>
    <s v="In Production"/>
    <s v="web"/>
    <x v="1"/>
    <x v="142"/>
  </r>
  <r>
    <x v="0"/>
    <x v="8"/>
    <x v="222"/>
    <s v="RDZVS"/>
    <m/>
    <s v=""/>
    <x v="1"/>
    <s v=""/>
    <x v="1"/>
    <s v="2.1.1.2 - Communications"/>
    <s v="Communications Services"/>
    <s v="ACOA-0007"/>
    <s v="In Production"/>
    <s v="web"/>
    <x v="1"/>
    <x v="142"/>
  </r>
  <r>
    <x v="2"/>
    <x v="3"/>
    <x v="223"/>
    <s v="CLP"/>
    <m/>
    <s v=""/>
    <x v="1"/>
    <s v=""/>
    <x v="1"/>
    <s v="2.1.2.1 - Human Resource Management"/>
    <s v="Human Resources Management Services"/>
    <s v="ACOA-0008"/>
    <s v="In Production"/>
    <s v="web"/>
    <x v="1"/>
    <x v="142"/>
  </r>
  <r>
    <x v="0"/>
    <x v="16"/>
    <x v="224"/>
    <s v="APCM"/>
    <m/>
    <s v="Other"/>
    <x v="14"/>
    <s v="CSDC - Privasoft"/>
    <x v="1"/>
    <s v="2.1.1 - Governance and Management Support"/>
    <s v="Information Management Services"/>
    <s v="ACOA-0009"/>
    <s v="In Production"/>
    <s v="desktop"/>
    <x v="0"/>
    <x v="142"/>
  </r>
  <r>
    <x v="0"/>
    <x v="43"/>
    <x v="225"/>
    <s v="APWS"/>
    <m/>
    <s v=""/>
    <x v="1"/>
    <s v=""/>
    <x v="1"/>
    <s v="2.1.1 - Governance and Management Support"/>
    <s v="Communications Services"/>
    <s v="ACOA-0010"/>
    <s v="In Production"/>
    <s v="web"/>
    <x v="1"/>
    <x v="142"/>
  </r>
  <r>
    <x v="0"/>
    <x v="0"/>
    <x v="226"/>
    <s v="SPS"/>
    <m/>
    <s v="Microsoft_Corporation"/>
    <x v="15"/>
    <s v=""/>
    <x v="1"/>
    <s v="2.1.2.3 - Information Management"/>
    <s v="Information Management Services"/>
    <s v="ACOA-0012"/>
    <s v="In Production"/>
    <s v="web"/>
    <x v="0"/>
    <x v="142"/>
  </r>
  <r>
    <x v="0"/>
    <x v="43"/>
    <x v="227"/>
    <s v="MEDIAROOM"/>
    <m/>
    <s v=""/>
    <x v="1"/>
    <s v=""/>
    <x v="1"/>
    <s v="2.1.1.2 - Communications"/>
    <s v="Communications Services"/>
    <s v="ACOA-0013"/>
    <s v="In Production"/>
    <s v="web"/>
    <x v="1"/>
    <x v="142"/>
  </r>
  <r>
    <x v="0"/>
    <x v="42"/>
    <x v="228"/>
    <s v="PRODIS"/>
    <m/>
    <s v=""/>
    <x v="1"/>
    <s v=""/>
    <x v="1"/>
    <s v="2.1.1 - Governance and Management Support"/>
    <s v="Management and Oversight Services"/>
    <s v="ACOA-0014"/>
    <s v="In Production"/>
    <s v="web"/>
    <x v="1"/>
    <x v="142"/>
  </r>
  <r>
    <x v="2"/>
    <x v="22"/>
    <x v="229"/>
    <s v="FTS"/>
    <m/>
    <s v=""/>
    <x v="1"/>
    <s v=""/>
    <x v="1"/>
    <s v="2.1.2.1 - Human Resource Management"/>
    <s v="Human Resources Management Services"/>
    <s v="ACOA-0015"/>
    <s v="In Production"/>
    <s v="web"/>
    <x v="1"/>
    <x v="142"/>
  </r>
  <r>
    <x v="0"/>
    <x v="13"/>
    <x v="230"/>
    <s v="DARRT"/>
    <m/>
    <s v=""/>
    <x v="1"/>
    <s v=""/>
    <x v="1"/>
    <s v="2.1.2.3 - Information Management"/>
    <s v="Information Management Services"/>
    <s v="ACOA-0016"/>
    <s v="In Production"/>
    <s v="web"/>
    <x v="1"/>
    <x v="142"/>
  </r>
  <r>
    <x v="6"/>
    <x v="33"/>
    <x v="231"/>
    <s v="LEC"/>
    <m/>
    <s v=""/>
    <x v="1"/>
    <s v=""/>
    <x v="1"/>
    <s v="2.1.2.1 - Human Resource Management"/>
    <s v="Human Resources Management Services"/>
    <s v="ACOA-0017"/>
    <s v="In Production"/>
    <s v="web"/>
    <x v="1"/>
    <x v="142"/>
  </r>
  <r>
    <x v="0"/>
    <x v="43"/>
    <x v="232"/>
    <s v="MEDIACLIP"/>
    <m/>
    <s v=""/>
    <x v="1"/>
    <s v=""/>
    <x v="1"/>
    <s v="2.1.1.2 - Communications"/>
    <s v="Communications Services"/>
    <s v="ACOA-0018"/>
    <s v="In Production"/>
    <s v="web"/>
    <x v="1"/>
    <x v="142"/>
  </r>
  <r>
    <x v="0"/>
    <x v="43"/>
    <x v="233"/>
    <s v="MMCMP"/>
    <m/>
    <s v=""/>
    <x v="1"/>
    <s v=""/>
    <x v="1"/>
    <s v="2.1.1.2 - Communications"/>
    <s v="Communications Services"/>
    <s v="ACOA-0019"/>
    <s v="In Production"/>
    <s v="web"/>
    <x v="1"/>
    <x v="142"/>
  </r>
  <r>
    <x v="0"/>
    <x v="16"/>
    <x v="234"/>
    <s v="RCM"/>
    <m/>
    <s v=""/>
    <x v="1"/>
    <s v=""/>
    <x v="1"/>
    <s v="2.1.1.1 - Management &amp; Oversight"/>
    <s v="Management and Oversight Services"/>
    <s v="ACOA-0021"/>
    <s v="In Production"/>
    <s v="web"/>
    <x v="1"/>
    <x v="142"/>
  </r>
  <r>
    <x v="0"/>
    <x v="16"/>
    <x v="235"/>
    <s v="BMM"/>
    <m/>
    <s v=""/>
    <x v="1"/>
    <s v=""/>
    <x v="1"/>
    <s v="1.4 - Policy"/>
    <s v="Management and Oversight Services"/>
    <s v="ACOA-0022"/>
    <s v="In Production"/>
    <s v="web"/>
    <x v="1"/>
    <x v="142"/>
  </r>
  <r>
    <x v="9"/>
    <x v="44"/>
    <x v="236"/>
    <s v="AXIOM"/>
    <m/>
    <s v="RBH-Access"/>
    <x v="1"/>
    <s v="Axiom"/>
    <x v="1"/>
    <s v="1.4 Internal Services"/>
    <s v="Management and Oversight Services"/>
    <s v="APP-01836"/>
    <s v="In Production"/>
    <s v="desktop"/>
    <x v="0"/>
    <x v="143"/>
  </r>
  <r>
    <x v="4"/>
    <x v="5"/>
    <x v="237"/>
    <s v="PLUMSAIL"/>
    <s v="Hierarchical Organizational Charts"/>
    <s v="Plumsail"/>
    <x v="1"/>
    <s v="Plumsail"/>
    <x v="1"/>
    <s v="2.1.2.1 - Human Resource Management"/>
    <s v="Human Resources Management Services"/>
    <s v="APP-01838"/>
    <s v="In Production"/>
    <s v="web"/>
    <x v="0"/>
    <x v="144"/>
  </r>
  <r>
    <x v="1"/>
    <x v="12"/>
    <x v="238"/>
    <s v="TRACKIT"/>
    <m/>
    <s v="BMC"/>
    <x v="1"/>
    <s v="Trackit"/>
    <x v="1"/>
    <s v="1.4 - Internal Services"/>
    <s v="Information Technology Services"/>
    <s v="APP-03325"/>
    <s v="In Production"/>
    <s v="rich"/>
    <x v="0"/>
    <x v="145"/>
  </r>
  <r>
    <x v="3"/>
    <x v="31"/>
    <x v="239"/>
    <s v="CORPDASHBOARDS"/>
    <m/>
    <s v=""/>
    <x v="1"/>
    <s v=""/>
    <x v="1"/>
    <s v="1.1 - Enterprise Development &amp; 1.2 - Community Development"/>
    <s v="Management and Oversight Services"/>
    <s v="APP-03338"/>
    <s v="In Production"/>
    <s v="web"/>
    <x v="1"/>
    <x v="88"/>
  </r>
  <r>
    <x v="0"/>
    <x v="13"/>
    <x v="240"/>
    <s v="AFP"/>
    <s v="AFP is the Agency's File management system. It holds the Agency classification structure, retention and disposition schedule."/>
    <s v=""/>
    <x v="1"/>
    <s v=""/>
    <x v="1"/>
    <s v="1.4 - Internal Services"/>
    <s v="Information Management Services"/>
    <s v="APP-03340"/>
    <s v="In Production"/>
    <s v="web"/>
    <x v="1"/>
    <x v="88"/>
  </r>
  <r>
    <x v="8"/>
    <x v="38"/>
    <x v="241"/>
    <s v="TFS"/>
    <s v="Team Foundation Server helps teams communicate and work together to deliver quality software.  Features include Agile planning, version control, build automation, testing, and more."/>
    <s v="Microsoft"/>
    <x v="1"/>
    <s v="Visual Studio Team Foundation Server 2012 User CAL"/>
    <x v="1"/>
    <s v="1.4 - Internal Services"/>
    <s v="Information Management Services,Information Technology Services"/>
    <s v="APP-03355"/>
    <s v="In Production"/>
    <s v="web"/>
    <x v="0"/>
    <x v="88"/>
  </r>
  <r>
    <x v="3"/>
    <x v="4"/>
    <x v="242"/>
    <s v="DW"/>
    <m/>
    <s v=""/>
    <x v="1"/>
    <s v=""/>
    <x v="1"/>
    <s v="1.4 - Internal Services"/>
    <s v="Information Management Services"/>
    <s v="APP-03374"/>
    <s v="In Production"/>
    <s v="rich"/>
    <x v="1"/>
    <x v="146"/>
  </r>
  <r>
    <x v="3"/>
    <x v="45"/>
    <x v="243"/>
    <s v="SOSSE"/>
    <s v=""/>
    <s v="Quest"/>
    <x v="1"/>
    <s v="Spotlight on SQL Server Enterprise"/>
    <x v="1"/>
    <s v="1.4 - Internal Services"/>
    <s v="Information Management Services"/>
    <s v="APP-03376"/>
    <s v="In Production"/>
    <s v="web"/>
    <x v="0"/>
    <x v="147"/>
  </r>
  <r>
    <x v="3"/>
    <x v="45"/>
    <x v="244"/>
    <s v="RGSQLC"/>
    <s v="With SQL Compare, you can compare and deploy the structure of two Microsoft SQL Server databases. SQL Compare includes an add-in for Management Studio you can use to compare and deploy databases."/>
    <s v="Red Gate Software Ltd"/>
    <x v="1"/>
    <s v=""/>
    <x v="1"/>
    <s v="1.4 - Internal Services"/>
    <s v=""/>
    <s v="APP-03378"/>
    <s v="In Production"/>
    <s v="desktop"/>
    <x v="0"/>
    <x v="86"/>
  </r>
  <r>
    <x v="3"/>
    <x v="46"/>
    <x v="245"/>
    <s v="RGSQLDC"/>
    <s v="With SQL Data Compare, you can compare and deploy the data in two Microsoft SQL Server databases. You can also compare a backup with a database, a scripts folder, or another backup."/>
    <s v="Red Gate Software Ltd"/>
    <x v="1"/>
    <s v="Red Gate SQL Data Compare"/>
    <x v="1"/>
    <s v="1.4 - Internal Services"/>
    <s v=""/>
    <s v="APP-03380"/>
    <s v="In Production"/>
    <s v="desktop"/>
    <x v="0"/>
    <x v="86"/>
  </r>
  <r>
    <x v="8"/>
    <x v="29"/>
    <x v="246"/>
    <s v="MSVS"/>
    <s v="Visual Studio is an integrated development environment (IDE). It is used to develop computer programs for Microsoft Windows, as well as web sites, web applications and web services. Visual Studio uses Microsoft software development platforms such as Windows API, Windows Forms, Windows Presentation Foundation, Windows Store and Microsoft Silverlight. It can produce both native code and managed code."/>
    <s v="Microsoft"/>
    <x v="1"/>
    <s v="Visual Studio Professional 2017 with MSDN"/>
    <x v="1"/>
    <s v="1.4 - Internal Services"/>
    <s v="Information Management Services"/>
    <s v="APP-03382"/>
    <s v="In Production"/>
    <s v="desktop"/>
    <x v="0"/>
    <x v="86"/>
  </r>
  <r>
    <x v="8"/>
    <x v="29"/>
    <x v="247"/>
    <s v="TXTEXT"/>
    <s v="TX Text is used for ASP.NET Reporting and Word Processing._x000a__x000a_In can allow for Integration of mail merge and reporting in ASP.NET Web_x000a_applications. Allows for cross-browser, cross-platform document_x000a_editing and template creation to your Web applications."/>
    <s v="Text Control"/>
    <x v="1"/>
    <s v=""/>
    <x v="1"/>
    <s v="1.4 - Internal Services"/>
    <s v="Information Management Services"/>
    <s v="APP-03384"/>
    <s v="In Production"/>
    <s v="desktop"/>
    <x v="0"/>
    <x v="86"/>
  </r>
  <r>
    <x v="8"/>
    <x v="29"/>
    <x v="248"/>
    <s v="SCRIPTX"/>
    <s v="ScriptX is an add-on for control over printing html and pdf documents, labels or bar codes from client and server computers running Microsoft Windows."/>
    <s v="Meadco"/>
    <x v="1"/>
    <s v=""/>
    <x v="1"/>
    <s v="1.4 - Internal Services"/>
    <s v="Information Management Services"/>
    <s v="APP-03386"/>
    <s v="In Production"/>
    <s v="desktop"/>
    <x v="0"/>
    <x v="86"/>
  </r>
  <r>
    <x v="4"/>
    <x v="5"/>
    <x v="249"/>
    <s v="INFOPATH"/>
    <s v=""/>
    <s v="Microsoft"/>
    <x v="16"/>
    <s v=""/>
    <x v="1"/>
    <s v="1.4 - Internal Services"/>
    <s v=""/>
    <s v="APP-03389"/>
    <s v="In Production"/>
    <s v="desktop"/>
    <x v="0"/>
    <x v="86"/>
  </r>
  <r>
    <x v="0"/>
    <x v="13"/>
    <x v="250"/>
    <s v="OPM"/>
    <s v="OnePlaceMail seamlessly connects Microsoft Outlook Email to SharePoint / Office 365 to improve collaboration, business productivity and records management across the organization."/>
    <s v="OnePlace Solutions/Scinaptic"/>
    <x v="1"/>
    <s v="OnePlaceMail"/>
    <x v="1"/>
    <s v="1.4 - Internal Services"/>
    <s v=""/>
    <s v="APP-03391"/>
    <s v="In Production"/>
    <s v="desktop"/>
    <x v="0"/>
    <x v="106"/>
  </r>
  <r>
    <x v="8"/>
    <x v="29"/>
    <x v="251"/>
    <s v="ADMINSTUDIO"/>
    <s v="Packing software. It provides a single solution for reliable application packaging, virtualization, Windows migrations and mobile application management."/>
    <s v="Flexera"/>
    <x v="17"/>
    <s v=""/>
    <x v="1"/>
    <s v="1.4 - Internal Services"/>
    <s v="Information Technology Services"/>
    <s v="APP-03393"/>
    <s v="In Production"/>
    <s v="desktop"/>
    <x v="0"/>
    <x v="86"/>
  </r>
  <r>
    <x v="1"/>
    <x v="47"/>
    <x v="252"/>
    <s v="SCCM"/>
    <s v="A systems management software product developed by Microsoft for managing large groups of computers Windows OS platforms. Configuration Manager provides remote control, patch management, software distribution, operating system deployment, network access protection and hardware and software inventory."/>
    <s v="Microsoft"/>
    <x v="18"/>
    <s v=""/>
    <x v="1"/>
    <s v="1.4 - Internal Services"/>
    <s v="Information Technology Services"/>
    <s v="APP-03395"/>
    <s v="In Production"/>
    <s v="desktop"/>
    <x v="0"/>
    <x v="86"/>
  </r>
  <r>
    <x v="6"/>
    <x v="48"/>
    <x v="253"/>
    <s v="MOPP"/>
    <s v=""/>
    <s v="Microsoft"/>
    <x v="19"/>
    <s v=""/>
    <x v="1"/>
    <s v="1.4 - Internal Services"/>
    <s v="Information Management Services"/>
    <s v="APP-03397"/>
    <s v="In Production"/>
    <s v="desktop"/>
    <x v="0"/>
    <x v="86"/>
  </r>
  <r>
    <x v="3"/>
    <x v="45"/>
    <x v="254"/>
    <s v="SQLNAV"/>
    <s v="Oracle database administration tool. Allows DBAs to write, edit and maintain database objects through automation and an intuitive graphical interface. Allows for powerful SQL optimization to reduce performance issues before they impact production and end users."/>
    <s v="Quest"/>
    <x v="1"/>
    <s v="SQL Navigator"/>
    <x v="1"/>
    <s v="1.4 - Internal Services"/>
    <s v="Information Management Services"/>
    <s v="APP-03399"/>
    <s v="In Production"/>
    <s v="desktop"/>
    <x v="0"/>
    <x v="86"/>
  </r>
  <r>
    <x v="9"/>
    <x v="49"/>
    <x v="255"/>
    <s v="MEPM"/>
    <s v=""/>
    <s v="Microsoft"/>
    <x v="20"/>
    <s v=""/>
    <x v="1"/>
    <s v="1.4 - Internal Services"/>
    <s v="Information Technology Services"/>
    <s v="APP-03411"/>
    <s v="In Production"/>
    <s v="desktop"/>
    <x v="0"/>
    <x v="86"/>
  </r>
  <r>
    <x v="9"/>
    <x v="50"/>
    <x v="256"/>
    <s v="MBAM"/>
    <m/>
    <s v="Microsoft"/>
    <x v="1"/>
    <s v="Microsoft BitLocker Administration and Monitoring"/>
    <x v="1"/>
    <s v="1.4 - Internal Services"/>
    <s v="Information Technology Services"/>
    <s v="APP-03416"/>
    <s v="In Production"/>
    <s v="desktop"/>
    <x v="0"/>
    <x v="88"/>
  </r>
  <r>
    <x v="2"/>
    <x v="20"/>
    <x v="257"/>
    <s v="ICES"/>
    <m/>
    <s v=""/>
    <x v="1"/>
    <s v=""/>
    <x v="2"/>
    <s v="1.1.1 Intelligence"/>
    <s v="Other"/>
    <s v="CBSA-ITEMS0001"/>
    <s v="In Production"/>
    <s v="rich"/>
    <x v="1"/>
    <x v="148"/>
  </r>
  <r>
    <x v="2"/>
    <x v="20"/>
    <x v="258"/>
    <s v="BARKS"/>
    <m/>
    <s v=""/>
    <x v="1"/>
    <s v=""/>
    <x v="2"/>
    <s v="1.7.3 Trade Compliance"/>
    <s v="Financial Management Services"/>
    <s v="CBSA-ITEMS0003"/>
    <s v="In Production"/>
    <s v="rich"/>
    <x v="1"/>
    <x v="149"/>
  </r>
  <r>
    <x v="2"/>
    <x v="20"/>
    <x v="259"/>
    <s v="CCEPS"/>
    <m/>
    <s v=""/>
    <x v="1"/>
    <s v=""/>
    <x v="2"/>
    <s v="Commercial"/>
    <s v="Financial Management Services"/>
    <s v="CBSA-ITEMS0004"/>
    <s v="In Production"/>
    <s v="web"/>
    <x v="1"/>
    <x v="150"/>
  </r>
  <r>
    <x v="2"/>
    <x v="20"/>
    <x v="260"/>
    <s v="CCS"/>
    <m/>
    <s v=""/>
    <x v="1"/>
    <s v=""/>
    <x v="2"/>
    <s v="1.7.3 Trade Compliance"/>
    <s v="Management and Oversight Services"/>
    <s v="CBSA-ITEMS0006"/>
    <s v="In Production"/>
    <s v="mini_main_super"/>
    <x v="1"/>
    <x v="151"/>
  </r>
  <r>
    <x v="2"/>
    <x v="2"/>
    <x v="261"/>
    <s v="CICP"/>
    <m/>
    <s v=""/>
    <x v="1"/>
    <s v=""/>
    <x v="2"/>
    <s v="1.7.3 Trade Compliance"/>
    <s v="Financial Management Services"/>
    <s v="CBSA-ITEMS0007"/>
    <s v="In Production"/>
    <s v="web"/>
    <x v="1"/>
    <x v="152"/>
  </r>
  <r>
    <x v="6"/>
    <x v="33"/>
    <x v="262"/>
    <s v="COSS"/>
    <m/>
    <s v=""/>
    <x v="1"/>
    <s v=""/>
    <x v="2"/>
    <s v="1.8.2.1 Human Resource Management"/>
    <s v="Human Resources Management Services"/>
    <s v="CBSA-ITEMS0008"/>
    <s v="In Production"/>
    <s v="web"/>
    <x v="1"/>
    <x v="153"/>
  </r>
  <r>
    <x v="2"/>
    <x v="20"/>
    <x v="263"/>
    <s v="CPCS"/>
    <m/>
    <s v=""/>
    <x v="1"/>
    <s v=""/>
    <x v="2"/>
    <s v="1.2.1 Trusted Traveller"/>
    <s v="Information Management Services"/>
    <s v="CBSA-ITEMS0009"/>
    <s v="In Production"/>
    <s v="rich"/>
    <x v="1"/>
    <x v="154"/>
  </r>
  <r>
    <x v="2"/>
    <x v="2"/>
    <x v="264"/>
    <s v="CRS"/>
    <m/>
    <s v=""/>
    <x v="1"/>
    <s v=""/>
    <x v="2"/>
    <s v="1.7.3 Trade Compliance"/>
    <s v="Financial Management Services"/>
    <s v="CBSA-ITEMS0010"/>
    <s v="In Production"/>
    <s v="desktop"/>
    <x v="1"/>
    <x v="155"/>
  </r>
  <r>
    <x v="2"/>
    <x v="6"/>
    <x v="265"/>
    <s v="EL"/>
    <m/>
    <s v=""/>
    <x v="1"/>
    <s v=""/>
    <x v="2"/>
    <s v="1.1 Risk Assessment - 1.4 Criminal Investigations - 1.5.1 Immigration Investigations"/>
    <s v="Other"/>
    <s v="CBSA-ITEMS0011"/>
    <s v="In Production"/>
    <s v="web"/>
    <x v="1"/>
    <x v="156"/>
  </r>
  <r>
    <x v="0"/>
    <x v="16"/>
    <x v="266"/>
    <s v="IMS"/>
    <m/>
    <s v=""/>
    <x v="1"/>
    <s v=""/>
    <x v="2"/>
    <s v="1.1.1 Intelligence"/>
    <s v="Other"/>
    <s v="CBSA-ITEMS0012"/>
    <s v="In Production"/>
    <s v="web"/>
    <x v="1"/>
    <x v="157"/>
  </r>
  <r>
    <x v="0"/>
    <x v="16"/>
    <x v="267"/>
    <s v="NIS"/>
    <m/>
    <s v=""/>
    <x v="1"/>
    <s v=""/>
    <x v="2"/>
    <s v="1.7.3 Trade Compliance"/>
    <s v="Other"/>
    <s v="CBSA-ITEMS0014"/>
    <s v="In Production"/>
    <s v="rich"/>
    <x v="1"/>
    <x v="158"/>
  </r>
  <r>
    <x v="2"/>
    <x v="20"/>
    <x v="268"/>
    <s v="PICS"/>
    <m/>
    <s v=""/>
    <x v="1"/>
    <s v=""/>
    <x v="2"/>
    <s v="1.7.3 Trade Compliance"/>
    <s v="Other"/>
    <s v="CBSA-ITEMS0015"/>
    <s v="In Production"/>
    <s v="desktop"/>
    <x v="1"/>
    <x v="159"/>
  </r>
  <r>
    <x v="2"/>
    <x v="20"/>
    <x v="269"/>
    <s v="PICSHQ"/>
    <m/>
    <s v=""/>
    <x v="1"/>
    <s v=""/>
    <x v="2"/>
    <s v="1.7.3 Trade Compliance"/>
    <s v="Other"/>
    <s v="CBSA-ITEMS0016"/>
    <s v="In Production"/>
    <s v="desktop"/>
    <x v="1"/>
    <x v="160"/>
  </r>
  <r>
    <x v="2"/>
    <x v="2"/>
    <x v="270"/>
    <s v="TEPS"/>
    <m/>
    <s v=""/>
    <x v="1"/>
    <s v=""/>
    <x v="2"/>
    <s v="1.7.3 Trade Compliance - 1.8.2.2 Financial Management"/>
    <s v="Financial Management Services"/>
    <s v="CBSA-ITEMS0018"/>
    <s v="In Production"/>
    <s v="web"/>
    <x v="1"/>
    <x v="161"/>
  </r>
  <r>
    <x v="2"/>
    <x v="2"/>
    <x v="271"/>
    <s v="TEPS-HQ"/>
    <m/>
    <s v=""/>
    <x v="1"/>
    <s v=""/>
    <x v="2"/>
    <s v="1.7.3 Trade Compliance - 1.8.2.2 Financial Management"/>
    <s v="Financial Management Services"/>
    <s v="CBSA-ITEMS0019"/>
    <s v="In Production"/>
    <s v="web"/>
    <x v="1"/>
    <x v="162"/>
  </r>
  <r>
    <x v="0"/>
    <x v="8"/>
    <x v="272"/>
    <s v="TPHS"/>
    <m/>
    <s v=""/>
    <x v="1"/>
    <s v=""/>
    <x v="2"/>
    <s v="1.7.2 Trade Policy"/>
    <s v="Other"/>
    <s v="CBSA-ITEMS0021"/>
    <s v="In Production"/>
    <s v="desktop"/>
    <x v="1"/>
    <x v="163"/>
  </r>
  <r>
    <x v="2"/>
    <x v="20"/>
    <x v="273"/>
    <s v="ACROSS"/>
    <m/>
    <s v=""/>
    <x v="1"/>
    <s v=""/>
    <x v="2"/>
    <s v="1.3 Admissibility Determination"/>
    <s v="Management and Oversight Services"/>
    <s v="CBSA-ITEMS0022"/>
    <s v="In Production"/>
    <s v="mini_main_super"/>
    <x v="1"/>
    <x v="164"/>
  </r>
  <r>
    <x v="2"/>
    <x v="20"/>
    <x v="274"/>
    <s v="ABC"/>
    <m/>
    <s v=""/>
    <x v="1"/>
    <s v=""/>
    <x v="2"/>
    <s v="1.3.2 Air Mode"/>
    <s v="Management and Oversight Services"/>
    <s v="CBSA-ITEMS0023"/>
    <s v="In Production"/>
    <s v="web"/>
    <x v="1"/>
    <x v="165"/>
  </r>
  <r>
    <x v="2"/>
    <x v="20"/>
    <x v="275"/>
    <s v="AMPS"/>
    <m/>
    <s v=""/>
    <x v="1"/>
    <s v=""/>
    <x v="2"/>
    <s v="1.7.3 Trade Compliance"/>
    <s v="Management and Oversight Services"/>
    <s v="CBSA-ITEMS0024"/>
    <s v="In Production"/>
    <s v="web"/>
    <x v="1"/>
    <x v="166"/>
  </r>
  <r>
    <x v="0"/>
    <x v="16"/>
    <x v="276"/>
    <s v="ATIP"/>
    <m/>
    <s v="Other"/>
    <x v="1"/>
    <s v="CSDC, Access Pro"/>
    <x v="2"/>
    <s v="Internal Services"/>
    <s v="Management and Oversight Services"/>
    <s v="CBSA-ITEMS0025"/>
    <s v="In Production"/>
    <s v="rich"/>
    <x v="0"/>
    <x v="167"/>
  </r>
  <r>
    <x v="2"/>
    <x v="22"/>
    <x v="277"/>
    <s v="APSS"/>
    <m/>
    <s v=""/>
    <x v="1"/>
    <s v=""/>
    <x v="2"/>
    <s v="Internal Services"/>
    <s v="Human Resources Management Services"/>
    <s v="CBSA-ITEMS0026"/>
    <s v="In Production"/>
    <s v="desktop"/>
    <x v="1"/>
    <x v="168"/>
  </r>
  <r>
    <x v="0"/>
    <x v="43"/>
    <x v="278"/>
    <s v="BWT"/>
    <s v="Business application that enables the different Port's of Entry to add Border Wait time data at the port for publishing to the CBSA BWT web service."/>
    <s v=""/>
    <x v="1"/>
    <s v=""/>
    <x v="2"/>
    <s v="1.8.1.2 Communications"/>
    <s v="Communications Services"/>
    <s v="CBSA-ITEMS0028"/>
    <s v="In Production"/>
    <s v="web"/>
    <x v="1"/>
    <x v="169"/>
  </r>
  <r>
    <x v="2"/>
    <x v="20"/>
    <x v="279"/>
    <s v="AFS"/>
    <m/>
    <s v=""/>
    <x v="1"/>
    <s v=""/>
    <x v="2"/>
    <s v="1.3.2 Air Mode"/>
    <s v="Management and Oversight Services"/>
    <s v="CBSA-ITEMS0029"/>
    <s v="In Production"/>
    <s v="desktop"/>
    <x v="1"/>
    <x v="170"/>
  </r>
  <r>
    <x v="2"/>
    <x v="20"/>
    <x v="280"/>
    <s v="KIOSK"/>
    <m/>
    <s v=""/>
    <x v="1"/>
    <s v=""/>
    <x v="2"/>
    <s v="1.3.2 Air Mode"/>
    <s v="Other"/>
    <s v="CBSA-ITEMS0031"/>
    <s v="In Production"/>
    <s v="mini_main_super"/>
    <x v="1"/>
    <x v="171"/>
  </r>
  <r>
    <x v="4"/>
    <x v="5"/>
    <x v="281"/>
    <s v="CARS"/>
    <m/>
    <s v=""/>
    <x v="1"/>
    <s v=""/>
    <x v="2"/>
    <s v="1.3 Admissibility Determination"/>
    <s v="Management and Oversight Services"/>
    <s v="CBSA-ITEMS0035"/>
    <s v="In Production"/>
    <s v="web"/>
    <x v="1"/>
    <x v="172"/>
  </r>
  <r>
    <x v="2"/>
    <x v="3"/>
    <x v="282"/>
    <s v="CAS"/>
    <m/>
    <s v="Other"/>
    <x v="1"/>
    <s v="SAP"/>
    <x v="2"/>
    <s v="1.8.2.2 Financial Management"/>
    <s v="Financial Management Services,Human Resources Management Services,Travel and Other Administrative Services"/>
    <s v="CBSA-ITEMS0036"/>
    <s v="In Production"/>
    <s v="mini_main_super"/>
    <x v="0"/>
    <x v="173"/>
  </r>
  <r>
    <x v="0"/>
    <x v="28"/>
    <x v="283"/>
    <s v="COMMPORT"/>
    <m/>
    <s v=""/>
    <x v="1"/>
    <s v=""/>
    <x v="2"/>
    <s v="1.8.1.2 Communications"/>
    <s v="Communications Services"/>
    <s v="CBSA-ITEMS0039"/>
    <s v="In Production"/>
    <s v="web"/>
    <x v="1"/>
    <x v="174"/>
  </r>
  <r>
    <x v="3"/>
    <x v="31"/>
    <x v="284"/>
    <s v="CMRS-legacy"/>
    <m/>
    <s v="Other"/>
    <x v="1"/>
    <s v="IBM Cognos Business Intelligence"/>
    <x v="2"/>
    <s v="1.8.1.1 Management and Oversight"/>
    <s v="Management and Oversight Services"/>
    <s v="CBSA-ITEMS0040"/>
    <s v="In Production"/>
    <s v="web"/>
    <x v="0"/>
    <x v="175"/>
  </r>
  <r>
    <x v="0"/>
    <x v="8"/>
    <x v="285"/>
    <s v="TCMS"/>
    <m/>
    <s v=""/>
    <x v="1"/>
    <s v=""/>
    <x v="2"/>
    <s v="1.7.2 Trade Policy"/>
    <s v="Management and Oversight Services"/>
    <s v="CBSA-ITEMS0041"/>
    <s v="In Production"/>
    <s v="web"/>
    <x v="1"/>
    <x v="176"/>
  </r>
  <r>
    <x v="0"/>
    <x v="43"/>
    <x v="286"/>
    <s v="CBSA Web"/>
    <s v="The external CBSA web-site containing information on CBSA and Customs for use by the general public.  Border Wait Times is a key piece of information on the website."/>
    <s v=""/>
    <x v="1"/>
    <s v=""/>
    <x v="2"/>
    <s v="Internal Services"/>
    <s v="Communications Services"/>
    <s v="CBSA-ITEMS0042"/>
    <s v="In Production"/>
    <s v="web"/>
    <x v="1"/>
    <x v="106"/>
  </r>
  <r>
    <x v="2"/>
    <x v="20"/>
    <x v="287"/>
    <s v="FIRM"/>
    <m/>
    <s v="CA_Technologies"/>
    <x v="1"/>
    <s v="Easytrieve"/>
    <x v="2"/>
    <s v="1.3 Admissibility Determination"/>
    <s v="Management and Oversight Services"/>
    <s v="CBSA-ITEMS0046"/>
    <s v="In Production"/>
    <s v="rich"/>
    <x v="1"/>
    <x v="177"/>
  </r>
  <r>
    <x v="0"/>
    <x v="7"/>
    <x v="288"/>
    <s v="GEC"/>
    <m/>
    <s v=""/>
    <x v="1"/>
    <s v=""/>
    <x v="2"/>
    <s v="1.2.1 Trusted Traveller"/>
    <s v="Information Management Services"/>
    <s v="CBSA-ITEMS0047"/>
    <s v="In Production"/>
    <s v="web"/>
    <x v="1"/>
    <x v="178"/>
  </r>
  <r>
    <x v="0"/>
    <x v="28"/>
    <x v="289"/>
    <s v="IBQ"/>
    <m/>
    <s v=""/>
    <x v="1"/>
    <s v=""/>
    <x v="2"/>
    <s v="1.1 Risk Assessment"/>
    <s v="Management and Oversight Services"/>
    <s v="CBSA-ITEMS0050"/>
    <s v="In Production"/>
    <s v="web"/>
    <x v="1"/>
    <x v="179"/>
  </r>
  <r>
    <x v="2"/>
    <x v="20"/>
    <x v="290"/>
    <s v="IPIL-Air"/>
    <m/>
    <s v=""/>
    <x v="1"/>
    <s v=""/>
    <x v="2"/>
    <s v="1.3.2 Air Mode"/>
    <s v="Other"/>
    <s v="CBSA-ITEMS0051"/>
    <s v="In Production"/>
    <s v="web"/>
    <x v="1"/>
    <x v="180"/>
  </r>
  <r>
    <x v="2"/>
    <x v="20"/>
    <x v="291"/>
    <s v="IPIL-HW"/>
    <m/>
    <s v=""/>
    <x v="1"/>
    <s v=""/>
    <x v="2"/>
    <s v="1.3.1 Highway Mode"/>
    <s v="Other"/>
    <s v="CBSA-ITEMS0052"/>
    <s v="In Production"/>
    <s v="web"/>
    <x v="1"/>
    <x v="181"/>
  </r>
  <r>
    <x v="2"/>
    <x v="20"/>
    <x v="292"/>
    <s v="SP"/>
    <m/>
    <s v=""/>
    <x v="1"/>
    <s v=""/>
    <x v="2"/>
    <s v="1.3 Admissibility Determination"/>
    <s v="Other"/>
    <s v="CBSA-ITEMS0053"/>
    <s v="In Production"/>
    <s v="web"/>
    <x v="1"/>
    <x v="182"/>
  </r>
  <r>
    <x v="0"/>
    <x v="16"/>
    <x v="293"/>
    <s v="LASS"/>
    <m/>
    <s v=""/>
    <x v="1"/>
    <s v=""/>
    <x v="2"/>
    <s v="1.8.1.1 Management and Oversight"/>
    <s v="Information Management Services,Management and Oversight Services"/>
    <s v="CBSA-ITEMS0055"/>
    <s v="In Production"/>
    <s v="rich"/>
    <x v="1"/>
    <x v="183"/>
  </r>
  <r>
    <x v="0"/>
    <x v="16"/>
    <x v="294"/>
    <s v="NCMS"/>
    <m/>
    <s v=""/>
    <x v="1"/>
    <s v=""/>
    <x v="2"/>
    <s v="1.5.1 Immigration Investigations"/>
    <s v="Other"/>
    <s v="CBSA-ITEMS0059"/>
    <s v="In Production"/>
    <s v="rich"/>
    <x v="1"/>
    <x v="184"/>
  </r>
  <r>
    <x v="2"/>
    <x v="20"/>
    <x v="295"/>
    <s v="NEXUS-HW"/>
    <m/>
    <s v=""/>
    <x v="1"/>
    <s v=""/>
    <x v="2"/>
    <s v="1.3.1 Highway Mode                                                              1.2.1 Trusted Traveller"/>
    <s v="Other"/>
    <s v="CBSA-ITEMS0061"/>
    <s v="In Production"/>
    <s v="web"/>
    <x v="1"/>
    <x v="185"/>
  </r>
  <r>
    <x v="2"/>
    <x v="51"/>
    <x v="296"/>
    <s v="ORS"/>
    <m/>
    <s v=""/>
    <x v="1"/>
    <s v=""/>
    <x v="2"/>
    <s v="1.1.1 Intelligence"/>
    <s v="Other"/>
    <s v="CBSA-ITEMS0062"/>
    <s v="In Production"/>
    <s v="web"/>
    <x v="1"/>
    <x v="186"/>
  </r>
  <r>
    <x v="2"/>
    <x v="20"/>
    <x v="297"/>
    <s v="PAXIS"/>
    <m/>
    <s v=""/>
    <x v="1"/>
    <s v=""/>
    <x v="2"/>
    <s v="1.1.2 Targeting"/>
    <s v="Other"/>
    <s v="CBSA-ITEMS0063"/>
    <s v="In Production"/>
    <s v="web"/>
    <x v="1"/>
    <x v="187"/>
  </r>
  <r>
    <x v="4"/>
    <x v="5"/>
    <x v="298"/>
    <s v="QDV"/>
    <s v="This is a tool used by the Client support teams to look at RAW data sent in through the CECP to ACROSS/CCS.  It is used in to investigate issues where clients are penalized for data quality but insist they did nothing wrong. Component of CECP."/>
    <s v=""/>
    <x v="1"/>
    <s v=""/>
    <x v="2"/>
    <s v=""/>
    <s v="Information Technology Services"/>
    <s v="CBSA-ITEMS0064"/>
    <s v="In Production"/>
    <s v="mini_main_super"/>
    <x v="1"/>
    <x v="188"/>
  </r>
  <r>
    <x v="2"/>
    <x v="20"/>
    <x v="299"/>
    <s v="RAC"/>
    <m/>
    <s v=""/>
    <x v="1"/>
    <s v=""/>
    <x v="2"/>
    <s v="1.2.1 Trusted Traveller"/>
    <s v="Other"/>
    <s v="CBSA-ITEMS0065"/>
    <s v="In Production"/>
    <s v="web"/>
    <x v="1"/>
    <x v="189"/>
  </r>
  <r>
    <x v="2"/>
    <x v="51"/>
    <x v="300"/>
    <s v="RAV"/>
    <m/>
    <s v="Other"/>
    <x v="14"/>
    <s v="National Instruments - Labview"/>
    <x v="2"/>
    <s v="1.1.2 Targeting"/>
    <s v="Other"/>
    <s v="CBSA-ITEMS0066"/>
    <s v="In Production"/>
    <s v="web"/>
    <x v="0"/>
    <x v="190"/>
  </r>
  <r>
    <x v="2"/>
    <x v="2"/>
    <x v="301"/>
    <s v="RL - CBSA"/>
    <m/>
    <s v="Other"/>
    <x v="14"/>
    <s v="SAP ERP 6.0"/>
    <x v="2"/>
    <s v="1.7.3 Trade Compliance - 1.8.2.2 Financial Management"/>
    <s v="Financial Management Services"/>
    <s v="CBSA-ITEMS0067"/>
    <s v="In Production"/>
    <s v="web"/>
    <x v="0"/>
    <x v="191"/>
  </r>
  <r>
    <x v="0"/>
    <x v="16"/>
    <x v="302"/>
    <s v="SSI"/>
    <m/>
    <s v=""/>
    <x v="1"/>
    <s v=""/>
    <x v="2"/>
    <s v="1.1.1 Intelligence"/>
    <s v="Other"/>
    <s v="CBSA-ITEMS0071"/>
    <s v="In Production"/>
    <s v="rich"/>
    <x v="1"/>
    <x v="192"/>
  </r>
  <r>
    <x v="0"/>
    <x v="16"/>
    <x v="303"/>
    <s v="STS"/>
    <m/>
    <s v=""/>
    <x v="1"/>
    <s v=""/>
    <x v="2"/>
    <s v="1.1.1 Intelligence"/>
    <s v="Other"/>
    <s v="CBSA-ITEMS0072"/>
    <s v="In Production"/>
    <s v="rich"/>
    <x v="1"/>
    <x v="193"/>
  </r>
  <r>
    <x v="2"/>
    <x v="20"/>
    <x v="304"/>
    <s v="TITAN"/>
    <m/>
    <s v=""/>
    <x v="1"/>
    <s v=""/>
    <x v="2"/>
    <s v="1.1.2 Targeting"/>
    <s v="Other"/>
    <s v="CBSA-ITEMS0073"/>
    <s v="In Production"/>
    <s v="web"/>
    <x v="1"/>
    <x v="194"/>
  </r>
  <r>
    <x v="2"/>
    <x v="20"/>
    <x v="305"/>
    <s v="TRCS"/>
    <m/>
    <s v=""/>
    <x v="1"/>
    <s v=""/>
    <x v="2"/>
    <s v="1.3 Admissibility Determination"/>
    <s v="Other"/>
    <s v="CBSA-ITEMS0074"/>
    <s v="In Production"/>
    <s v="rich"/>
    <x v="1"/>
    <x v="195"/>
  </r>
  <r>
    <x v="2"/>
    <x v="20"/>
    <x v="306"/>
    <s v="TRS"/>
    <m/>
    <s v=""/>
    <x v="1"/>
    <s v=""/>
    <x v="2"/>
    <s v="1.7.3 Trade Compliance"/>
    <s v="Other"/>
    <s v="CBSA-ITEMS0075"/>
    <s v="In Production"/>
    <s v="rich"/>
    <x v="1"/>
    <x v="196"/>
  </r>
  <r>
    <x v="2"/>
    <x v="52"/>
    <x v="307"/>
    <s v="WINLEMS"/>
    <m/>
    <s v=""/>
    <x v="1"/>
    <s v=""/>
    <x v="2"/>
    <s v="1.7.3 Trade Compliance"/>
    <s v="Management and Oversight Services"/>
    <s v="CBSA-ITEMS0076"/>
    <s v="In Production"/>
    <s v="rich"/>
    <x v="1"/>
    <x v="197"/>
  </r>
  <r>
    <x v="0"/>
    <x v="16"/>
    <x v="308"/>
    <s v="IRT"/>
    <m/>
    <s v=""/>
    <x v="1"/>
    <s v=""/>
    <x v="2"/>
    <s v="1.1.2 Targeting"/>
    <s v="Management and Oversight Services"/>
    <s v="CBSA-ITEMS0078"/>
    <s v="In Production"/>
    <s v="rich"/>
    <x v="1"/>
    <x v="198"/>
  </r>
  <r>
    <x v="10"/>
    <x v="53"/>
    <x v="309"/>
    <s v="RDC"/>
    <m/>
    <s v="Other"/>
    <x v="1"/>
    <s v="Rogue Data Corporation"/>
    <x v="2"/>
    <s v="1.8.2.4 Information technology"/>
    <s v="Information Technology Services"/>
    <s v="CBSA-ITEMS0090"/>
    <s v="In Production"/>
    <s v="web"/>
    <x v="0"/>
    <x v="199"/>
  </r>
  <r>
    <x v="2"/>
    <x v="22"/>
    <x v="310"/>
    <s v="QM"/>
    <m/>
    <s v="Other"/>
    <x v="1"/>
    <s v="Questionmark: Questionmark Perception"/>
    <x v="2"/>
    <s v="Internal Services"/>
    <s v="Human Resources Management Services"/>
    <s v="CBSA-ITEMS0094"/>
    <s v="In Production"/>
    <s v="web"/>
    <x v="0"/>
    <x v="200"/>
  </r>
  <r>
    <x v="2"/>
    <x v="20"/>
    <x v="311"/>
    <s v="COMS"/>
    <m/>
    <s v=""/>
    <x v="1"/>
    <s v=""/>
    <x v="2"/>
    <s v="1.3.1 Highway Mode"/>
    <s v="Management and Oversight Services"/>
    <s v="CBSA-ITEMS0095"/>
    <s v="In Production"/>
    <s v="desktop"/>
    <x v="1"/>
    <x v="201"/>
  </r>
  <r>
    <x v="9"/>
    <x v="54"/>
    <x v="312"/>
    <s v="SECADMIN"/>
    <m/>
    <s v=""/>
    <x v="1"/>
    <s v=""/>
    <x v="2"/>
    <s v="1.3 Admissibility determination                      1.2.1  Trusted Traveller"/>
    <s v="Human Resources Management Services,Information Management Services,Information Technology Services"/>
    <s v="CBSA-ITEMS0096"/>
    <s v="In Production"/>
    <s v="rich"/>
    <x v="1"/>
    <x v="202"/>
  </r>
  <r>
    <x v="1"/>
    <x v="1"/>
    <x v="313"/>
    <s v="BCD"/>
    <s v="BCD enables LOB clients to maintain control data, including code tables, related codes, permissions, roles, permission to role assignments, work locations, and error messages"/>
    <s v=""/>
    <x v="1"/>
    <s v=""/>
    <x v="2"/>
    <s v="1.8.3.4 Information technology"/>
    <s v="Information Management Services"/>
    <s v="CBSA-ITEMS0163"/>
    <s v="In Production"/>
    <s v="web"/>
    <x v="1"/>
    <x v="203"/>
  </r>
  <r>
    <x v="2"/>
    <x v="2"/>
    <x v="314"/>
    <s v="CRS-HQ"/>
    <m/>
    <s v=""/>
    <x v="1"/>
    <s v=""/>
    <x v="2"/>
    <s v="1.7.3 Trade Compliance"/>
    <s v="Financial Management Services"/>
    <s v="CBSA-ITEMS0167"/>
    <s v="In Production"/>
    <s v="desktop"/>
    <x v="1"/>
    <x v="204"/>
  </r>
  <r>
    <x v="1"/>
    <x v="12"/>
    <x v="315"/>
    <s v="AISHD"/>
    <m/>
    <s v=""/>
    <x v="1"/>
    <s v=""/>
    <x v="2"/>
    <s v="1.3.1 Highway Mode"/>
    <s v="Management and Oversight Services"/>
    <s v="CBSA-ITEMS0170"/>
    <s v="In Production"/>
    <s v="desktop"/>
    <x v="1"/>
    <x v="205"/>
  </r>
  <r>
    <x v="10"/>
    <x v="53"/>
    <x v="316"/>
    <s v="CECP"/>
    <m/>
    <s v=""/>
    <x v="1"/>
    <s v=""/>
    <x v="2"/>
    <s v="1.8.2.4 Information technology"/>
    <s v="Information Technology Services"/>
    <s v="CBSA-ITEMS0177"/>
    <s v="In Production"/>
    <s v="web"/>
    <x v="1"/>
    <x v="206"/>
  </r>
  <r>
    <x v="0"/>
    <x v="28"/>
    <x v="317"/>
    <s v="CQ"/>
    <m/>
    <s v=""/>
    <x v="1"/>
    <s v=""/>
    <x v="2"/>
    <s v="1.1 Risk Assessment"/>
    <s v="Other"/>
    <s v="CBSA-ITEMS0178"/>
    <s v="In Production"/>
    <s v="mini_main_super"/>
    <x v="1"/>
    <x v="207"/>
  </r>
  <r>
    <x v="0"/>
    <x v="8"/>
    <x v="318"/>
    <s v="EDL"/>
    <m/>
    <s v=""/>
    <x v="1"/>
    <s v=""/>
    <x v="2"/>
    <s v="1.3 Admissibility Dtermination"/>
    <s v="Management and Oversight Services"/>
    <s v="CBSA-ITEMS0182"/>
    <s v="In Production"/>
    <s v="web"/>
    <x v="1"/>
    <x v="208"/>
  </r>
  <r>
    <x v="0"/>
    <x v="28"/>
    <x v="319"/>
    <s v="GQC"/>
    <m/>
    <s v=""/>
    <x v="1"/>
    <s v=""/>
    <x v="2"/>
    <s v="1.1 Risk Assessment"/>
    <s v="Management and Oversight Services"/>
    <s v="CBSA-ITEMS0183"/>
    <s v="In Production"/>
    <s v="web"/>
    <x v="1"/>
    <x v="209"/>
  </r>
  <r>
    <x v="0"/>
    <x v="16"/>
    <x v="320"/>
    <s v="CASE-WF"/>
    <s v="The ICS service that provides case and workflow functionality for ICS applications that require such a service."/>
    <s v=""/>
    <x v="1"/>
    <s v=""/>
    <x v="2"/>
    <s v="1.8.3.4 Information technology"/>
    <s v="Information Technology Services"/>
    <s v="CBSA-ITEMS0186"/>
    <s v="In Production"/>
    <s v="mini_main_super"/>
    <x v="1"/>
    <x v="210"/>
  </r>
  <r>
    <x v="2"/>
    <x v="20"/>
    <x v="321"/>
    <s v="LS"/>
    <m/>
    <s v=""/>
    <x v="1"/>
    <s v=""/>
    <x v="2"/>
    <s v="Intelligence"/>
    <s v="Other"/>
    <s v="CBSA-ITEMS0188"/>
    <s v="In Production"/>
    <s v="rich"/>
    <x v="1"/>
    <x v="211"/>
  </r>
  <r>
    <x v="2"/>
    <x v="20"/>
    <x v="322"/>
    <s v="PC"/>
    <m/>
    <s v=""/>
    <x v="1"/>
    <s v=""/>
    <x v="2"/>
    <s v="1.3 Admissibility Determination"/>
    <s v="Other"/>
    <s v="CBSA-ITEMS0191"/>
    <s v="In Production"/>
    <s v="web"/>
    <x v="1"/>
    <x v="212"/>
  </r>
  <r>
    <x v="4"/>
    <x v="5"/>
    <x v="323"/>
    <s v="CIG"/>
    <s v="CIG was initiated to give CBSA trading partners an alternative way for the transmission of cargo, release, and accounting data in support of ACROSS and CCS applications."/>
    <s v=""/>
    <x v="1"/>
    <s v=""/>
    <x v="2"/>
    <s v=""/>
    <s v="Information Technology Services"/>
    <s v="CBSA-ITEMS0200"/>
    <s v="In Production"/>
    <s v="mini_main_super"/>
    <x v="1"/>
    <x v="213"/>
  </r>
  <r>
    <x v="6"/>
    <x v="5"/>
    <x v="324"/>
    <s v="CPS"/>
    <m/>
    <s v=""/>
    <x v="1"/>
    <s v=""/>
    <x v="2"/>
    <s v=""/>
    <s v="Information Technology Services"/>
    <s v="CBSA-ITEMS0203"/>
    <s v="In Production"/>
    <s v="web"/>
    <x v="1"/>
    <x v="214"/>
  </r>
  <r>
    <x v="10"/>
    <x v="53"/>
    <x v="325"/>
    <s v="DAS"/>
    <m/>
    <s v=""/>
    <x v="1"/>
    <s v=""/>
    <x v="2"/>
    <s v="1.8.2.4 Information technology"/>
    <s v="Information Technology Services"/>
    <s v="CBSA-ITEMS0208"/>
    <s v="In Production"/>
    <s v="web"/>
    <x v="1"/>
    <x v="215"/>
  </r>
  <r>
    <x v="6"/>
    <x v="5"/>
    <x v="326"/>
    <s v="DASMON"/>
    <m/>
    <s v=""/>
    <x v="1"/>
    <s v=""/>
    <x v="2"/>
    <s v=""/>
    <s v="Information Technology Services"/>
    <s v="CBSA-ITEMS0210"/>
    <s v="In Production"/>
    <s v="web"/>
    <x v="1"/>
    <x v="214"/>
  </r>
  <r>
    <x v="0"/>
    <x v="43"/>
    <x v="327"/>
    <s v="DO-RB"/>
    <m/>
    <s v=""/>
    <x v="1"/>
    <s v=""/>
    <x v="2"/>
    <s v="1.8.1.2 Communications"/>
    <s v="Communications Services"/>
    <s v="CBSA-ITEMS0212"/>
    <s v="In Production"/>
    <s v="web"/>
    <x v="1"/>
    <x v="216"/>
  </r>
  <r>
    <x v="10"/>
    <x v="53"/>
    <x v="328"/>
    <s v="IAG"/>
    <m/>
    <s v=""/>
    <x v="1"/>
    <s v=""/>
    <x v="2"/>
    <s v=""/>
    <s v="Information Technology Services"/>
    <s v="CBSA-ITEMS0225"/>
    <s v="In Production"/>
    <s v="web"/>
    <x v="1"/>
    <x v="217"/>
  </r>
  <r>
    <x v="0"/>
    <x v="8"/>
    <x v="329"/>
    <s v="CCRS"/>
    <m/>
    <s v=""/>
    <x v="1"/>
    <s v=""/>
    <x v="2"/>
    <s v="Internal Services"/>
    <s v="Human Resources Management Services"/>
    <s v="CBSA-ITEMS0311"/>
    <s v="In Production"/>
    <s v="web"/>
    <x v="1"/>
    <x v="218"/>
  </r>
  <r>
    <x v="2"/>
    <x v="10"/>
    <x v="330"/>
    <s v="ITEMS"/>
    <m/>
    <s v=""/>
    <x v="1"/>
    <s v=""/>
    <x v="2"/>
    <s v="Internal Services"/>
    <s v="Information Technology Services"/>
    <s v="CBSA-ITEMS0335"/>
    <s v="In Production"/>
    <s v="web"/>
    <x v="1"/>
    <x v="219"/>
  </r>
  <r>
    <x v="2"/>
    <x v="2"/>
    <x v="331"/>
    <s v="ARL"/>
    <m/>
    <s v="Other"/>
    <x v="1"/>
    <s v="SAP TRM"/>
    <x v="2"/>
    <s v="Internal Services"/>
    <s v="Financial Management Services"/>
    <s v="CBSA-ITEMS0337"/>
    <s v="In Production"/>
    <s v="mini_main_super"/>
    <x v="0"/>
    <x v="220"/>
  </r>
  <r>
    <x v="6"/>
    <x v="21"/>
    <x v="332"/>
    <s v="CTS-CBSA"/>
    <m/>
    <s v="Other"/>
    <x v="1"/>
    <s v="Work Dynamics: ccmMercury"/>
    <x v="2"/>
    <s v="Internal Services"/>
    <s v="Communications Services,Information Management Services"/>
    <s v="CBSA-ITEMS0338"/>
    <s v="In Production"/>
    <s v="web"/>
    <x v="0"/>
    <x v="221"/>
  </r>
  <r>
    <x v="2"/>
    <x v="3"/>
    <x v="333"/>
    <s v="IPP"/>
    <m/>
    <s v=""/>
    <x v="1"/>
    <s v=""/>
    <x v="2"/>
    <s v="1.8.2.1 Human Resource Management"/>
    <s v="Human Resources Management Services"/>
    <s v="CBSA-ITEMS0340"/>
    <s v="In Production"/>
    <s v="web"/>
    <x v="1"/>
    <x v="222"/>
  </r>
  <r>
    <x v="2"/>
    <x v="51"/>
    <x v="334"/>
    <s v="IMRS"/>
    <m/>
    <s v="Adobe_Systems_Incorporated"/>
    <x v="21"/>
    <s v=""/>
    <x v="2"/>
    <s v="1.8.2.1 Human Resource Management"/>
    <s v="Management and Oversight Services"/>
    <s v="CBSA-ITEMS0341"/>
    <s v="In Production"/>
    <s v="web"/>
    <x v="0"/>
    <x v="223"/>
  </r>
  <r>
    <x v="0"/>
    <x v="16"/>
    <x v="335"/>
    <s v="RCMS TRADE"/>
    <m/>
    <s v=""/>
    <x v="1"/>
    <s v=""/>
    <x v="2"/>
    <s v="1.6 Recourse"/>
    <s v="Management and Oversight Services"/>
    <s v="CBSA-ITEMS0344"/>
    <s v="In Production"/>
    <s v="web"/>
    <x v="1"/>
    <x v="223"/>
  </r>
  <r>
    <x v="2"/>
    <x v="20"/>
    <x v="336"/>
    <s v="TRBP"/>
    <m/>
    <s v=""/>
    <x v="1"/>
    <s v=""/>
    <x v="2"/>
    <s v="1.3 Admissibility Determination"/>
    <s v="Management and Oversight Services"/>
    <s v="CBSA-ITEMS0352"/>
    <s v="In Production"/>
    <s v="web"/>
    <x v="1"/>
    <x v="224"/>
  </r>
  <r>
    <x v="0"/>
    <x v="43"/>
    <x v="337"/>
    <s v="ATLAS"/>
    <m/>
    <s v=""/>
    <x v="1"/>
    <s v=""/>
    <x v="2"/>
    <s v="Internal Services"/>
    <s v="Communications Services"/>
    <s v="CBSA-ITEMS0356"/>
    <s v="In Production"/>
    <s v="web"/>
    <x v="1"/>
    <x v="225"/>
  </r>
  <r>
    <x v="10"/>
    <x v="55"/>
    <x v="338"/>
    <s v="ICS-HUB/NAV"/>
    <s v="ICS Hub or Central Home is the starting point of entry into all of the agency ICS enabled applications. It provides a common access point for internal CBSA users to access all the ICS enabled applications and provides seamless navigation between the applications."/>
    <s v=""/>
    <x v="1"/>
    <s v=""/>
    <x v="2"/>
    <s v="1.8.3.4 Information technology"/>
    <s v="Information Management Services"/>
    <s v="CBSA-ITEMS0367"/>
    <s v="In Production"/>
    <s v="mini_main_super"/>
    <x v="1"/>
    <x v="203"/>
  </r>
  <r>
    <x v="0"/>
    <x v="16"/>
    <x v="339"/>
    <s v="WOD"/>
    <m/>
    <s v=""/>
    <x v="1"/>
    <s v=""/>
    <x v="2"/>
    <s v="Internal Services"/>
    <s v="Management and Oversight Services"/>
    <s v="CBSA-ITEMS0389"/>
    <s v="In Production"/>
    <s v="web"/>
    <x v="1"/>
    <x v="226"/>
  </r>
  <r>
    <x v="2"/>
    <x v="20"/>
    <x v="340"/>
    <s v="DARRYL"/>
    <m/>
    <s v=""/>
    <x v="1"/>
    <s v=""/>
    <x v="2"/>
    <s v="1.3 Admissibility Determination"/>
    <s v="Management and Oversight Services"/>
    <s v="CBSA-ITEMS0394"/>
    <s v="In Production"/>
    <s v="rich"/>
    <x v="1"/>
    <x v="227"/>
  </r>
  <r>
    <x v="4"/>
    <x v="5"/>
    <x v="341"/>
    <s v="CTAS (RAUD)"/>
    <m/>
    <s v=""/>
    <x v="1"/>
    <s v=""/>
    <x v="2"/>
    <s v=""/>
    <s v="Information Technology Services"/>
    <s v="CBSA-ITEMS0477"/>
    <s v="In Production"/>
    <s v="web"/>
    <x v="1"/>
    <x v="228"/>
  </r>
  <r>
    <x v="0"/>
    <x v="0"/>
    <x v="342"/>
    <s v="Wiki"/>
    <m/>
    <s v="Other"/>
    <x v="1"/>
    <s v="ATLASSIAN - Confluence"/>
    <x v="2"/>
    <s v="1.8.1.2 Communications"/>
    <s v="Communications Services"/>
    <s v="CBSA-ITEMS0496"/>
    <s v="In Production"/>
    <s v="web"/>
    <x v="0"/>
    <x v="229"/>
  </r>
  <r>
    <x v="2"/>
    <x v="20"/>
    <x v="343"/>
    <s v="BES"/>
    <m/>
    <s v=""/>
    <x v="1"/>
    <s v=""/>
    <x v="2"/>
    <s v="1.3 Admissibility Determination"/>
    <s v="Information Management Services,Management and Oversight Services"/>
    <s v="CBSA-ITEMS0498"/>
    <s v="In Production"/>
    <s v="web"/>
    <x v="1"/>
    <x v="230"/>
  </r>
  <r>
    <x v="4"/>
    <x v="5"/>
    <x v="344"/>
    <s v="ICS Admin"/>
    <s v="ICS Admin is a shared or common system component designed to reduce the maintenance of redundant logic and eliminate duplication of administrative application processes. This application has two components: one manages the enterprise level parameters, configurations such as port parameters; the other provides service to maintain and publish hot messages"/>
    <s v=""/>
    <x v="1"/>
    <s v=""/>
    <x v="2"/>
    <s v="1.8.3.4 Information technology"/>
    <s v="Information Technology Services"/>
    <s v="CBSA-ITEMS0507"/>
    <s v="In Production"/>
    <s v="mini_main_super"/>
    <x v="1"/>
    <x v="210"/>
  </r>
  <r>
    <x v="8"/>
    <x v="29"/>
    <x v="345"/>
    <s v="ICS-FWCS"/>
    <s v="ICS Framework is responsible for the maintenance and enhancement of common components in ICS that include ICS Presentation Framework, ICS Paging, ICS Startup and Configuration, Authentication, Session Management, Cache, the ICS Central Home page, Navigation, Help and IT Support."/>
    <s v=""/>
    <x v="1"/>
    <s v=""/>
    <x v="2"/>
    <s v="1.8.3.4 Information technology"/>
    <s v="Information Technology Services"/>
    <s v="CBSA-ITEMS0508"/>
    <s v="In Production"/>
    <s v="mini_main_super"/>
    <x v="1"/>
    <x v="210"/>
  </r>
  <r>
    <x v="0"/>
    <x v="8"/>
    <x v="346"/>
    <s v="TRANDS"/>
    <s v="TRANDS validates and loads data into a national mainframe database. This data relates to traveler information collected from declarations and general receipts (B15s and K21s) and captured in the TEPS (Travelers Entry Processing System). Queries are often made using this system, which include requests for specific records, general information regarding commodities, specific traveler record, commodities at certain ports, etc. or other needs to support policy decisions."/>
    <s v=""/>
    <x v="1"/>
    <s v=""/>
    <x v="2"/>
    <s v="1.7 Revenue and TRade Management"/>
    <s v="Management and Oversight Services"/>
    <s v="CBSA-ITEMS0512"/>
    <s v="In Production"/>
    <s v="rich"/>
    <x v="1"/>
    <x v="231"/>
  </r>
  <r>
    <x v="4"/>
    <x v="5"/>
    <x v="347"/>
    <s v="PAA"/>
    <s v="PAA application (also known as CCR) supports the business process required by the eManifest Portal application. - component of Portal"/>
    <s v=""/>
    <x v="1"/>
    <s v=""/>
    <x v="2"/>
    <s v=""/>
    <s v="Information Technology Services"/>
    <s v="CBSA-ITEMS0515"/>
    <s v="In Production"/>
    <s v="web"/>
    <x v="1"/>
    <x v="232"/>
  </r>
  <r>
    <x v="4"/>
    <x v="5"/>
    <x v="348"/>
    <s v="CDEM"/>
    <m/>
    <s v=""/>
    <x v="1"/>
    <s v=""/>
    <x v="2"/>
    <s v=""/>
    <s v="Information Technology Services"/>
    <s v="CBSA-ITEMS0516"/>
    <s v="In Production"/>
    <s v="mini_main_super"/>
    <x v="1"/>
    <x v="233"/>
  </r>
  <r>
    <x v="4"/>
    <x v="5"/>
    <x v="349"/>
    <s v="CFO/CoDaCs"/>
    <m/>
    <s v=""/>
    <x v="1"/>
    <s v=""/>
    <x v="2"/>
    <s v=""/>
    <s v="Information Technology Services"/>
    <s v="CBSA-ITEMS0517"/>
    <s v="In Production"/>
    <s v="mini_main_super"/>
    <x v="1"/>
    <x v="233"/>
  </r>
  <r>
    <x v="0"/>
    <x v="8"/>
    <x v="350"/>
    <s v="TRAS"/>
    <m/>
    <s v=""/>
    <x v="1"/>
    <s v=""/>
    <x v="2"/>
    <s v="1.7 revenue And Trade Management"/>
    <s v="Management and Oversight Services"/>
    <s v="CBSA-ITEMS0519"/>
    <s v="In Production"/>
    <s v="web"/>
    <x v="1"/>
    <x v="234"/>
  </r>
  <r>
    <x v="0"/>
    <x v="8"/>
    <x v="351"/>
    <s v="EXIS"/>
    <m/>
    <s v=""/>
    <x v="1"/>
    <s v=""/>
    <x v="2"/>
    <s v="1.3 Admissibility Determination"/>
    <s v="Management and Oversight Services"/>
    <s v="CBSA-ITEMS0521"/>
    <s v="In Production"/>
    <s v="web"/>
    <x v="1"/>
    <x v="235"/>
  </r>
  <r>
    <x v="1"/>
    <x v="1"/>
    <x v="352"/>
    <s v="JIRA"/>
    <m/>
    <s v="Other"/>
    <x v="1"/>
    <s v="Atlassian: JIRA"/>
    <x v="2"/>
    <s v="Internal Services"/>
    <s v="Information Technology Services"/>
    <s v="CBSA-ITEMS0523"/>
    <s v="In Production"/>
    <s v="web"/>
    <x v="0"/>
    <x v="236"/>
  </r>
  <r>
    <x v="2"/>
    <x v="51"/>
    <x v="353"/>
    <s v="Teammate AM"/>
    <m/>
    <s v="Other"/>
    <x v="1"/>
    <s v="Wolters Kluwer - Teammate"/>
    <x v="2"/>
    <s v="Internal Services"/>
    <s v="Management and Oversight Services"/>
    <s v="CBSA-ITEMS0524"/>
    <s v="In Production"/>
    <s v="desktop"/>
    <x v="0"/>
    <x v="237"/>
  </r>
  <r>
    <x v="0"/>
    <x v="28"/>
    <x v="354"/>
    <s v="EQS"/>
    <s v="Enrolment Query Service (EQS) is a web service that allows real time queries against trusted traveller membership information"/>
    <s v=""/>
    <x v="1"/>
    <s v=""/>
    <x v="2"/>
    <s v="1.2.1 Trusted Traveller"/>
    <s v="Information Management Services,Other"/>
    <s v="CBSA-ITEMS0525"/>
    <s v="In Production"/>
    <s v="mini_main_super"/>
    <x v="1"/>
    <x v="178"/>
  </r>
  <r>
    <x v="1"/>
    <x v="12"/>
    <x v="355"/>
    <s v="EPAS"/>
    <m/>
    <s v="Other"/>
    <x v="1"/>
    <s v="Enhanced Per Agent System - Bell Canada"/>
    <x v="2"/>
    <s v="Internal Services"/>
    <s v="Communications Services"/>
    <s v="CBSA-ITEMS0526"/>
    <s v="In Production"/>
    <s v="desktop"/>
    <x v="0"/>
    <x v="238"/>
  </r>
  <r>
    <x v="2"/>
    <x v="40"/>
    <x v="356"/>
    <s v="CLARITY"/>
    <m/>
    <s v="Other"/>
    <x v="1"/>
    <s v="Computer Associates: CA Clarity"/>
    <x v="2"/>
    <s v="Internal Services"/>
    <s v="Management and Oversight Services"/>
    <s v="CBSA-ITEMS0527"/>
    <s v="In Production"/>
    <s v="web"/>
    <x v="0"/>
    <x v="239"/>
  </r>
  <r>
    <x v="0"/>
    <x v="8"/>
    <x v="357"/>
    <s v="Apollo EDRMS"/>
    <m/>
    <s v="Other"/>
    <x v="1"/>
    <s v="Opentext: Content Server"/>
    <x v="2"/>
    <s v="Information Management"/>
    <s v="Information Management Services,Information Technology Services"/>
    <s v="CBSA-ITEMS0528"/>
    <s v="In Production"/>
    <s v="web"/>
    <x v="0"/>
    <x v="240"/>
  </r>
  <r>
    <x v="2"/>
    <x v="20"/>
    <x v="358"/>
    <s v="RCMS ENF"/>
    <m/>
    <s v=""/>
    <x v="1"/>
    <s v=""/>
    <x v="2"/>
    <s v="1.6 Recourse"/>
    <s v="Management and Oversight Services"/>
    <s v="CBSA-ITEMS0532"/>
    <s v="In Production"/>
    <s v="desktop"/>
    <x v="1"/>
    <x v="241"/>
  </r>
  <r>
    <x v="10"/>
    <x v="53"/>
    <x v="359"/>
    <s v="eManPortal"/>
    <m/>
    <s v=""/>
    <x v="1"/>
    <s v=""/>
    <x v="2"/>
    <s v="1.3 Admissibility Determination"/>
    <s v=""/>
    <s v="CBSA-ITEMS0533"/>
    <s v="In Production"/>
    <s v="web"/>
    <x v="1"/>
    <x v="242"/>
  </r>
  <r>
    <x v="4"/>
    <x v="5"/>
    <x v="360"/>
    <s v="CP"/>
    <m/>
    <s v=""/>
    <x v="1"/>
    <s v=""/>
    <x v="2"/>
    <s v=""/>
    <s v="Information Technology Services"/>
    <s v="CBSA-ITEMS0536"/>
    <s v="In Production"/>
    <s v="web"/>
    <x v="1"/>
    <x v="243"/>
  </r>
  <r>
    <x v="2"/>
    <x v="2"/>
    <x v="361"/>
    <s v="SFS"/>
    <m/>
    <s v="Other"/>
    <x v="1"/>
    <s v="Freebalance: Freebalance PBHC"/>
    <x v="2"/>
    <s v="Internal Services"/>
    <s v="Financial Management Services"/>
    <s v="CBSA-ITEMS0537"/>
    <s v="In Production"/>
    <s v="web"/>
    <x v="0"/>
    <x v="244"/>
  </r>
  <r>
    <x v="9"/>
    <x v="54"/>
    <x v="362"/>
    <s v="QMC"/>
    <m/>
    <s v="Other"/>
    <x v="1"/>
    <s v="RJR Innovations - Smart Card Management System"/>
    <x v="2"/>
    <s v="Internal Services"/>
    <s v="Information Technology Services"/>
    <s v="CBSA-ITEMS0538"/>
    <s v="In Production"/>
    <s v="desktop"/>
    <x v="0"/>
    <x v="245"/>
  </r>
  <r>
    <x v="9"/>
    <x v="56"/>
    <x v="363"/>
    <s v="WAM"/>
    <m/>
    <s v="CA_Technologies"/>
    <x v="22"/>
    <s v=""/>
    <x v="2"/>
    <s v=""/>
    <s v="Information Technology Services"/>
    <s v="CBSA-ITEMS0542"/>
    <s v="In Production"/>
    <s v="web"/>
    <x v="0"/>
    <x v="246"/>
  </r>
  <r>
    <x v="0"/>
    <x v="28"/>
    <x v="364"/>
    <s v="IBAS"/>
    <m/>
    <s v=""/>
    <x v="1"/>
    <s v=""/>
    <x v="2"/>
    <s v="1.1.2 Targeting"/>
    <s v="Information Management Services"/>
    <s v="CBSA-ITEMS0546"/>
    <s v="In Production"/>
    <s v="mini_main_super"/>
    <x v="1"/>
    <x v="247"/>
  </r>
  <r>
    <x v="4"/>
    <x v="5"/>
    <x v="365"/>
    <s v="RAPM"/>
    <s v="A risk assessment component that allows a business user to create, simulate and maintain, risk indicators and algorithms through a graphical user interface without requiring assistance from Information Technology support.  RAPM also includes functionality to maintain the thresholds and criteria for Elimination of Low Risk and the rates and criteria for system generated referrals. In addition, RAPM will give the ability for specific users to create and maintain targets and watch notices."/>
    <s v=""/>
    <x v="1"/>
    <s v=""/>
    <x v="2"/>
    <s v=""/>
    <s v="Information Technology Services"/>
    <s v="CBSA-ITEMS0547"/>
    <s v="In Production"/>
    <s v="mini_main_super"/>
    <x v="1"/>
    <x v="248"/>
  </r>
  <r>
    <x v="2"/>
    <x v="22"/>
    <x v="366"/>
    <s v="VLE"/>
    <m/>
    <s v="Other"/>
    <x v="1"/>
    <s v="moodle.org: Moodle"/>
    <x v="2"/>
    <s v="Internal Services"/>
    <s v="Human Resources Management Services"/>
    <s v="CBSA-ITEMS0549"/>
    <s v="In Production"/>
    <s v="cloud"/>
    <x v="0"/>
    <x v="249"/>
  </r>
  <r>
    <x v="0"/>
    <x v="11"/>
    <x v="367"/>
    <s v="MDAW"/>
    <m/>
    <s v="Other"/>
    <x v="14"/>
    <s v="Greenline Systems/MDA - Watchkeeper"/>
    <x v="2"/>
    <s v="1.1.2 Targeting"/>
    <s v="Other"/>
    <s v="CBSA-ITEMS0550"/>
    <s v="In Production"/>
    <s v="web"/>
    <x v="0"/>
    <x v="250"/>
  </r>
  <r>
    <x v="10"/>
    <x v="53"/>
    <x v="368"/>
    <s v="MEI-B2B-WSG"/>
    <m/>
    <s v=""/>
    <x v="1"/>
    <s v=""/>
    <x v="2"/>
    <s v="1.7 Revenue and Trade Management"/>
    <s v="Communications Services,Information Technology Services"/>
    <s v="CBSA-ITEMS0551"/>
    <s v="In Production"/>
    <s v="mini_main_super"/>
    <x v="1"/>
    <x v="251"/>
  </r>
  <r>
    <x v="2"/>
    <x v="52"/>
    <x v="369"/>
    <s v="TTPS"/>
    <m/>
    <s v=""/>
    <x v="1"/>
    <s v=""/>
    <x v="2"/>
    <s v="1.2 Secure and Trusted Partnerships"/>
    <s v="Management and Oversight Services"/>
    <s v="CBSA-ITEMS0553"/>
    <s v="In Production"/>
    <s v="web"/>
    <x v="1"/>
    <x v="252"/>
  </r>
  <r>
    <x v="4"/>
    <x v="5"/>
    <x v="370"/>
    <s v="TTMS"/>
    <s v="TTMS is used internally by Trusted Traders (HQ and Regions) to evaluate and manage the PIP (Partners in Protection) membership and applications to the program."/>
    <s v=""/>
    <x v="1"/>
    <s v=""/>
    <x v="2"/>
    <s v=""/>
    <s v="Information Technology Services"/>
    <s v="CBSA-ITEMS0554"/>
    <s v="In Production"/>
    <s v="mini_main_super"/>
    <x v="1"/>
    <x v="253"/>
  </r>
  <r>
    <x v="4"/>
    <x v="5"/>
    <x v="371"/>
    <s v="TTES"/>
    <s v="Trusted Traders Exchange System (TTES)  is used internally to facilitate the exchange of information between Canada and the U.S. in order to harmonize memberships between the Partners in Protection (PIP) and Customs-Trade Partnership Against Terrorism (C-TPAT) programs."/>
    <s v=""/>
    <x v="1"/>
    <s v=""/>
    <x v="2"/>
    <s v=""/>
    <s v="Information Technology Services"/>
    <s v="CBSA-ITEMS0555"/>
    <s v="In Production"/>
    <s v="mini_main_super"/>
    <x v="1"/>
    <x v="254"/>
  </r>
  <r>
    <x v="0"/>
    <x v="8"/>
    <x v="372"/>
    <s v="POST"/>
    <m/>
    <s v=""/>
    <x v="1"/>
    <s v=""/>
    <x v="2"/>
    <s v="1.3.5 Postal"/>
    <s v="Management and Oversight Services"/>
    <s v="CBSA-ITEMS0556"/>
    <s v="In Production"/>
    <s v="web"/>
    <x v="1"/>
    <x v="255"/>
  </r>
  <r>
    <x v="8"/>
    <x v="38"/>
    <x v="373"/>
    <s v="SUBV"/>
    <m/>
    <s v="Other"/>
    <x v="1"/>
    <s v="Apache (WANDisco) - Subversion"/>
    <x v="2"/>
    <s v="Internal Services"/>
    <s v="Information Technology Services"/>
    <s v="CBSA-ITEMS0560"/>
    <s v="In Production"/>
    <s v="desktop"/>
    <x v="0"/>
    <x v="256"/>
  </r>
  <r>
    <x v="8"/>
    <x v="29"/>
    <x v="374"/>
    <s v="SONAR"/>
    <m/>
    <s v="Other"/>
    <x v="1"/>
    <s v="SonarSource - Sonar"/>
    <x v="2"/>
    <s v="Internal Services"/>
    <s v="Information Technology Services"/>
    <s v="CBSA-ITEMS0562"/>
    <s v="In Production"/>
    <s v="desktop"/>
    <x v="0"/>
    <x v="257"/>
  </r>
  <r>
    <x v="8"/>
    <x v="29"/>
    <x v="375"/>
    <s v="BUILD"/>
    <s v="The CBSA implementation of the Jenkins (FOSS) COTS product. Jenkins is both a continuous integration tool and an extensible framework for creating a custom continuous build process."/>
    <s v="Other"/>
    <x v="1"/>
    <s v="Jenkins - Jenkins CI"/>
    <x v="2"/>
    <s v="Internal Services"/>
    <s v="Information Technology Services"/>
    <s v="CBSA-ITEMS0563"/>
    <s v="In Production"/>
    <s v="desktop"/>
    <x v="0"/>
    <x v="258"/>
  </r>
  <r>
    <x v="8"/>
    <x v="37"/>
    <x v="376"/>
    <s v="UFT"/>
    <s v="CBSA's implementation of HP Unified Functional Testing."/>
    <s v="Hewlett_Packard_Canada_Co"/>
    <x v="1"/>
    <s v="Unified Functional Testing"/>
    <x v="2"/>
    <s v="Internal Services"/>
    <s v="Information Technology Services"/>
    <s v="CBSA-ITEMS0567"/>
    <s v="In Production"/>
    <s v="desktop"/>
    <x v="0"/>
    <x v="259"/>
  </r>
  <r>
    <x v="8"/>
    <x v="38"/>
    <x v="377"/>
    <s v="HP ALM"/>
    <s v="CBSA's implementation of HP Application Lifecycle Management."/>
    <s v="Hewlett_Packard_Canada_Co"/>
    <x v="23"/>
    <s v=""/>
    <x v="2"/>
    <s v="Internal Services"/>
    <s v="Information Technology Services"/>
    <s v="CBSA-ITEMS0568"/>
    <s v="In Production"/>
    <s v="desktop"/>
    <x v="0"/>
    <x v="260"/>
  </r>
  <r>
    <x v="4"/>
    <x v="5"/>
    <x v="378"/>
    <s v="BRMS-eManifest"/>
    <m/>
    <s v=""/>
    <x v="1"/>
    <s v=""/>
    <x v="2"/>
    <s v=""/>
    <s v="Information Technology Services"/>
    <s v="CBSA-ITEMS0574"/>
    <s v="In Production"/>
    <s v="mini_main_super"/>
    <x v="1"/>
    <x v="243"/>
  </r>
  <r>
    <x v="0"/>
    <x v="8"/>
    <x v="379"/>
    <s v="LARRY"/>
    <m/>
    <s v=""/>
    <x v="1"/>
    <s v=""/>
    <x v="2"/>
    <s v="1.7.2 Trade Policy"/>
    <s v="Management and Oversight Services"/>
    <s v="CBSA-ITEMS0578"/>
    <s v="In Production"/>
    <s v="web"/>
    <x v="1"/>
    <x v="261"/>
  </r>
  <r>
    <x v="6"/>
    <x v="57"/>
    <x v="380"/>
    <s v="uPerform"/>
    <m/>
    <s v="Other"/>
    <x v="1"/>
    <s v="Ancile_x000a_uPerform"/>
    <x v="2"/>
    <s v="Internal Services"/>
    <s v="Human Resources Management Services"/>
    <s v="CBSA-ITEMS0579"/>
    <s v="In Production"/>
    <s v="desktop"/>
    <x v="0"/>
    <x v="262"/>
  </r>
  <r>
    <x v="2"/>
    <x v="58"/>
    <x v="381"/>
    <s v="SOLMAN"/>
    <s v="CBSA's implementation of the SAP Solution Manager COTS product."/>
    <s v="Other"/>
    <x v="1"/>
    <s v="SAP"/>
    <x v="2"/>
    <s v="Internal Services"/>
    <s v="Information Technology Services"/>
    <s v="CBSA-ITEMS0580"/>
    <s v="In Production"/>
    <s v="web"/>
    <x v="0"/>
    <x v="263"/>
  </r>
  <r>
    <x v="10"/>
    <x v="59"/>
    <x v="382"/>
    <s v="GCMSPRINT"/>
    <m/>
    <s v="Adobe_Systems_Incorporated"/>
    <x v="24"/>
    <s v="Central output server"/>
    <x v="2"/>
    <s v="1.3 Admissibility Determination"/>
    <s v="Information Technology Services"/>
    <s v="CBSA-ITEMS0582"/>
    <s v="In Production"/>
    <s v="appliance"/>
    <x v="0"/>
    <x v="264"/>
  </r>
  <r>
    <x v="4"/>
    <x v="5"/>
    <x v="383"/>
    <s v="CoDaCs"/>
    <m/>
    <s v=""/>
    <x v="1"/>
    <s v=""/>
    <x v="2"/>
    <s v=""/>
    <s v="Information Technology Services"/>
    <s v="CBSA-ITEMS0585"/>
    <s v="In Production"/>
    <s v="mini_main_super"/>
    <x v="1"/>
    <x v="243"/>
  </r>
  <r>
    <x v="4"/>
    <x v="5"/>
    <x v="384"/>
    <s v="ARD"/>
    <m/>
    <s v=""/>
    <x v="1"/>
    <s v=""/>
    <x v="2"/>
    <s v=""/>
    <s v="Information Technology Services"/>
    <s v="CBSA-ITEMS0586"/>
    <s v="In Production"/>
    <s v="web"/>
    <x v="1"/>
    <x v="243"/>
  </r>
  <r>
    <x v="4"/>
    <x v="5"/>
    <x v="385"/>
    <s v="RCI"/>
    <m/>
    <s v=""/>
    <x v="1"/>
    <s v=""/>
    <x v="2"/>
    <s v=""/>
    <s v="Information Technology Services"/>
    <s v="CBSA-ITEMS0587"/>
    <s v="In Production"/>
    <s v="web"/>
    <x v="1"/>
    <x v="265"/>
  </r>
  <r>
    <x v="3"/>
    <x v="31"/>
    <x v="386"/>
    <s v="SAPBW"/>
    <m/>
    <s v="Other"/>
    <x v="1"/>
    <s v="SAP - Business Warehouse"/>
    <x v="2"/>
    <s v="Internal Services"/>
    <s v="Information Management Services"/>
    <s v="CBSA-ITEMS0591"/>
    <s v="In Production"/>
    <s v="desktop"/>
    <x v="0"/>
    <x v="220"/>
  </r>
  <r>
    <x v="10"/>
    <x v="60"/>
    <x v="387"/>
    <s v="SAPPO"/>
    <m/>
    <s v="Other"/>
    <x v="1"/>
    <s v="SAP - Netweaver Process Orchestrator"/>
    <x v="2"/>
    <s v="Internal Services"/>
    <s v="Information Technology Services"/>
    <s v="CBSA-ITEMS0592"/>
    <s v="In Production"/>
    <s v="desktop"/>
    <x v="0"/>
    <x v="220"/>
  </r>
  <r>
    <x v="2"/>
    <x v="20"/>
    <x v="388"/>
    <s v="RTP"/>
    <m/>
    <s v=""/>
    <x v="1"/>
    <s v=""/>
    <x v="2"/>
    <s v="1.3.1 Highway Mode"/>
    <s v="Management and Oversight Services"/>
    <s v="CBSA-ITEMS0595"/>
    <s v="In Production"/>
    <s v="web"/>
    <x v="1"/>
    <x v="266"/>
  </r>
  <r>
    <x v="4"/>
    <x v="5"/>
    <x v="389"/>
    <s v="MOPIL"/>
    <m/>
    <s v=""/>
    <x v="1"/>
    <s v=""/>
    <x v="2"/>
    <s v=""/>
    <s v=""/>
    <s v="CBSA-ITEMS0599"/>
    <s v="In Production"/>
    <s v="mobile"/>
    <x v="1"/>
    <x v="267"/>
  </r>
  <r>
    <x v="4"/>
    <x v="5"/>
    <x v="390"/>
    <s v="ITSM"/>
    <m/>
    <s v=""/>
    <x v="25"/>
    <s v="Drupal"/>
    <x v="2"/>
    <s v="Internal Services"/>
    <s v="Information Technology Services"/>
    <s v="CBSA-ITEMS0603"/>
    <s v="In Production"/>
    <s v="web"/>
    <x v="1"/>
    <x v="268"/>
  </r>
  <r>
    <x v="0"/>
    <x v="8"/>
    <x v="391"/>
    <s v="CORPO"/>
    <m/>
    <s v=""/>
    <x v="1"/>
    <s v=""/>
    <x v="2"/>
    <s v=""/>
    <s v=""/>
    <s v="CBSA-ITEMS0604"/>
    <s v="In Production"/>
    <s v="web"/>
    <x v="1"/>
    <x v="268"/>
  </r>
  <r>
    <x v="4"/>
    <x v="5"/>
    <x v="392"/>
    <s v="MDMS"/>
    <s v="The Master Data Management (MDM) foundation component will provide the CBSA Assessment and Revenue Management (CARM) project with the technological foundation that will allow it to manage its master data for the client identity."/>
    <s v=""/>
    <x v="1"/>
    <s v=""/>
    <x v="2"/>
    <s v=""/>
    <s v="Information Management Services,Information Technology Services"/>
    <s v="CBSA-ITEMS0609"/>
    <s v="In Production"/>
    <s v="web"/>
    <x v="1"/>
    <x v="269"/>
  </r>
  <r>
    <x v="2"/>
    <x v="20"/>
    <x v="393"/>
    <s v="PH"/>
    <m/>
    <s v=""/>
    <x v="1"/>
    <s v=""/>
    <x v="2"/>
    <s v="1.2 Admissibility Determination"/>
    <s v="Other"/>
    <s v="CBSA-ITEMS0612"/>
    <s v="In Production"/>
    <s v="web"/>
    <x v="1"/>
    <x v="270"/>
  </r>
  <r>
    <x v="4"/>
    <x v="5"/>
    <x v="394"/>
    <s v="SOF"/>
    <m/>
    <s v=""/>
    <x v="1"/>
    <s v=""/>
    <x v="2"/>
    <s v="Internal Services"/>
    <s v="Information Technology Services"/>
    <s v="CBSA-ITEMS0614"/>
    <s v="In Production"/>
    <s v="web"/>
    <x v="1"/>
    <x v="271"/>
  </r>
  <r>
    <x v="10"/>
    <x v="53"/>
    <x v="395"/>
    <s v="MEI-B2B-TS"/>
    <m/>
    <s v=""/>
    <x v="1"/>
    <s v=""/>
    <x v="2"/>
    <s v="1.7 Revenue and Trade Management"/>
    <s v="Communications Services,Information Technology Services"/>
    <s v="CBSA-ITEMS0615"/>
    <s v="In Production"/>
    <s v="mini_main_super"/>
    <x v="1"/>
    <x v="272"/>
  </r>
  <r>
    <x v="4"/>
    <x v="5"/>
    <x v="396"/>
    <s v="EXCC"/>
    <s v="The External Client Communication (ExCC) component is designed to provide centralized business logic regarding notice processing for clients in eManifest build 2. It is an internal application that provides notice services for other eManifest components. It does not provide any user interface for human users."/>
    <s v=""/>
    <x v="1"/>
    <s v=""/>
    <x v="2"/>
    <s v=""/>
    <s v="Information Technology Services"/>
    <s v="CBSA-ITEMS0619"/>
    <s v="In Production"/>
    <s v="mini_main_super"/>
    <x v="1"/>
    <x v="273"/>
  </r>
  <r>
    <x v="2"/>
    <x v="20"/>
    <x v="397"/>
    <s v="ADRS"/>
    <s v="The ADRS is a web service that allows our clients to determine if a specified postal codes for Canadian TCPs are identified as business or residence._x000a__x000a_The service is built around data provided by Canada Post Corporation, downloaded on a monthly basis from their secure FTP site."/>
    <s v=""/>
    <x v="1"/>
    <s v=""/>
    <x v="2"/>
    <s v=""/>
    <s v="Information Technology Services"/>
    <s v="CBSA-ITEMS0620"/>
    <s v="In Production"/>
    <s v="mini_main_super"/>
    <x v="1"/>
    <x v="233"/>
  </r>
  <r>
    <x v="2"/>
    <x v="22"/>
    <x v="398"/>
    <s v="ARTI"/>
    <m/>
    <s v="Other"/>
    <x v="1"/>
    <s v="Articulate - Storyline"/>
    <x v="2"/>
    <s v="Internal Services"/>
    <s v="Human Resources Management Services"/>
    <s v="CBSA-ITEMS0621"/>
    <s v="In Production"/>
    <s v="web"/>
    <x v="0"/>
    <x v="274"/>
  </r>
  <r>
    <x v="9"/>
    <x v="56"/>
    <x v="399"/>
    <s v="ICS-UIS"/>
    <s v="The User Information suite of applications and components manage the CBSA IT and Business user accounts and user authorization profiles along with an independent restful service for User Information and profile updates and lookups."/>
    <s v=""/>
    <x v="1"/>
    <s v=""/>
    <x v="2"/>
    <s v="1.3 Admissibility Determination"/>
    <s v="Management and Oversight Services"/>
    <s v="CBSA-ITEMS0625"/>
    <s v="In Production"/>
    <s v="mini_main_super"/>
    <x v="1"/>
    <x v="275"/>
  </r>
  <r>
    <x v="6"/>
    <x v="61"/>
    <x v="400"/>
    <s v="PSSS"/>
    <m/>
    <s v=""/>
    <x v="1"/>
    <s v=""/>
    <x v="2"/>
    <s v="Internal Services"/>
    <s v="Other"/>
    <s v="CBSA-ITEMS0629"/>
    <s v="In Production"/>
    <s v="web"/>
    <x v="1"/>
    <x v="276"/>
  </r>
  <r>
    <x v="4"/>
    <x v="5"/>
    <x v="401"/>
    <s v="DAA"/>
    <s v="DAA handles the message flow in ACROSS system; parses the incoming data, identifies the rules, processes the information, puts data in the right places in the database for ACROSS system and sends notifications to the external clients."/>
    <s v=""/>
    <x v="1"/>
    <s v=""/>
    <x v="2"/>
    <s v=""/>
    <s v="Information Technology Services"/>
    <s v="CBSA-ITEMS0630"/>
    <s v="In Production"/>
    <s v="mini_main_super"/>
    <x v="1"/>
    <x v="273"/>
  </r>
  <r>
    <x v="0"/>
    <x v="11"/>
    <x v="402"/>
    <s v="RMA"/>
    <m/>
    <s v="Other"/>
    <x v="1"/>
    <s v="Blaze Advisor"/>
    <x v="2"/>
    <s v="1.1 Risk Assessment"/>
    <s v="Management and Oversight Services"/>
    <s v="CBSA-ITEMS0634"/>
    <s v="In Production"/>
    <s v="web"/>
    <x v="0"/>
    <x v="277"/>
  </r>
  <r>
    <x v="10"/>
    <x v="53"/>
    <x v="403"/>
    <s v="STERLING"/>
    <m/>
    <s v="Other"/>
    <x v="1"/>
    <s v="IBM Sterling B2B Integrator"/>
    <x v="2"/>
    <s v="1.7 Revenue and Trade Management"/>
    <s v="Communications Services,Information Technology Services"/>
    <s v="CBSA-ITEMS0668"/>
    <s v="In Production"/>
    <s v="mini_main_super"/>
    <x v="0"/>
    <x v="278"/>
  </r>
  <r>
    <x v="8"/>
    <x v="29"/>
    <x v="404"/>
    <s v="C_And_F"/>
    <m/>
    <s v="Other"/>
    <x v="1"/>
    <s v="Atlassian - Crucible &amp; Fisheye"/>
    <x v="2"/>
    <s v="Internal Services"/>
    <s v="Information Technology Services"/>
    <s v="CBSA-ITEMS0669"/>
    <s v="In Production"/>
    <s v="desktop"/>
    <x v="0"/>
    <x v="279"/>
  </r>
  <r>
    <x v="0"/>
    <x v="16"/>
    <x v="405"/>
    <s v="CAD"/>
    <s v="This is an Access database. There is currently a requirement to replace with a full Case Management System."/>
    <s v=""/>
    <x v="1"/>
    <s v=""/>
    <x v="2"/>
    <s v="Internal Services"/>
    <s v="Human Resources Management Services"/>
    <s v="CBSA-ITEMS0766"/>
    <s v="In Production"/>
    <s v="desktop"/>
    <x v="1"/>
    <x v="280"/>
  </r>
  <r>
    <x v="4"/>
    <x v="5"/>
    <x v="406"/>
    <s v="PGARPO-PGASC"/>
    <s v="A component that manages PGA trade documents."/>
    <s v=""/>
    <x v="1"/>
    <s v=""/>
    <x v="2"/>
    <s v=""/>
    <s v="Information Technology Services"/>
    <s v="CBSA-ITEMS0782"/>
    <s v="In Production"/>
    <s v="mini_main_super"/>
    <x v="1"/>
    <x v="281"/>
  </r>
  <r>
    <x v="4"/>
    <x v="5"/>
    <x v="407"/>
    <s v="PGAREE"/>
    <s v="Participating Government Agency Registration and Enrolment Web."/>
    <s v=""/>
    <x v="1"/>
    <s v=""/>
    <x v="2"/>
    <s v=""/>
    <s v="Information Technology Services"/>
    <s v="CBSA-ITEMS0783"/>
    <s v="In Production"/>
    <s v="web"/>
    <x v="1"/>
    <x v="281"/>
  </r>
  <r>
    <x v="4"/>
    <x v="5"/>
    <x v="408"/>
    <s v="CSS"/>
    <m/>
    <s v=""/>
    <x v="1"/>
    <s v=""/>
    <x v="2"/>
    <s v=""/>
    <s v="Information Technology Services"/>
    <s v="CBSA-ITEMS0784"/>
    <s v="In Production"/>
    <s v="mini_main_super"/>
    <x v="1"/>
    <x v="243"/>
  </r>
  <r>
    <x v="4"/>
    <x v="5"/>
    <x v="409"/>
    <s v="CIR"/>
    <m/>
    <s v=""/>
    <x v="1"/>
    <s v=""/>
    <x v="2"/>
    <s v=""/>
    <s v="Information Technology Services"/>
    <s v="CBSA-ITEMS0800"/>
    <s v="In Production"/>
    <s v="web"/>
    <x v="1"/>
    <x v="243"/>
  </r>
  <r>
    <x v="4"/>
    <x v="5"/>
    <x v="410"/>
    <s v="BRMS-SWI"/>
    <s v="A business rules management system COTS product with the capability of executing business rules and the ability of a business person to manage the rules independent of technical resources."/>
    <s v="Other"/>
    <x v="1"/>
    <s v=""/>
    <x v="2"/>
    <s v=""/>
    <s v="Information Technology Services"/>
    <s v="CBSA-ITEMS0801"/>
    <s v="In Production"/>
    <s v="mini_main_super"/>
    <x v="1"/>
    <x v="282"/>
  </r>
  <r>
    <x v="4"/>
    <x v="5"/>
    <x v="411"/>
    <s v="RDS"/>
    <m/>
    <s v=""/>
    <x v="1"/>
    <s v=""/>
    <x v="2"/>
    <s v=""/>
    <s v="Information Technology Services"/>
    <s v="CBSA-ITEMS0804"/>
    <s v="In Production"/>
    <s v="mini_main_super"/>
    <x v="1"/>
    <x v="243"/>
  </r>
  <r>
    <x v="4"/>
    <x v="5"/>
    <x v="412"/>
    <s v="OP"/>
    <m/>
    <s v=""/>
    <x v="1"/>
    <s v=""/>
    <x v="2"/>
    <s v=""/>
    <s v="Information Technology Services"/>
    <s v="CBSA-ITEMS0805"/>
    <s v="In Production"/>
    <s v="mini_main_super"/>
    <x v="1"/>
    <x v="243"/>
  </r>
  <r>
    <x v="4"/>
    <x v="5"/>
    <x v="413"/>
    <s v="RPI"/>
    <m/>
    <s v=""/>
    <x v="1"/>
    <s v=""/>
    <x v="2"/>
    <s v=""/>
    <s v="Information Technology Services"/>
    <s v="CBSA-ITEMS0807"/>
    <s v="In Production"/>
    <s v="mini_main_super"/>
    <x v="1"/>
    <x v="243"/>
  </r>
  <r>
    <x v="4"/>
    <x v="5"/>
    <x v="414"/>
    <s v="CDQS - QSAVI"/>
    <m/>
    <s v=""/>
    <x v="1"/>
    <s v=""/>
    <x v="2"/>
    <s v=""/>
    <s v="Information Technology Services"/>
    <s v="CBSA-ITEMS0808"/>
    <s v="In Production"/>
    <s v="web"/>
    <x v="1"/>
    <x v="283"/>
  </r>
  <r>
    <x v="3"/>
    <x v="31"/>
    <x v="415"/>
    <s v="CMRS-EDW"/>
    <m/>
    <s v="Other"/>
    <x v="1"/>
    <s v="IBM Cognos Business Intelligence"/>
    <x v="2"/>
    <s v="1.8.1.1 Management and Oversight"/>
    <s v="Management and Oversight Services"/>
    <s v="CBSA-ITEMS0817"/>
    <s v="In Production"/>
    <s v="web"/>
    <x v="0"/>
    <x v="284"/>
  </r>
  <r>
    <x v="4"/>
    <x v="5"/>
    <x v="416"/>
    <s v="EDEC"/>
    <m/>
    <s v=""/>
    <x v="1"/>
    <s v=""/>
    <x v="2"/>
    <s v=""/>
    <s v=""/>
    <s v="CBSA-ITEMS0820"/>
    <s v="In Production"/>
    <s v="mobile"/>
    <x v="1"/>
    <x v="285"/>
  </r>
  <r>
    <x v="4"/>
    <x v="5"/>
    <x v="417"/>
    <s v="ECNP"/>
    <m/>
    <s v=""/>
    <x v="1"/>
    <s v=""/>
    <x v="2"/>
    <s v=""/>
    <s v="Information Technology Services"/>
    <s v="CBSA-ITEMS0826"/>
    <s v="In Production"/>
    <s v="web"/>
    <x v="1"/>
    <x v="281"/>
  </r>
  <r>
    <x v="0"/>
    <x v="62"/>
    <x v="418"/>
    <s v="MEI-B2B-ADM"/>
    <m/>
    <s v=""/>
    <x v="1"/>
    <s v=""/>
    <x v="2"/>
    <s v=""/>
    <s v="Communications Services,Information Technology Services"/>
    <s v="CBSA-ITEMS0828"/>
    <s v="In Production"/>
    <s v="mini_main_super"/>
    <x v="1"/>
    <x v="286"/>
  </r>
  <r>
    <x v="4"/>
    <x v="5"/>
    <x v="419"/>
    <s v="SSANAME3"/>
    <s v="SSA Name 3"/>
    <s v=""/>
    <x v="1"/>
    <s v=""/>
    <x v="2"/>
    <s v=""/>
    <s v="Information Technology Services"/>
    <s v="CBSA-ITEMS0830"/>
    <s v="In Production"/>
    <s v="mini_main_super"/>
    <x v="0"/>
    <x v="287"/>
  </r>
  <r>
    <x v="3"/>
    <x v="63"/>
    <x v="420"/>
    <s v="SPSS"/>
    <m/>
    <s v="Other"/>
    <x v="1"/>
    <s v="IBM SPSS Modeler"/>
    <x v="2"/>
    <s v="1.1.2 Targeting"/>
    <s v="Information Management Services"/>
    <s v="CBSA-ITEMS0831"/>
    <s v="In Production"/>
    <s v="desktop"/>
    <x v="0"/>
    <x v="288"/>
  </r>
  <r>
    <x v="4"/>
    <x v="5"/>
    <x v="421"/>
    <s v="RIM/RAM"/>
    <s v="The tables for RIM/RAM was created by CRSA for use by TITAN.  TITAN updates the values of these indicators to adjust the RISK value of a specific item."/>
    <s v=""/>
    <x v="1"/>
    <s v=""/>
    <x v="2"/>
    <s v=""/>
    <s v="Information Technology Services"/>
    <s v="CBSA-ITEMS0832"/>
    <s v="In Production"/>
    <s v="mini_main_super"/>
    <x v="1"/>
    <x v="289"/>
  </r>
  <r>
    <x v="3"/>
    <x v="31"/>
    <x v="422"/>
    <s v="COGNOS"/>
    <m/>
    <s v="Other"/>
    <x v="1"/>
    <s v="IBM Cognos Business Intelligence"/>
    <x v="2"/>
    <s v="1.8.1.1 Management and Oversight"/>
    <s v="Management and Oversight Services"/>
    <s v="CBSA-ITEMS0833"/>
    <s v="In Production"/>
    <s v="web"/>
    <x v="0"/>
    <x v="290"/>
  </r>
  <r>
    <x v="0"/>
    <x v="8"/>
    <x v="423"/>
    <s v="SWI-BPO"/>
    <m/>
    <s v=""/>
    <x v="1"/>
    <s v=""/>
    <x v="2"/>
    <s v="Commercial Program - Trade Compliance"/>
    <s v="Information Technology Services"/>
    <s v="CBSA-ITEMS0834"/>
    <s v="In Production"/>
    <s v="mini_main_super"/>
    <x v="1"/>
    <x v="291"/>
  </r>
  <r>
    <x v="0"/>
    <x v="28"/>
    <x v="424"/>
    <s v="IPS"/>
    <s v="Integrated Passage Services (IPS) is an asset that provides an integrated set of traveller passage related services, including passage processing, search/retrieval and risk assessment.  It is being implemented incrementally as project needs are identified.  Its search/retrieval services support entry passages into Canada and exit passages from Canada"/>
    <s v=""/>
    <x v="1"/>
    <s v=""/>
    <x v="2"/>
    <s v="1.3 Admissibility Determination"/>
    <s v="Other,Other"/>
    <s v="CBSA-ITEMS0835"/>
    <s v="In Production"/>
    <s v="mini_main_super"/>
    <x v="1"/>
    <x v="292"/>
  </r>
  <r>
    <x v="2"/>
    <x v="20"/>
    <x v="425"/>
    <s v="TDVS"/>
    <m/>
    <s v=""/>
    <x v="1"/>
    <s v=""/>
    <x v="2"/>
    <s v="1.3 Admissibility Determination"/>
    <s v="Information Technology Services"/>
    <s v="CBSA-ITEMS0837"/>
    <s v="In Production"/>
    <s v="mini_main_super"/>
    <x v="1"/>
    <x v="293"/>
  </r>
  <r>
    <x v="2"/>
    <x v="20"/>
    <x v="426"/>
    <s v="PIKS"/>
    <m/>
    <s v=""/>
    <x v="1"/>
    <s v=""/>
    <x v="2"/>
    <s v="1.3 Admissibility Determination"/>
    <s v="Information Technology Services"/>
    <s v="CBSA-ITEMS0838"/>
    <s v="In Production"/>
    <s v="mini_main_super"/>
    <x v="1"/>
    <x v="294"/>
  </r>
  <r>
    <x v="1"/>
    <x v="1"/>
    <x v="427"/>
    <s v="PIKMS"/>
    <m/>
    <s v=""/>
    <x v="1"/>
    <s v=""/>
    <x v="2"/>
    <s v="1.3 Admissibility Determination"/>
    <s v="Information Technology Services"/>
    <s v="CBSA-ITEMS0839"/>
    <s v="In Production"/>
    <s v="mini_main_super"/>
    <x v="1"/>
    <x v="295"/>
  </r>
  <r>
    <x v="0"/>
    <x v="16"/>
    <x v="428"/>
    <s v="CIIMS (new)"/>
    <m/>
    <s v=""/>
    <x v="1"/>
    <s v=""/>
    <x v="2"/>
    <s v="1.4 Criminal Investigations"/>
    <s v="Other"/>
    <s v="CBSA-ITEMS0847"/>
    <s v="In Production"/>
    <s v="web"/>
    <x v="1"/>
    <x v="296"/>
  </r>
  <r>
    <x v="0"/>
    <x v="7"/>
    <x v="429"/>
    <s v="AccessProSuite"/>
    <m/>
    <s v="Other"/>
    <x v="26"/>
    <s v="CSDC Systems - Accesspro"/>
    <x v="3"/>
    <s v="Secretariat"/>
    <s v="Information Management Services"/>
    <s v="CED-DEC001"/>
    <s v="In Production"/>
    <s v=""/>
    <x v="0"/>
    <x v="145"/>
  </r>
  <r>
    <x v="1"/>
    <x v="12"/>
    <x v="430"/>
    <s v="Trackit"/>
    <s v="Track-It! Is for users, administrators, consultants, etc., to interact and share information about real world Help Desk and IT asset management issues."/>
    <s v="Other"/>
    <x v="26"/>
    <s v="BMC Software - Trackit"/>
    <x v="3"/>
    <s v="IT"/>
    <s v="Information Technology Services"/>
    <s v="CED-DEC002"/>
    <s v="In Production"/>
    <s v=""/>
    <x v="0"/>
    <x v="145"/>
  </r>
  <r>
    <x v="2"/>
    <x v="64"/>
    <x v="431"/>
    <s v="PBHC"/>
    <m/>
    <s v="Other"/>
    <x v="1"/>
    <s v="Free Balance - Performance for Humain Capital"/>
    <x v="3"/>
    <s v="Finance"/>
    <s v="Financial Management Services"/>
    <s v="CED-DEC003"/>
    <s v="In Production"/>
    <s v=""/>
    <x v="0"/>
    <x v="98"/>
  </r>
  <r>
    <x v="0"/>
    <x v="16"/>
    <x v="432"/>
    <s v="WEBCIMS"/>
    <m/>
    <s v="ANet_Solutions_Inc"/>
    <x v="27"/>
    <s v=""/>
    <x v="3"/>
    <s v="Secretariat"/>
    <s v="Information Technology Services"/>
    <s v="CED-DEC004"/>
    <s v="In Production"/>
    <s v=""/>
    <x v="0"/>
    <x v="297"/>
  </r>
  <r>
    <x v="2"/>
    <x v="3"/>
    <x v="433"/>
    <s v="TIPS/LEX"/>
    <m/>
    <s v="Other"/>
    <x v="1"/>
    <s v="Transport Canada"/>
    <x v="3"/>
    <s v="RH"/>
    <s v="Human Resources Management Services"/>
    <s v="CED-DEC005"/>
    <s v="In Production"/>
    <s v=""/>
    <x v="0"/>
    <x v="98"/>
  </r>
  <r>
    <x v="0"/>
    <x v="13"/>
    <x v="434"/>
    <s v="StreetPerfect"/>
    <s v="This application validates addresses to batch validate/correct existing address records.  Validation from Canada Post."/>
    <s v="Other"/>
    <x v="1"/>
    <s v="Sun Media Corporation - StreetPerfect"/>
    <x v="3"/>
    <s v="Finance"/>
    <s v="Financial Management Services"/>
    <s v="CED-DEC006"/>
    <s v="In Production"/>
    <s v=""/>
    <x v="0"/>
    <x v="86"/>
  </r>
  <r>
    <x v="2"/>
    <x v="2"/>
    <x v="435"/>
    <s v="Hermes"/>
    <m/>
    <s v="Other"/>
    <x v="1"/>
    <s v="Free Balance - Financials Management"/>
    <x v="3"/>
    <s v="Finance"/>
    <s v="Financial Management Services"/>
    <s v="CED-DEC007"/>
    <s v="In Production"/>
    <s v=""/>
    <x v="0"/>
    <x v="27"/>
  </r>
  <r>
    <x v="2"/>
    <x v="9"/>
    <x v="436"/>
    <s v="Hermes"/>
    <m/>
    <s v="Other"/>
    <x v="1"/>
    <s v="Free Balance - Programs Management (egrants)"/>
    <x v="3"/>
    <s v="Finance"/>
    <s v="Financial Management Services"/>
    <s v="CED-DEC008"/>
    <s v="In Production"/>
    <s v=""/>
    <x v="0"/>
    <x v="298"/>
  </r>
  <r>
    <x v="3"/>
    <x v="31"/>
    <x v="437"/>
    <s v="DB"/>
    <m/>
    <s v="Oracle_Canada_ULC"/>
    <x v="1"/>
    <s v=""/>
    <x v="3"/>
    <s v="ALL"/>
    <s v="Information Management Services,Information Technology Services"/>
    <s v="CED-DEC009"/>
    <s v="In Production"/>
    <s v=""/>
    <x v="0"/>
    <x v="86"/>
  </r>
  <r>
    <x v="3"/>
    <x v="4"/>
    <x v="438"/>
    <s v="D+"/>
    <m/>
    <s v="Oracle_Canada_ULC"/>
    <x v="26"/>
    <s v=""/>
    <x v="3"/>
    <s v="ALL"/>
    <s v="Information Management Services"/>
    <s v="CED-DEC010"/>
    <s v="In Production"/>
    <s v=""/>
    <x v="0"/>
    <x v="299"/>
  </r>
  <r>
    <x v="2"/>
    <x v="65"/>
    <x v="439"/>
    <s v="CWA"/>
    <m/>
    <s v="Other"/>
    <x v="1"/>
    <s v=""/>
    <x v="3"/>
    <s v="RH"/>
    <s v="Human Resources Management Services"/>
    <s v="CED-DEC011"/>
    <s v="In Production"/>
    <s v=""/>
    <x v="1"/>
    <x v="86"/>
  </r>
  <r>
    <x v="6"/>
    <x v="61"/>
    <x v="440"/>
    <s v="AIS"/>
    <s v="The Activities Information System (AIS) is a tool for entering the length of activities employees work on in order to determine trends and extract statistics."/>
    <s v="Oracle_Canada_ULC"/>
    <x v="28"/>
    <s v="Oracle Canada ULC"/>
    <x v="3"/>
    <s v="ALL"/>
    <s v="Human Resources Management Services"/>
    <s v="CED-DEC012"/>
    <s v="In Production"/>
    <s v=""/>
    <x v="1"/>
    <x v="86"/>
  </r>
  <r>
    <x v="6"/>
    <x v="33"/>
    <x v="441"/>
    <s v="Themis"/>
    <s v="Generates a calendar of comminications activity, that can be press realease or event that involves the ministirials activities."/>
    <s v="Oracle_Canada_ULC"/>
    <x v="28"/>
    <s v="Oracle Canada ULC"/>
    <x v="3"/>
    <s v="Communication"/>
    <s v="Communications Services"/>
    <s v="CED-DEC013"/>
    <s v="In Production"/>
    <s v=""/>
    <x v="1"/>
    <x v="86"/>
  </r>
  <r>
    <x v="0"/>
    <x v="7"/>
    <x v="442"/>
    <s v="GCDOCS"/>
    <m/>
    <s v="Other"/>
    <x v="1"/>
    <s v="Open Text / Content Server"/>
    <x v="3"/>
    <s v="Corporate"/>
    <s v="Information Management Services"/>
    <s v="CED-DEC015"/>
    <s v="In Production"/>
    <s v=""/>
    <x v="0"/>
    <x v="297"/>
  </r>
  <r>
    <x v="4"/>
    <x v="66"/>
    <x v="443"/>
    <s v="Proactive Disclosure Management"/>
    <s v="An application that manages proactive disclosure such as, grants and contributions and contracts, that will be displayed on our departmental website."/>
    <s v="Other"/>
    <x v="1"/>
    <s v="Oracle Canada ULC"/>
    <x v="3"/>
    <s v="Finance"/>
    <s v="Financial Management Services"/>
    <s v="CED-DEC016"/>
    <s v="In Production"/>
    <s v=""/>
    <x v="1"/>
    <x v="86"/>
  </r>
  <r>
    <x v="0"/>
    <x v="19"/>
    <x v="444"/>
    <s v="CED211"/>
    <s v="The CED 211 software application generates on-line request forms for participation in learning activities. The CED 211 form contains the same fields and the same information as the traditional request form used for this purpose"/>
    <s v="Other"/>
    <x v="1"/>
    <s v="Oracle Canada ULC"/>
    <x v="3"/>
    <s v="ALL"/>
    <s v="Human Resources Management Services"/>
    <s v="CED-DEC017"/>
    <s v="In Production"/>
    <s v=""/>
    <x v="1"/>
    <x v="86"/>
  </r>
  <r>
    <x v="4"/>
    <x v="5"/>
    <x v="445"/>
    <s v="Periscope"/>
    <s v="An application that manages inventory for communications articles, posters, brochures, flyers, or events."/>
    <s v="Other"/>
    <x v="1"/>
    <s v=""/>
    <x v="3"/>
    <s v="Communication"/>
    <s v="Acquisition Services"/>
    <s v="CED-DEC018"/>
    <s v="In Production"/>
    <s v=""/>
    <x v="1"/>
    <x v="86"/>
  </r>
  <r>
    <x v="0"/>
    <x v="18"/>
    <x v="446"/>
    <s v="OCS"/>
    <s v="An application that manages feedback through the survey form filled out by external customers or visitors of our departmental website."/>
    <s v="Other"/>
    <x v="1"/>
    <s v="Oracle Canada ULC"/>
    <x v="3"/>
    <s v="Communication"/>
    <s v="Communications Services"/>
    <s v="CED-DEC020"/>
    <s v="In Production"/>
    <s v=""/>
    <x v="1"/>
    <x v="86"/>
  </r>
  <r>
    <x v="0"/>
    <x v="43"/>
    <x v="447"/>
    <s v="IBT"/>
    <s v="A tool that broadcasts news letters and corporate messages or news about our department. Also, sends out alert messages to users."/>
    <s v="Other"/>
    <x v="1"/>
    <s v="Oracle Canada ULC"/>
    <x v="3"/>
    <s v="Communication"/>
    <s v="Communications Services"/>
    <s v="CED-DEC021"/>
    <s v="In Production"/>
    <s v=""/>
    <x v="1"/>
    <x v="86"/>
  </r>
  <r>
    <x v="2"/>
    <x v="23"/>
    <x v="448"/>
    <s v="Post Payment Verification"/>
    <s v="This tool allows the accounting team to verify post payment expenses through an electronic form."/>
    <s v="Other"/>
    <x v="1"/>
    <s v="Oracle Canada ULC"/>
    <x v="3"/>
    <s v="Finance"/>
    <s v="Financial Management Services"/>
    <s v="CED-DEC022"/>
    <s v="In Production"/>
    <s v=""/>
    <x v="1"/>
    <x v="86"/>
  </r>
  <r>
    <x v="6"/>
    <x v="21"/>
    <x v="449"/>
    <s v="Netmail"/>
    <s v="A tool to manage spam in outlook"/>
    <s v="Other"/>
    <x v="1"/>
    <s v="Microsoft"/>
    <x v="3"/>
    <s v="ALL"/>
    <s v="Information Technology Services"/>
    <s v="CED-DEC023"/>
    <s v="In Production"/>
    <s v=""/>
    <x v="0"/>
    <x v="86"/>
  </r>
  <r>
    <x v="4"/>
    <x v="5"/>
    <x v="450"/>
    <s v="Crystal Reporting tool application"/>
    <s v="Crystal Reporting tool is used by all the directorates to report on all departmental financial and programs activities"/>
    <s v="Other"/>
    <x v="1"/>
    <s v="Crystal Report"/>
    <x v="3"/>
    <s v="ALL"/>
    <s v="Human Resources Management Services"/>
    <s v="CED-DEC024"/>
    <s v="In Production"/>
    <s v=""/>
    <x v="1"/>
    <x v="86"/>
  </r>
  <r>
    <x v="2"/>
    <x v="3"/>
    <x v="451"/>
    <s v="OrgPlus"/>
    <s v="OrgPlus RealTime is a dynamic workforce planning solution for small and medium sized businesses which provides executives, human resources professionals, and manager’s critical insight into their business for better organizational planning, optimization, and employee analytics"/>
    <s v="Other"/>
    <x v="1"/>
    <s v=""/>
    <x v="3"/>
    <s v="RH"/>
    <s v="Human Resources Management Services"/>
    <s v="CED-DEC025"/>
    <s v="In Production"/>
    <s v=""/>
    <x v="0"/>
    <x v="86"/>
  </r>
  <r>
    <x v="2"/>
    <x v="51"/>
    <x v="452"/>
    <s v="GIR"/>
    <s v="An application that mesures the level of risk for grants and contributions at the processing of claims stage from external customers."/>
    <s v="Other"/>
    <x v="1"/>
    <s v="Oracle Canada ULC"/>
    <x v="3"/>
    <s v="Operation"/>
    <s v="Management and Oversight Services"/>
    <s v="CED-DEC026"/>
    <s v="In Production"/>
    <s v=""/>
    <x v="1"/>
    <x v="86"/>
  </r>
  <r>
    <x v="3"/>
    <x v="45"/>
    <x v="453"/>
    <s v="MOS"/>
    <s v="An application that allows the DBA to manage Oracle departmental systems, suchas patches, tasks, versions, database configurations, etc."/>
    <s v="Other"/>
    <x v="1"/>
    <s v="Oracle Canada ULC"/>
    <x v="3"/>
    <s v="IT"/>
    <s v="Information Technology Services"/>
    <s v="CED-DEC027"/>
    <s v="In Production"/>
    <s v=""/>
    <x v="1"/>
    <x v="86"/>
  </r>
  <r>
    <x v="5"/>
    <x v="25"/>
    <x v="454"/>
    <s v="SPSS"/>
    <s v="A statistical tool to analyse data, frequency statistics, and data management.  It helps build reports based on specifica data."/>
    <s v="Other"/>
    <x v="1"/>
    <s v="SPSS. Inc"/>
    <x v="3"/>
    <s v="Finance"/>
    <s v="Information Management Services"/>
    <s v="CED-DEC028"/>
    <s v="In Production"/>
    <s v=""/>
    <x v="0"/>
    <x v="86"/>
  </r>
  <r>
    <x v="0"/>
    <x v="19"/>
    <x v="455"/>
    <s v="RHSFormulairesCotesSecurite"/>
    <s v="An application that enters in electronic format the information pertaining to security clearence"/>
    <s v="Other"/>
    <x v="1"/>
    <s v=""/>
    <x v="3"/>
    <s v="RH"/>
    <s v="Human Resources Management Services"/>
    <s v="CED-DEC029"/>
    <s v="In Production"/>
    <s v=""/>
    <x v="1"/>
    <x v="86"/>
  </r>
  <r>
    <x v="2"/>
    <x v="3"/>
    <x v="456"/>
    <s v="Reflexion 7"/>
    <s v="A mainframe application that manages human ressources pay system"/>
    <s v="Other"/>
    <x v="1"/>
    <s v=""/>
    <x v="3"/>
    <s v="RH"/>
    <s v="Financial Management Services"/>
    <s v="CED-DEC030"/>
    <s v="In Production"/>
    <s v=""/>
    <x v="1"/>
    <x v="86"/>
  </r>
  <r>
    <x v="4"/>
    <x v="5"/>
    <x v="457"/>
    <s v="Equifax"/>
    <m/>
    <s v="Other"/>
    <x v="1"/>
    <s v="Exquifax/Credit rating"/>
    <x v="3"/>
    <s v="Finance"/>
    <s v="Financial Management Services"/>
    <s v="CED-DEC031"/>
    <s v="In Production"/>
    <s v=""/>
    <x v="0"/>
    <x v="86"/>
  </r>
  <r>
    <x v="0"/>
    <x v="7"/>
    <x v="458"/>
    <s v="IRIMS"/>
    <s v="Records management system - being phased out by Content Server"/>
    <s v="Other"/>
    <x v="1"/>
    <s v="RIMS"/>
    <x v="3"/>
    <s v="Corporate"/>
    <s v="Information Management Services"/>
    <s v="CED-DEC032"/>
    <s v="In Production"/>
    <s v=""/>
    <x v="0"/>
    <x v="86"/>
  </r>
  <r>
    <x v="0"/>
    <x v="43"/>
    <x v="459"/>
    <s v="Intranet"/>
    <s v="Website for CED"/>
    <s v="Oracle_Canada_ULC"/>
    <x v="1"/>
    <s v=""/>
    <x v="3"/>
    <s v="ALL"/>
    <s v="Information Technology Services"/>
    <s v="CED-DEC033"/>
    <s v="In Production"/>
    <s v=""/>
    <x v="1"/>
    <x v="86"/>
  </r>
  <r>
    <x v="0"/>
    <x v="43"/>
    <x v="460"/>
    <s v="Internet"/>
    <s v="Website for CED"/>
    <s v="Oracle_Canada_ULC"/>
    <x v="1"/>
    <s v=""/>
    <x v="3"/>
    <s v="ALL"/>
    <s v="Information Technology Services"/>
    <s v="CED-DEC034"/>
    <s v="In Production"/>
    <s v=""/>
    <x v="1"/>
    <x v="86"/>
  </r>
  <r>
    <x v="0"/>
    <x v="18"/>
    <x v="461"/>
    <s v="IGS"/>
    <s v="A tool that does inventory of the customers and survey of external customers benefiting the Agency and how it benefits our department"/>
    <s v="Oracle_Canada_ULC"/>
    <x v="1"/>
    <s v=""/>
    <x v="3"/>
    <s v="Communication"/>
    <s v="Communications Services"/>
    <s v="CED-DEC035"/>
    <s v="In Production"/>
    <s v=""/>
    <x v="1"/>
    <x v="86"/>
  </r>
  <r>
    <x v="2"/>
    <x v="32"/>
    <x v="462"/>
    <s v="Car registry inventory"/>
    <s v="An application that keeps the registry of car usages across the deprtment"/>
    <s v="Oracle_Canada_ULC"/>
    <x v="1"/>
    <s v=""/>
    <x v="3"/>
    <s v="Corporate"/>
    <s v="Materiel Services"/>
    <s v="CED-DEC036"/>
    <s v="In Production"/>
    <s v=""/>
    <x v="1"/>
    <x v="86"/>
  </r>
  <r>
    <x v="6"/>
    <x v="67"/>
    <x v="463"/>
    <s v="Videoconference log"/>
    <s v="A tool that reports on all the data generated by the videoconferencing system"/>
    <s v="Other"/>
    <x v="1"/>
    <s v=""/>
    <x v="3"/>
    <s v="IT"/>
    <s v="Information Technology Services"/>
    <s v="CED-DEC037"/>
    <s v="In Production"/>
    <s v=""/>
    <x v="1"/>
    <x v="86"/>
  </r>
  <r>
    <x v="6"/>
    <x v="24"/>
    <x v="464"/>
    <s v="Beyond"/>
    <s v="An application that accesses Statcan databases for statistics"/>
    <s v=""/>
    <x v="1"/>
    <s v=""/>
    <x v="3"/>
    <s v="Finance"/>
    <s v="Management and Oversight Services"/>
    <s v="CED-DEC038"/>
    <s v="In Production"/>
    <s v=""/>
    <x v="1"/>
    <x v="86"/>
  </r>
  <r>
    <x v="11"/>
    <x v="68"/>
    <x v="465"/>
    <s v="Citrix"/>
    <s v="A server solution that uses Microsoft Terminal Services software to deliver Windows applications to PCs, Apple Macintosh computers, X terminals and UNIX workstations. This enables users of those systems to access and use those programs which are available to those using the Windows operating system."/>
    <s v="Other"/>
    <x v="1"/>
    <s v="Citrix"/>
    <x v="3"/>
    <s v="ALL"/>
    <s v="Information Technology Services"/>
    <s v="CED-DEC039"/>
    <s v="In Production"/>
    <s v=""/>
    <x v="0"/>
    <x v="88"/>
  </r>
  <r>
    <x v="4"/>
    <x v="66"/>
    <x v="466"/>
    <s v="CCURE"/>
    <s v="A software tool that manages security at CED such as security cards, locked doors."/>
    <s v="Other"/>
    <x v="1"/>
    <s v="C-Cure Inc. - C-Cure software"/>
    <x v="3"/>
    <s v="Corporate"/>
    <s v="Information Technology Services"/>
    <s v="CED-DEC040"/>
    <s v="In Production"/>
    <s v=""/>
    <x v="0"/>
    <x v="10"/>
  </r>
  <r>
    <x v="4"/>
    <x v="5"/>
    <x v="467"/>
    <s v="Screening Request"/>
    <s v="A tool that allows screening request forms for security clearances to be sent to CSIS automatically"/>
    <s v="Other"/>
    <x v="1"/>
    <s v=""/>
    <x v="3"/>
    <s v="RH"/>
    <s v="Human Resources Management Services"/>
    <s v="CED-DEC041"/>
    <s v="In Production"/>
    <s v=""/>
    <x v="1"/>
    <x v="86"/>
  </r>
  <r>
    <x v="4"/>
    <x v="66"/>
    <x v="468"/>
    <s v="Communications Security Establishment"/>
    <m/>
    <s v="Other"/>
    <x v="1"/>
    <s v=""/>
    <x v="3"/>
    <s v="Corporate"/>
    <s v="Human Resources Management Services"/>
    <s v="CED-DEC042"/>
    <s v="In Production"/>
    <s v=""/>
    <x v="1"/>
    <x v="86"/>
  </r>
  <r>
    <x v="2"/>
    <x v="2"/>
    <x v="469"/>
    <s v="Controle D'autochargement du client (SIF)"/>
    <s v="This tool authorizes the paymnent with article 33 of the Financial Administration Act"/>
    <s v="Other"/>
    <x v="1"/>
    <s v=""/>
    <x v="3"/>
    <s v="Finance"/>
    <s v="Financial Management Services"/>
    <s v="CED-DEC043"/>
    <s v="In Production"/>
    <s v=""/>
    <x v="1"/>
    <x v="86"/>
  </r>
  <r>
    <x v="2"/>
    <x v="23"/>
    <x v="470"/>
    <s v="SACO"/>
    <s v="A web application that provides the Financial Security officers to administer accounts for all PWGSC applications."/>
    <s v="Other"/>
    <x v="1"/>
    <s v=""/>
    <x v="3"/>
    <s v="Corporate"/>
    <s v="Human Resources Management Services"/>
    <s v="CED-DEC044"/>
    <s v="In Production"/>
    <s v=""/>
    <x v="1"/>
    <x v="86"/>
  </r>
  <r>
    <x v="2"/>
    <x v="2"/>
    <x v="471"/>
    <s v="CSM"/>
    <s v="The Central Systems Mailbox (CSM) is a web based application that provides departmental users with access, via an Internet Browser, to an electronic mailbox where reports/files from the Receiver General central systems are placed. Central systems that currently use the mailbox for distribution of reports and/or files include: the Central Financial Management Reporting System (CFMRS), the Receiver General General Ledger (RG-GL), the Payroll System General Ledger (PS-GL) and the Common Departmental Financial System (CDFS). The CSM allows a user to view, sort, print, delete or transfer files and reports."/>
    <s v="Other"/>
    <x v="1"/>
    <s v=""/>
    <x v="3"/>
    <s v="Finance"/>
    <s v="Information Technology Services"/>
    <s v="CED-DEC045"/>
    <s v="In Production"/>
    <s v=""/>
    <x v="1"/>
    <x v="86"/>
  </r>
  <r>
    <x v="2"/>
    <x v="3"/>
    <x v="472"/>
    <s v="SPS"/>
    <s v="SPS is A web application integrated system that incorporates the entire payment process, including receipt and validation of the requisition for payment, payment issue, payment redemption control and reconciliation, redemption reporting, and processing of exceptions in issue and redemption."/>
    <s v="Other"/>
    <x v="1"/>
    <s v=""/>
    <x v="3"/>
    <s v="RH"/>
    <s v="Financial Management Services"/>
    <s v="CED-DEC046"/>
    <s v="In Production"/>
    <s v=""/>
    <x v="1"/>
    <x v="86"/>
  </r>
  <r>
    <x v="2"/>
    <x v="2"/>
    <x v="473"/>
    <s v="CFMRS"/>
    <s v="The Central Financial Management Reporting System (CFMRS) is the system used by the Government of Canada to maintain the accounts of Canada. CFMRS compiles a general ledger from the certified (authorized) trial balances submitted by government departments and agencies at the end of every month."/>
    <s v="Other"/>
    <x v="1"/>
    <s v=""/>
    <x v="3"/>
    <s v="Finance"/>
    <s v="Financial Management Services"/>
    <s v="CED-DEC047"/>
    <s v="In Production"/>
    <s v=""/>
    <x v="1"/>
    <x v="86"/>
  </r>
  <r>
    <x v="2"/>
    <x v="2"/>
    <x v="474"/>
    <s v="PAPS"/>
    <s v="A web application  to manage and produce public accounts for CED"/>
    <s v="Other"/>
    <x v="1"/>
    <s v=""/>
    <x v="3"/>
    <s v="Finance"/>
    <s v="Financial Management Services"/>
    <s v="CED-DEC048"/>
    <s v="In Production"/>
    <s v=""/>
    <x v="1"/>
    <x v="86"/>
  </r>
  <r>
    <x v="2"/>
    <x v="3"/>
    <x v="475"/>
    <s v="RPS"/>
    <s v="A web application"/>
    <s v="Other"/>
    <x v="1"/>
    <s v=""/>
    <x v="3"/>
    <s v="RH"/>
    <s v="Human Resources Management Services"/>
    <s v="CED-DEC049"/>
    <s v="In Production"/>
    <s v=""/>
    <x v="1"/>
    <x v="86"/>
  </r>
  <r>
    <x v="2"/>
    <x v="2"/>
    <x v="476"/>
    <s v="Trial balance"/>
    <s v="A web application  that sends trial balance to pwgsc."/>
    <s v="Other"/>
    <x v="1"/>
    <s v=""/>
    <x v="3"/>
    <s v="Finance"/>
    <s v="Financial Management Services"/>
    <s v="CED-DEC050"/>
    <s v="In Production"/>
    <s v=""/>
    <x v="1"/>
    <x v="86"/>
  </r>
  <r>
    <x v="10"/>
    <x v="69"/>
    <x v="477"/>
    <s v="MSFT"/>
    <m/>
    <s v="Other"/>
    <x v="1"/>
    <s v=""/>
    <x v="3"/>
    <s v="Finance"/>
    <s v="Financial Management Services"/>
    <s v="CED-DEC051"/>
    <s v="In Production"/>
    <s v=""/>
    <x v="1"/>
    <x v="106"/>
  </r>
  <r>
    <x v="2"/>
    <x v="23"/>
    <x v="478"/>
    <s v="EAA"/>
    <s v="A tool that provides the SACO to create a section 33 floppy disk"/>
    <s v="Other"/>
    <x v="1"/>
    <s v=""/>
    <x v="3"/>
    <s v="Finance"/>
    <s v="Financial Management Services"/>
    <s v="CED-DEC052"/>
    <s v="In Production"/>
    <s v=""/>
    <x v="1"/>
    <x v="86"/>
  </r>
  <r>
    <x v="2"/>
    <x v="20"/>
    <x v="479"/>
    <s v="STS"/>
    <s v="A web application  that manages travel process"/>
    <s v="Other"/>
    <x v="1"/>
    <s v="Accenture Inc. - STSI"/>
    <x v="3"/>
    <s v="RH"/>
    <s v="Human Resources Management Services"/>
    <s v="CED-DEC053"/>
    <s v="In Production"/>
    <s v=""/>
    <x v="0"/>
    <x v="86"/>
  </r>
  <r>
    <x v="0"/>
    <x v="19"/>
    <x v="480"/>
    <s v="DocPath"/>
    <s v="An application that manages Hermes Financial CED custom forms"/>
    <s v="Other"/>
    <x v="1"/>
    <s v="DocPath - DocPath Designer"/>
    <x v="3"/>
    <s v="RH"/>
    <s v="Human Resources Management Services"/>
    <s v="CED-DEC054"/>
    <s v="In Production"/>
    <s v=""/>
    <x v="0"/>
    <x v="86"/>
  </r>
  <r>
    <x v="2"/>
    <x v="9"/>
    <x v="481"/>
    <s v="GMAX"/>
    <s v="An application that manages grants and contributions and financial data of CED'S historical projects."/>
    <s v="Other"/>
    <x v="1"/>
    <s v=""/>
    <x v="3"/>
    <s v="Finance"/>
    <s v="Financial Management Services"/>
    <s v="CED-DEC055"/>
    <s v="In Production"/>
    <s v=""/>
    <x v="1"/>
    <x v="86"/>
  </r>
  <r>
    <x v="2"/>
    <x v="20"/>
    <x v="482"/>
    <s v="Bank Interface"/>
    <s v="A tool that imports bank information into Financial system for CED."/>
    <s v="Other"/>
    <x v="1"/>
    <s v=""/>
    <x v="3"/>
    <s v="Finance"/>
    <s v="Financial Management Services"/>
    <s v="CED-DEC056"/>
    <s v="In Production"/>
    <s v=""/>
    <x v="1"/>
    <x v="86"/>
  </r>
  <r>
    <x v="2"/>
    <x v="20"/>
    <x v="483"/>
    <s v="DD"/>
    <s v="A tool that sends an email to employees when a payment has been deposited in their bank account."/>
    <s v="Other"/>
    <x v="1"/>
    <s v=""/>
    <x v="3"/>
    <s v="Finance"/>
    <s v="Financial Management Services"/>
    <s v="CED-DEC057"/>
    <s v="In Production"/>
    <s v=""/>
    <x v="1"/>
    <x v="86"/>
  </r>
  <r>
    <x v="2"/>
    <x v="20"/>
    <x v="484"/>
    <s v="DDM"/>
    <s v="A tool that sends an email to regular vendors when a payment has been deposited into the clients bank account."/>
    <s v="Other"/>
    <x v="1"/>
    <s v=""/>
    <x v="3"/>
    <s v="Finance"/>
    <s v="Financial Management Services"/>
    <s v="CED-DEC058"/>
    <s v="In Production"/>
    <s v=""/>
    <x v="1"/>
    <x v="86"/>
  </r>
  <r>
    <x v="3"/>
    <x v="45"/>
    <x v="485"/>
    <s v="TOAD"/>
    <s v="A tool that help users develop, access, manage, and analyze data."/>
    <s v="Other"/>
    <x v="1"/>
    <s v="Dell - TOAD"/>
    <x v="3"/>
    <s v="IT"/>
    <s v="Human Resources Management Services"/>
    <s v="CED-DEC059"/>
    <s v="In Production"/>
    <s v=""/>
    <x v="0"/>
    <x v="86"/>
  </r>
  <r>
    <x v="3"/>
    <x v="45"/>
    <x v="486"/>
    <s v="SQL"/>
    <s v="A tool that help users develop, access, manage, and analyze data."/>
    <s v="Oracle_Canada_ULC"/>
    <x v="29"/>
    <s v=""/>
    <x v="3"/>
    <s v="IT"/>
    <s v="Human Resources Management Services"/>
    <s v="CED-DEC060"/>
    <s v="In Production"/>
    <s v=""/>
    <x v="0"/>
    <x v="86"/>
  </r>
  <r>
    <x v="6"/>
    <x v="27"/>
    <x v="487"/>
    <s v="Antidote"/>
    <s v="A French language corrector, dictionnary application."/>
    <s v="Other"/>
    <x v="1"/>
    <s v="Druide - Antidote"/>
    <x v="3"/>
    <s v="ALL"/>
    <s v="Information Technology Services"/>
    <s v="CED-DEC061"/>
    <s v="In Production"/>
    <s v=""/>
    <x v="0"/>
    <x v="86"/>
  </r>
  <r>
    <x v="2"/>
    <x v="51"/>
    <x v="488"/>
    <s v="DBI"/>
    <m/>
    <s v="Other"/>
    <x v="1"/>
    <s v="Dun and Bradstreet"/>
    <x v="3"/>
    <s v="Corporate"/>
    <s v="Information Management Services"/>
    <s v="CED-DEC062"/>
    <s v="In Production"/>
    <s v=""/>
    <x v="0"/>
    <x v="86"/>
  </r>
  <r>
    <x v="6"/>
    <x v="61"/>
    <x v="489"/>
    <s v="Publisher"/>
    <s v="A tool that helps develop reports, letters."/>
    <s v="Oracle_Canada_ULC"/>
    <x v="1"/>
    <s v=""/>
    <x v="3"/>
    <s v="IT"/>
    <s v="Information Technology Services"/>
    <s v="CED-DEC063"/>
    <s v="In Production"/>
    <s v=""/>
    <x v="0"/>
    <x v="86"/>
  </r>
  <r>
    <x v="4"/>
    <x v="5"/>
    <x v="490"/>
    <s v="Copernic Desktop search"/>
    <s v="Copernic Desktop Search (CDS) enables you to instantly search files, emails, and email attachments stored anywhere on your PC's hard drive."/>
    <s v="Other"/>
    <x v="1"/>
    <s v="Copernic inc. - Copernic Search"/>
    <x v="3"/>
    <s v="ALL"/>
    <s v="Information Technology Services"/>
    <s v="CED-DEC064"/>
    <s v="In Production"/>
    <s v=""/>
    <x v="0"/>
    <x v="86"/>
  </r>
  <r>
    <x v="4"/>
    <x v="5"/>
    <x v="491"/>
    <s v="Discoverer Viewer"/>
    <s v=""/>
    <s v="Oracle_Canada_ULC"/>
    <x v="28"/>
    <s v=""/>
    <x v="3"/>
    <s v="ALL"/>
    <s v="Information Technology Services"/>
    <s v="CED-DEC065"/>
    <s v="In Production"/>
    <s v=""/>
    <x v="0"/>
    <x v="86"/>
  </r>
  <r>
    <x v="10"/>
    <x v="69"/>
    <x v="152"/>
    <s v="FileZilla"/>
    <m/>
    <s v="Other"/>
    <x v="1"/>
    <s v="File Zilla (open source) - File Zilla"/>
    <x v="3"/>
    <s v="IT"/>
    <s v="Information Technology Services"/>
    <s v="CED-DEC066"/>
    <s v="In Production"/>
    <s v=""/>
    <x v="0"/>
    <x v="106"/>
  </r>
  <r>
    <x v="3"/>
    <x v="46"/>
    <x v="492"/>
    <s v="CIF"/>
    <s v="An application that imports data from the electronic form to the grants and contribution software"/>
    <s v="Other"/>
    <x v="1"/>
    <s v=""/>
    <x v="3"/>
    <s v="Finance"/>
    <s v="Financial Management Services"/>
    <s v="CED-DEC067"/>
    <s v="In Production"/>
    <s v=""/>
    <x v="1"/>
    <x v="86"/>
  </r>
  <r>
    <x v="4"/>
    <x v="5"/>
    <x v="493"/>
    <s v="DymoLabel"/>
    <s v="Software to make labels"/>
    <s v="Other"/>
    <x v="1"/>
    <s v="Dymo"/>
    <x v="3"/>
    <s v="ALL"/>
    <s v="Information Technology Services"/>
    <s v="CED-DEC068"/>
    <s v="In Production"/>
    <s v=""/>
    <x v="0"/>
    <x v="86"/>
  </r>
  <r>
    <x v="2"/>
    <x v="70"/>
    <x v="494"/>
    <s v="LePetitRobert2010"/>
    <s v="Dictionnary software"/>
    <s v="Other"/>
    <x v="1"/>
    <s v="LePetit Robert"/>
    <x v="3"/>
    <s v="ALL"/>
    <s v="Information Technology Services"/>
    <s v="CED-DEC069"/>
    <s v="In Production"/>
    <s v=""/>
    <x v="0"/>
    <x v="86"/>
  </r>
  <r>
    <x v="2"/>
    <x v="51"/>
    <x v="495"/>
    <s v="SOQUIJ"/>
    <s v="Online application SOQUIJ publishes decisions from the judicial and administrative tribunals of the Province of Québec"/>
    <s v="Other"/>
    <x v="1"/>
    <s v="SOQUIJ relève du ministre de la Justice du Québec"/>
    <x v="3"/>
    <s v="Justice"/>
    <s v="Legal Services"/>
    <s v="CED-DEC070"/>
    <s v="In Production"/>
    <s v=""/>
    <x v="0"/>
    <x v="86"/>
  </r>
  <r>
    <x v="2"/>
    <x v="51"/>
    <x v="496"/>
    <s v="RDPRM"/>
    <s v="Online application RDPRM is a computerized government register that makes public certain rights concerning movable property and individuals."/>
    <s v="Other"/>
    <x v="1"/>
    <s v="Le Registre des droits personnels et réels mobiliers (RDPRM)"/>
    <x v="3"/>
    <s v="Corporate"/>
    <s v="Information Management Services"/>
    <s v="CED-DEC071"/>
    <s v="In Production"/>
    <s v=""/>
    <x v="0"/>
    <x v="86"/>
  </r>
  <r>
    <x v="2"/>
    <x v="51"/>
    <x v="497"/>
    <s v="Régistre foncier"/>
    <s v="Online application that verifies property registration"/>
    <s v="Other"/>
    <x v="1"/>
    <s v="Régie foncier du Québec"/>
    <x v="3"/>
    <s v="Finance"/>
    <s v="Financial Management Services"/>
    <s v="CED-DEC072"/>
    <s v="In Production"/>
    <s v=""/>
    <x v="0"/>
    <x v="86"/>
  </r>
  <r>
    <x v="2"/>
    <x v="51"/>
    <x v="498"/>
    <s v="MRN"/>
    <s v="Online applicaton that verifies land registry"/>
    <s v="Other"/>
    <x v="1"/>
    <s v="Régistre foncier du Québec"/>
    <x v="3"/>
    <s v="Finance"/>
    <s v="Financial Management Services"/>
    <s v="CED-DEC073"/>
    <s v="In Production"/>
    <s v=""/>
    <x v="0"/>
    <x v="86"/>
  </r>
  <r>
    <x v="2"/>
    <x v="51"/>
    <x v="499"/>
    <s v="Office of the superintendant of Bankruptcy Canada"/>
    <s v="Online application from industry Canada to verify Backruptcy and insolvency records"/>
    <s v="Other"/>
    <x v="1"/>
    <s v="Office of the superintendant of Bankruptcy Canada"/>
    <x v="3"/>
    <s v="Finance"/>
    <s v="Financial Management Services"/>
    <s v="CED-DEC074"/>
    <s v="In Production"/>
    <s v=""/>
    <x v="0"/>
    <x v="86"/>
  </r>
  <r>
    <x v="2"/>
    <x v="51"/>
    <x v="500"/>
    <s v="Business registry of Quebec"/>
    <s v="Online application that verifies all businnesses that are registered in Quebec"/>
    <s v="Other"/>
    <x v="1"/>
    <s v="Registre d'entreprise du Québec"/>
    <x v="3"/>
    <s v="Finance"/>
    <s v="Financial Management Services"/>
    <s v="CED-DEC075"/>
    <s v="In Production"/>
    <s v=""/>
    <x v="0"/>
    <x v="86"/>
  </r>
  <r>
    <x v="6"/>
    <x v="71"/>
    <x v="501"/>
    <s v="Adobe Suite (Premiere, Dreamweaver, Photoshop, etc)"/>
    <s v="An application that creates video productions"/>
    <s v="Adobe_Systems_Incorporated"/>
    <x v="30"/>
    <s v=""/>
    <x v="3"/>
    <s v="ALL"/>
    <s v="Information Technology Services"/>
    <s v="CED-DEC076"/>
    <s v="In Production"/>
    <s v=""/>
    <x v="0"/>
    <x v="86"/>
  </r>
  <r>
    <x v="6"/>
    <x v="67"/>
    <x v="502"/>
    <s v="Hootsuite: Social Media Dashboard"/>
    <s v="An on-line web based application to survey social media (i.e. Twitter)"/>
    <s v="Other"/>
    <x v="1"/>
    <s v="HootSuite Inc. - Hootsuite: Social Media Dashboard"/>
    <x v="3"/>
    <s v="Communications"/>
    <s v="Information Technology Services"/>
    <s v="CED-DEC078"/>
    <s v="In Production"/>
    <s v=""/>
    <x v="0"/>
    <x v="86"/>
  </r>
  <r>
    <x v="6"/>
    <x v="67"/>
    <x v="503"/>
    <s v="IPAD Apps - Skype"/>
    <s v="A teleconferencing social media application"/>
    <s v="Other"/>
    <x v="1"/>
    <s v="Skype - microsoft"/>
    <x v="3"/>
    <s v="ALL"/>
    <s v="Information Technology Services"/>
    <s v="CED-DEC079"/>
    <s v="In Production"/>
    <s v=""/>
    <x v="0"/>
    <x v="86"/>
  </r>
  <r>
    <x v="6"/>
    <x v="67"/>
    <x v="504"/>
    <s v="Webex"/>
    <s v="A web based teleconferencing tool that allows users to access electronic equipment at a distance"/>
    <s v="Other"/>
    <x v="1"/>
    <s v="Cisco - Webex"/>
    <x v="3"/>
    <s v="ALL"/>
    <s v="Information Technology Services"/>
    <s v="CED-DEC080"/>
    <s v="In Production"/>
    <s v=""/>
    <x v="0"/>
    <x v="86"/>
  </r>
  <r>
    <x v="6"/>
    <x v="67"/>
    <x v="505"/>
    <s v="Videoconference system"/>
    <s v="A videoconference software that allows site to site videoconferencing"/>
    <s v="Other"/>
    <x v="1"/>
    <s v="Polycom"/>
    <x v="3"/>
    <s v="ALL"/>
    <s v="Information Technology Services"/>
    <s v="CED-DEC081"/>
    <s v="In Production"/>
    <s v=""/>
    <x v="0"/>
    <x v="86"/>
  </r>
  <r>
    <x v="5"/>
    <x v="25"/>
    <x v="506"/>
    <s v="ArcView"/>
    <s v="A subset of modules from the ArcGIS product by ESRI. Its a cartography type tool."/>
    <s v="ESRI_Canada_Limited"/>
    <x v="31"/>
    <s v=""/>
    <x v="3"/>
    <s v="Corporate"/>
    <s v="Information Technology Services"/>
    <s v="CED-DEC082"/>
    <s v="In Production"/>
    <s v=""/>
    <x v="0"/>
    <x v="86"/>
  </r>
  <r>
    <x v="0"/>
    <x v="28"/>
    <x v="507"/>
    <s v="FITS-SOIF"/>
    <m/>
    <s v="Other"/>
    <x v="1"/>
    <s v="Landry MicroSolution Inc. - Fits-Soif"/>
    <x v="3"/>
    <s v="Finance"/>
    <s v="Information Management Services"/>
    <s v="CED-DEC083"/>
    <s v="In Production"/>
    <s v=""/>
    <x v="0"/>
    <x v="86"/>
  </r>
  <r>
    <x v="6"/>
    <x v="48"/>
    <x v="508"/>
    <s v="SPS Emailer"/>
    <s v="SPS Emailer"/>
    <s v="Microsoft_Corporation"/>
    <x v="32"/>
    <s v=""/>
    <x v="3"/>
    <s v="ALL"/>
    <s v="Information Management Services"/>
    <s v="CED-DEC084"/>
    <s v="In Production"/>
    <s v=""/>
    <x v="0"/>
    <x v="86"/>
  </r>
  <r>
    <x v="0"/>
    <x v="8"/>
    <x v="509"/>
    <s v="Sharepoint"/>
    <s v="Sharepoint server 2013.  Intranet"/>
    <s v="Microsoft_Corporation"/>
    <x v="15"/>
    <s v=""/>
    <x v="3"/>
    <s v="ALL"/>
    <s v="Information Management Services"/>
    <s v="CED-DEC086"/>
    <s v="In Production"/>
    <s v=""/>
    <x v="0"/>
    <x v="86"/>
  </r>
  <r>
    <x v="1"/>
    <x v="47"/>
    <x v="510"/>
    <s v="MBAM"/>
    <s v="Microsoft Bitlocker app. management"/>
    <s v="Microsoft_Corporation"/>
    <x v="33"/>
    <s v=""/>
    <x v="3"/>
    <s v="ALL"/>
    <s v="Information Technology Services"/>
    <s v="CED-DEC087"/>
    <s v="In Production"/>
    <s v=""/>
    <x v="0"/>
    <x v="86"/>
  </r>
  <r>
    <x v="1"/>
    <x v="47"/>
    <x v="511"/>
    <s v="AirWatch"/>
    <s v="AirWatch MDM iPad management"/>
    <s v="VMWare_Inc"/>
    <x v="1"/>
    <s v=""/>
    <x v="3"/>
    <s v="ALL"/>
    <s v="Information Technology Services"/>
    <s v="CED-DEC088"/>
    <s v="In Production"/>
    <s v=""/>
    <x v="0"/>
    <x v="86"/>
  </r>
  <r>
    <x v="0"/>
    <x v="19"/>
    <x v="512"/>
    <s v="QEDP"/>
    <m/>
    <s v=""/>
    <x v="1"/>
    <s v=""/>
    <x v="3"/>
    <s v="Operations"/>
    <s v="Information Management Services"/>
    <s v="CED-DEC089"/>
    <s v="In Production"/>
    <s v=""/>
    <x v="1"/>
    <x v="86"/>
  </r>
  <r>
    <x v="2"/>
    <x v="3"/>
    <x v="513"/>
    <s v="PSPM"/>
    <m/>
    <s v=""/>
    <x v="1"/>
    <s v=""/>
    <x v="3"/>
    <s v="Human Resources"/>
    <s v="Human Resources Management Services"/>
    <s v="CED-DEC090"/>
    <s v="In Production"/>
    <s v=""/>
    <x v="1"/>
    <x v="86"/>
  </r>
  <r>
    <x v="2"/>
    <x v="9"/>
    <x v="514"/>
    <s v="CIM"/>
    <m/>
    <s v=""/>
    <x v="1"/>
    <s v=""/>
    <x v="3"/>
    <s v="Operations"/>
    <s v="Information Management Services"/>
    <s v="CED-DEC091"/>
    <s v="In Production"/>
    <s v=""/>
    <x v="1"/>
    <x v="86"/>
  </r>
  <r>
    <x v="0"/>
    <x v="19"/>
    <x v="515"/>
    <s v="OCS"/>
    <m/>
    <s v=""/>
    <x v="1"/>
    <s v=""/>
    <x v="3"/>
    <s v="Operations"/>
    <s v="Information Management Services"/>
    <s v="CED-DEC092"/>
    <s v="In Production"/>
    <s v=""/>
    <x v="1"/>
    <x v="86"/>
  </r>
  <r>
    <x v="6"/>
    <x v="21"/>
    <x v="516"/>
    <s v="Exchange"/>
    <m/>
    <s v="Microsoft"/>
    <x v="34"/>
    <s v=""/>
    <x v="3"/>
    <s v="MS Outlook"/>
    <s v="Information Technology Services"/>
    <s v="APP-01075"/>
    <s v="In Production"/>
    <s v=""/>
    <x v="0"/>
    <x v="88"/>
  </r>
  <r>
    <x v="2"/>
    <x v="32"/>
    <x v="517"/>
    <s v="VFM"/>
    <m/>
    <s v=""/>
    <x v="1"/>
    <s v=""/>
    <x v="3"/>
    <s v="Information Management, Technology and Administration Directorate"/>
    <s v="Materiel Services"/>
    <s v="CED-DEC093"/>
    <s v="In Production"/>
    <s v=""/>
    <x v="1"/>
    <x v="86"/>
  </r>
  <r>
    <x v="0"/>
    <x v="19"/>
    <x v="518"/>
    <s v="IGS"/>
    <m/>
    <s v=""/>
    <x v="1"/>
    <s v=""/>
    <x v="3"/>
    <s v="Operations"/>
    <s v="Other"/>
    <s v="CED-DEC094"/>
    <s v="In Production"/>
    <s v=""/>
    <x v="1"/>
    <x v="86"/>
  </r>
  <r>
    <x v="12"/>
    <x v="72"/>
    <x v="519"/>
    <s v="CA"/>
    <m/>
    <s v="CA"/>
    <x v="25"/>
    <s v=""/>
    <x v="3"/>
    <s v="IT"/>
    <s v="Information Technology Services"/>
    <s v="APP-01873"/>
    <s v="In Production"/>
    <s v=""/>
    <x v="0"/>
    <x v="300"/>
  </r>
  <r>
    <x v="9"/>
    <x v="73"/>
    <x v="520"/>
    <s v="McAfee"/>
    <s v="Antivus and anti malware software server and desktop"/>
    <s v="McAfee"/>
    <x v="35"/>
    <s v=""/>
    <x v="3"/>
    <s v="Information Management, Technology and Administration Directorate"/>
    <s v="Information Technology Services"/>
    <s v="APP-01876"/>
    <s v="In Production"/>
    <s v=""/>
    <x v="0"/>
    <x v="301"/>
  </r>
  <r>
    <x v="4"/>
    <x v="66"/>
    <x v="521"/>
    <s v="BES"/>
    <m/>
    <s v="Blackberry"/>
    <x v="14"/>
    <s v="Blackberry BES Server"/>
    <x v="3"/>
    <s v="ALL"/>
    <s v="Communications Services,Information Technology Services"/>
    <s v="APP-01980"/>
    <s v="In Production"/>
    <s v=""/>
    <x v="0"/>
    <x v="106"/>
  </r>
  <r>
    <x v="7"/>
    <x v="26"/>
    <x v="522"/>
    <s v="WSUS"/>
    <s v="Windows update services"/>
    <s v="Microsoft"/>
    <x v="1"/>
    <s v="Windows Server Update Services"/>
    <x v="3"/>
    <s v="Information Management, Technology and Administration Directorate"/>
    <s v="Information Technology Services"/>
    <s v="APP-02019"/>
    <s v="In Production"/>
    <s v=""/>
    <x v="0"/>
    <x v="146"/>
  </r>
  <r>
    <x v="12"/>
    <x v="74"/>
    <x v="523"/>
    <s v="DNS"/>
    <s v="Domain Name Services External"/>
    <s v="Microsoft"/>
    <x v="1"/>
    <s v="DNS Services"/>
    <x v="3"/>
    <s v="Information Management, Technology and Administration Directorate"/>
    <s v="Information Technology Services"/>
    <s v="APP-02021"/>
    <s v="In Production"/>
    <s v=""/>
    <x v="0"/>
    <x v="10"/>
  </r>
  <r>
    <x v="12"/>
    <x v="74"/>
    <x v="524"/>
    <s v="NPM"/>
    <s v="Network performance monitor"/>
    <s v="Solarwinds"/>
    <x v="14"/>
    <s v="Solarwinds"/>
    <x v="3"/>
    <s v="Information Management, Technology and Administration Directorate"/>
    <s v="Information Technology Services"/>
    <s v="APP-02171"/>
    <s v="In Production"/>
    <s v=""/>
    <x v="0"/>
    <x v="88"/>
  </r>
  <r>
    <x v="1"/>
    <x v="75"/>
    <x v="525"/>
    <s v="VMWare"/>
    <s v="Vsphere client and UM"/>
    <s v="VMWare"/>
    <x v="36"/>
    <s v=""/>
    <x v="3"/>
    <s v="IT"/>
    <s v="Information Technology Services"/>
    <s v="APP-02174"/>
    <s v="In Production"/>
    <s v=""/>
    <x v="0"/>
    <x v="302"/>
  </r>
  <r>
    <x v="7"/>
    <x v="26"/>
    <x v="526"/>
    <s v="VMWareUM"/>
    <s v=""/>
    <s v=""/>
    <x v="36"/>
    <s v=""/>
    <x v="3"/>
    <s v="IT"/>
    <s v="Information Technology Services"/>
    <s v="APP-02176"/>
    <s v="In Production"/>
    <s v=""/>
    <x v="0"/>
    <x v="146"/>
  </r>
  <r>
    <x v="11"/>
    <x v="76"/>
    <x v="527"/>
    <s v="vRanger"/>
    <s v="Backup vmware"/>
    <s v="VRanger- Dell"/>
    <x v="14"/>
    <s v="Virtual Backup software"/>
    <x v="3"/>
    <s v="IT"/>
    <s v="Information Technology Services"/>
    <s v="APP-02178"/>
    <s v="In Production"/>
    <s v=""/>
    <x v="0"/>
    <x v="106"/>
  </r>
  <r>
    <x v="1"/>
    <x v="47"/>
    <x v="528"/>
    <s v="Ghost"/>
    <s v="Imaging system desktop and server"/>
    <s v="Symantec"/>
    <x v="37"/>
    <s v=""/>
    <x v="3"/>
    <s v="Information Management, Technology and Administration Directorate"/>
    <s v="Information Technology Services"/>
    <s v="APP-02181"/>
    <s v="In Production"/>
    <s v=""/>
    <x v="0"/>
    <x v="106"/>
  </r>
  <r>
    <x v="12"/>
    <x v="74"/>
    <x v="529"/>
    <s v="Kiwi"/>
    <s v="system event logs"/>
    <s v="Kiwi Syslog Deomon"/>
    <x v="14"/>
    <s v="Solarwinds - Kiwi"/>
    <x v="3"/>
    <s v="Information Management, Technology and Administration Directorate"/>
    <s v="Information Technology Services"/>
    <s v="APP-02183"/>
    <s v="In Production"/>
    <s v=""/>
    <x v="0"/>
    <x v="106"/>
  </r>
  <r>
    <x v="9"/>
    <x v="77"/>
    <x v="530"/>
    <s v="FortinetSSO"/>
    <s v="proxy server agent"/>
    <s v="Fortinet"/>
    <x v="14"/>
    <s v="FortinetSSO"/>
    <x v="3"/>
    <s v="Information Management, Technology and Administration Directorate"/>
    <s v="Information Technology Services"/>
    <s v="APP-02186"/>
    <s v="In Production"/>
    <s v=""/>
    <x v="0"/>
    <x v="10"/>
  </r>
  <r>
    <x v="3"/>
    <x v="45"/>
    <x v="531"/>
    <s v="Crystal"/>
    <m/>
    <s v="Business Objects"/>
    <x v="14"/>
    <s v="Crystal Reports"/>
    <x v="3"/>
    <s v="IT"/>
    <s v="Information Management Services,Information Technology Services"/>
    <s v="APP-02189"/>
    <s v="In Production"/>
    <s v=""/>
    <x v="0"/>
    <x v="106"/>
  </r>
  <r>
    <x v="4"/>
    <x v="66"/>
    <x v="532"/>
    <s v="MOC"/>
    <s v=""/>
    <s v="Microsoft"/>
    <x v="1"/>
    <s v="Microsoft Office Communicator"/>
    <x v="3"/>
    <s v="Information Management, Technology and Administration Directorate"/>
    <s v="Information Technology Services"/>
    <s v="APP-02192"/>
    <s v="In Production"/>
    <s v=""/>
    <x v="0"/>
    <x v="106"/>
  </r>
  <r>
    <x v="3"/>
    <x v="30"/>
    <x v="533"/>
    <s v="SQl Server"/>
    <m/>
    <s v="Microsoft Corporation"/>
    <x v="14"/>
    <s v="SQL Server 2005"/>
    <x v="3"/>
    <s v="Information Management, Technology and Administration Directorate"/>
    <s v="Information Technology Services"/>
    <s v="APP-02194"/>
    <s v="In Production"/>
    <s v=""/>
    <x v="0"/>
    <x v="88"/>
  </r>
  <r>
    <x v="4"/>
    <x v="66"/>
    <x v="534"/>
    <s v="Vice Versa"/>
    <s v="Copier fichiers"/>
    <s v="TGRMN"/>
    <x v="14"/>
    <s v="Vice Versa Pro"/>
    <x v="3"/>
    <s v=""/>
    <s v="Information Technology Services"/>
    <s v="APP-02196"/>
    <s v="In Production"/>
    <s v=""/>
    <x v="0"/>
    <x v="106"/>
  </r>
  <r>
    <x v="0"/>
    <x v="42"/>
    <x v="535"/>
    <s v="Portal"/>
    <m/>
    <s v="Oracle"/>
    <x v="1"/>
    <s v="Oracle Portal"/>
    <x v="3"/>
    <s v="Information Management, Technology and Administration Directorate"/>
    <s v="Information Technology Services"/>
    <s v="APP-02199"/>
    <s v="In Production"/>
    <s v=""/>
    <x v="0"/>
    <x v="98"/>
  </r>
  <r>
    <x v="0"/>
    <x v="43"/>
    <x v="536"/>
    <s v="Internet"/>
    <m/>
    <s v=""/>
    <x v="1"/>
    <s v=""/>
    <x v="3"/>
    <s v="Information Management, Technology and Administration Directorate"/>
    <s v="Information Technology Services"/>
    <s v="APP-02202"/>
    <s v="In Production"/>
    <s v=""/>
    <x v="1"/>
    <x v="98"/>
  </r>
  <r>
    <x v="0"/>
    <x v="7"/>
    <x v="537"/>
    <s v="Acrobat Pro"/>
    <s v=""/>
    <s v="Adobe"/>
    <x v="30"/>
    <s v=""/>
    <x v="3"/>
    <s v="ALL"/>
    <s v="Information Management Services,Information Technology Services"/>
    <s v="APP-02541"/>
    <s v="In Production"/>
    <s v=""/>
    <x v="0"/>
    <x v="106"/>
  </r>
  <r>
    <x v="6"/>
    <x v="35"/>
    <x v="538"/>
    <s v="Audition"/>
    <s v=""/>
    <s v="Adobe"/>
    <x v="38"/>
    <s v=""/>
    <x v="3"/>
    <s v="Communications"/>
    <s v=""/>
    <s v="APP-02543"/>
    <s v="In Production"/>
    <s v=""/>
    <x v="0"/>
    <x v="106"/>
  </r>
  <r>
    <x v="9"/>
    <x v="78"/>
    <x v="477"/>
    <s v="MSFT"/>
    <m/>
    <s v=""/>
    <x v="1"/>
    <s v=""/>
    <x v="3"/>
    <s v="IT"/>
    <s v=""/>
    <s v="APP-02549"/>
    <s v="In Production"/>
    <s v=""/>
    <x v="1"/>
    <x v="106"/>
  </r>
  <r>
    <x v="9"/>
    <x v="79"/>
    <x v="539"/>
    <s v="Entrust"/>
    <m/>
    <s v="Entrust"/>
    <x v="14"/>
    <s v="Entrust Security"/>
    <x v="3"/>
    <s v="IT"/>
    <s v=""/>
    <s v="APP-02554"/>
    <s v="In Production"/>
    <s v=""/>
    <x v="0"/>
    <x v="106"/>
  </r>
  <r>
    <x v="6"/>
    <x v="48"/>
    <x v="540"/>
    <s v="Eviews"/>
    <s v=""/>
    <s v="IHS Global"/>
    <x v="14"/>
    <s v="IHS Eviews"/>
    <x v="3"/>
    <s v=""/>
    <s v=""/>
    <s v="APP-02557"/>
    <s v="In Production"/>
    <s v=""/>
    <x v="0"/>
    <x v="106"/>
  </r>
  <r>
    <x v="6"/>
    <x v="35"/>
    <x v="541"/>
    <s v="Hypersnap"/>
    <s v=""/>
    <s v=""/>
    <x v="1"/>
    <s v=""/>
    <x v="3"/>
    <s v=""/>
    <s v=""/>
    <s v="APP-02560"/>
    <s v="In Production"/>
    <s v=""/>
    <x v="0"/>
    <x v="106"/>
  </r>
  <r>
    <x v="3"/>
    <x v="45"/>
    <x v="542"/>
    <s v="Idea"/>
    <s v=""/>
    <s v=""/>
    <x v="1"/>
    <s v=""/>
    <x v="3"/>
    <s v=""/>
    <s v=""/>
    <s v="APP-02563"/>
    <s v="In Production"/>
    <s v=""/>
    <x v="0"/>
    <x v="106"/>
  </r>
  <r>
    <x v="0"/>
    <x v="11"/>
    <x v="543"/>
    <s v="Ideclic"/>
    <s v=""/>
    <s v=""/>
    <x v="1"/>
    <s v=""/>
    <x v="3"/>
    <s v=""/>
    <s v=""/>
    <s v="APP-02565"/>
    <s v="In Production"/>
    <s v=""/>
    <x v="0"/>
    <x v="106"/>
  </r>
  <r>
    <x v="0"/>
    <x v="11"/>
    <x v="544"/>
    <s v="Mind Manager"/>
    <s v="MindManager’s flexible mind maps promote freeform thinking and quick organization of ideas, so creativity and productivity can live in harmony. Capture ideas. Manage meetings. Create strategic plans. Organize anything. Watch the video to see how you can do more with MindManager."/>
    <s v="Mind Manager"/>
    <x v="14"/>
    <s v="Mind Manager"/>
    <x v="3"/>
    <s v=""/>
    <s v=""/>
    <s v="APP-02570"/>
    <s v="In Production"/>
    <s v=""/>
    <x v="0"/>
    <x v="106"/>
  </r>
  <r>
    <x v="6"/>
    <x v="67"/>
    <x v="545"/>
    <s v="Live Meeting"/>
    <s v=""/>
    <s v="Microsoft Corporation"/>
    <x v="14"/>
    <s v="Live Meeting"/>
    <x v="3"/>
    <s v=""/>
    <s v=""/>
    <s v="APP-02572"/>
    <s v="In Production"/>
    <s v=""/>
    <x v="0"/>
    <x v="106"/>
  </r>
  <r>
    <x v="6"/>
    <x v="21"/>
    <x v="546"/>
    <s v="Outlook"/>
    <s v=""/>
    <s v=""/>
    <x v="32"/>
    <s v=""/>
    <x v="3"/>
    <s v=""/>
    <s v=""/>
    <s v="APP-02574"/>
    <s v="In Production"/>
    <s v=""/>
    <x v="0"/>
    <x v="106"/>
  </r>
  <r>
    <x v="6"/>
    <x v="48"/>
    <x v="547"/>
    <s v="Access"/>
    <s v=""/>
    <s v=""/>
    <x v="39"/>
    <s v=""/>
    <x v="3"/>
    <s v=""/>
    <s v=""/>
    <s v="APP-02576"/>
    <s v="In Production"/>
    <s v=""/>
    <x v="0"/>
    <x v="106"/>
  </r>
  <r>
    <x v="6"/>
    <x v="48"/>
    <x v="548"/>
    <s v="Project"/>
    <s v=""/>
    <s v=""/>
    <x v="40"/>
    <s v=""/>
    <x v="3"/>
    <s v=""/>
    <s v=""/>
    <s v="APP-02578"/>
    <s v="In Production"/>
    <s v=""/>
    <x v="0"/>
    <x v="106"/>
  </r>
  <r>
    <x v="6"/>
    <x v="48"/>
    <x v="549"/>
    <s v=""/>
    <s v=""/>
    <s v=""/>
    <x v="41"/>
    <s v=""/>
    <x v="3"/>
    <s v=""/>
    <s v=""/>
    <s v="APP-02580"/>
    <s v="In Production"/>
    <s v=""/>
    <x v="0"/>
    <x v="106"/>
  </r>
  <r>
    <x v="6"/>
    <x v="48"/>
    <x v="550"/>
    <s v="Visio"/>
    <s v=""/>
    <s v=""/>
    <x v="6"/>
    <s v=""/>
    <x v="3"/>
    <s v=""/>
    <s v=""/>
    <s v="APP-02582"/>
    <s v="In Production"/>
    <s v=""/>
    <x v="0"/>
    <x v="106"/>
  </r>
  <r>
    <x v="4"/>
    <x v="5"/>
    <x v="252"/>
    <s v="SCCM"/>
    <s v=""/>
    <s v=""/>
    <x v="42"/>
    <s v=""/>
    <x v="3"/>
    <s v=""/>
    <s v=""/>
    <s v="APP-03799"/>
    <s v="In Production"/>
    <s v="appliance"/>
    <x v="0"/>
    <x v="106"/>
  </r>
  <r>
    <x v="10"/>
    <x v="80"/>
    <x v="551"/>
    <s v="PR/TIPS/RRSP"/>
    <m/>
    <s v=""/>
    <x v="1"/>
    <s v=""/>
    <x v="4"/>
    <s v="Assessment of Returns and Payment Processing"/>
    <s v="Other"/>
    <s v="CRA-1"/>
    <s v="In Production"/>
    <s v="mini_main_super"/>
    <x v="1"/>
    <x v="303"/>
  </r>
  <r>
    <x v="0"/>
    <x v="11"/>
    <x v="552"/>
    <s v="ASAI"/>
    <m/>
    <s v=""/>
    <x v="1"/>
    <s v=""/>
    <x v="4"/>
    <s v="Assessment of Returns and Payment Processing"/>
    <s v="Other"/>
    <s v="CRA-100"/>
    <s v="In Production"/>
    <s v="mini_main_super"/>
    <x v="1"/>
    <x v="304"/>
  </r>
  <r>
    <x v="4"/>
    <x v="5"/>
    <x v="553"/>
    <s v="SDR"/>
    <m/>
    <s v=""/>
    <x v="1"/>
    <s v=""/>
    <x v="4"/>
    <s v="Internal Services"/>
    <s v="Acquisition Services,Financial Management Services"/>
    <s v="CRA-1000"/>
    <s v="In Production"/>
    <s v="web"/>
    <x v="1"/>
    <x v="305"/>
  </r>
  <r>
    <x v="4"/>
    <x v="5"/>
    <x v="554"/>
    <s v="OR/T1 Ret Proc"/>
    <m/>
    <s v=""/>
    <x v="1"/>
    <s v=""/>
    <x v="4"/>
    <s v="Assessment of Returns and Payment Processing"/>
    <s v="Other"/>
    <s v="CRA-1001"/>
    <s v="In Production"/>
    <s v="mini_main_super"/>
    <x v="1"/>
    <x v="306"/>
  </r>
  <r>
    <x v="4"/>
    <x v="5"/>
    <x v="555"/>
    <s v="MultiTrans"/>
    <m/>
    <s v="Other"/>
    <x v="1"/>
    <s v="Others"/>
    <x v="4"/>
    <s v="Internal Services"/>
    <s v="Communications Services"/>
    <s v="CRA-1003"/>
    <s v="In Production"/>
    <s v="rich"/>
    <x v="0"/>
    <x v="307"/>
  </r>
  <r>
    <x v="4"/>
    <x v="5"/>
    <x v="556"/>
    <s v="Analytics/Corr/PM"/>
    <s v="Analytics Correspondence Performance Measurement Datamart"/>
    <s v="Other"/>
    <x v="1"/>
    <s v="COGNOS OTHER-IBM,DataStage-IBM"/>
    <x v="4"/>
    <s v="Assessment of Returns and Payment Processing"/>
    <s v="Information Technology Services"/>
    <s v="CRA-1006"/>
    <s v="In Production"/>
    <s v="rich"/>
    <x v="0"/>
    <x v="308"/>
  </r>
  <r>
    <x v="4"/>
    <x v="5"/>
    <x v="557"/>
    <s v="genUpLd"/>
    <m/>
    <s v=""/>
    <x v="1"/>
    <s v=""/>
    <x v="4"/>
    <s v="Internal Services"/>
    <s v="Other"/>
    <s v="CRA-1009"/>
    <s v="In Production"/>
    <s v="web"/>
    <x v="1"/>
    <x v="309"/>
  </r>
  <r>
    <x v="0"/>
    <x v="16"/>
    <x v="558"/>
    <s v="CARE"/>
    <m/>
    <s v=""/>
    <x v="1"/>
    <s v=""/>
    <x v="4"/>
    <s v="Assessment of Returns and Payment Processing"/>
    <s v="Other"/>
    <s v="CRA-101"/>
    <s v="In Production"/>
    <s v="mini_main_super"/>
    <x v="1"/>
    <x v="310"/>
  </r>
  <r>
    <x v="4"/>
    <x v="5"/>
    <x v="559"/>
    <s v="Analytics/Corr/CDP"/>
    <m/>
    <s v="Other"/>
    <x v="1"/>
    <s v="COGNOS OTHER-IBM,DataStage-IBM"/>
    <x v="4"/>
    <s v="Assessment of Returns and Payment Processing"/>
    <s v="Information Technology Services"/>
    <s v="CRA-1010"/>
    <s v="In Production"/>
    <s v="rich"/>
    <x v="0"/>
    <x v="308"/>
  </r>
  <r>
    <x v="4"/>
    <x v="5"/>
    <x v="560"/>
    <s v="T1MOD"/>
    <m/>
    <s v=""/>
    <x v="1"/>
    <s v=""/>
    <x v="4"/>
    <s v="Taxpayer and Business Assistance"/>
    <s v="Other"/>
    <s v="CRA-1011"/>
    <s v="In Production"/>
    <s v="mini_main_super"/>
    <x v="1"/>
    <x v="306"/>
  </r>
  <r>
    <x v="4"/>
    <x v="5"/>
    <x v="561"/>
    <s v="COMSCRN"/>
    <m/>
    <s v=""/>
    <x v="1"/>
    <s v=""/>
    <x v="4"/>
    <s v="Internal Services"/>
    <s v="Information Technology Services"/>
    <s v="CRA-1013"/>
    <s v="In Production"/>
    <s v="mini_main_super"/>
    <x v="1"/>
    <x v="311"/>
  </r>
  <r>
    <x v="4"/>
    <x v="5"/>
    <x v="562"/>
    <s v="ITSSP"/>
    <s v="The purpose of the IT Self Service Portal is to facilitate and standardize the process of requesting IT services and reporting IT incidents and problems.  It is the primary means by which Agency employees initiate and request IT services."/>
    <s v=""/>
    <x v="1"/>
    <s v=""/>
    <x v="4"/>
    <s v="Internal Services"/>
    <s v="Information Technology Services"/>
    <s v="CRA-1015"/>
    <s v="In Production"/>
    <s v="web"/>
    <x v="1"/>
    <x v="312"/>
  </r>
  <r>
    <x v="4"/>
    <x v="5"/>
    <x v="563"/>
    <s v="EFMS"/>
    <m/>
    <s v="Other"/>
    <x v="1"/>
    <s v="Others"/>
    <x v="4"/>
    <s v="Internal Services"/>
    <s v="Other"/>
    <s v="CRA-1016"/>
    <s v="In Production"/>
    <s v="web"/>
    <x v="0"/>
    <x v="313"/>
  </r>
  <r>
    <x v="4"/>
    <x v="5"/>
    <x v="564"/>
    <s v="CRPV"/>
    <m/>
    <s v=""/>
    <x v="1"/>
    <s v=""/>
    <x v="4"/>
    <s v="Reporting Compliance"/>
    <s v="Information Technology Services"/>
    <s v="CRA-1017"/>
    <s v="In Production"/>
    <s v="web"/>
    <x v="1"/>
    <x v="314"/>
  </r>
  <r>
    <x v="4"/>
    <x v="5"/>
    <x v="565"/>
    <s v="IAM"/>
    <m/>
    <s v="Other"/>
    <x v="1"/>
    <s v="OthersWeblogic-Oracle"/>
    <x v="4"/>
    <s v="Internal Services"/>
    <s v="Information Management Services,Information Technology Services,Other"/>
    <s v="CRA-1020"/>
    <s v="In Production"/>
    <s v="rich"/>
    <x v="0"/>
    <x v="315"/>
  </r>
  <r>
    <x v="4"/>
    <x v="5"/>
    <x v="566"/>
    <s v="DAAPSS"/>
    <m/>
    <s v=""/>
    <x v="1"/>
    <s v=""/>
    <x v="4"/>
    <s v="Internal Services"/>
    <s v="Other"/>
    <s v="CRA-1021"/>
    <s v="In Production"/>
    <s v="rich"/>
    <x v="1"/>
    <x v="316"/>
  </r>
  <r>
    <x v="4"/>
    <x v="5"/>
    <x v="567"/>
    <s v="RMFD"/>
    <m/>
    <s v=""/>
    <x v="1"/>
    <s v=""/>
    <x v="4"/>
    <s v="Appeals"/>
    <s v="Information Technology Services"/>
    <s v="CRA-1023"/>
    <s v="In Production"/>
    <s v="web"/>
    <x v="1"/>
    <x v="317"/>
  </r>
  <r>
    <x v="4"/>
    <x v="5"/>
    <x v="568"/>
    <s v="NTSD-eNOA"/>
    <s v="Electronic delivery of T1 Assessment and reassessment notice."/>
    <s v=""/>
    <x v="1"/>
    <s v=""/>
    <x v="4"/>
    <s v="Assessment of Returns and Payment Processing"/>
    <s v="Information Technology Services"/>
    <s v="CRA-1025"/>
    <s v="In Production"/>
    <s v="web"/>
    <x v="1"/>
    <x v="318"/>
  </r>
  <r>
    <x v="4"/>
    <x v="5"/>
    <x v="569"/>
    <s v="Stats DM"/>
    <m/>
    <s v=""/>
    <x v="1"/>
    <s v=""/>
    <x v="4"/>
    <s v="Internal Services"/>
    <s v="Information Technology Services"/>
    <s v="CRA-1027"/>
    <s v="In Production"/>
    <s v="rich"/>
    <x v="1"/>
    <x v="319"/>
  </r>
  <r>
    <x v="4"/>
    <x v="5"/>
    <x v="570"/>
    <s v="GST/HST Returns App"/>
    <m/>
    <s v=""/>
    <x v="1"/>
    <s v=""/>
    <x v="4"/>
    <s v="Internal Services"/>
    <s v="Information Technology Services"/>
    <s v="CRA-1029"/>
    <s v="In Production"/>
    <s v="web"/>
    <x v="1"/>
    <x v="319"/>
  </r>
  <r>
    <x v="4"/>
    <x v="5"/>
    <x v="571"/>
    <s v="PAD-WS"/>
    <m/>
    <s v=""/>
    <x v="1"/>
    <s v=""/>
    <x v="4"/>
    <s v="Assessment of Returns and Payment Processing"/>
    <s v="Information Technology Services"/>
    <s v="CRA-1030"/>
    <s v="In Production"/>
    <s v="rich"/>
    <x v="1"/>
    <x v="320"/>
  </r>
  <r>
    <x v="4"/>
    <x v="5"/>
    <x v="572"/>
    <s v="wiki"/>
    <m/>
    <s v="Other"/>
    <x v="1"/>
    <s v="Others"/>
    <x v="4"/>
    <s v="Internal Services"/>
    <s v="Information Technology Services"/>
    <s v="CRA-1032"/>
    <s v="In Production"/>
    <s v="web"/>
    <x v="0"/>
    <x v="321"/>
  </r>
  <r>
    <x v="4"/>
    <x v="5"/>
    <x v="573"/>
    <s v="RTAT"/>
    <m/>
    <s v=""/>
    <x v="1"/>
    <s v=""/>
    <x v="4"/>
    <s v="Reporting Compliance"/>
    <s v="Other"/>
    <s v="CRA-1035"/>
    <s v="In Production"/>
    <s v="rich"/>
    <x v="1"/>
    <x v="322"/>
  </r>
  <r>
    <x v="4"/>
    <x v="5"/>
    <x v="574"/>
    <s v="IAM ODM"/>
    <m/>
    <s v=""/>
    <x v="1"/>
    <s v=""/>
    <x v="4"/>
    <s v="Internal Services"/>
    <s v="Management and Oversight Services"/>
    <s v="CRA-1036"/>
    <s v="In Production"/>
    <s v="web"/>
    <x v="1"/>
    <x v="323"/>
  </r>
  <r>
    <x v="4"/>
    <x v="5"/>
    <x v="575"/>
    <s v="TACS"/>
    <m/>
    <s v=""/>
    <x v="1"/>
    <s v=""/>
    <x v="4"/>
    <s v="Assessment of Returns and Payment Processing"/>
    <s v="Other"/>
    <s v="CRA-1038"/>
    <s v="In Production"/>
    <s v="rich"/>
    <x v="1"/>
    <x v="324"/>
  </r>
  <r>
    <x v="4"/>
    <x v="5"/>
    <x v="576"/>
    <s v="TFSA BI"/>
    <m/>
    <s v=""/>
    <x v="1"/>
    <s v=""/>
    <x v="4"/>
    <s v="Assessment of Returns and Payment Processing"/>
    <s v="Information Management Services"/>
    <s v="CRA-1039"/>
    <s v="In Production"/>
    <s v="rich"/>
    <x v="1"/>
    <x v="325"/>
  </r>
  <r>
    <x v="4"/>
    <x v="5"/>
    <x v="577"/>
    <s v="TNIS-EJB"/>
    <m/>
    <s v=""/>
    <x v="1"/>
    <s v=""/>
    <x v="4"/>
    <s v="Internal Services"/>
    <s v="Other"/>
    <s v="CRA-1041"/>
    <s v="In Production"/>
    <s v="rich"/>
    <x v="1"/>
    <x v="326"/>
  </r>
  <r>
    <x v="4"/>
    <x v="5"/>
    <x v="578"/>
    <s v="TN/MainframeApserver"/>
    <m/>
    <s v=""/>
    <x v="1"/>
    <s v=""/>
    <x v="4"/>
    <s v="Assessment of Returns and Payment Processing"/>
    <s v="Other"/>
    <s v="CRA-1046"/>
    <s v="In Production"/>
    <s v="mini_main_super"/>
    <x v="1"/>
    <x v="306"/>
  </r>
  <r>
    <x v="4"/>
    <x v="5"/>
    <x v="579"/>
    <s v="ARC"/>
    <m/>
    <s v=""/>
    <x v="1"/>
    <s v=""/>
    <x v="4"/>
    <s v="Internal Services"/>
    <s v="Information Technology Services"/>
    <s v="CRA-1047"/>
    <s v="In Production"/>
    <s v="web"/>
    <x v="1"/>
    <x v="327"/>
  </r>
  <r>
    <x v="4"/>
    <x v="5"/>
    <x v="580"/>
    <s v="FPOS"/>
    <s v="The Forms and Publications Ordering System is a public-facing web form allowing users to place orders for a printed copy of certain forms and publications to be shipped to a specified address.  The application allows the user to select from a list of various forms and publications for individuals and businesses, select the quantity of each document, provide address information, verify their order and then submit the order.  The application interfaces with CAS to submit the order."/>
    <s v=""/>
    <x v="1"/>
    <s v=""/>
    <x v="4"/>
    <s v="Taxpayer and Business Assistance"/>
    <s v="Other"/>
    <s v="CRA-1048"/>
    <s v="In Production"/>
    <s v="web"/>
    <x v="1"/>
    <x v="328"/>
  </r>
  <r>
    <x v="4"/>
    <x v="5"/>
    <x v="581"/>
    <s v="BTR"/>
    <s v="Business Tax Reminders is a native mobile application that lets business users create custom reminders and alerts for key CRA due dates related to instalment payments, returns, and remittances.  This mobile app is recommended for and was created based on consultations with small and medium-sized businesses. It allows users to create custom reminders for key CRA due dates related to instalment payments, returns, and remittances. IOS | Android | Blackberry"/>
    <s v=""/>
    <x v="1"/>
    <s v=""/>
    <x v="4"/>
    <s v="Internal Services"/>
    <s v="Information Technology Services"/>
    <s v="CRA-1049"/>
    <s v="In Production"/>
    <s v="mobile"/>
    <x v="1"/>
    <x v="106"/>
  </r>
  <r>
    <x v="2"/>
    <x v="40"/>
    <x v="582"/>
    <s v="CAS/AIP"/>
    <m/>
    <s v="Other"/>
    <x v="1"/>
    <s v="ADOBE-Adobe"/>
    <x v="4"/>
    <s v="Internal Services"/>
    <s v="Acquisition Services,Management and Oversight Services,Materiel Services"/>
    <s v="CRA-105"/>
    <s v="In Production"/>
    <s v="rich"/>
    <x v="0"/>
    <x v="27"/>
  </r>
  <r>
    <x v="4"/>
    <x v="5"/>
    <x v="583"/>
    <s v="MIMA - Client Summary"/>
    <m/>
    <s v=""/>
    <x v="1"/>
    <s v=""/>
    <x v="4"/>
    <s v="Assessment of Returns and Payment Processing"/>
    <s v="Information Technology Services"/>
    <s v="CRA-1052"/>
    <s v="In Production"/>
    <s v="web"/>
    <x v="1"/>
    <x v="314"/>
  </r>
  <r>
    <x v="4"/>
    <x v="5"/>
    <x v="584"/>
    <s v="OTOCS"/>
    <m/>
    <s v="Other"/>
    <x v="1"/>
    <s v="FILENET-IBM,MS Dynamics-Microsoft"/>
    <x v="4"/>
    <s v="Appeals"/>
    <s v="Information Technology Services"/>
    <s v="CRA-1055"/>
    <s v="In Production"/>
    <s v="web"/>
    <x v="0"/>
    <x v="329"/>
  </r>
  <r>
    <x v="4"/>
    <x v="5"/>
    <x v="585"/>
    <s v="CRPD"/>
    <m/>
    <s v=""/>
    <x v="1"/>
    <s v=""/>
    <x v="4"/>
    <s v="Collections, Compliance and Verification"/>
    <s v="Information Technology Services"/>
    <s v="CRA-1058"/>
    <s v="In Production"/>
    <s v="web"/>
    <x v="1"/>
    <x v="314"/>
  </r>
  <r>
    <x v="4"/>
    <x v="5"/>
    <x v="586"/>
    <s v="VDP Reporting"/>
    <s v="A new BPM reporting solution focused on reporting on the actual financial results of the VDP using data from the ADW encompassing each business line; T1, T2, T3, T5, Non-Resident, GST/HST and other Levies returns, as well as information returns."/>
    <s v="Other"/>
    <x v="1"/>
    <s v="COGNOS OTHER-IBM,DataStage-IBM"/>
    <x v="4"/>
    <s v="Assessment of Returns and Payment Processing"/>
    <s v="Information Management Services"/>
    <s v="CRA-1059"/>
    <s v="In Production"/>
    <s v="rich"/>
    <x v="0"/>
    <x v="330"/>
  </r>
  <r>
    <x v="4"/>
    <x v="5"/>
    <x v="587"/>
    <s v="T1 Ident Reporting"/>
    <m/>
    <s v="Other"/>
    <x v="1"/>
    <s v="COGNOS OTHER-IBM,DataStage-IBM"/>
    <x v="4"/>
    <s v="Assessment of Returns and Payment Processing"/>
    <s v="Information Management Services"/>
    <s v="CRA-1060"/>
    <s v="In Production"/>
    <s v="rich"/>
    <x v="0"/>
    <x v="330"/>
  </r>
  <r>
    <x v="4"/>
    <x v="5"/>
    <x v="588"/>
    <s v="EALERT"/>
    <m/>
    <s v=""/>
    <x v="1"/>
    <s v=""/>
    <x v="4"/>
    <s v="Assessment of Returns and Payment Processing"/>
    <s v="Other"/>
    <s v="CRA-1062"/>
    <s v="In Production"/>
    <s v="rich"/>
    <x v="1"/>
    <x v="331"/>
  </r>
  <r>
    <x v="4"/>
    <x v="5"/>
    <x v="589"/>
    <s v="AMDC"/>
    <m/>
    <s v=""/>
    <x v="1"/>
    <s v=""/>
    <x v="4"/>
    <s v="Assessment of Returns and Payment Processing"/>
    <s v="Other"/>
    <s v="CRA-1069"/>
    <s v="In Production"/>
    <s v="rich"/>
    <x v="1"/>
    <x v="332"/>
  </r>
  <r>
    <x v="4"/>
    <x v="5"/>
    <x v="590"/>
    <s v="VA/T1 Acctng"/>
    <m/>
    <s v=""/>
    <x v="1"/>
    <s v=""/>
    <x v="4"/>
    <s v="Assessment of Returns and Payment Processing"/>
    <s v="Other"/>
    <s v="CRA-1072"/>
    <s v="In Production"/>
    <s v="mini_main_super"/>
    <x v="1"/>
    <x v="333"/>
  </r>
  <r>
    <x v="4"/>
    <x v="5"/>
    <x v="591"/>
    <s v="CPBQR"/>
    <m/>
    <s v="Other"/>
    <x v="1"/>
    <s v="COGNOS OTHER-IBM,DataStage-IBM"/>
    <x v="4"/>
    <s v="Reporting Compliance"/>
    <s v="Information Technology Services"/>
    <s v="CRA-1073"/>
    <s v="In Production"/>
    <s v="web"/>
    <x v="0"/>
    <x v="334"/>
  </r>
  <r>
    <x v="4"/>
    <x v="5"/>
    <x v="592"/>
    <s v="DEE"/>
    <m/>
    <s v=""/>
    <x v="1"/>
    <s v=""/>
    <x v="4"/>
    <s v="Reporting Compliance"/>
    <s v="Information Technology Services"/>
    <s v="CRA-1074"/>
    <s v="In Production"/>
    <s v="web"/>
    <x v="1"/>
    <x v="308"/>
  </r>
  <r>
    <x v="4"/>
    <x v="5"/>
    <x v="593"/>
    <s v="LEADS OM&amp;R"/>
    <m/>
    <s v="Other"/>
    <x v="1"/>
    <s v="COGNOS OTHER-IBM,DataStage-IBM"/>
    <x v="4"/>
    <s v="Reporting Compliance"/>
    <s v="Information Technology Services"/>
    <s v="CRA-1075"/>
    <s v="In Production"/>
    <s v="web"/>
    <x v="0"/>
    <x v="335"/>
  </r>
  <r>
    <x v="4"/>
    <x v="5"/>
    <x v="594"/>
    <s v="Integras OM&amp;R"/>
    <m/>
    <s v="Other"/>
    <x v="1"/>
    <s v="COGNOS OTHER-IBM,DataStage-IBM"/>
    <x v="4"/>
    <s v="Reporting Compliance"/>
    <s v="Information Technology Services"/>
    <s v="CRA-1076"/>
    <s v="In Production"/>
    <s v="web"/>
    <x v="0"/>
    <x v="334"/>
  </r>
  <r>
    <x v="4"/>
    <x v="5"/>
    <x v="595"/>
    <s v="CDC OM&amp;R"/>
    <m/>
    <s v="Other"/>
    <x v="1"/>
    <s v="COGNOS OTHER-IBM,DataStage-IBM"/>
    <x v="4"/>
    <s v="Reporting Compliance"/>
    <s v="Information Technology Services"/>
    <s v="CRA-1078"/>
    <s v="In Production"/>
    <s v="web"/>
    <x v="0"/>
    <x v="334"/>
  </r>
  <r>
    <x v="4"/>
    <x v="5"/>
    <x v="596"/>
    <s v="CDC BPM"/>
    <m/>
    <s v=""/>
    <x v="1"/>
    <s v=""/>
    <x v="4"/>
    <s v="Reporting Compliance"/>
    <s v="Information Technology Services"/>
    <s v="CRA-1079"/>
    <s v="In Production"/>
    <s v="web"/>
    <x v="1"/>
    <x v="334"/>
  </r>
  <r>
    <x v="4"/>
    <x v="5"/>
    <x v="597"/>
    <s v="NEDD BPM"/>
    <m/>
    <s v="Other"/>
    <x v="1"/>
    <s v="COGNOS OTHER-IBM,DataStage-IBM"/>
    <x v="4"/>
    <s v="Reporting Compliance"/>
    <s v="Information Technology Services"/>
    <s v="CRA-1080"/>
    <s v="In Production"/>
    <s v="web"/>
    <x v="0"/>
    <x v="334"/>
  </r>
  <r>
    <x v="4"/>
    <x v="5"/>
    <x v="598"/>
    <s v="TEBA"/>
    <m/>
    <s v=""/>
    <x v="1"/>
    <s v=""/>
    <x v="4"/>
    <s v="Reporting Compliance"/>
    <s v="Information Technology Services"/>
    <s v="CRA-1081"/>
    <s v="In Production"/>
    <s v="mini_main_super"/>
    <x v="1"/>
    <x v="306"/>
  </r>
  <r>
    <x v="4"/>
    <x v="5"/>
    <x v="442"/>
    <s v="GCDocs"/>
    <s v="GCDocs is the Electronic Document and Records Management Solution (EDRMS) of the Government of Canada (GC) which has been configured to provide electronic document management, records management, and collaboration services to CRA employees. The solution is a customized version of the COTS product; Content Server by OpenText. It is provided as a managed service to CRA by Public Services and Procurement Canada (PSPC) and is hosted on Shared Services Canada (SSC) infrastructure."/>
    <s v=""/>
    <x v="1"/>
    <s v="OpenText Content Server-OpenText"/>
    <x v="4"/>
    <s v=""/>
    <s v=""/>
    <s v="APP-04240"/>
    <s v="In Production"/>
    <s v="web"/>
    <x v="0"/>
    <x v="336"/>
  </r>
  <r>
    <x v="4"/>
    <x v="5"/>
    <x v="599"/>
    <s v="EWOW-DSS"/>
    <m/>
    <s v="Other"/>
    <x v="1"/>
    <s v="COGNOS OTHER-IBM,DataStage-IBM"/>
    <x v="4"/>
    <s v="Reporting Compliance"/>
    <s v="Information Technology Services"/>
    <s v="CRA-1084"/>
    <s v="In Production"/>
    <s v="web"/>
    <x v="0"/>
    <x v="334"/>
  </r>
  <r>
    <x v="4"/>
    <x v="5"/>
    <x v="600"/>
    <s v="PSABO"/>
    <m/>
    <s v="Other"/>
    <x v="1"/>
    <s v="DataStage-IBM"/>
    <x v="4"/>
    <s v="Reporting Compliance"/>
    <s v="Information Technology Services"/>
    <s v="CRA-1085"/>
    <s v="In Production"/>
    <s v="rich"/>
    <x v="0"/>
    <x v="337"/>
  </r>
  <r>
    <x v="4"/>
    <x v="5"/>
    <x v="601"/>
    <s v="PSABE"/>
    <m/>
    <s v="Other"/>
    <x v="1"/>
    <s v="COGNOS OTHER-IBM,COGNOS REPORTNET-IBM,DataStage-IBM"/>
    <x v="4"/>
    <s v="Reporting Compliance"/>
    <s v="Information Technology Services"/>
    <s v="CRA-1086"/>
    <s v="In Production"/>
    <s v="rich"/>
    <x v="0"/>
    <x v="338"/>
  </r>
  <r>
    <x v="4"/>
    <x v="5"/>
    <x v="602"/>
    <s v="PSABA"/>
    <m/>
    <s v="Other"/>
    <x v="1"/>
    <s v="DataStage-IBM"/>
    <x v="4"/>
    <s v="Reporting Compliance"/>
    <s v="Information Technology Services"/>
    <s v="CRA-1087"/>
    <s v="In Production"/>
    <s v="rich"/>
    <x v="0"/>
    <x v="339"/>
  </r>
  <r>
    <x v="4"/>
    <x v="5"/>
    <x v="603"/>
    <s v="CBC"/>
    <m/>
    <s v=""/>
    <x v="1"/>
    <s v=""/>
    <x v="4"/>
    <s v="Reporting Compliance"/>
    <s v="Other"/>
    <s v="CRA-1097"/>
    <s v="In Production"/>
    <s v="rich"/>
    <x v="1"/>
    <x v="340"/>
  </r>
  <r>
    <x v="4"/>
    <x v="5"/>
    <x v="604"/>
    <s v="EWOW"/>
    <m/>
    <s v=""/>
    <x v="1"/>
    <s v=""/>
    <x v="4"/>
    <s v="Reporting Compliance"/>
    <s v="Other"/>
    <s v="CRA-1099"/>
    <s v="In Production"/>
    <s v="rich"/>
    <x v="1"/>
    <x v="341"/>
  </r>
  <r>
    <x v="2"/>
    <x v="40"/>
    <x v="605"/>
    <s v="CAS/FIN"/>
    <m/>
    <s v="Other"/>
    <x v="1"/>
    <s v="SAP-SAP"/>
    <x v="4"/>
    <s v="Internal Services"/>
    <s v="Financial Management Services"/>
    <s v="CRA-137"/>
    <s v="In Production"/>
    <s v="rich"/>
    <x v="0"/>
    <x v="27"/>
  </r>
  <r>
    <x v="2"/>
    <x v="40"/>
    <x v="606"/>
    <s v="CAS/HR"/>
    <m/>
    <s v="Other"/>
    <x v="1"/>
    <s v="SAP-SAP"/>
    <x v="4"/>
    <s v="Internal Services"/>
    <s v="Human Resources Management Services"/>
    <s v="CRA-139"/>
    <s v="In Production"/>
    <s v="web"/>
    <x v="0"/>
    <x v="27"/>
  </r>
  <r>
    <x v="6"/>
    <x v="48"/>
    <x v="607"/>
    <s v="RAPI/AA"/>
    <m/>
    <s v=""/>
    <x v="1"/>
    <s v=""/>
    <x v="4"/>
    <s v="Assessment of Returns and Payment Processing"/>
    <s v="Other"/>
    <s v="CRA-17"/>
    <s v="In Production"/>
    <s v="mini_main_super"/>
    <x v="1"/>
    <x v="342"/>
  </r>
  <r>
    <x v="0"/>
    <x v="16"/>
    <x v="608"/>
    <s v="CASE RULES"/>
    <m/>
    <s v=""/>
    <x v="1"/>
    <s v=""/>
    <x v="4"/>
    <s v="Collections, Compliance and Verification"/>
    <s v="Other"/>
    <s v="CRA-187"/>
    <s v="In Production"/>
    <s v="mini_main_super"/>
    <x v="1"/>
    <x v="343"/>
  </r>
  <r>
    <x v="0"/>
    <x v="16"/>
    <x v="609"/>
    <s v="CASE/AUDIT"/>
    <m/>
    <s v=""/>
    <x v="1"/>
    <s v=""/>
    <x v="4"/>
    <s v="Reporting Compliance"/>
    <s v="Other"/>
    <s v="CRA-188"/>
    <s v="In Production"/>
    <s v="mini_main_super"/>
    <x v="1"/>
    <x v="306"/>
  </r>
  <r>
    <x v="0"/>
    <x v="16"/>
    <x v="610"/>
    <s v="CASE/CORTAX"/>
    <m/>
    <s v=""/>
    <x v="1"/>
    <s v=""/>
    <x v="4"/>
    <s v="Assessment of Returns and Payment Processing"/>
    <s v="Other"/>
    <s v="CRA-189"/>
    <s v="In Production"/>
    <s v="mini_main_super"/>
    <x v="1"/>
    <x v="306"/>
  </r>
  <r>
    <x v="0"/>
    <x v="16"/>
    <x v="611"/>
    <s v="CASE/CPPEI"/>
    <m/>
    <s v=""/>
    <x v="1"/>
    <s v=""/>
    <x v="4"/>
    <s v="Collections, Compliance and Verification"/>
    <s v="Other"/>
    <s v="CRA-190"/>
    <s v="In Production"/>
    <s v="mini_main_super"/>
    <x v="1"/>
    <x v="306"/>
  </r>
  <r>
    <x v="3"/>
    <x v="31"/>
    <x v="612"/>
    <s v="Analytics/Appeals"/>
    <m/>
    <s v="Other"/>
    <x v="1"/>
    <s v="COGNOS OTHER-IBM,DataStage-IBM,SMART-BMC"/>
    <x v="4"/>
    <s v="Appeals"/>
    <s v="Other"/>
    <s v="CRA-191"/>
    <s v="In Production"/>
    <s v="rich"/>
    <x v="0"/>
    <x v="344"/>
  </r>
  <r>
    <x v="3"/>
    <x v="31"/>
    <x v="613"/>
    <s v="Analytics/T2"/>
    <m/>
    <s v="Other"/>
    <x v="1"/>
    <s v="COGNOS OTHER-IBM,DataStage-IBM,SMART-BMC"/>
    <x v="4"/>
    <s v="Assessment of Returns and Payment Processing"/>
    <s v="Other"/>
    <s v="CRA-192"/>
    <s v="In Production"/>
    <s v="rich"/>
    <x v="0"/>
    <x v="344"/>
  </r>
  <r>
    <x v="3"/>
    <x v="31"/>
    <x v="614"/>
    <s v="Analytics/CPPEI"/>
    <m/>
    <s v=""/>
    <x v="1"/>
    <s v=""/>
    <x v="4"/>
    <s v="Collections, Compliance and Verification"/>
    <s v="Other"/>
    <s v="CRA-193"/>
    <s v="In Production"/>
    <s v="rich"/>
    <x v="1"/>
    <x v="345"/>
  </r>
  <r>
    <x v="3"/>
    <x v="31"/>
    <x v="615"/>
    <s v="Analytics/NROD"/>
    <m/>
    <s v=""/>
    <x v="1"/>
    <s v=""/>
    <x v="4"/>
    <s v="Collections, Compliance and Verification"/>
    <s v="Other"/>
    <s v="CRA-194"/>
    <s v="In Production"/>
    <s v="rich"/>
    <x v="1"/>
    <x v="344"/>
  </r>
  <r>
    <x v="3"/>
    <x v="31"/>
    <x v="616"/>
    <s v="Analytics/SA"/>
    <m/>
    <s v="Other"/>
    <x v="1"/>
    <s v="COGNOS OTHER-IBM,DataStage-IBM,SMART-BMC"/>
    <x v="4"/>
    <s v="Assessment of Returns and Payment Processing"/>
    <s v="Other"/>
    <s v="CRA-195"/>
    <s v="In Production"/>
    <s v="rich"/>
    <x v="0"/>
    <x v="344"/>
  </r>
  <r>
    <x v="3"/>
    <x v="31"/>
    <x v="617"/>
    <s v="Analytics/ERA"/>
    <m/>
    <s v="Other"/>
    <x v="1"/>
    <s v="COGNOS OTHER-IBM,DataStage-IBM,SMART-BMC"/>
    <x v="4"/>
    <s v="Assessment of Returns and Payment Processing"/>
    <s v="Other"/>
    <s v="CRA-196"/>
    <s v="In Production"/>
    <s v="rich"/>
    <x v="0"/>
    <x v="333"/>
  </r>
  <r>
    <x v="3"/>
    <x v="31"/>
    <x v="618"/>
    <s v="Analytics/T1Ben"/>
    <m/>
    <s v="Other"/>
    <x v="1"/>
    <s v="COGNOS OTHER-IBM,DataStage-IBM,SMART-BMC"/>
    <x v="4"/>
    <s v="Assessment of Returns and Payment Processing"/>
    <s v="Other"/>
    <s v="CRA-197"/>
    <s v="In Production"/>
    <s v="rich"/>
    <x v="0"/>
    <x v="344"/>
  </r>
  <r>
    <x v="3"/>
    <x v="31"/>
    <x v="619"/>
    <s v="Analytics/OL"/>
    <m/>
    <s v=""/>
    <x v="1"/>
    <s v=""/>
    <x v="4"/>
    <s v="Assessment of Returns and Payment Processing"/>
    <s v="Other"/>
    <s v="CRA-198"/>
    <s v="In Production"/>
    <s v="rich"/>
    <x v="1"/>
    <x v="346"/>
  </r>
  <r>
    <x v="3"/>
    <x v="31"/>
    <x v="620"/>
    <s v="Analytics/SC"/>
    <m/>
    <s v="Other"/>
    <x v="1"/>
    <s v="COGNOS OTHER-IBM,DataStage-IBM,SMART-BMC"/>
    <x v="4"/>
    <s v="Appeals"/>
    <s v="Other"/>
    <s v="CRA-199"/>
    <s v="In Production"/>
    <s v="rich"/>
    <x v="0"/>
    <x v="344"/>
  </r>
  <r>
    <x v="0"/>
    <x v="28"/>
    <x v="621"/>
    <s v="PRAD"/>
    <m/>
    <s v=""/>
    <x v="1"/>
    <s v=""/>
    <x v="4"/>
    <s v="Internal Services"/>
    <s v="Information Technology Services,Other"/>
    <s v="CRA-2"/>
    <s v="In Production"/>
    <s v="mini_main_super"/>
    <x v="1"/>
    <x v="106"/>
  </r>
  <r>
    <x v="3"/>
    <x v="31"/>
    <x v="622"/>
    <s v="Analytics/TRR"/>
    <m/>
    <s v="Other"/>
    <x v="1"/>
    <s v="COGNOS OTHER-IBM,DataStage-IBM,SMART-BMC"/>
    <x v="4"/>
    <s v="Appeals"/>
    <s v="Other"/>
    <s v="CRA-200"/>
    <s v="In Production"/>
    <s v="rich"/>
    <x v="0"/>
    <x v="344"/>
  </r>
  <r>
    <x v="0"/>
    <x v="16"/>
    <x v="623"/>
    <s v="CASE/APPEALS"/>
    <m/>
    <s v=""/>
    <x v="1"/>
    <s v=""/>
    <x v="4"/>
    <s v="Appeals"/>
    <s v="Other"/>
    <s v="CRA-201"/>
    <s v="In Production"/>
    <s v="mini_main_super"/>
    <x v="1"/>
    <x v="306"/>
  </r>
  <r>
    <x v="0"/>
    <x v="16"/>
    <x v="624"/>
    <s v="CASE/NEDD"/>
    <m/>
    <s v=""/>
    <x v="1"/>
    <s v=""/>
    <x v="4"/>
    <s v="Collections, Compliance and Verification"/>
    <s v="Other"/>
    <s v="CRA-205"/>
    <s v="In Production"/>
    <s v="rich"/>
    <x v="1"/>
    <x v="347"/>
  </r>
  <r>
    <x v="0"/>
    <x v="16"/>
    <x v="625"/>
    <s v="CASE/NROD"/>
    <m/>
    <s v=""/>
    <x v="1"/>
    <s v=""/>
    <x v="4"/>
    <s v="Collections, Compliance and Verification"/>
    <s v="Other"/>
    <s v="CRA-206"/>
    <s v="In Production"/>
    <s v="mini_main_super"/>
    <x v="1"/>
    <x v="306"/>
  </r>
  <r>
    <x v="0"/>
    <x v="16"/>
    <x v="626"/>
    <s v="CASE/OL"/>
    <m/>
    <s v=""/>
    <x v="1"/>
    <s v=""/>
    <x v="4"/>
    <s v="Assessment of Returns and Payment Processing"/>
    <s v="Other"/>
    <s v="CRA-207"/>
    <s v="In Production"/>
    <s v="rich"/>
    <x v="1"/>
    <x v="347"/>
  </r>
  <r>
    <x v="0"/>
    <x v="16"/>
    <x v="627"/>
    <s v="CASE/SA"/>
    <m/>
    <s v=""/>
    <x v="1"/>
    <s v=""/>
    <x v="4"/>
    <s v="Assessment of Returns and Payment Processing"/>
    <s v="Other"/>
    <s v="CRA-208"/>
    <s v="In Production"/>
    <s v="mini_main_super"/>
    <x v="1"/>
    <x v="306"/>
  </r>
  <r>
    <x v="0"/>
    <x v="16"/>
    <x v="628"/>
    <s v="CASE/T1BENEFITS"/>
    <m/>
    <s v=""/>
    <x v="1"/>
    <s v=""/>
    <x v="4"/>
    <s v="Assessment of Returns and Payment Processing"/>
    <s v="Other"/>
    <s v="CRA-209"/>
    <s v="In Production"/>
    <s v="mini_main_super"/>
    <x v="1"/>
    <x v="343"/>
  </r>
  <r>
    <x v="0"/>
    <x v="16"/>
    <x v="629"/>
    <s v="CASE/UTIL/RE"/>
    <m/>
    <s v=""/>
    <x v="1"/>
    <s v=""/>
    <x v="4"/>
    <s v="Collections, Compliance and Verification"/>
    <s v="Other"/>
    <s v="CRA-210"/>
    <s v="In Production"/>
    <s v="mini_main_super"/>
    <x v="1"/>
    <x v="306"/>
  </r>
  <r>
    <x v="3"/>
    <x v="31"/>
    <x v="630"/>
    <s v="CAT"/>
    <m/>
    <s v=""/>
    <x v="1"/>
    <s v=""/>
    <x v="4"/>
    <s v="Reporting Compliance"/>
    <s v="Information Technology Services"/>
    <s v="CRA-211"/>
    <s v="In Production"/>
    <s v="mini_main_super"/>
    <x v="1"/>
    <x v="310"/>
  </r>
  <r>
    <x v="7"/>
    <x v="81"/>
    <x v="631"/>
    <s v="CCM"/>
    <m/>
    <s v=""/>
    <x v="1"/>
    <s v=""/>
    <x v="4"/>
    <s v="Benefit Programs"/>
    <s v="Other"/>
    <s v="CRA-213"/>
    <s v="In Production"/>
    <s v="mini_main_super"/>
    <x v="1"/>
    <x v="304"/>
  </r>
  <r>
    <x v="2"/>
    <x v="23"/>
    <x v="632"/>
    <s v="BizRights/CCM"/>
    <m/>
    <s v="Other"/>
    <x v="1"/>
    <s v="BIZRIGHTS-Approva"/>
    <x v="4"/>
    <s v="Internal Services"/>
    <s v="Financial Management Services,Management and Oversight Services"/>
    <s v="CRA-214"/>
    <s v="In Production"/>
    <s v="rich"/>
    <x v="0"/>
    <x v="348"/>
  </r>
  <r>
    <x v="7"/>
    <x v="81"/>
    <x v="633"/>
    <s v="CCTB/FM"/>
    <m/>
    <s v=""/>
    <x v="1"/>
    <s v=""/>
    <x v="4"/>
    <s v="Benefit Programs"/>
    <s v="Other"/>
    <s v="CRA-216"/>
    <s v="In Production"/>
    <s v="mini_main_super"/>
    <x v="1"/>
    <x v="304"/>
  </r>
  <r>
    <x v="7"/>
    <x v="81"/>
    <x v="634"/>
    <s v="CFBO"/>
    <m/>
    <s v=""/>
    <x v="1"/>
    <s v=""/>
    <x v="4"/>
    <s v="Benefit Programs"/>
    <s v="Other"/>
    <s v="CRA-217"/>
    <s v="In Production"/>
    <s v="web"/>
    <x v="1"/>
    <x v="349"/>
  </r>
  <r>
    <x v="10"/>
    <x v="60"/>
    <x v="635"/>
    <s v="CI/Web"/>
    <m/>
    <s v=""/>
    <x v="1"/>
    <s v=""/>
    <x v="4"/>
    <s v="Assessment of Returns and Payment Processing"/>
    <s v="Other"/>
    <s v="CRA-220"/>
    <s v="In Production"/>
    <s v="mini_main_super"/>
    <x v="1"/>
    <x v="342"/>
  </r>
  <r>
    <x v="3"/>
    <x v="31"/>
    <x v="636"/>
    <s v="CIDS"/>
    <s v="Provides the user access to the public portion of the Charities data and return information. The application provides the user with search capability and access to the newly registered and recently revoked listings in addition to certain downloads."/>
    <s v=""/>
    <x v="1"/>
    <s v=""/>
    <x v="4"/>
    <s v="Taxpayer and Business Assistance"/>
    <s v="Other"/>
    <s v="CRA-222"/>
    <s v="In Production"/>
    <s v="web"/>
    <x v="1"/>
    <x v="350"/>
  </r>
  <r>
    <x v="10"/>
    <x v="55"/>
    <x v="637"/>
    <s v="CJIM"/>
    <m/>
    <s v=""/>
    <x v="1"/>
    <s v=""/>
    <x v="4"/>
    <s v="Internal Services"/>
    <s v="Information Technology Services"/>
    <s v="CRA-224"/>
    <s v="In Production"/>
    <s v="rich"/>
    <x v="1"/>
    <x v="351"/>
  </r>
  <r>
    <x v="0"/>
    <x v="42"/>
    <x v="638"/>
    <s v="CMA"/>
    <m/>
    <s v=""/>
    <x v="1"/>
    <s v=""/>
    <x v="4"/>
    <s v="Assessment of Returns and Payment Processing"/>
    <s v="Other"/>
    <s v="CRA-225"/>
    <s v="In Production"/>
    <s v="web"/>
    <x v="1"/>
    <x v="331"/>
  </r>
  <r>
    <x v="0"/>
    <x v="16"/>
    <x v="639"/>
    <s v="COIF"/>
    <s v="COIF is a repository of operator's personal and application information required to streamline or customize their online sessions. COIF was not designed to be a Top Secret Services (TSS) replacement but rather an extension of TSS that would carry information that would otherwise encumber the TSS database."/>
    <s v=""/>
    <x v="1"/>
    <s v=""/>
    <x v="4"/>
    <s v="Internal Services"/>
    <s v="Other"/>
    <s v="CRA-226"/>
    <s v="In Production"/>
    <s v="mini_main_super"/>
    <x v="1"/>
    <x v="304"/>
  </r>
  <r>
    <x v="3"/>
    <x v="31"/>
    <x v="640"/>
    <s v="COMPASS"/>
    <m/>
    <s v=""/>
    <x v="1"/>
    <s v=""/>
    <x v="4"/>
    <s v="Reporting Compliance"/>
    <s v="Information Technology Services"/>
    <s v="CRA-228"/>
    <s v="In Production"/>
    <s v="web"/>
    <x v="1"/>
    <x v="352"/>
  </r>
  <r>
    <x v="6"/>
    <x v="82"/>
    <x v="641"/>
    <s v="COPS"/>
    <m/>
    <s v=""/>
    <x v="1"/>
    <s v=""/>
    <x v="4"/>
    <s v="Assessment of Returns and Payment Processing"/>
    <s v="Other"/>
    <s v="CRA-230"/>
    <s v="In Production"/>
    <s v="web"/>
    <x v="1"/>
    <x v="353"/>
  </r>
  <r>
    <x v="3"/>
    <x v="15"/>
    <x v="642"/>
    <s v="Corpnet"/>
    <m/>
    <s v=""/>
    <x v="1"/>
    <s v=""/>
    <x v="4"/>
    <s v="Assessment of Returns and Payment Processing"/>
    <s v="Other"/>
    <s v="CRA-233"/>
    <s v="In Production"/>
    <s v="web"/>
    <x v="1"/>
    <x v="354"/>
  </r>
  <r>
    <x v="3"/>
    <x v="31"/>
    <x v="643"/>
    <s v="CORPREPORT"/>
    <m/>
    <s v=""/>
    <x v="1"/>
    <s v=""/>
    <x v="4"/>
    <s v="Internal Services"/>
    <s v="Acquisition Services,Financial Management Services,Travel and Other Administrative Services"/>
    <s v="CRA-234"/>
    <s v="In Production"/>
    <s v="web"/>
    <x v="1"/>
    <x v="346"/>
  </r>
  <r>
    <x v="3"/>
    <x v="15"/>
    <x v="644"/>
    <s v="CORTAX"/>
    <m/>
    <s v=""/>
    <x v="1"/>
    <s v=""/>
    <x v="4"/>
    <s v="Assessment of Returns and Payment Processing"/>
    <s v="Other"/>
    <s v="CRA-235"/>
    <s v="In Production"/>
    <s v="web"/>
    <x v="1"/>
    <x v="306"/>
  </r>
  <r>
    <x v="0"/>
    <x v="16"/>
    <x v="645"/>
    <s v="CPPEI"/>
    <m/>
    <s v=""/>
    <x v="1"/>
    <s v=""/>
    <x v="4"/>
    <s v="Collections, Compliance and Verification"/>
    <s v="Other"/>
    <s v="CRA-240"/>
    <s v="In Production"/>
    <s v="mini_main_super"/>
    <x v="1"/>
    <x v="306"/>
  </r>
  <r>
    <x v="0"/>
    <x v="16"/>
    <x v="646"/>
    <s v="CPPEI/GOL"/>
    <m/>
    <s v=""/>
    <x v="1"/>
    <s v=""/>
    <x v="4"/>
    <s v="Collections, Compliance and Verification"/>
    <s v="Other"/>
    <s v="CRA-241"/>
    <s v="In Production"/>
    <s v="web"/>
    <x v="1"/>
    <x v="355"/>
  </r>
  <r>
    <x v="0"/>
    <x v="16"/>
    <x v="647"/>
    <s v="CSR/SREDRS"/>
    <m/>
    <s v=""/>
    <x v="1"/>
    <s v=""/>
    <x v="4"/>
    <s v="Collections, Compliance and Verification"/>
    <s v="Information Technology Services"/>
    <s v="CRA-243"/>
    <s v="In Production"/>
    <s v="rich"/>
    <x v="1"/>
    <x v="356"/>
  </r>
  <r>
    <x v="6"/>
    <x v="48"/>
    <x v="648"/>
    <s v="CRA DCS"/>
    <m/>
    <s v=""/>
    <x v="1"/>
    <s v=""/>
    <x v="4"/>
    <s v="Assessment of Returns and Payment Processing"/>
    <s v="Other"/>
    <s v="CRA-244"/>
    <s v="In Production"/>
    <s v="mini_main_super"/>
    <x v="1"/>
    <x v="304"/>
  </r>
  <r>
    <x v="7"/>
    <x v="81"/>
    <x v="649"/>
    <s v="CSA/DE"/>
    <m/>
    <s v=""/>
    <x v="1"/>
    <s v=""/>
    <x v="4"/>
    <s v="Benefit Programs"/>
    <s v="Other"/>
    <s v="CRA-249"/>
    <s v="In Production"/>
    <s v="mini_main_super"/>
    <x v="1"/>
    <x v="357"/>
  </r>
  <r>
    <x v="6"/>
    <x v="48"/>
    <x v="650"/>
    <s v="RAPI/BB"/>
    <m/>
    <s v=""/>
    <x v="1"/>
    <s v=""/>
    <x v="4"/>
    <s v="Assessment of Returns and Payment Processing"/>
    <s v="Other"/>
    <s v="CRA-25"/>
    <s v="In Production"/>
    <s v="mini_main_super"/>
    <x v="1"/>
    <x v="306"/>
  </r>
  <r>
    <x v="7"/>
    <x v="81"/>
    <x v="651"/>
    <s v="CSA/Web"/>
    <m/>
    <s v=""/>
    <x v="1"/>
    <s v=""/>
    <x v="4"/>
    <s v="Benefit Programs"/>
    <s v="Other"/>
    <s v="CRA-250"/>
    <s v="In Production"/>
    <s v="web"/>
    <x v="1"/>
    <x v="304"/>
  </r>
  <r>
    <x v="7"/>
    <x v="81"/>
    <x v="652"/>
    <s v="CTB/COLLECT"/>
    <m/>
    <s v=""/>
    <x v="1"/>
    <s v=""/>
    <x v="4"/>
    <s v="Benefit Programs"/>
    <s v="Other"/>
    <s v="CRA-257"/>
    <s v="In Production"/>
    <s v="mini_main_super"/>
    <x v="1"/>
    <x v="304"/>
  </r>
  <r>
    <x v="7"/>
    <x v="81"/>
    <x v="653"/>
    <s v="CTB/RUNDATE"/>
    <m/>
    <s v=""/>
    <x v="1"/>
    <s v=""/>
    <x v="4"/>
    <s v="Benefit Programs"/>
    <s v="Information Technology Services"/>
    <s v="CRA-258"/>
    <s v="In Production"/>
    <s v="mini_main_super"/>
    <x v="1"/>
    <x v="304"/>
  </r>
  <r>
    <x v="8"/>
    <x v="38"/>
    <x v="654"/>
    <s v="CVS/Admin"/>
    <s v="Provides CVS Administrative functions for Centralized CVS,"/>
    <s v=""/>
    <x v="1"/>
    <s v=""/>
    <x v="4"/>
    <s v="Internal Services"/>
    <s v="Information Technology Services"/>
    <s v="CRA-260"/>
    <s v="In Production"/>
    <s v="web"/>
    <x v="1"/>
    <x v="358"/>
  </r>
  <r>
    <x v="6"/>
    <x v="48"/>
    <x v="655"/>
    <s v="DD/BATCH"/>
    <m/>
    <s v=""/>
    <x v="1"/>
    <s v=""/>
    <x v="4"/>
    <s v="Benefit Programs"/>
    <s v="Other"/>
    <s v="CRA-264"/>
    <s v="In Production"/>
    <s v="mini_main_super"/>
    <x v="1"/>
    <x v="306"/>
  </r>
  <r>
    <x v="0"/>
    <x v="42"/>
    <x v="656"/>
    <s v="DD/GOL"/>
    <m/>
    <s v=""/>
    <x v="1"/>
    <s v=""/>
    <x v="4"/>
    <s v="Benefit Programs"/>
    <s v="Other"/>
    <s v="CRA-265"/>
    <s v="In Production"/>
    <s v="web"/>
    <x v="1"/>
    <x v="331"/>
  </r>
  <r>
    <x v="7"/>
    <x v="81"/>
    <x v="657"/>
    <s v="DE/IV"/>
    <m/>
    <s v=""/>
    <x v="1"/>
    <s v=""/>
    <x v="4"/>
    <s v="Benefit Programs"/>
    <s v="Other"/>
    <s v="CRA-267"/>
    <s v="In Production"/>
    <s v="mini_main_super"/>
    <x v="1"/>
    <x v="359"/>
  </r>
  <r>
    <x v="10"/>
    <x v="60"/>
    <x v="658"/>
    <s v="DISB/CUSTOMS"/>
    <m/>
    <s v=""/>
    <x v="1"/>
    <s v=""/>
    <x v="4"/>
    <s v="Assessment of Returns and Payment Processing"/>
    <s v="Other"/>
    <s v="CRA-270"/>
    <s v="In Production"/>
    <s v="mini_main_super"/>
    <x v="1"/>
    <x v="304"/>
  </r>
  <r>
    <x v="10"/>
    <x v="60"/>
    <x v="659"/>
    <s v="DISB/EISO"/>
    <m/>
    <s v=""/>
    <x v="1"/>
    <s v=""/>
    <x v="4"/>
    <s v="Assessment of Returns and Payment Processing"/>
    <s v="Other"/>
    <s v="CRA-271"/>
    <s v="In Production"/>
    <s v="mini_main_super"/>
    <x v="1"/>
    <x v="304"/>
  </r>
  <r>
    <x v="10"/>
    <x v="60"/>
    <x v="660"/>
    <s v="DISB/ICD"/>
    <m/>
    <s v=""/>
    <x v="1"/>
    <s v=""/>
    <x v="4"/>
    <s v="Assessment of Returns and Payment Processing"/>
    <s v="Other"/>
    <s v="CRA-272"/>
    <s v="In Production"/>
    <s v="mini_main_super"/>
    <x v="1"/>
    <x v="360"/>
  </r>
  <r>
    <x v="10"/>
    <x v="60"/>
    <x v="661"/>
    <s v="DISB/MISC"/>
    <m/>
    <s v=""/>
    <x v="1"/>
    <s v=""/>
    <x v="4"/>
    <s v="Assessment of Returns and Payment Processing"/>
    <s v="Other"/>
    <s v="CRA-273"/>
    <s v="In Production"/>
    <s v="mini_main_super"/>
    <x v="1"/>
    <x v="360"/>
  </r>
  <r>
    <x v="10"/>
    <x v="60"/>
    <x v="662"/>
    <s v="DISB/RRS"/>
    <m/>
    <s v=""/>
    <x v="1"/>
    <s v=""/>
    <x v="4"/>
    <s v="Assessment of Returns and Payment Processing"/>
    <s v="Other"/>
    <s v="CRA-274"/>
    <s v="In Production"/>
    <s v="mini_main_super"/>
    <x v="1"/>
    <x v="360"/>
  </r>
  <r>
    <x v="7"/>
    <x v="81"/>
    <x v="663"/>
    <s v="DOF/DE"/>
    <m/>
    <s v=""/>
    <x v="1"/>
    <s v=""/>
    <x v="4"/>
    <s v="Benefit Programs"/>
    <s v="Other"/>
    <s v="CRA-278"/>
    <s v="In Production"/>
    <s v="mini_main_super"/>
    <x v="1"/>
    <x v="357"/>
  </r>
  <r>
    <x v="0"/>
    <x v="42"/>
    <x v="664"/>
    <s v="DTC/DC/GOL"/>
    <m/>
    <s v=""/>
    <x v="1"/>
    <s v=""/>
    <x v="4"/>
    <s v="Assessment of Returns and Payment Processing"/>
    <s v="Other"/>
    <s v="CRA-279"/>
    <s v="In Production"/>
    <s v="web"/>
    <x v="1"/>
    <x v="331"/>
  </r>
  <r>
    <x v="0"/>
    <x v="28"/>
    <x v="665"/>
    <s v="RAPI/C"/>
    <m/>
    <s v=""/>
    <x v="1"/>
    <s v=""/>
    <x v="4"/>
    <s v="Assessment of Returns and Payment Processing"/>
    <s v="Other"/>
    <s v="CRA-28"/>
    <s v="In Production"/>
    <s v="mini_main_super"/>
    <x v="1"/>
    <x v="304"/>
  </r>
  <r>
    <x v="10"/>
    <x v="60"/>
    <x v="666"/>
    <s v="EAA"/>
    <m/>
    <s v=""/>
    <x v="1"/>
    <s v=""/>
    <x v="4"/>
    <s v="Assessment of Returns and Payment Processing"/>
    <s v="Other"/>
    <s v="CRA-282"/>
    <s v="In Production"/>
    <s v="rich"/>
    <x v="1"/>
    <x v="361"/>
  </r>
  <r>
    <x v="0"/>
    <x v="7"/>
    <x v="667"/>
    <s v="ECO"/>
    <s v="Provides several services for internal users to design, create and view historical correspondence."/>
    <s v=""/>
    <x v="1"/>
    <s v=""/>
    <x v="4"/>
    <s v="Assessment of Returns and Payment Processing"/>
    <s v="Communications Services,Information Management Services"/>
    <s v="CRA-286"/>
    <s v="In Production"/>
    <s v="rich"/>
    <x v="1"/>
    <x v="350"/>
  </r>
  <r>
    <x v="3"/>
    <x v="63"/>
    <x v="668"/>
    <s v="ED"/>
    <m/>
    <s v=""/>
    <x v="1"/>
    <s v=""/>
    <x v="4"/>
    <s v="Assessment of Returns and Payment Processing"/>
    <s v="Other"/>
    <s v="CRA-289"/>
    <s v="In Production"/>
    <s v="mini_main_super"/>
    <x v="1"/>
    <x v="360"/>
  </r>
  <r>
    <x v="10"/>
    <x v="60"/>
    <x v="669"/>
    <s v="RAPI/CC"/>
    <s v="This system allows a user to obtain Lifelong Learning Plan (LLP) participation details for specified clients. The user enters the SIN of the LLP client they wish to review in RAPID Option CC. The client details are retrieved from the LLP database (LPMT), calculated and displayed for the user. Currently, the system allows both retrieval and updates to the database. Depending on the time of year, Statements of Account can be requested via the PF12 functionality."/>
    <s v=""/>
    <x v="1"/>
    <s v=""/>
    <x v="4"/>
    <s v="Assessment of Returns and Payment Processing"/>
    <s v="Other"/>
    <s v="CRA-29"/>
    <s v="In Production"/>
    <s v="mini_main_super"/>
    <x v="1"/>
    <x v="306"/>
  </r>
  <r>
    <x v="0"/>
    <x v="8"/>
    <x v="670"/>
    <s v="ELCS"/>
    <m/>
    <s v=""/>
    <x v="1"/>
    <s v=""/>
    <x v="4"/>
    <s v="Assessment of Returns and Payment Processing"/>
    <s v="Communications Services,Information Management Services"/>
    <s v="CRA-295"/>
    <s v="In Production"/>
    <s v="mini_main_super"/>
    <x v="1"/>
    <x v="304"/>
  </r>
  <r>
    <x v="0"/>
    <x v="8"/>
    <x v="671"/>
    <s v="ELVS"/>
    <s v="The purpose of this component is to create or modify a standard verse (text with or without variables) to be used in EL/UTIL (which generates a quasi account number if a valid account number is not available).  When a modification is made to an effective standard verse, a new standard verse version is created.  The standard verse version will pertain to subject codes (field codes of an income tax return or topic codes created by Functional users)."/>
    <s v=""/>
    <x v="1"/>
    <s v=""/>
    <x v="4"/>
    <s v="Assessment of Returns and Payment Processing"/>
    <s v="Communications Services,Information Management Services"/>
    <s v="CRA-296"/>
    <s v="In Production"/>
    <s v="mini_main_super"/>
    <x v="1"/>
    <x v="304"/>
  </r>
  <r>
    <x v="0"/>
    <x v="7"/>
    <x v="672"/>
    <s v="S&amp;R"/>
    <m/>
    <s v=""/>
    <x v="1"/>
    <s v=""/>
    <x v="4"/>
    <s v="Assessment of Returns and Payment Processing"/>
    <s v="Communications Services,Information Management Services"/>
    <s v="CRA-298"/>
    <s v="In Production"/>
    <s v="mini_main_super"/>
    <x v="1"/>
    <x v="306"/>
  </r>
  <r>
    <x v="0"/>
    <x v="28"/>
    <x v="673"/>
    <s v="EPCS"/>
    <s v="Allows taxpayers to locate an electronic filer in their area, or by business name."/>
    <s v=""/>
    <x v="1"/>
    <s v=""/>
    <x v="4"/>
    <s v="Assessment of Returns and Payment Processing"/>
    <s v="Information Management Services"/>
    <s v="CRA-299"/>
    <s v="In Production"/>
    <s v="web"/>
    <x v="1"/>
    <x v="362"/>
  </r>
  <r>
    <x v="10"/>
    <x v="60"/>
    <x v="674"/>
    <s v="PRS"/>
    <m/>
    <s v=""/>
    <x v="1"/>
    <s v=""/>
    <x v="4"/>
    <s v="Assessment of Returns and Payment Processing"/>
    <s v="Other"/>
    <s v="CRA-3"/>
    <s v="In Production"/>
    <s v="mini_main_super"/>
    <x v="1"/>
    <x v="306"/>
  </r>
  <r>
    <x v="7"/>
    <x v="81"/>
    <x v="675"/>
    <s v="RAPI/D"/>
    <m/>
    <s v=""/>
    <x v="1"/>
    <s v=""/>
    <x v="4"/>
    <s v="Benefit Programs"/>
    <s v="Other"/>
    <s v="CRA-30"/>
    <s v="In Production"/>
    <s v="mini_main_super"/>
    <x v="1"/>
    <x v="363"/>
  </r>
  <r>
    <x v="8"/>
    <x v="38"/>
    <x v="676"/>
    <s v="EPI"/>
    <m/>
    <s v=""/>
    <x v="1"/>
    <s v=""/>
    <x v="4"/>
    <s v="Assessment of Returns and Payment Processing"/>
    <s v="Information Technology Services"/>
    <s v="CRA-300"/>
    <s v="In Production"/>
    <s v="mini_main_super"/>
    <x v="1"/>
    <x v="310"/>
  </r>
  <r>
    <x v="0"/>
    <x v="16"/>
    <x v="677"/>
    <s v="EQUITAS"/>
    <m/>
    <s v=""/>
    <x v="1"/>
    <s v=""/>
    <x v="4"/>
    <s v="Appeals"/>
    <s v="Other"/>
    <s v="CRA-303"/>
    <s v="In Production"/>
    <s v="mini_main_super"/>
    <x v="1"/>
    <x v="306"/>
  </r>
  <r>
    <x v="6"/>
    <x v="48"/>
    <x v="678"/>
    <s v="ERA/VIEW"/>
    <m/>
    <s v=""/>
    <x v="1"/>
    <s v=""/>
    <x v="4"/>
    <s v="Assessment of Returns and Payment Processing"/>
    <s v="Other"/>
    <s v="CRA-308"/>
    <s v="In Production"/>
    <s v="mini_main_super"/>
    <x v="1"/>
    <x v="306"/>
  </r>
  <r>
    <x v="3"/>
    <x v="17"/>
    <x v="679"/>
    <s v="E-REQUEST/BUS"/>
    <s v="Services allows Business clients to electronically ask for certain financial actions to be processed on an account."/>
    <s v=""/>
    <x v="1"/>
    <s v=""/>
    <x v="4"/>
    <s v="Assessment of Returns and Payment Processing"/>
    <s v="Other"/>
    <s v="CRA-309"/>
    <s v="In Production"/>
    <s v="web"/>
    <x v="1"/>
    <x v="364"/>
  </r>
  <r>
    <x v="0"/>
    <x v="8"/>
    <x v="680"/>
    <s v="ETO/LITE"/>
    <m/>
    <s v=""/>
    <x v="1"/>
    <s v=""/>
    <x v="4"/>
    <s v="Assessment of Returns and Payment Processing"/>
    <s v="Communications Services,Information Management Services"/>
    <s v="CRA-313"/>
    <s v="In Production"/>
    <s v="mini_main_super"/>
    <x v="1"/>
    <x v="306"/>
  </r>
  <r>
    <x v="3"/>
    <x v="31"/>
    <x v="681"/>
    <s v="EWOW VIEW"/>
    <m/>
    <s v=""/>
    <x v="1"/>
    <s v=""/>
    <x v="4"/>
    <s v="Reporting Compliance"/>
    <s v="Other"/>
    <s v="CRA-315"/>
    <s v="In Production"/>
    <s v="mini_main_super"/>
    <x v="1"/>
    <x v="306"/>
  </r>
  <r>
    <x v="6"/>
    <x v="48"/>
    <x v="682"/>
    <s v="FC/COURTRQST"/>
    <m/>
    <s v=""/>
    <x v="1"/>
    <s v=""/>
    <x v="4"/>
    <s v="Collections, Compliance and Verification"/>
    <s v="Other"/>
    <s v="CRA-320"/>
    <s v="In Production"/>
    <s v="mini_main_super"/>
    <x v="1"/>
    <x v="306"/>
  </r>
  <r>
    <x v="6"/>
    <x v="48"/>
    <x v="683"/>
    <s v="FIP"/>
    <m/>
    <s v=""/>
    <x v="1"/>
    <s v=""/>
    <x v="4"/>
    <s v="Assessment of Returns and Payment Processing"/>
    <s v="Information Technology Services"/>
    <s v="CRA-322"/>
    <s v="In Production"/>
    <s v="mini_main_super"/>
    <x v="1"/>
    <x v="311"/>
  </r>
  <r>
    <x v="0"/>
    <x v="19"/>
    <x v="684"/>
    <s v="FRRMS"/>
    <m/>
    <s v=""/>
    <x v="1"/>
    <s v=""/>
    <x v="4"/>
    <s v="Reporting Compliance"/>
    <s v="Other"/>
    <s v="CRA-324"/>
    <s v="In Production"/>
    <s v="rich"/>
    <x v="1"/>
    <x v="365"/>
  </r>
  <r>
    <x v="8"/>
    <x v="38"/>
    <x v="685"/>
    <s v="GHR/DC"/>
    <m/>
    <s v=""/>
    <x v="1"/>
    <s v=""/>
    <x v="4"/>
    <s v="Assessment of Returns and Payment Processing"/>
    <s v="Information Technology Services"/>
    <s v="CRA-327"/>
    <s v="In Production"/>
    <s v="mini_main_super"/>
    <x v="1"/>
    <x v="306"/>
  </r>
  <r>
    <x v="8"/>
    <x v="38"/>
    <x v="686"/>
    <s v="GHRAPS"/>
    <m/>
    <s v=""/>
    <x v="1"/>
    <s v=""/>
    <x v="4"/>
    <s v="Assessment of Returns and Payment Processing"/>
    <s v="Information Technology Services"/>
    <s v="CRA-328"/>
    <s v="In Production"/>
    <s v="mini_main_super"/>
    <x v="1"/>
    <x v="306"/>
  </r>
  <r>
    <x v="7"/>
    <x v="81"/>
    <x v="687"/>
    <s v="CDDGR"/>
    <m/>
    <s v=""/>
    <x v="1"/>
    <s v=""/>
    <x v="4"/>
    <s v="Benefit Programs"/>
    <s v="Other"/>
    <s v="CRA-330"/>
    <s v="In Production"/>
    <s v="mini_main_super"/>
    <x v="1"/>
    <x v="366"/>
  </r>
  <r>
    <x v="8"/>
    <x v="38"/>
    <x v="688"/>
    <s v="GST AUDIT"/>
    <m/>
    <s v=""/>
    <x v="1"/>
    <s v=""/>
    <x v="4"/>
    <s v="Reporting Compliance"/>
    <s v="Information Technology Services"/>
    <s v="CRA-333"/>
    <s v="In Production"/>
    <s v="mini_main_super"/>
    <x v="1"/>
    <x v="310"/>
  </r>
  <r>
    <x v="0"/>
    <x v="19"/>
    <x v="689"/>
    <s v="GST Netfile"/>
    <m/>
    <s v=""/>
    <x v="1"/>
    <s v=""/>
    <x v="4"/>
    <s v="Assessment of Returns and Payment Processing"/>
    <s v="Other"/>
    <s v="CRA-336"/>
    <s v="In Production"/>
    <s v="web"/>
    <x v="1"/>
    <x v="367"/>
  </r>
  <r>
    <x v="3"/>
    <x v="31"/>
    <x v="690"/>
    <s v="Analytics/GST Reports"/>
    <m/>
    <s v=""/>
    <x v="1"/>
    <s v=""/>
    <x v="4"/>
    <s v="Assessment of Returns and Payment Processing"/>
    <s v="Other"/>
    <s v="CRA-342"/>
    <s v="In Production"/>
    <s v="rich"/>
    <x v="1"/>
    <x v="344"/>
  </r>
  <r>
    <x v="3"/>
    <x v="15"/>
    <x v="691"/>
    <s v="SADISB"/>
    <m/>
    <s v=""/>
    <x v="1"/>
    <s v=""/>
    <x v="4"/>
    <s v="Assessment of Returns and Payment Processing"/>
    <s v="Other"/>
    <s v="CRA-343"/>
    <s v="In Production"/>
    <s v="mini_main_super"/>
    <x v="1"/>
    <x v="310"/>
  </r>
  <r>
    <x v="3"/>
    <x v="15"/>
    <x v="692"/>
    <s v="GST/HISTORICAL"/>
    <m/>
    <s v=""/>
    <x v="1"/>
    <s v=""/>
    <x v="4"/>
    <s v="Assessment of Returns and Payment Processing"/>
    <s v="Other"/>
    <s v="CRA-346"/>
    <s v="In Production"/>
    <s v="mini_main_super"/>
    <x v="1"/>
    <x v="306"/>
  </r>
  <r>
    <x v="8"/>
    <x v="38"/>
    <x v="693"/>
    <s v="GST/REPORT"/>
    <m/>
    <s v=""/>
    <x v="1"/>
    <s v=""/>
    <x v="4"/>
    <s v="Assessment of Returns and Payment Processing"/>
    <s v="Information Technology Services"/>
    <s v="CRA-352"/>
    <s v="In Production"/>
    <s v="mini_main_super"/>
    <x v="1"/>
    <x v="310"/>
  </r>
  <r>
    <x v="10"/>
    <x v="60"/>
    <x v="694"/>
    <s v="HBP"/>
    <m/>
    <s v=""/>
    <x v="1"/>
    <s v=""/>
    <x v="4"/>
    <s v="Assessment of Returns and Payment Processing"/>
    <s v="Other"/>
    <s v="CRA-356"/>
    <s v="In Production"/>
    <s v="mini_main_super"/>
    <x v="1"/>
    <x v="306"/>
  </r>
  <r>
    <x v="2"/>
    <x v="40"/>
    <x v="695"/>
    <s v="HC"/>
    <m/>
    <s v="Other"/>
    <x v="1"/>
    <s v="Nova-Com-Tech System"/>
    <x v="4"/>
    <s v="Internal Services"/>
    <s v="Materiel Services"/>
    <s v="CRA-357"/>
    <s v="In Production"/>
    <s v="rich"/>
    <x v="0"/>
    <x v="368"/>
  </r>
  <r>
    <x v="3"/>
    <x v="63"/>
    <x v="696"/>
    <s v="HRDC/NB"/>
    <m/>
    <s v=""/>
    <x v="1"/>
    <s v=""/>
    <x v="4"/>
    <s v="Assessment of Returns and Payment Processing"/>
    <s v="Other"/>
    <s v="CRA-359"/>
    <s v="In Production"/>
    <s v="mini_main_super"/>
    <x v="1"/>
    <x v="360"/>
  </r>
  <r>
    <x v="0"/>
    <x v="8"/>
    <x v="697"/>
    <s v="TEAMMATE SUITE"/>
    <m/>
    <s v="Other"/>
    <x v="1"/>
    <s v="ADOBE-Adobe,Teammate-CCH,VBA-Microsoft"/>
    <x v="4"/>
    <s v="Internal Services"/>
    <s v="Information Management Services"/>
    <s v="CRA-360"/>
    <s v="In Production"/>
    <s v="rich"/>
    <x v="0"/>
    <x v="146"/>
  </r>
  <r>
    <x v="7"/>
    <x v="81"/>
    <x v="698"/>
    <s v="ICD/ACC"/>
    <m/>
    <s v=""/>
    <x v="1"/>
    <s v=""/>
    <x v="4"/>
    <s v="Benefit Programs"/>
    <s v="Other"/>
    <s v="CRA-362"/>
    <s v="In Production"/>
    <s v="mini_main_super"/>
    <x v="1"/>
    <x v="304"/>
  </r>
  <r>
    <x v="7"/>
    <x v="81"/>
    <x v="699"/>
    <s v="ICD/MCA"/>
    <m/>
    <s v=""/>
    <x v="1"/>
    <s v=""/>
    <x v="4"/>
    <s v="Benefit Programs"/>
    <s v="Other"/>
    <s v="CRA-364"/>
    <s v="In Production"/>
    <s v="mini_main_super"/>
    <x v="1"/>
    <x v="304"/>
  </r>
  <r>
    <x v="7"/>
    <x v="81"/>
    <x v="700"/>
    <s v="ICD/MCC"/>
    <m/>
    <s v=""/>
    <x v="1"/>
    <s v=""/>
    <x v="4"/>
    <s v="Benefit Programs"/>
    <s v="Other"/>
    <s v="CRA-365"/>
    <s v="In Production"/>
    <s v="mini_main_super"/>
    <x v="1"/>
    <x v="304"/>
  </r>
  <r>
    <x v="7"/>
    <x v="81"/>
    <x v="701"/>
    <s v="PT/DT"/>
    <m/>
    <s v=""/>
    <x v="1"/>
    <s v=""/>
    <x v="4"/>
    <s v="Benefit Programs"/>
    <s v="Other"/>
    <s v="CRA-367"/>
    <s v="In Production"/>
    <s v="mini_main_super"/>
    <x v="1"/>
    <x v="357"/>
  </r>
  <r>
    <x v="7"/>
    <x v="81"/>
    <x v="702"/>
    <s v="ICD/VMS"/>
    <s v="The Verse Management System (VMS) is a Web Intranet System that maintains a central repository on the Mainframe of all verse checklist related data as well as a web application to access the data. The web application consists of server-side components (JSPs / Servlets) that are served to the user via a web browser, accessible only from the Intranet. The main goal of VMS is to centralize the verse checklist data and to assist Benefit Program Directorate (BPD) personnel in creating verses for the various credit programs maintained by the Credit Determination Division (CDD)."/>
    <s v=""/>
    <x v="1"/>
    <s v=""/>
    <x v="4"/>
    <s v="Benefit Programs"/>
    <s v="Other"/>
    <s v="CRA-368"/>
    <s v="In Production"/>
    <s v="rich"/>
    <x v="1"/>
    <x v="369"/>
  </r>
  <r>
    <x v="0"/>
    <x v="43"/>
    <x v="703"/>
    <s v="ICMS"/>
    <m/>
    <s v="Other"/>
    <x v="1"/>
    <s v="TeamSite-Interwoven"/>
    <x v="4"/>
    <s v="Internal Services"/>
    <s v="Information Management Services"/>
    <s v="CRA-369"/>
    <s v="In Production"/>
    <s v="web"/>
    <x v="0"/>
    <x v="370"/>
  </r>
  <r>
    <x v="3"/>
    <x v="31"/>
    <x v="704"/>
    <s v="IE NEWS"/>
    <m/>
    <s v=""/>
    <x v="1"/>
    <s v=""/>
    <x v="4"/>
    <s v="Taxpayer and Business Assistance"/>
    <s v="Information Management Services,Information Technology Services"/>
    <s v="CRA-370"/>
    <s v="In Production"/>
    <s v="mini_main_super"/>
    <x v="1"/>
    <x v="306"/>
  </r>
  <r>
    <x v="3"/>
    <x v="31"/>
    <x v="705"/>
    <s v="IE PRINT"/>
    <m/>
    <s v=""/>
    <x v="1"/>
    <s v=""/>
    <x v="4"/>
    <s v="Taxpayer and Business Assistance"/>
    <s v="Information Management Services,Information Technology Services"/>
    <s v="CRA-371"/>
    <s v="In Production"/>
    <s v="mini_main_super"/>
    <x v="1"/>
    <x v="306"/>
  </r>
  <r>
    <x v="6"/>
    <x v="48"/>
    <x v="706"/>
    <s v="II/BROADCAST"/>
    <m/>
    <s v=""/>
    <x v="1"/>
    <s v=""/>
    <x v="4"/>
    <s v="Assessment of Returns and Payment Processing"/>
    <s v="Other"/>
    <s v="CRA-374"/>
    <s v="In Production"/>
    <s v="mini_main_super"/>
    <x v="1"/>
    <x v="306"/>
  </r>
  <r>
    <x v="6"/>
    <x v="48"/>
    <x v="707"/>
    <s v="II/EVNT/HDLR"/>
    <m/>
    <s v=""/>
    <x v="1"/>
    <s v=""/>
    <x v="4"/>
    <s v="Assessment of Returns and Payment Processing"/>
    <s v="Other"/>
    <s v="CRA-375"/>
    <s v="In Production"/>
    <s v="mini_main_super"/>
    <x v="1"/>
    <x v="306"/>
  </r>
  <r>
    <x v="0"/>
    <x v="8"/>
    <x v="708"/>
    <s v="INFODEC/AMEND"/>
    <m/>
    <s v=""/>
    <x v="1"/>
    <s v=""/>
    <x v="4"/>
    <s v="Benefit Programs"/>
    <s v="Information Management Services"/>
    <s v="CRA-376"/>
    <s v="In Production"/>
    <s v="mini_main_super"/>
    <x v="1"/>
    <x v="304"/>
  </r>
  <r>
    <x v="0"/>
    <x v="8"/>
    <x v="709"/>
    <s v="INFODEC/CYCL"/>
    <m/>
    <s v=""/>
    <x v="1"/>
    <s v=""/>
    <x v="4"/>
    <s v="Assessment of Returns and Payment Processing"/>
    <s v="Information Management Services"/>
    <s v="CRA-377"/>
    <s v="In Production"/>
    <s v="mini_main_super"/>
    <x v="1"/>
    <x v="306"/>
  </r>
  <r>
    <x v="0"/>
    <x v="8"/>
    <x v="710"/>
    <s v="INFODEC/DDE"/>
    <m/>
    <s v=""/>
    <x v="1"/>
    <s v=""/>
    <x v="4"/>
    <s v="Assessment of Returns and Payment Processing"/>
    <s v="Information Management Services"/>
    <s v="CRA-378"/>
    <s v="In Production"/>
    <s v="mini_main_super"/>
    <x v="1"/>
    <x v="306"/>
  </r>
  <r>
    <x v="0"/>
    <x v="8"/>
    <x v="711"/>
    <s v="INFODEC/FTRN"/>
    <m/>
    <s v=""/>
    <x v="1"/>
    <s v=""/>
    <x v="4"/>
    <s v="Assessment of Returns and Payment Processing"/>
    <s v="Other"/>
    <s v="CRA-379"/>
    <s v="In Production"/>
    <s v="web"/>
    <x v="1"/>
    <x v="371"/>
  </r>
  <r>
    <x v="0"/>
    <x v="8"/>
    <x v="712"/>
    <s v="INFODEC/MAGMEDIA"/>
    <m/>
    <s v=""/>
    <x v="1"/>
    <s v=""/>
    <x v="4"/>
    <s v="Assessment of Returns and Payment Processing"/>
    <s v="Other"/>
    <s v="CRA-381"/>
    <s v="In Production"/>
    <s v="rich"/>
    <x v="1"/>
    <x v="306"/>
  </r>
  <r>
    <x v="0"/>
    <x v="8"/>
    <x v="713"/>
    <s v="INFODEC/WACUPD"/>
    <m/>
    <s v=""/>
    <x v="1"/>
    <s v=""/>
    <x v="4"/>
    <s v="Assessment of Returns and Payment Processing"/>
    <s v="Other"/>
    <s v="CRA-383"/>
    <s v="In Production"/>
    <s v="web"/>
    <x v="1"/>
    <x v="303"/>
  </r>
  <r>
    <x v="6"/>
    <x v="48"/>
    <x v="714"/>
    <s v="INNS/ANM"/>
    <m/>
    <s v=""/>
    <x v="1"/>
    <s v=""/>
    <x v="4"/>
    <s v="Assessment of Returns and Payment Processing"/>
    <s v="Other"/>
    <s v="CRA-385"/>
    <s v="In Production"/>
    <s v="mini_main_super"/>
    <x v="1"/>
    <x v="306"/>
  </r>
  <r>
    <x v="6"/>
    <x v="48"/>
    <x v="715"/>
    <s v="INNS/ISSUANC"/>
    <m/>
    <s v=""/>
    <x v="1"/>
    <s v=""/>
    <x v="4"/>
    <s v="Assessment of Returns and Payment Processing"/>
    <s v="Other"/>
    <s v="CRA-386"/>
    <s v="In Production"/>
    <s v="mini_main_super"/>
    <x v="1"/>
    <x v="306"/>
  </r>
  <r>
    <x v="6"/>
    <x v="48"/>
    <x v="716"/>
    <s v="INTCAL"/>
    <m/>
    <s v=""/>
    <x v="1"/>
    <s v=""/>
    <x v="4"/>
    <s v="Assessment of Returns and Payment Processing"/>
    <s v="Other"/>
    <s v="CRA-387"/>
    <s v="In Production"/>
    <s v="mini_main_super"/>
    <x v="1"/>
    <x v="306"/>
  </r>
  <r>
    <x v="0"/>
    <x v="16"/>
    <x v="717"/>
    <s v="NOTEPAD"/>
    <m/>
    <s v=""/>
    <x v="1"/>
    <s v=""/>
    <x v="4"/>
    <s v="Internal Services"/>
    <s v="Other"/>
    <s v="CRA-388"/>
    <s v="In Production"/>
    <s v="mini_main_super"/>
    <x v="1"/>
    <x v="343"/>
  </r>
  <r>
    <x v="0"/>
    <x v="16"/>
    <x v="718"/>
    <s v="IRC"/>
    <m/>
    <s v=""/>
    <x v="1"/>
    <s v=""/>
    <x v="4"/>
    <s v="Collections, Compliance and Verification"/>
    <s v="Other"/>
    <s v="CRA-393"/>
    <s v="In Production"/>
    <s v="mini_main_super"/>
    <x v="1"/>
    <x v="310"/>
  </r>
  <r>
    <x v="2"/>
    <x v="41"/>
    <x v="719"/>
    <s v="ISM"/>
    <m/>
    <s v="Other"/>
    <x v="1"/>
    <s v="ARIBA-Ariba"/>
    <x v="4"/>
    <s v="Internal Services"/>
    <s v="Acquisition Services,Financial Management Services"/>
    <s v="CRA-395"/>
    <s v="In Production"/>
    <s v="web"/>
    <x v="0"/>
    <x v="372"/>
  </r>
  <r>
    <x v="3"/>
    <x v="15"/>
    <x v="720"/>
    <s v="ITD/DC"/>
    <m/>
    <s v=""/>
    <x v="1"/>
    <s v=""/>
    <x v="4"/>
    <s v="Assessment of Returns and Payment Processing"/>
    <s v="Other"/>
    <s v="CRA-396"/>
    <s v="In Production"/>
    <s v="mini_main_super"/>
    <x v="1"/>
    <x v="306"/>
  </r>
  <r>
    <x v="10"/>
    <x v="60"/>
    <x v="721"/>
    <s v="LLP"/>
    <m/>
    <s v=""/>
    <x v="1"/>
    <s v=""/>
    <x v="4"/>
    <s v="Assessment of Returns and Payment Processing"/>
    <s v="Other"/>
    <s v="CRA-398"/>
    <s v="In Production"/>
    <s v="mini_main_super"/>
    <x v="1"/>
    <x v="306"/>
  </r>
  <r>
    <x v="6"/>
    <x v="48"/>
    <x v="722"/>
    <s v="MARS"/>
    <m/>
    <s v=""/>
    <x v="1"/>
    <s v=""/>
    <x v="4"/>
    <s v="Assessment of Returns and Payment Processing"/>
    <s v="Other"/>
    <s v="CRA-401"/>
    <s v="In Production"/>
    <s v="mini_main_super"/>
    <x v="1"/>
    <x v="306"/>
  </r>
  <r>
    <x v="6"/>
    <x v="48"/>
    <x v="723"/>
    <s v="MATCHB"/>
    <m/>
    <s v=""/>
    <x v="1"/>
    <s v=""/>
    <x v="4"/>
    <s v="Taxpayer and Business Assistance"/>
    <s v="Other"/>
    <s v="CRA-402"/>
    <s v="In Production"/>
    <s v="mini_main_super"/>
    <x v="1"/>
    <x v="306"/>
  </r>
  <r>
    <x v="6"/>
    <x v="48"/>
    <x v="724"/>
    <s v="MAS"/>
    <m/>
    <s v=""/>
    <x v="1"/>
    <s v=""/>
    <x v="4"/>
    <s v="Assessment of Returns and Payment Processing"/>
    <s v="Other"/>
    <s v="CRA-403"/>
    <s v="In Production"/>
    <s v="mini_main_super"/>
    <x v="1"/>
    <x v="360"/>
  </r>
  <r>
    <x v="6"/>
    <x v="82"/>
    <x v="725"/>
    <s v="MBEO/GOL"/>
    <m/>
    <s v=""/>
    <x v="1"/>
    <s v=""/>
    <x v="4"/>
    <s v="Appeals"/>
    <s v="Other"/>
    <s v="CRA-405"/>
    <s v="In Production"/>
    <s v="web"/>
    <x v="1"/>
    <x v="350"/>
  </r>
  <r>
    <x v="0"/>
    <x v="8"/>
    <x v="726"/>
    <s v="MDC/DDE"/>
    <m/>
    <s v=""/>
    <x v="1"/>
    <s v=""/>
    <x v="4"/>
    <s v="Benefit Programs"/>
    <s v="Information Management Services"/>
    <s v="CRA-406"/>
    <s v="In Production"/>
    <s v="mini_main_super"/>
    <x v="1"/>
    <x v="304"/>
  </r>
  <r>
    <x v="0"/>
    <x v="11"/>
    <x v="727"/>
    <s v="MIG/DC"/>
    <m/>
    <s v=""/>
    <x v="1"/>
    <s v=""/>
    <x v="4"/>
    <s v="Assessment of Returns and Payment Processing"/>
    <s v="Other"/>
    <s v="CRA-409"/>
    <s v="In Production"/>
    <s v="mini_main_super"/>
    <x v="1"/>
    <x v="306"/>
  </r>
  <r>
    <x v="6"/>
    <x v="82"/>
    <x v="728"/>
    <s v="MyAccount/Bus"/>
    <m/>
    <s v=""/>
    <x v="1"/>
    <s v=""/>
    <x v="4"/>
    <s v="Internal Services"/>
    <s v="Other"/>
    <s v="CRA-410"/>
    <s v="In Production"/>
    <s v="web"/>
    <x v="1"/>
    <x v="350"/>
  </r>
  <r>
    <x v="0"/>
    <x v="42"/>
    <x v="729"/>
    <s v="MyAccount/Ind"/>
    <m/>
    <s v=""/>
    <x v="1"/>
    <s v=""/>
    <x v="4"/>
    <s v="Assessment of Returns and Payment Processing"/>
    <s v="Information Technology Services"/>
    <s v="CRA-411"/>
    <s v="In Production"/>
    <s v="web"/>
    <x v="1"/>
    <x v="373"/>
  </r>
  <r>
    <x v="6"/>
    <x v="48"/>
    <x v="730"/>
    <s v="NATS"/>
    <m/>
    <s v=""/>
    <x v="1"/>
    <s v=""/>
    <x v="4"/>
    <s v="Internal Services"/>
    <s v="Other"/>
    <s v="CRA-413"/>
    <s v="In Production"/>
    <s v="mini_main_super"/>
    <x v="1"/>
    <x v="306"/>
  </r>
  <r>
    <x v="8"/>
    <x v="83"/>
    <x v="731"/>
    <s v="NCB/ONTHENET"/>
    <m/>
    <s v=""/>
    <x v="1"/>
    <s v=""/>
    <x v="4"/>
    <s v="Benefit Programs"/>
    <s v="Other"/>
    <s v="CRA-416"/>
    <s v="In Production"/>
    <s v="web"/>
    <x v="1"/>
    <x v="374"/>
  </r>
  <r>
    <x v="8"/>
    <x v="83"/>
    <x v="732"/>
    <s v="NCB/Viewer"/>
    <m/>
    <s v=""/>
    <x v="1"/>
    <s v=""/>
    <x v="4"/>
    <s v="Benefit Programs"/>
    <s v="Information Management Services"/>
    <s v="CRA-417"/>
    <s v="In Production"/>
    <s v="rich"/>
    <x v="1"/>
    <x v="303"/>
  </r>
  <r>
    <x v="7"/>
    <x v="81"/>
    <x v="733"/>
    <s v="NCBS/DE"/>
    <m/>
    <s v=""/>
    <x v="1"/>
    <s v=""/>
    <x v="4"/>
    <s v="Benefit Programs"/>
    <s v="Other"/>
    <s v="CRA-418"/>
    <s v="In Production"/>
    <s v="mini_main_super"/>
    <x v="1"/>
    <x v="357"/>
  </r>
  <r>
    <x v="7"/>
    <x v="81"/>
    <x v="734"/>
    <s v="DE/TWO-WAY"/>
    <m/>
    <s v=""/>
    <x v="1"/>
    <s v=""/>
    <x v="4"/>
    <s v="Benefit Programs"/>
    <s v="Other"/>
    <s v="CRA-419"/>
    <s v="In Production"/>
    <s v="mini_main_super"/>
    <x v="1"/>
    <x v="357"/>
  </r>
  <r>
    <x v="6"/>
    <x v="48"/>
    <x v="735"/>
    <s v="AAC"/>
    <m/>
    <s v=""/>
    <x v="1"/>
    <s v=""/>
    <x v="4"/>
    <s v="Assessment of Returns and Payment Processing"/>
    <s v="Other"/>
    <s v="CRA-42"/>
    <s v="In Production"/>
    <s v="mini_main_super"/>
    <x v="1"/>
    <x v="375"/>
  </r>
  <r>
    <x v="0"/>
    <x v="19"/>
    <x v="736"/>
    <s v="NEDD"/>
    <m/>
    <s v=""/>
    <x v="1"/>
    <s v=""/>
    <x v="4"/>
    <s v="Reporting Compliance"/>
    <s v="Other"/>
    <s v="CRA-421"/>
    <s v="In Production"/>
    <s v="rich"/>
    <x v="1"/>
    <x v="376"/>
  </r>
  <r>
    <x v="0"/>
    <x v="28"/>
    <x v="737"/>
    <s v="NETME"/>
    <m/>
    <s v=""/>
    <x v="1"/>
    <s v=""/>
    <x v="4"/>
    <s v="Assessment of Returns and Payment Processing"/>
    <s v="Other"/>
    <s v="CRA-422"/>
    <s v="In Production"/>
    <s v="mini_main_super"/>
    <x v="1"/>
    <x v="304"/>
  </r>
  <r>
    <x v="10"/>
    <x v="84"/>
    <x v="738"/>
    <s v="NRS"/>
    <m/>
    <s v=""/>
    <x v="1"/>
    <s v=""/>
    <x v="4"/>
    <s v="Assessment of Returns and Payment Processing"/>
    <s v="Other"/>
    <s v="CRA-426"/>
    <s v="In Production"/>
    <s v="rich"/>
    <x v="1"/>
    <x v="304"/>
  </r>
  <r>
    <x v="3"/>
    <x v="15"/>
    <x v="739"/>
    <s v="NRSD"/>
    <m/>
    <s v=""/>
    <x v="1"/>
    <s v=""/>
    <x v="4"/>
    <s v="Collections, Compliance and Verification"/>
    <s v="Other"/>
    <s v="CRA-427"/>
    <s v="In Production"/>
    <s v="mini_main_super"/>
    <x v="1"/>
    <x v="310"/>
  </r>
  <r>
    <x v="0"/>
    <x v="8"/>
    <x v="740"/>
    <s v="NSWCB"/>
    <m/>
    <s v=""/>
    <x v="1"/>
    <s v=""/>
    <x v="4"/>
    <s v="Assessment of Returns and Payment Processing"/>
    <s v="Communications Services,Information Management Services"/>
    <s v="CRA-430"/>
    <s v="In Production"/>
    <s v="mini_main_super"/>
    <x v="1"/>
    <x v="304"/>
  </r>
  <r>
    <x v="7"/>
    <x v="81"/>
    <x v="741"/>
    <s v="CCTB/PROVSTAT"/>
    <m/>
    <s v=""/>
    <x v="1"/>
    <s v=""/>
    <x v="4"/>
    <s v="Benefit Programs"/>
    <s v="Other"/>
    <s v="CRA-432"/>
    <s v="In Production"/>
    <s v="mini_main_super"/>
    <x v="1"/>
    <x v="363"/>
  </r>
  <r>
    <x v="3"/>
    <x v="15"/>
    <x v="742"/>
    <s v="OL/REG/GOL"/>
    <m/>
    <s v=""/>
    <x v="1"/>
    <s v=""/>
    <x v="4"/>
    <s v="Assessment of Returns and Payment Processing"/>
    <s v="Other"/>
    <s v="CRA-434"/>
    <s v="In Production"/>
    <s v="web"/>
    <x v="1"/>
    <x v="347"/>
  </r>
  <r>
    <x v="3"/>
    <x v="31"/>
    <x v="743"/>
    <s v="Analytics/OLP"/>
    <m/>
    <s v=""/>
    <x v="1"/>
    <s v=""/>
    <x v="4"/>
    <s v="Assessment of Returns and Payment Processing"/>
    <s v="Other"/>
    <s v="CRA-435"/>
    <s v="In Production"/>
    <s v="rich"/>
    <x v="1"/>
    <x v="346"/>
  </r>
  <r>
    <x v="3"/>
    <x v="15"/>
    <x v="744"/>
    <s v="OL/RTN/GOL"/>
    <m/>
    <s v=""/>
    <x v="1"/>
    <s v=""/>
    <x v="4"/>
    <s v="Assessment of Returns and Payment Processing"/>
    <s v="Other"/>
    <s v="CRA-436"/>
    <s v="In Production"/>
    <s v="web"/>
    <x v="1"/>
    <x v="347"/>
  </r>
  <r>
    <x v="3"/>
    <x v="15"/>
    <x v="745"/>
    <s v="OLS"/>
    <m/>
    <s v=""/>
    <x v="1"/>
    <s v=""/>
    <x v="4"/>
    <s v="Assessment of Returns and Payment Processing"/>
    <s v="Other"/>
    <s v="CRA-437"/>
    <s v="In Production"/>
    <s v="web"/>
    <x v="1"/>
    <x v="347"/>
  </r>
  <r>
    <x v="0"/>
    <x v="7"/>
    <x v="746"/>
    <s v="CASETRACKER"/>
    <m/>
    <s v="Other"/>
    <x v="1"/>
    <s v="Case Tracker-Government of British Columbia"/>
    <x v="4"/>
    <s v="Internal Services"/>
    <s v="Information Management Services"/>
    <s v="CRA-438"/>
    <s v="In Production"/>
    <s v="rich"/>
    <x v="0"/>
    <x v="377"/>
  </r>
  <r>
    <x v="6"/>
    <x v="48"/>
    <x v="747"/>
    <s v="OOB_Letters"/>
    <m/>
    <s v=""/>
    <x v="1"/>
    <s v=""/>
    <x v="4"/>
    <s v="Taxpayer and Business Assistance"/>
    <s v="Other"/>
    <s v="CRA-439"/>
    <s v="In Production"/>
    <s v="mini_main_super"/>
    <x v="1"/>
    <x v="304"/>
  </r>
  <r>
    <x v="3"/>
    <x v="15"/>
    <x v="748"/>
    <s v="ABOC"/>
    <s v="Calculates taxable benfits for use of an automobile for taxpayers."/>
    <s v=""/>
    <x v="1"/>
    <s v=""/>
    <x v="4"/>
    <s v="Assessment of Returns and Payment Processing"/>
    <s v="Other"/>
    <s v="CRA-44"/>
    <s v="In Production"/>
    <s v="web"/>
    <x v="1"/>
    <x v="378"/>
  </r>
  <r>
    <x v="3"/>
    <x v="15"/>
    <x v="749"/>
    <s v="OPER"/>
    <m/>
    <s v=""/>
    <x v="1"/>
    <s v=""/>
    <x v="4"/>
    <s v="Assessment of Returns and Payment Processing"/>
    <s v="Other"/>
    <s v="CRA-440"/>
    <s v="In Production"/>
    <s v="mini_main_super"/>
    <x v="1"/>
    <x v="306"/>
  </r>
  <r>
    <x v="0"/>
    <x v="16"/>
    <x v="750"/>
    <s v="ORG"/>
    <s v="The ORG application is used to capture and display information about your users, offices, and the work they do. It is used a workload management tool."/>
    <s v=""/>
    <x v="1"/>
    <s v=""/>
    <x v="4"/>
    <s v="Collections, Compliance and Verification"/>
    <s v="Other"/>
    <s v="CRA-441"/>
    <s v="In Production"/>
    <s v="mini_main_super"/>
    <x v="1"/>
    <x v="347"/>
  </r>
  <r>
    <x v="8"/>
    <x v="38"/>
    <x v="751"/>
    <s v="PADS"/>
    <m/>
    <s v=""/>
    <x v="1"/>
    <s v=""/>
    <x v="4"/>
    <s v="Assessment of Returns and Payment Processing"/>
    <s v="Information Technology Services"/>
    <s v="CRA-444"/>
    <s v="In Production"/>
    <s v="mini_main_super"/>
    <x v="1"/>
    <x v="311"/>
  </r>
  <r>
    <x v="8"/>
    <x v="38"/>
    <x v="752"/>
    <s v="ePADS"/>
    <m/>
    <s v=""/>
    <x v="1"/>
    <s v=""/>
    <x v="4"/>
    <s v="Assessment of Returns and Payment Processing"/>
    <s v="Information Technology Services"/>
    <s v="CRA-445"/>
    <s v="In Production"/>
    <s v="web"/>
    <x v="1"/>
    <x v="379"/>
  </r>
  <r>
    <x v="8"/>
    <x v="38"/>
    <x v="753"/>
    <s v="PAIS"/>
    <m/>
    <s v=""/>
    <x v="1"/>
    <s v=""/>
    <x v="4"/>
    <s v="Assessment of Returns and Payment Processing"/>
    <s v="Information Technology Services"/>
    <s v="CRA-446"/>
    <s v="In Production"/>
    <s v="mini_main_super"/>
    <x v="1"/>
    <x v="310"/>
  </r>
  <r>
    <x v="3"/>
    <x v="15"/>
    <x v="754"/>
    <s v="PAYDAC"/>
    <m/>
    <s v=""/>
    <x v="1"/>
    <s v=""/>
    <x v="4"/>
    <s v="Collections, Compliance and Verification"/>
    <s v="Other"/>
    <s v="CRA-448"/>
    <s v="In Production"/>
    <s v="mini_main_super"/>
    <x v="1"/>
    <x v="360"/>
  </r>
  <r>
    <x v="4"/>
    <x v="66"/>
    <x v="755"/>
    <s v="PAYDAC/DC"/>
    <m/>
    <s v=""/>
    <x v="1"/>
    <s v=""/>
    <x v="4"/>
    <s v="Assessment of Returns and Payment Processing"/>
    <s v="Information Technology Services"/>
    <s v="CRA-449"/>
    <s v="In Production"/>
    <s v="mini_main_super"/>
    <x v="1"/>
    <x v="306"/>
  </r>
  <r>
    <x v="4"/>
    <x v="5"/>
    <x v="756"/>
    <s v="PAYDAC/EC"/>
    <m/>
    <s v=""/>
    <x v="1"/>
    <s v=""/>
    <x v="4"/>
    <s v="Assessment of Returns and Payment Processing"/>
    <s v="Information Technology Services"/>
    <s v="CRA-451"/>
    <s v="In Production"/>
    <s v="mini_main_super"/>
    <x v="1"/>
    <x v="306"/>
  </r>
  <r>
    <x v="3"/>
    <x v="63"/>
    <x v="757"/>
    <s v="PC/TAX/CAL"/>
    <m/>
    <s v=""/>
    <x v="1"/>
    <s v=""/>
    <x v="4"/>
    <s v="Assessment of Returns and Payment Processing"/>
    <s v="Information Management Services"/>
    <s v="CRA-454"/>
    <s v="In Production"/>
    <s v="rich"/>
    <x v="1"/>
    <x v="351"/>
  </r>
  <r>
    <x v="3"/>
    <x v="15"/>
    <x v="758"/>
    <s v="PDOC"/>
    <s v="Provides client with calculator to determine CPP, EI and tax to be deducted at source."/>
    <s v=""/>
    <x v="1"/>
    <s v=""/>
    <x v="4"/>
    <s v="Assessment of Returns and Payment Processing"/>
    <s v="Other"/>
    <s v="CRA-458"/>
    <s v="In Production"/>
    <s v="web"/>
    <x v="1"/>
    <x v="378"/>
  </r>
  <r>
    <x v="3"/>
    <x v="31"/>
    <x v="759"/>
    <s v="PMPS"/>
    <m/>
    <s v=""/>
    <x v="1"/>
    <s v=""/>
    <x v="4"/>
    <s v="Internal Services"/>
    <s v="Other"/>
    <s v="CRA-461"/>
    <s v="In Production"/>
    <s v="web"/>
    <x v="1"/>
    <x v="380"/>
  </r>
  <r>
    <x v="6"/>
    <x v="82"/>
    <x v="760"/>
    <s v="IEF"/>
    <m/>
    <s v=""/>
    <x v="1"/>
    <s v=""/>
    <x v="4"/>
    <s v="Taxpayer and Business Assistance"/>
    <s v="Other"/>
    <s v="CRA-462"/>
    <s v="In Production"/>
    <s v="web"/>
    <x v="1"/>
    <x v="381"/>
  </r>
  <r>
    <x v="2"/>
    <x v="40"/>
    <x v="761"/>
    <s v="PORTAL/SAP"/>
    <m/>
    <s v="Other"/>
    <x v="1"/>
    <s v="ADOBE-Adobe,SAP-SAP"/>
    <x v="4"/>
    <s v="Internal Services"/>
    <s v="Financial Management Services,Human Resources Management Services"/>
    <s v="CRA-463"/>
    <s v="In Production"/>
    <s v="web"/>
    <x v="0"/>
    <x v="27"/>
  </r>
  <r>
    <x v="10"/>
    <x v="60"/>
    <x v="762"/>
    <s v="PR/DC"/>
    <m/>
    <s v=""/>
    <x v="1"/>
    <s v=""/>
    <x v="4"/>
    <s v="Assessment of Returns and Payment Processing"/>
    <s v="Other"/>
    <s v="CRA-464"/>
    <s v="In Production"/>
    <s v="mini_main_super"/>
    <x v="1"/>
    <x v="306"/>
  </r>
  <r>
    <x v="10"/>
    <x v="60"/>
    <x v="763"/>
    <s v="PR/STMT"/>
    <m/>
    <s v=""/>
    <x v="1"/>
    <s v=""/>
    <x v="4"/>
    <s v="Assessment of Returns and Payment Processing"/>
    <s v="Other"/>
    <s v="CRA-465"/>
    <s v="In Production"/>
    <s v="mini_main_super"/>
    <x v="1"/>
    <x v="306"/>
  </r>
  <r>
    <x v="0"/>
    <x v="16"/>
    <x v="764"/>
    <s v="ACSES"/>
    <m/>
    <s v=""/>
    <x v="1"/>
    <s v=""/>
    <x v="4"/>
    <s v="Collections, Compliance and Verification"/>
    <s v="Other"/>
    <s v="CRA-47"/>
    <s v="In Production"/>
    <s v="mini_main_super"/>
    <x v="1"/>
    <x v="304"/>
  </r>
  <r>
    <x v="0"/>
    <x v="8"/>
    <x v="765"/>
    <s v="RAPI/DD"/>
    <m/>
    <s v=""/>
    <x v="1"/>
    <s v=""/>
    <x v="4"/>
    <s v="Assessment of Returns and Payment Processing"/>
    <s v="Information Management Services"/>
    <s v="CRA-473"/>
    <s v="In Production"/>
    <s v="mini_main_super"/>
    <x v="1"/>
    <x v="304"/>
  </r>
  <r>
    <x v="6"/>
    <x v="48"/>
    <x v="766"/>
    <s v="RAPI/E"/>
    <m/>
    <s v=""/>
    <x v="1"/>
    <s v=""/>
    <x v="4"/>
    <s v="Assessment of Returns and Payment Processing"/>
    <s v="Other"/>
    <s v="CRA-482"/>
    <s v="In Production"/>
    <s v="mini_main_super"/>
    <x v="1"/>
    <x v="306"/>
  </r>
  <r>
    <x v="10"/>
    <x v="60"/>
    <x v="767"/>
    <s v="RAPI/G"/>
    <m/>
    <s v=""/>
    <x v="1"/>
    <s v=""/>
    <x v="4"/>
    <s v="Assessment of Returns and Payment Processing"/>
    <s v="Other"/>
    <s v="CRA-485"/>
    <s v="In Production"/>
    <s v="mini_main_super"/>
    <x v="1"/>
    <x v="310"/>
  </r>
  <r>
    <x v="10"/>
    <x v="60"/>
    <x v="768"/>
    <s v="RAPI/GG"/>
    <m/>
    <s v=""/>
    <x v="1"/>
    <s v=""/>
    <x v="4"/>
    <s v="Assessment of Returns and Payment Processing"/>
    <s v="Other"/>
    <s v="CRA-498"/>
    <s v="In Production"/>
    <s v="mini_main_super"/>
    <x v="1"/>
    <x v="306"/>
  </r>
  <r>
    <x v="3"/>
    <x v="4"/>
    <x v="769"/>
    <s v="ADW"/>
    <m/>
    <s v=""/>
    <x v="1"/>
    <s v=""/>
    <x v="4"/>
    <s v="Internal Services"/>
    <s v="Information Management Services"/>
    <s v="CRA-50"/>
    <s v="In Production"/>
    <s v="mini_main_super"/>
    <x v="1"/>
    <x v="382"/>
  </r>
  <r>
    <x v="0"/>
    <x v="28"/>
    <x v="770"/>
    <s v="RAPI/H"/>
    <m/>
    <s v=""/>
    <x v="1"/>
    <s v=""/>
    <x v="4"/>
    <s v="Assessment of Returns and Payment Processing"/>
    <s v="Other"/>
    <s v="CRA-504"/>
    <s v="In Production"/>
    <s v="mini_main_super"/>
    <x v="1"/>
    <x v="304"/>
  </r>
  <r>
    <x v="10"/>
    <x v="60"/>
    <x v="771"/>
    <s v="RAPI/HH"/>
    <m/>
    <s v=""/>
    <x v="1"/>
    <s v=""/>
    <x v="4"/>
    <s v="Assessment of Returns and Payment Processing"/>
    <s v="Other"/>
    <s v="CRA-508"/>
    <s v="In Production"/>
    <s v="mini_main_super"/>
    <x v="1"/>
    <x v="306"/>
  </r>
  <r>
    <x v="0"/>
    <x v="28"/>
    <x v="772"/>
    <s v="RAPI/I"/>
    <m/>
    <s v=""/>
    <x v="1"/>
    <s v=""/>
    <x v="4"/>
    <s v="Assessment of Returns and Payment Processing"/>
    <s v="Other"/>
    <s v="CRA-516"/>
    <s v="In Production"/>
    <s v="mini_main_super"/>
    <x v="1"/>
    <x v="304"/>
  </r>
  <r>
    <x v="6"/>
    <x v="48"/>
    <x v="773"/>
    <s v="RAPI/K.2"/>
    <m/>
    <s v=""/>
    <x v="1"/>
    <s v=""/>
    <x v="4"/>
    <s v="Assessment of Returns and Payment Processing"/>
    <s v="Other"/>
    <s v="CRA-520"/>
    <s v="In Production"/>
    <s v="mini_main_super"/>
    <x v="1"/>
    <x v="304"/>
  </r>
  <r>
    <x v="6"/>
    <x v="48"/>
    <x v="774"/>
    <s v="RAPI/K"/>
    <m/>
    <s v=""/>
    <x v="1"/>
    <s v=""/>
    <x v="4"/>
    <s v="Assessment of Returns and Payment Processing"/>
    <s v="Other"/>
    <s v="CRA-521"/>
    <s v="In Production"/>
    <s v="mini_main_super"/>
    <x v="1"/>
    <x v="304"/>
  </r>
  <r>
    <x v="6"/>
    <x v="48"/>
    <x v="775"/>
    <s v="RAPI/K.04"/>
    <m/>
    <s v=""/>
    <x v="1"/>
    <s v=""/>
    <x v="4"/>
    <s v="Assessment of Returns and Payment Processing"/>
    <s v="Other"/>
    <s v="CRA-522"/>
    <s v="In Production"/>
    <s v="mini_main_super"/>
    <x v="1"/>
    <x v="304"/>
  </r>
  <r>
    <x v="6"/>
    <x v="48"/>
    <x v="776"/>
    <s v="RAPI/L"/>
    <m/>
    <s v=""/>
    <x v="1"/>
    <s v=""/>
    <x v="4"/>
    <s v="Assessment of Returns and Payment Processing"/>
    <s v="Other"/>
    <s v="CRA-523"/>
    <s v="In Production"/>
    <s v="mini_main_super"/>
    <x v="1"/>
    <x v="306"/>
  </r>
  <r>
    <x v="0"/>
    <x v="13"/>
    <x v="777"/>
    <s v="AGENT"/>
    <m/>
    <s v=""/>
    <x v="1"/>
    <s v=""/>
    <x v="4"/>
    <s v="Assessment of Returns and Payment Processing"/>
    <s v="Information Management Services"/>
    <s v="CRA-53"/>
    <s v="In Production"/>
    <s v="mini_main_super"/>
    <x v="1"/>
    <x v="306"/>
  </r>
  <r>
    <x v="6"/>
    <x v="48"/>
    <x v="778"/>
    <s v="RAPI/K.1"/>
    <m/>
    <s v=""/>
    <x v="1"/>
    <s v=""/>
    <x v="4"/>
    <s v="Assessment of Returns and Payment Processing"/>
    <s v="Other"/>
    <s v="CRA-532"/>
    <s v="In Production"/>
    <s v="mini_main_super"/>
    <x v="1"/>
    <x v="304"/>
  </r>
  <r>
    <x v="0"/>
    <x v="16"/>
    <x v="779"/>
    <s v="AIMS"/>
    <m/>
    <s v=""/>
    <x v="1"/>
    <s v=""/>
    <x v="4"/>
    <s v="Reporting Compliance"/>
    <s v="Information Technology Services"/>
    <s v="CRA-54"/>
    <s v="In Production"/>
    <s v="mini_main_super"/>
    <x v="1"/>
    <x v="306"/>
  </r>
  <r>
    <x v="10"/>
    <x v="60"/>
    <x v="780"/>
    <s v="RAPI/M"/>
    <m/>
    <s v=""/>
    <x v="1"/>
    <s v=""/>
    <x v="4"/>
    <s v="Assessment of Returns and Payment Processing"/>
    <s v="Other"/>
    <s v="CRA-553"/>
    <s v="In Production"/>
    <s v="mini_main_super"/>
    <x v="1"/>
    <x v="306"/>
  </r>
  <r>
    <x v="6"/>
    <x v="48"/>
    <x v="781"/>
    <s v="RAPI/M.06"/>
    <m/>
    <s v=""/>
    <x v="1"/>
    <s v=""/>
    <x v="4"/>
    <s v="Assessment of Returns and Payment Processing"/>
    <s v="Other"/>
    <s v="CRA-555"/>
    <s v="In Production"/>
    <s v="mini_main_super"/>
    <x v="1"/>
    <x v="306"/>
  </r>
  <r>
    <x v="6"/>
    <x v="48"/>
    <x v="782"/>
    <s v="RAPI/M.07"/>
    <m/>
    <s v=""/>
    <x v="1"/>
    <s v=""/>
    <x v="4"/>
    <s v="Assessment of Returns and Payment Processing"/>
    <s v="Other"/>
    <s v="CRA-556"/>
    <s v="In Production"/>
    <s v="mini_main_super"/>
    <x v="1"/>
    <x v="306"/>
  </r>
  <r>
    <x v="0"/>
    <x v="11"/>
    <x v="783"/>
    <s v="RAPI/MM"/>
    <m/>
    <s v=""/>
    <x v="1"/>
    <s v=""/>
    <x v="4"/>
    <s v="Assessment of Returns and Payment Processing"/>
    <s v="Other"/>
    <s v="CRA-557"/>
    <s v="In Production"/>
    <s v="mini_main_super"/>
    <x v="1"/>
    <x v="304"/>
  </r>
  <r>
    <x v="6"/>
    <x v="48"/>
    <x v="784"/>
    <s v="RAPI/N"/>
    <m/>
    <s v=""/>
    <x v="1"/>
    <s v=""/>
    <x v="4"/>
    <s v="Assessment of Returns and Payment Processing"/>
    <s v="Other"/>
    <s v="CRA-558"/>
    <s v="In Production"/>
    <s v="mini_main_super"/>
    <x v="1"/>
    <x v="306"/>
  </r>
  <r>
    <x v="6"/>
    <x v="48"/>
    <x v="785"/>
    <s v="RAPI/PP"/>
    <m/>
    <s v=""/>
    <x v="1"/>
    <s v=""/>
    <x v="4"/>
    <s v="Assessment of Returns and Payment Processing"/>
    <s v="Information Technology Services"/>
    <s v="CRA-568"/>
    <s v="In Production"/>
    <s v="mini_main_super"/>
    <x v="1"/>
    <x v="306"/>
  </r>
  <r>
    <x v="6"/>
    <x v="48"/>
    <x v="786"/>
    <s v="RAPI/Q"/>
    <m/>
    <s v=""/>
    <x v="1"/>
    <s v=""/>
    <x v="4"/>
    <s v="Assessment of Returns and Payment Processing"/>
    <s v="Other"/>
    <s v="CRA-572"/>
    <s v="In Production"/>
    <s v="mini_main_super"/>
    <x v="1"/>
    <x v="304"/>
  </r>
  <r>
    <x v="6"/>
    <x v="48"/>
    <x v="787"/>
    <s v="RAPI/QQ"/>
    <m/>
    <s v=""/>
    <x v="1"/>
    <s v=""/>
    <x v="4"/>
    <s v="Assessment of Returns and Payment Processing"/>
    <s v="Information Technology Services"/>
    <s v="CRA-573"/>
    <s v="In Production"/>
    <s v="mini_main_super"/>
    <x v="1"/>
    <x v="306"/>
  </r>
  <r>
    <x v="10"/>
    <x v="60"/>
    <x v="788"/>
    <s v="RAPI/R"/>
    <m/>
    <s v=""/>
    <x v="1"/>
    <s v=""/>
    <x v="4"/>
    <s v="Assessment of Returns and Payment Processing"/>
    <s v="Other"/>
    <s v="CRA-578"/>
    <s v="In Production"/>
    <s v="mini_main_super"/>
    <x v="1"/>
    <x v="306"/>
  </r>
  <r>
    <x v="0"/>
    <x v="28"/>
    <x v="789"/>
    <s v="ALPS"/>
    <m/>
    <s v=""/>
    <x v="1"/>
    <s v=""/>
    <x v="4"/>
    <s v="Assessment of Returns and Payment Processing"/>
    <s v="Information Management Services"/>
    <s v="CRA-58"/>
    <s v="In Production"/>
    <s v="web"/>
    <x v="1"/>
    <x v="362"/>
  </r>
  <r>
    <x v="3"/>
    <x v="15"/>
    <x v="790"/>
    <s v="AMAST/BATCH"/>
    <m/>
    <s v=""/>
    <x v="1"/>
    <s v=""/>
    <x v="4"/>
    <s v="Assessment of Returns and Payment Processing"/>
    <s v="Other"/>
    <s v="CRA-59"/>
    <s v="In Production"/>
    <s v="mini_main_super"/>
    <x v="1"/>
    <x v="304"/>
  </r>
  <r>
    <x v="6"/>
    <x v="48"/>
    <x v="791"/>
    <s v="RAPI/T"/>
    <m/>
    <s v=""/>
    <x v="1"/>
    <s v=""/>
    <x v="4"/>
    <s v="Assessment of Returns and Payment Processing"/>
    <s v="Other"/>
    <s v="CRA-592"/>
    <s v="In Production"/>
    <s v="mini_main_super"/>
    <x v="1"/>
    <x v="306"/>
  </r>
  <r>
    <x v="0"/>
    <x v="42"/>
    <x v="792"/>
    <s v="RACME"/>
    <m/>
    <s v=""/>
    <x v="1"/>
    <s v=""/>
    <x v="4"/>
    <s v="Taxpayer and Business Assistance"/>
    <s v="Other"/>
    <s v="CRA-6"/>
    <s v="In Production"/>
    <s v="mini_main_super"/>
    <x v="1"/>
    <x v="383"/>
  </r>
  <r>
    <x v="0"/>
    <x v="13"/>
    <x v="793"/>
    <s v="RAPI/X"/>
    <m/>
    <s v=""/>
    <x v="1"/>
    <s v=""/>
    <x v="4"/>
    <s v="Assessment of Returns and Payment Processing"/>
    <s v="Other"/>
    <s v="CRA-613"/>
    <s v="In Production"/>
    <s v="mini_main_super"/>
    <x v="1"/>
    <x v="304"/>
  </r>
  <r>
    <x v="0"/>
    <x v="7"/>
    <x v="794"/>
    <s v="RAPI/Z"/>
    <s v="Allows internal CRA users to view correspondence in the ELCS and OTCS systems."/>
    <s v=""/>
    <x v="1"/>
    <s v=""/>
    <x v="4"/>
    <s v="Assessment of Returns and Payment Processing"/>
    <s v="Communications Services,Information Management Services"/>
    <s v="CRA-615"/>
    <s v="In Production"/>
    <s v="mini_main_super"/>
    <x v="1"/>
    <x v="304"/>
  </r>
  <r>
    <x v="0"/>
    <x v="7"/>
    <x v="795"/>
    <s v="RAPI/Z.01"/>
    <m/>
    <s v=""/>
    <x v="1"/>
    <s v=""/>
    <x v="4"/>
    <s v="Assessment of Returns and Payment Processing"/>
    <s v="Communications Services,Information Management Services"/>
    <s v="CRA-616"/>
    <s v="In Production"/>
    <s v="mini_main_super"/>
    <x v="1"/>
    <x v="304"/>
  </r>
  <r>
    <x v="0"/>
    <x v="7"/>
    <x v="796"/>
    <s v="RAPI/Z.02"/>
    <m/>
    <s v=""/>
    <x v="1"/>
    <s v=""/>
    <x v="4"/>
    <s v="Assessment of Returns and Payment Processing"/>
    <s v="Communications Services,Information Management Services"/>
    <s v="CRA-617"/>
    <s v="In Production"/>
    <s v="mini_main_super"/>
    <x v="1"/>
    <x v="304"/>
  </r>
  <r>
    <x v="3"/>
    <x v="31"/>
    <x v="797"/>
    <s v="RAPID"/>
    <m/>
    <s v=""/>
    <x v="1"/>
    <s v=""/>
    <x v="4"/>
    <s v="Assessment of Returns and Payment Processing"/>
    <s v="Information Management Services"/>
    <s v="CRA-620"/>
    <s v="In Production"/>
    <s v="mini_main_super"/>
    <x v="1"/>
    <x v="306"/>
  </r>
  <r>
    <x v="8"/>
    <x v="38"/>
    <x v="798"/>
    <s v="REBATES/DC"/>
    <m/>
    <s v=""/>
    <x v="1"/>
    <s v=""/>
    <x v="4"/>
    <s v="Assessment of Returns and Payment Processing"/>
    <s v="Information Technology Services"/>
    <s v="CRA-623"/>
    <s v="In Production"/>
    <s v="mini_main_super"/>
    <x v="1"/>
    <x v="310"/>
  </r>
  <r>
    <x v="3"/>
    <x v="15"/>
    <x v="799"/>
    <s v="RELIEF/REG"/>
    <m/>
    <s v=""/>
    <x v="1"/>
    <s v=""/>
    <x v="4"/>
    <s v="Appeals"/>
    <s v="Other"/>
    <s v="CRA-624"/>
    <s v="In Production"/>
    <s v="mini_main_super"/>
    <x v="1"/>
    <x v="384"/>
  </r>
  <r>
    <x v="3"/>
    <x v="15"/>
    <x v="800"/>
    <s v="RELIEF/REG NEWS"/>
    <s v="TRR news is a communication tool to update users regarding relief requests issues/updates."/>
    <s v=""/>
    <x v="1"/>
    <s v=""/>
    <x v="4"/>
    <s v="Appeals"/>
    <s v="Information Management Services,Other"/>
    <s v="CRA-625"/>
    <s v="In Production"/>
    <s v="mini_main_super"/>
    <x v="1"/>
    <x v="384"/>
  </r>
  <r>
    <x v="1"/>
    <x v="12"/>
    <x v="801"/>
    <s v="Service Desk"/>
    <s v="Service Desk, a data driven IT Service Management application, is used to manage IT configuration items and their associated contracts, IT incidents and application changes (specific to Service Desk) for Regional and Branch IT Support personnel.  It leverages ITB's National IT Support Service Catalogue (used by Local IT support) and facilitates the use of ITIL best practices.  It is built using the BMC Remedy's AR System workflow engine and resides on the eBCI platform in a fully redundant configuration. This application is currently rolled out using a DTM certified client install on IT support workstations and is also available on CTP. It is integrated with Exchange for email notifications to both clients and users."/>
    <s v="Other"/>
    <x v="1"/>
    <s v="Remedy SD-BMC"/>
    <x v="4"/>
    <s v="Internal Services"/>
    <s v="Information Technology Services"/>
    <s v="CRA-627"/>
    <s v="In Production"/>
    <s v="rich"/>
    <x v="0"/>
    <x v="385"/>
  </r>
  <r>
    <x v="0"/>
    <x v="16"/>
    <x v="802"/>
    <s v="REMITS"/>
    <m/>
    <s v=""/>
    <x v="1"/>
    <s v=""/>
    <x v="4"/>
    <s v="Collections, Compliance and Verification"/>
    <s v="Other"/>
    <s v="CRA-628"/>
    <s v="In Production"/>
    <s v="mini_main_super"/>
    <x v="1"/>
    <x v="310"/>
  </r>
  <r>
    <x v="0"/>
    <x v="16"/>
    <x v="803"/>
    <s v="REMITS RULES"/>
    <m/>
    <s v=""/>
    <x v="1"/>
    <s v=""/>
    <x v="4"/>
    <s v="Collections, Compliance and Verification"/>
    <s v="Other"/>
    <s v="CRA-629"/>
    <s v="In Production"/>
    <s v="mini_main_super"/>
    <x v="1"/>
    <x v="306"/>
  </r>
  <r>
    <x v="6"/>
    <x v="82"/>
    <x v="804"/>
    <s v="AMSNET"/>
    <m/>
    <s v=""/>
    <x v="1"/>
    <s v=""/>
    <x v="4"/>
    <s v="Internal Services"/>
    <s v="Other"/>
    <s v="CRA-63"/>
    <s v="In Production"/>
    <s v="web"/>
    <x v="1"/>
    <x v="381"/>
  </r>
  <r>
    <x v="1"/>
    <x v="12"/>
    <x v="805"/>
    <s v="REMITS/GUI"/>
    <m/>
    <s v=""/>
    <x v="1"/>
    <s v=""/>
    <x v="4"/>
    <s v="Collections, Compliance and Verification"/>
    <s v="Other"/>
    <s v="CRA-630"/>
    <s v="In Production"/>
    <s v="rich"/>
    <x v="1"/>
    <x v="347"/>
  </r>
  <r>
    <x v="0"/>
    <x v="16"/>
    <x v="806"/>
    <s v="REP"/>
    <m/>
    <s v=""/>
    <x v="1"/>
    <s v=""/>
    <x v="4"/>
    <s v="Collections, Compliance and Verification"/>
    <s v="Other"/>
    <s v="CRA-631"/>
    <s v="In Production"/>
    <s v="rich"/>
    <x v="1"/>
    <x v="146"/>
  </r>
  <r>
    <x v="0"/>
    <x v="42"/>
    <x v="807"/>
    <s v="REPS ONLINE"/>
    <m/>
    <s v=""/>
    <x v="1"/>
    <s v=""/>
    <x v="4"/>
    <s v="Taxpayer and Business Assistance"/>
    <s v="Other"/>
    <s v="CRA-632"/>
    <s v="In Production"/>
    <s v="web"/>
    <x v="1"/>
    <x v="386"/>
  </r>
  <r>
    <x v="0"/>
    <x v="19"/>
    <x v="808"/>
    <s v="RESDET"/>
    <s v="Individuals entering or leaving Canada for an extended period of time are encouraged to request a determination of residency from Canada Revenue Agency to obtain our opinion on their residency status and to ensure they understand and fulfill their tax obligation to Canada."/>
    <s v=""/>
    <x v="1"/>
    <s v=""/>
    <x v="4"/>
    <s v="Reporting Compliance"/>
    <s v="Other"/>
    <s v="CRA-633"/>
    <s v="In Production"/>
    <s v="mini_main_super"/>
    <x v="1"/>
    <x v="330"/>
  </r>
  <r>
    <x v="10"/>
    <x v="60"/>
    <x v="809"/>
    <s v="RESULTS"/>
    <m/>
    <s v=""/>
    <x v="1"/>
    <s v=""/>
    <x v="4"/>
    <s v="Assessment of Returns and Payment Processing"/>
    <s v="Other"/>
    <s v="CRA-635"/>
    <s v="In Production"/>
    <s v="mini_main_super"/>
    <x v="1"/>
    <x v="310"/>
  </r>
  <r>
    <x v="2"/>
    <x v="2"/>
    <x v="301"/>
    <s v="REVLEDGER"/>
    <m/>
    <s v="Other"/>
    <x v="1"/>
    <s v="SAP-SAP"/>
    <x v="4"/>
    <s v="Assessment of Returns and Payment Processing"/>
    <s v="Other"/>
    <s v="CRA-636"/>
    <s v="In Production"/>
    <s v="rich"/>
    <x v="0"/>
    <x v="387"/>
  </r>
  <r>
    <x v="10"/>
    <x v="69"/>
    <x v="810"/>
    <s v="RHBRIDGE"/>
    <m/>
    <s v=""/>
    <x v="1"/>
    <s v=""/>
    <x v="4"/>
    <s v="Taxpayer and Business Assistance"/>
    <s v="Other"/>
    <s v="CRA-638"/>
    <s v="In Production"/>
    <s v="mini_main_super"/>
    <x v="1"/>
    <x v="306"/>
  </r>
  <r>
    <x v="3"/>
    <x v="15"/>
    <x v="811"/>
    <s v="RORA"/>
    <m/>
    <s v=""/>
    <x v="1"/>
    <s v=""/>
    <x v="4"/>
    <s v="Assessment of Returns and Payment Processing"/>
    <s v="Other"/>
    <s v="CRA-644"/>
    <s v="In Production"/>
    <s v="mini_main_super"/>
    <x v="1"/>
    <x v="360"/>
  </r>
  <r>
    <x v="0"/>
    <x v="16"/>
    <x v="812"/>
    <s v="RPAS"/>
    <m/>
    <s v=""/>
    <x v="1"/>
    <s v=""/>
    <x v="4"/>
    <s v="Taxpayer and Business Assistance"/>
    <s v="Other"/>
    <s v="CRA-645"/>
    <s v="In Production"/>
    <s v="rich"/>
    <x v="1"/>
    <x v="388"/>
  </r>
  <r>
    <x v="3"/>
    <x v="31"/>
    <x v="813"/>
    <s v="RPDSS"/>
    <m/>
    <s v="Other"/>
    <x v="1"/>
    <s v="COGNOS OTHER-IBM,COGNOS REPORTNET-IBM,DataStage-IBM"/>
    <x v="4"/>
    <s v="Taxpayer and Business Assistance"/>
    <s v="Other"/>
    <s v="CRA-646"/>
    <s v="In Production"/>
    <s v="rich"/>
    <x v="0"/>
    <x v="389"/>
  </r>
  <r>
    <x v="8"/>
    <x v="38"/>
    <x v="814"/>
    <s v="RPS"/>
    <m/>
    <s v=""/>
    <x v="1"/>
    <s v=""/>
    <x v="4"/>
    <s v="Assessment of Returns and Payment Processing"/>
    <s v="Information Technology Services"/>
    <s v="CRA-647"/>
    <s v="In Production"/>
    <s v="mini_main_super"/>
    <x v="1"/>
    <x v="310"/>
  </r>
  <r>
    <x v="10"/>
    <x v="60"/>
    <x v="815"/>
    <s v="RRS"/>
    <m/>
    <s v=""/>
    <x v="1"/>
    <s v=""/>
    <x v="4"/>
    <s v="Assessment of Returns and Payment Processing"/>
    <s v="Other"/>
    <s v="CRA-648"/>
    <s v="In Production"/>
    <s v="mini_main_super"/>
    <x v="1"/>
    <x v="306"/>
  </r>
  <r>
    <x v="6"/>
    <x v="48"/>
    <x v="816"/>
    <s v="RSOP"/>
    <m/>
    <s v=""/>
    <x v="1"/>
    <s v=""/>
    <x v="4"/>
    <s v="Assessment of Returns and Payment Processing"/>
    <s v="Other"/>
    <s v="CRA-649"/>
    <s v="In Production"/>
    <s v="web"/>
    <x v="1"/>
    <x v="375"/>
  </r>
  <r>
    <x v="10"/>
    <x v="60"/>
    <x v="817"/>
    <s v="RV"/>
    <m/>
    <s v=""/>
    <x v="1"/>
    <s v=""/>
    <x v="4"/>
    <s v="Assessment of Returns and Payment Processing"/>
    <s v="Other"/>
    <s v="CRA-650"/>
    <s v="In Production"/>
    <s v="mini_main_super"/>
    <x v="1"/>
    <x v="306"/>
  </r>
  <r>
    <x v="3"/>
    <x v="15"/>
    <x v="818"/>
    <s v="SA"/>
    <m/>
    <s v=""/>
    <x v="1"/>
    <s v=""/>
    <x v="4"/>
    <s v="Assessment of Returns and Payment Processing"/>
    <s v="Other"/>
    <s v="CRA-651"/>
    <s v="In Production"/>
    <s v="web"/>
    <x v="1"/>
    <x v="310"/>
  </r>
  <r>
    <x v="0"/>
    <x v="16"/>
    <x v="819"/>
    <s v="SA/OS"/>
    <m/>
    <s v=""/>
    <x v="1"/>
    <s v=""/>
    <x v="4"/>
    <s v="Taxpayer and Business Assistance"/>
    <s v="Other"/>
    <s v="CRA-652"/>
    <s v="In Production"/>
    <s v="mini_main_super"/>
    <x v="1"/>
    <x v="306"/>
  </r>
  <r>
    <x v="7"/>
    <x v="81"/>
    <x v="820"/>
    <s v="SAM"/>
    <m/>
    <s v=""/>
    <x v="1"/>
    <s v=""/>
    <x v="4"/>
    <s v="Benefit Programs"/>
    <s v="Other"/>
    <s v="CRA-654"/>
    <s v="In Production"/>
    <s v="mini_main_super"/>
    <x v="1"/>
    <x v="308"/>
  </r>
  <r>
    <x v="10"/>
    <x v="60"/>
    <x v="821"/>
    <s v="SCORING"/>
    <m/>
    <s v=""/>
    <x v="1"/>
    <s v=""/>
    <x v="4"/>
    <s v="Assessment of Returns and Payment Processing"/>
    <s v="Other"/>
    <s v="CRA-657"/>
    <s v="In Production"/>
    <s v="mini_main_super"/>
    <x v="1"/>
    <x v="306"/>
  </r>
  <r>
    <x v="3"/>
    <x v="31"/>
    <x v="822"/>
    <s v="ART"/>
    <m/>
    <s v=""/>
    <x v="1"/>
    <s v=""/>
    <x v="4"/>
    <s v="Collections, Compliance and Verification"/>
    <s v="Human Resources Management Services,Information Management Services,Information Technology Services,Management and Oversight Services"/>
    <s v="CRA-66"/>
    <s v="In Production"/>
    <s v="mini_main_super"/>
    <x v="1"/>
    <x v="390"/>
  </r>
  <r>
    <x v="7"/>
    <x v="81"/>
    <x v="823"/>
    <s v="SIMNET"/>
    <s v="SIMNET is an external Internet application found on the Canada Revenue Agency (CRA) website that provides potential recipients of various benefits and/or credits an estimate of the amount that s/he may receive. It is based on a web form in which potential recipients enter several key factors related to the calculation of the benefit(s) or credit(s) in question. The factors involved in the calculation are province/territory of residence, marital status, number of children (including disabled children), family net income and amounts owing on other benefits or credits. Once the information is entered, predetermined rates are used to provide an estimated dollar amount to the recipient."/>
    <s v=""/>
    <x v="1"/>
    <s v=""/>
    <x v="4"/>
    <s v="Benefit Programs"/>
    <s v="Other"/>
    <s v="CRA-660"/>
    <s v="In Production"/>
    <s v="web"/>
    <x v="1"/>
    <x v="391"/>
  </r>
  <r>
    <x v="9"/>
    <x v="54"/>
    <x v="824"/>
    <s v="ESAR"/>
    <m/>
    <s v=""/>
    <x v="1"/>
    <s v=""/>
    <x v="4"/>
    <s v="Internal Services"/>
    <s v="Information Technology Services"/>
    <s v="CRA-662"/>
    <s v="In Production"/>
    <s v="rich"/>
    <x v="1"/>
    <x v="392"/>
  </r>
  <r>
    <x v="4"/>
    <x v="5"/>
    <x v="825"/>
    <s v="SRC/DED/GOL"/>
    <m/>
    <s v=""/>
    <x v="1"/>
    <s v=""/>
    <x v="4"/>
    <s v="Assessment of Returns and Payment Processing"/>
    <s v="Information Technology Services"/>
    <s v="CRA-663"/>
    <s v="In Production"/>
    <s v="web"/>
    <x v="1"/>
    <x v="393"/>
  </r>
  <r>
    <x v="3"/>
    <x v="30"/>
    <x v="826"/>
    <s v="STARS/PRF/MF"/>
    <m/>
    <s v=""/>
    <x v="1"/>
    <s v=""/>
    <x v="4"/>
    <s v="Reporting Compliance"/>
    <s v="Human Resources Management Services,Information Management Services,Information Technology Services"/>
    <s v="CRA-665"/>
    <s v="In Production"/>
    <s v="mini_main_super"/>
    <x v="1"/>
    <x v="310"/>
  </r>
  <r>
    <x v="3"/>
    <x v="31"/>
    <x v="827"/>
    <s v="STARS/WEB"/>
    <s v="This application provides managers at all levels with access to information, and the tools they need to analyze that information to monitor program results and make faster, more informed decisions on how best to meet their objectives."/>
    <s v=""/>
    <x v="1"/>
    <s v=""/>
    <x v="4"/>
    <s v="Reporting Compliance"/>
    <s v="Human Resources Management Services,Information Management Services,Information Technology Services,Management and Oversight Services"/>
    <s v="CRA-666"/>
    <s v="In Production"/>
    <s v="mini_main_super"/>
    <x v="1"/>
    <x v="394"/>
  </r>
  <r>
    <x v="6"/>
    <x v="48"/>
    <x v="828"/>
    <s v="SUBLEDGER"/>
    <m/>
    <s v=""/>
    <x v="1"/>
    <s v=""/>
    <x v="4"/>
    <s v="Assessment of Returns and Payment Processing"/>
    <s v="Other"/>
    <s v="CRA-667"/>
    <s v="In Production"/>
    <s v="mini_main_super"/>
    <x v="1"/>
    <x v="306"/>
  </r>
  <r>
    <x v="0"/>
    <x v="16"/>
    <x v="829"/>
    <s v="SUDS"/>
    <m/>
    <s v=""/>
    <x v="1"/>
    <s v=""/>
    <x v="4"/>
    <s v="Collections, Compliance and Verification"/>
    <s v="Other"/>
    <s v="CRA-668"/>
    <s v="In Production"/>
    <s v="mini_main_super"/>
    <x v="1"/>
    <x v="310"/>
  </r>
  <r>
    <x v="3"/>
    <x v="63"/>
    <x v="830"/>
    <s v="SUDS/IDS"/>
    <m/>
    <s v=""/>
    <x v="1"/>
    <s v=""/>
    <x v="4"/>
    <s v="Collections, Compliance and Verification"/>
    <s v="Other"/>
    <s v="CRA-669"/>
    <s v="In Production"/>
    <s v="mini_main_super"/>
    <x v="1"/>
    <x v="306"/>
  </r>
  <r>
    <x v="6"/>
    <x v="48"/>
    <x v="831"/>
    <s v="ASL/BATCH"/>
    <m/>
    <s v=""/>
    <x v="1"/>
    <s v=""/>
    <x v="4"/>
    <s v="Assessment of Returns and Payment Processing"/>
    <s v="Other"/>
    <s v="CRA-67"/>
    <s v="In Production"/>
    <s v="mini_main_super"/>
    <x v="1"/>
    <x v="306"/>
  </r>
  <r>
    <x v="0"/>
    <x v="13"/>
    <x v="832"/>
    <s v="SYS/PROCSTAT"/>
    <m/>
    <s v=""/>
    <x v="1"/>
    <s v=""/>
    <x v="4"/>
    <s v="Assessment of Returns and Payment Processing"/>
    <s v="Other"/>
    <s v="CRA-671"/>
    <s v="In Production"/>
    <s v="mini_main_super"/>
    <x v="1"/>
    <x v="304"/>
  </r>
  <r>
    <x v="3"/>
    <x v="31"/>
    <x v="833"/>
    <s v="T1DM"/>
    <m/>
    <s v=""/>
    <x v="1"/>
    <s v=""/>
    <x v="4"/>
    <s v="Reporting Compliance"/>
    <s v="Information Management Services"/>
    <s v="CRA-672"/>
    <s v="In Production"/>
    <s v="rich"/>
    <x v="1"/>
    <x v="395"/>
  </r>
  <r>
    <x v="3"/>
    <x v="63"/>
    <x v="834"/>
    <s v="T1/EC"/>
    <m/>
    <s v=""/>
    <x v="1"/>
    <s v=""/>
    <x v="4"/>
    <s v="Assessment of Returns and Payment Processing"/>
    <s v="Other"/>
    <s v="CRA-674"/>
    <s v="In Production"/>
    <s v="mini_main_super"/>
    <x v="1"/>
    <x v="304"/>
  </r>
  <r>
    <x v="0"/>
    <x v="28"/>
    <x v="835"/>
    <s v="T1/EFILEHELP"/>
    <m/>
    <s v=""/>
    <x v="1"/>
    <s v=""/>
    <x v="4"/>
    <s v="Assessment of Returns and Payment Processing"/>
    <s v="Other"/>
    <s v="CRA-675"/>
    <s v="In Production"/>
    <s v="mini_main_super"/>
    <x v="1"/>
    <x v="304"/>
  </r>
  <r>
    <x v="3"/>
    <x v="15"/>
    <x v="836"/>
    <s v="T1/EOL"/>
    <m/>
    <s v=""/>
    <x v="1"/>
    <s v=""/>
    <x v="4"/>
    <s v="Assessment of Returns and Payment Processing"/>
    <s v="Other"/>
    <s v="CRA-676"/>
    <s v="In Production"/>
    <s v="web"/>
    <x v="1"/>
    <x v="396"/>
  </r>
  <r>
    <x v="3"/>
    <x v="15"/>
    <x v="837"/>
    <s v="T1/EOLPLUS"/>
    <m/>
    <s v=""/>
    <x v="1"/>
    <s v=""/>
    <x v="4"/>
    <s v="Assessment of Returns and Payment Processing"/>
    <s v="Other"/>
    <s v="CRA-677"/>
    <s v="In Production"/>
    <s v="web"/>
    <x v="1"/>
    <x v="350"/>
  </r>
  <r>
    <x v="0"/>
    <x v="11"/>
    <x v="838"/>
    <s v="T1/MIGRATION/IDS"/>
    <m/>
    <s v=""/>
    <x v="1"/>
    <s v=""/>
    <x v="4"/>
    <s v="Assessment of Returns and Payment Processing"/>
    <s v="Other"/>
    <s v="CRA-679"/>
    <s v="In Production"/>
    <s v="mini_main_super"/>
    <x v="1"/>
    <x v="304"/>
  </r>
  <r>
    <x v="6"/>
    <x v="48"/>
    <x v="839"/>
    <s v="ATS"/>
    <m/>
    <s v=""/>
    <x v="1"/>
    <s v=""/>
    <x v="4"/>
    <s v="Assessment of Returns and Payment Processing"/>
    <s v="Other"/>
    <s v="CRA-68"/>
    <s v="In Production"/>
    <s v="mini_main_super"/>
    <x v="1"/>
    <x v="306"/>
  </r>
  <r>
    <x v="3"/>
    <x v="15"/>
    <x v="840"/>
    <s v="T1/MSTR/SEL"/>
    <m/>
    <s v=""/>
    <x v="1"/>
    <s v=""/>
    <x v="4"/>
    <s v="Assessment of Returns and Payment Processing"/>
    <s v="Other"/>
    <s v="CRA-680"/>
    <s v="In Production"/>
    <s v="mini_main_super"/>
    <x v="1"/>
    <x v="360"/>
  </r>
  <r>
    <x v="3"/>
    <x v="15"/>
    <x v="841"/>
    <s v="T1/Netfile"/>
    <m/>
    <s v=""/>
    <x v="1"/>
    <s v=""/>
    <x v="4"/>
    <s v="Assessment of Returns and Payment Processing"/>
    <s v="Other"/>
    <s v="CRA-681"/>
    <s v="In Production"/>
    <s v="web"/>
    <x v="1"/>
    <x v="397"/>
  </r>
  <r>
    <x v="3"/>
    <x v="15"/>
    <x v="842"/>
    <s v="T1/NOTICE"/>
    <m/>
    <s v=""/>
    <x v="1"/>
    <s v=""/>
    <x v="4"/>
    <s v="Assessment of Returns and Payment Processing"/>
    <s v="Information Technology Services"/>
    <s v="CRA-683"/>
    <s v="In Production"/>
    <s v="mini_main_super"/>
    <x v="1"/>
    <x v="398"/>
  </r>
  <r>
    <x v="6"/>
    <x v="48"/>
    <x v="843"/>
    <s v="MIMA-AcctBal"/>
    <m/>
    <s v=""/>
    <x v="1"/>
    <s v=""/>
    <x v="4"/>
    <s v="Taxpayer and Business Assistance"/>
    <s v="Other"/>
    <s v="CRA-686"/>
    <s v="In Production"/>
    <s v="web"/>
    <x v="1"/>
    <x v="342"/>
  </r>
  <r>
    <x v="3"/>
    <x v="15"/>
    <x v="844"/>
    <s v="T1ED/DLY/PEL"/>
    <m/>
    <s v=""/>
    <x v="1"/>
    <s v=""/>
    <x v="4"/>
    <s v="Assessment of Returns and Payment Processing"/>
    <s v="Other"/>
    <s v="CRA-687"/>
    <s v="In Production"/>
    <s v="mini_main_super"/>
    <x v="1"/>
    <x v="304"/>
  </r>
  <r>
    <x v="3"/>
    <x v="15"/>
    <x v="845"/>
    <s v="T1ED/NON/RES"/>
    <m/>
    <s v=""/>
    <x v="1"/>
    <s v=""/>
    <x v="4"/>
    <s v="Assessment of Returns and Payment Processing"/>
    <s v="Other"/>
    <s v="CRA-688"/>
    <s v="In Production"/>
    <s v="mini_main_super"/>
    <x v="1"/>
    <x v="304"/>
  </r>
  <r>
    <x v="3"/>
    <x v="15"/>
    <x v="846"/>
    <s v="T1ED/CAN/LST"/>
    <m/>
    <s v=""/>
    <x v="1"/>
    <s v=""/>
    <x v="4"/>
    <s v="Assessment of Returns and Payment Processing"/>
    <s v="Other"/>
    <s v="CRA-689"/>
    <s v="In Production"/>
    <s v="mini_main_super"/>
    <x v="1"/>
    <x v="360"/>
  </r>
  <r>
    <x v="6"/>
    <x v="48"/>
    <x v="847"/>
    <s v="ATS/IDS"/>
    <m/>
    <s v=""/>
    <x v="1"/>
    <s v=""/>
    <x v="4"/>
    <s v="Assessment of Returns and Payment Processing"/>
    <s v="Other"/>
    <s v="CRA-69"/>
    <s v="In Production"/>
    <s v="mini_main_super"/>
    <x v="1"/>
    <x v="306"/>
  </r>
  <r>
    <x v="3"/>
    <x v="15"/>
    <x v="848"/>
    <s v="T1ED/DAS"/>
    <m/>
    <s v=""/>
    <x v="1"/>
    <s v=""/>
    <x v="4"/>
    <s v="Assessment of Returns and Payment Processing"/>
    <s v="Other"/>
    <s v="CRA-690"/>
    <s v="In Production"/>
    <s v="mini_main_super"/>
    <x v="1"/>
    <x v="304"/>
  </r>
  <r>
    <x v="3"/>
    <x v="15"/>
    <x v="849"/>
    <s v="T1ED/DPAAG"/>
    <m/>
    <s v=""/>
    <x v="1"/>
    <s v=""/>
    <x v="4"/>
    <s v="Assessment of Returns and Payment Processing"/>
    <s v="Other"/>
    <s v="CRA-692"/>
    <s v="In Production"/>
    <s v="mini_main_super"/>
    <x v="1"/>
    <x v="304"/>
  </r>
  <r>
    <x v="3"/>
    <x v="15"/>
    <x v="850"/>
    <s v="T1ED/EI/SEL"/>
    <m/>
    <s v=""/>
    <x v="1"/>
    <s v=""/>
    <x v="4"/>
    <s v="Assessment of Returns and Payment Processing"/>
    <s v="Other"/>
    <s v="CRA-693"/>
    <s v="In Production"/>
    <s v="mini_main_super"/>
    <x v="1"/>
    <x v="304"/>
  </r>
  <r>
    <x v="3"/>
    <x v="15"/>
    <x v="851"/>
    <s v="T1ED/FLD/USA"/>
    <m/>
    <s v=""/>
    <x v="1"/>
    <s v=""/>
    <x v="4"/>
    <s v="Assessment of Returns and Payment Processing"/>
    <s v="Other"/>
    <s v="CRA-694"/>
    <s v="In Production"/>
    <s v="mini_main_super"/>
    <x v="1"/>
    <x v="360"/>
  </r>
  <r>
    <x v="3"/>
    <x v="15"/>
    <x v="852"/>
    <s v="T1ED/FOL/LST"/>
    <m/>
    <s v=""/>
    <x v="1"/>
    <s v=""/>
    <x v="4"/>
    <s v="Assessment of Returns and Payment Processing"/>
    <s v="Other"/>
    <s v="CRA-695"/>
    <s v="In Production"/>
    <s v="mini_main_super"/>
    <x v="1"/>
    <x v="360"/>
  </r>
  <r>
    <x v="3"/>
    <x v="15"/>
    <x v="853"/>
    <s v="T1ED/IAC/LTR"/>
    <m/>
    <s v=""/>
    <x v="1"/>
    <s v=""/>
    <x v="4"/>
    <s v="Assessment of Returns and Payment Processing"/>
    <s v="Other"/>
    <s v="CRA-696"/>
    <s v="In Production"/>
    <s v="mini_main_super"/>
    <x v="1"/>
    <x v="304"/>
  </r>
  <r>
    <x v="10"/>
    <x v="60"/>
    <x v="854"/>
    <s v="T1ED/LOI/GOL"/>
    <m/>
    <s v=""/>
    <x v="1"/>
    <s v=""/>
    <x v="4"/>
    <s v="Assessment of Returns and Payment Processing"/>
    <s v="Other"/>
    <s v="CRA-698"/>
    <s v="In Production"/>
    <s v="mini_main_super"/>
    <x v="1"/>
    <x v="347"/>
  </r>
  <r>
    <x v="3"/>
    <x v="15"/>
    <x v="855"/>
    <s v="T1ED/MIG/LTR"/>
    <m/>
    <s v=""/>
    <x v="1"/>
    <s v=""/>
    <x v="4"/>
    <s v="Assessment of Returns and Payment Processing"/>
    <s v="Other"/>
    <s v="CRA-699"/>
    <s v="In Production"/>
    <s v="mini_main_super"/>
    <x v="1"/>
    <x v="304"/>
  </r>
  <r>
    <x v="3"/>
    <x v="15"/>
    <x v="856"/>
    <s v="T1ED/OASRI"/>
    <m/>
    <s v=""/>
    <x v="1"/>
    <s v=""/>
    <x v="4"/>
    <s v="Assessment of Returns and Payment Processing"/>
    <s v="Other"/>
    <s v="CRA-700"/>
    <s v="In Production"/>
    <s v="mini_main_super"/>
    <x v="1"/>
    <x v="304"/>
  </r>
  <r>
    <x v="3"/>
    <x v="15"/>
    <x v="857"/>
    <s v="T1ED/OVR/LIM"/>
    <m/>
    <s v=""/>
    <x v="1"/>
    <s v=""/>
    <x v="4"/>
    <s v="Assessment of Returns and Payment Processing"/>
    <s v="Other"/>
    <s v="CRA-701"/>
    <s v="In Production"/>
    <s v="mini_main_super"/>
    <x v="1"/>
    <x v="304"/>
  </r>
  <r>
    <x v="3"/>
    <x v="15"/>
    <x v="858"/>
    <s v="T1ED/POSSRAP"/>
    <m/>
    <s v=""/>
    <x v="1"/>
    <s v=""/>
    <x v="4"/>
    <s v="Assessment of Returns and Payment Processing"/>
    <s v="Other"/>
    <s v="CRA-702"/>
    <s v="In Production"/>
    <s v="mini_main_super"/>
    <x v="1"/>
    <x v="304"/>
  </r>
  <r>
    <x v="3"/>
    <x v="15"/>
    <x v="859"/>
    <s v="T1ED/PSN/LAB"/>
    <m/>
    <s v=""/>
    <x v="1"/>
    <s v=""/>
    <x v="4"/>
    <s v="Assessment of Returns and Payment Processing"/>
    <s v="Other"/>
    <s v="CRA-703"/>
    <s v="In Production"/>
    <s v="mini_main_super"/>
    <x v="1"/>
    <x v="304"/>
  </r>
  <r>
    <x v="3"/>
    <x v="15"/>
    <x v="860"/>
    <s v="T1ED/QC/TRFR"/>
    <m/>
    <s v=""/>
    <x v="1"/>
    <s v=""/>
    <x v="4"/>
    <s v="Assessment of Returns and Payment Processing"/>
    <s v="Other"/>
    <s v="CRA-704"/>
    <s v="In Production"/>
    <s v="mini_main_super"/>
    <x v="1"/>
    <x v="304"/>
  </r>
  <r>
    <x v="3"/>
    <x v="15"/>
    <x v="861"/>
    <s v="T1ED/RTN/DOC"/>
    <m/>
    <s v=""/>
    <x v="1"/>
    <s v=""/>
    <x v="4"/>
    <s v="Assessment of Returns and Payment Processing"/>
    <s v="Other"/>
    <s v="CRA-705"/>
    <s v="In Production"/>
    <s v="mini_main_super"/>
    <x v="1"/>
    <x v="304"/>
  </r>
  <r>
    <x v="3"/>
    <x v="15"/>
    <x v="862"/>
    <s v="T1ED/SC/STAT"/>
    <m/>
    <s v=""/>
    <x v="1"/>
    <s v=""/>
    <x v="4"/>
    <s v="Assessment of Returns and Payment Processing"/>
    <s v="Other"/>
    <s v="CRA-706"/>
    <s v="In Production"/>
    <s v="mini_main_super"/>
    <x v="1"/>
    <x v="304"/>
  </r>
  <r>
    <x v="3"/>
    <x v="15"/>
    <x v="863"/>
    <s v="T1ED/T529/L"/>
    <m/>
    <s v=""/>
    <x v="1"/>
    <s v=""/>
    <x v="4"/>
    <s v="Assessment of Returns and Payment Processing"/>
    <s v="Other"/>
    <s v="CRA-707"/>
    <s v="In Production"/>
    <s v="mini_main_super"/>
    <x v="1"/>
    <x v="304"/>
  </r>
  <r>
    <x v="3"/>
    <x v="15"/>
    <x v="864"/>
    <s v="T1ED/WAS"/>
    <m/>
    <s v=""/>
    <x v="1"/>
    <s v=""/>
    <x v="4"/>
    <s v="Assessment of Returns and Payment Processing"/>
    <s v="Other"/>
    <s v="CRA-708"/>
    <s v="In Production"/>
    <s v="mini_main_super"/>
    <x v="1"/>
    <x v="360"/>
  </r>
  <r>
    <x v="3"/>
    <x v="15"/>
    <x v="865"/>
    <s v="T1ED/WIS"/>
    <m/>
    <s v=""/>
    <x v="1"/>
    <s v=""/>
    <x v="4"/>
    <s v="Assessment of Returns and Payment Processing"/>
    <s v="Other"/>
    <s v="CRA-709"/>
    <s v="In Production"/>
    <s v="mini_main_super"/>
    <x v="1"/>
    <x v="304"/>
  </r>
  <r>
    <x v="6"/>
    <x v="48"/>
    <x v="866"/>
    <s v="MIMA-INNS"/>
    <m/>
    <s v=""/>
    <x v="1"/>
    <s v=""/>
    <x v="4"/>
    <s v="Taxpayer and Business Assistance"/>
    <s v="Other"/>
    <s v="CRA-710"/>
    <s v="In Production"/>
    <s v="web"/>
    <x v="1"/>
    <x v="306"/>
  </r>
  <r>
    <x v="6"/>
    <x v="48"/>
    <x v="867"/>
    <s v="T1LOCK"/>
    <m/>
    <s v=""/>
    <x v="1"/>
    <s v=""/>
    <x v="4"/>
    <s v="Assessment of Returns and Payment Processing"/>
    <s v="Other"/>
    <s v="CRA-711"/>
    <s v="In Production"/>
    <s v="mini_main_super"/>
    <x v="1"/>
    <x v="306"/>
  </r>
  <r>
    <x v="10"/>
    <x v="60"/>
    <x v="868"/>
    <s v="T1PR"/>
    <m/>
    <s v=""/>
    <x v="1"/>
    <s v=""/>
    <x v="4"/>
    <s v="Assessment of Returns and Payment Processing"/>
    <s v="Other"/>
    <s v="CRA-713"/>
    <s v="In Production"/>
    <s v="mini_main_super"/>
    <x v="1"/>
    <x v="306"/>
  </r>
  <r>
    <x v="6"/>
    <x v="48"/>
    <x v="869"/>
    <s v="T1TAB"/>
    <m/>
    <s v=""/>
    <x v="1"/>
    <s v=""/>
    <x v="4"/>
    <s v="Assessment of Returns and Payment Processing"/>
    <s v="Other"/>
    <s v="CRA-714"/>
    <s v="In Production"/>
    <s v="mini_main_super"/>
    <x v="1"/>
    <x v="306"/>
  </r>
  <r>
    <x v="6"/>
    <x v="48"/>
    <x v="870"/>
    <s v="T1TAF"/>
    <m/>
    <s v=""/>
    <x v="1"/>
    <s v=""/>
    <x v="4"/>
    <s v="Assessment of Returns and Payment Processing"/>
    <s v="Other"/>
    <s v="CRA-716"/>
    <s v="In Production"/>
    <s v="mini_main_super"/>
    <x v="1"/>
    <x v="306"/>
  </r>
  <r>
    <x v="6"/>
    <x v="48"/>
    <x v="871"/>
    <s v="T1TAP"/>
    <m/>
    <s v=""/>
    <x v="1"/>
    <s v=""/>
    <x v="4"/>
    <s v="Assessment of Returns and Payment Processing"/>
    <s v="Other"/>
    <s v="CRA-718"/>
    <s v="In Production"/>
    <s v="mini_main_super"/>
    <x v="1"/>
    <x v="306"/>
  </r>
  <r>
    <x v="6"/>
    <x v="48"/>
    <x v="872"/>
    <s v="T1TAS"/>
    <m/>
    <s v=""/>
    <x v="1"/>
    <s v=""/>
    <x v="4"/>
    <s v="Assessment of Returns and Payment Processing"/>
    <s v="Other"/>
    <s v="CRA-719"/>
    <s v="In Production"/>
    <s v="mini_main_super"/>
    <x v="1"/>
    <x v="306"/>
  </r>
  <r>
    <x v="3"/>
    <x v="15"/>
    <x v="873"/>
    <s v="T1-TMS"/>
    <m/>
    <s v=""/>
    <x v="1"/>
    <s v=""/>
    <x v="4"/>
    <s v="Assessment of Returns and Payment Processing"/>
    <s v="Other"/>
    <s v="CRA-720"/>
    <s v="In Production"/>
    <s v="mini_main_super"/>
    <x v="1"/>
    <x v="304"/>
  </r>
  <r>
    <x v="3"/>
    <x v="15"/>
    <x v="874"/>
    <s v="T1WKL-FL-TSR"/>
    <m/>
    <s v=""/>
    <x v="1"/>
    <s v=""/>
    <x v="4"/>
    <s v="Assessment of Returns and Payment Processing"/>
    <s v="Other"/>
    <s v="CRA-721"/>
    <s v="In Production"/>
    <s v="mini_main_super"/>
    <x v="1"/>
    <x v="304"/>
  </r>
  <r>
    <x v="3"/>
    <x v="15"/>
    <x v="875"/>
    <s v="T3/NOTICES"/>
    <m/>
    <s v=""/>
    <x v="1"/>
    <s v=""/>
    <x v="4"/>
    <s v="Assessment of Returns and Payment Processing"/>
    <s v="Information Technology Services"/>
    <s v="CRA-725"/>
    <s v="In Production"/>
    <s v="mini_main_super"/>
    <x v="1"/>
    <x v="398"/>
  </r>
  <r>
    <x v="0"/>
    <x v="8"/>
    <x v="876"/>
    <s v="T4/ROE"/>
    <m/>
    <s v=""/>
    <x v="1"/>
    <s v=""/>
    <x v="4"/>
    <s v="Benefit Programs"/>
    <s v="Information Management Services"/>
    <s v="CRA-728"/>
    <s v="In Production"/>
    <s v="mini_main_super"/>
    <x v="1"/>
    <x v="304"/>
  </r>
  <r>
    <x v="0"/>
    <x v="8"/>
    <x v="877"/>
    <s v="T4/WEBFORM"/>
    <m/>
    <s v=""/>
    <x v="1"/>
    <s v=""/>
    <x v="4"/>
    <s v="Assessment of Returns and Payment Processing"/>
    <s v="Other"/>
    <s v="CRA-729"/>
    <s v="In Production"/>
    <s v="web"/>
    <x v="1"/>
    <x v="399"/>
  </r>
  <r>
    <x v="6"/>
    <x v="48"/>
    <x v="878"/>
    <s v="AUTOINTCAL"/>
    <m/>
    <s v=""/>
    <x v="1"/>
    <s v=""/>
    <x v="4"/>
    <s v="Assessment of Returns and Payment Processing"/>
    <s v="Other"/>
    <s v="CRA-73"/>
    <s v="In Production"/>
    <s v="mini_main_super"/>
    <x v="1"/>
    <x v="306"/>
  </r>
  <r>
    <x v="0"/>
    <x v="16"/>
    <x v="879"/>
    <s v="TeleArrangement"/>
    <m/>
    <s v=""/>
    <x v="1"/>
    <s v=""/>
    <x v="4"/>
    <s v="Collections, Compliance and Verification"/>
    <s v="Other"/>
    <s v="CRA-733"/>
    <s v="In Production"/>
    <s v="mini_main_super"/>
    <x v="1"/>
    <x v="347"/>
  </r>
  <r>
    <x v="0"/>
    <x v="28"/>
    <x v="880"/>
    <s v="Telerefund"/>
    <m/>
    <s v=""/>
    <x v="1"/>
    <s v=""/>
    <x v="4"/>
    <s v="Assessment of Returns and Payment Processing"/>
    <s v="Other"/>
    <s v="CRA-735"/>
    <s v="In Production"/>
    <s v="rich"/>
    <x v="1"/>
    <x v="304"/>
  </r>
  <r>
    <x v="6"/>
    <x v="48"/>
    <x v="881"/>
    <s v="T1/BATCH"/>
    <m/>
    <s v=""/>
    <x v="1"/>
    <s v=""/>
    <x v="4"/>
    <s v="Assessment of Returns and Payment Processing"/>
    <s v="Other"/>
    <s v="CRA-739"/>
    <s v="In Production"/>
    <s v="mini_main_super"/>
    <x v="1"/>
    <x v="306"/>
  </r>
  <r>
    <x v="6"/>
    <x v="48"/>
    <x v="882"/>
    <s v="TN/TaxAcctApserver/TEST"/>
    <m/>
    <s v=""/>
    <x v="1"/>
    <s v=""/>
    <x v="4"/>
    <s v="Taxpayer and Business Assistance"/>
    <s v="Other"/>
    <s v="CRA-746"/>
    <s v="In Production"/>
    <s v="mini_main_super"/>
    <x v="1"/>
    <x v="306"/>
  </r>
  <r>
    <x v="6"/>
    <x v="48"/>
    <x v="883"/>
    <s v="TRDA"/>
    <m/>
    <s v=""/>
    <x v="1"/>
    <s v=""/>
    <x v="4"/>
    <s v="Assessment of Returns and Payment Processing"/>
    <s v="Other"/>
    <s v="CRA-750"/>
    <s v="In Production"/>
    <s v="mini_main_super"/>
    <x v="1"/>
    <x v="306"/>
  </r>
  <r>
    <x v="10"/>
    <x v="60"/>
    <x v="884"/>
    <s v="TRIS/GOL"/>
    <m/>
    <s v=""/>
    <x v="1"/>
    <s v=""/>
    <x v="4"/>
    <s v="Assessment of Returns and Payment Processing"/>
    <s v="Other"/>
    <s v="CRA-752"/>
    <s v="In Production"/>
    <s v="web"/>
    <x v="1"/>
    <x v="400"/>
  </r>
  <r>
    <x v="3"/>
    <x v="31"/>
    <x v="885"/>
    <s v="TSAD-B"/>
    <m/>
    <s v=""/>
    <x v="1"/>
    <s v=""/>
    <x v="4"/>
    <s v="Taxpayer and Business Assistance"/>
    <s v="Information Management Services,Information Technology Services"/>
    <s v="CRA-753"/>
    <s v="In Production"/>
    <s v="rich"/>
    <x v="1"/>
    <x v="350"/>
  </r>
  <r>
    <x v="3"/>
    <x v="31"/>
    <x v="886"/>
    <s v="TSAD/I"/>
    <m/>
    <s v=""/>
    <x v="1"/>
    <s v=""/>
    <x v="4"/>
    <s v="Taxpayer and Business Assistance"/>
    <s v="Information Management Services,Information Technology Services"/>
    <s v="CRA-754"/>
    <s v="In Production"/>
    <s v="rich"/>
    <x v="1"/>
    <x v="350"/>
  </r>
  <r>
    <x v="0"/>
    <x v="8"/>
    <x v="887"/>
    <s v="V/RTN/ST_GOL"/>
    <m/>
    <s v=""/>
    <x v="1"/>
    <s v=""/>
    <x v="4"/>
    <s v="Assessment of Returns and Payment Processing"/>
    <s v="Other"/>
    <s v="CRA-759"/>
    <s v="In Production"/>
    <s v="web"/>
    <x v="1"/>
    <x v="401"/>
  </r>
  <r>
    <x v="0"/>
    <x v="42"/>
    <x v="888"/>
    <s v="V/T1/Ass_GOL"/>
    <m/>
    <s v=""/>
    <x v="1"/>
    <s v=""/>
    <x v="4"/>
    <s v="Assessment of Returns and Payment Processing"/>
    <s v="Information Technology Services"/>
    <s v="CRA-760"/>
    <s v="In Production"/>
    <s v="web"/>
    <x v="1"/>
    <x v="369"/>
  </r>
  <r>
    <x v="7"/>
    <x v="81"/>
    <x v="889"/>
    <s v="VERITAS"/>
    <m/>
    <s v=""/>
    <x v="1"/>
    <s v=""/>
    <x v="4"/>
    <s v="Benefit Programs"/>
    <s v="Other"/>
    <s v="CRA-763"/>
    <s v="In Production"/>
    <s v="mini_main_super"/>
    <x v="1"/>
    <x v="304"/>
  </r>
  <r>
    <x v="0"/>
    <x v="7"/>
    <x v="890"/>
    <s v="VIEW_MAIL"/>
    <m/>
    <s v=""/>
    <x v="1"/>
    <s v=""/>
    <x v="4"/>
    <s v="Assessment of Returns and Payment Processing"/>
    <s v="Communications Services,Information Management Services"/>
    <s v="CRA-764"/>
    <s v="In Production"/>
    <s v="web"/>
    <x v="1"/>
    <x v="402"/>
  </r>
  <r>
    <x v="0"/>
    <x v="7"/>
    <x v="891"/>
    <s v="BCCS VMF"/>
    <s v="VMF is a JAVA Swing application that runs on the eBCI platform designed to query and update the BCCS metadata database allowing BCCS Business to create, modify or expire verses, components and templates for use in the BCCS application."/>
    <s v=""/>
    <x v="1"/>
    <s v=""/>
    <x v="4"/>
    <s v="Assessment of Returns and Payment Processing"/>
    <s v="Communications Services,Information Management Services"/>
    <s v="CRA-765"/>
    <s v="In Production"/>
    <s v="rich"/>
    <x v="1"/>
    <x v="350"/>
  </r>
  <r>
    <x v="3"/>
    <x v="63"/>
    <x v="892"/>
    <s v="WAS"/>
    <m/>
    <s v=""/>
    <x v="1"/>
    <s v=""/>
    <x v="4"/>
    <s v="Assessment of Returns and Payment Processing"/>
    <s v="Other"/>
    <s v="CRA-766"/>
    <s v="In Production"/>
    <s v="mini_main_super"/>
    <x v="1"/>
    <x v="360"/>
  </r>
  <r>
    <x v="0"/>
    <x v="7"/>
    <x v="893"/>
    <s v="WEBCIMS"/>
    <m/>
    <s v="Other"/>
    <x v="27"/>
    <s v="COGNOS IMPROMPTU-IBM,WebCIMS-Spin Systems"/>
    <x v="4"/>
    <s v="Internal Services"/>
    <s v="Communications Services"/>
    <s v="CRA-770"/>
    <s v="In Production"/>
    <s v="rich"/>
    <x v="0"/>
    <x v="348"/>
  </r>
  <r>
    <x v="2"/>
    <x v="23"/>
    <x v="894"/>
    <s v="WinALS"/>
    <m/>
    <s v=""/>
    <x v="1"/>
    <s v=""/>
    <x v="4"/>
    <s v="Reporting Compliance"/>
    <s v="Information Technology Services"/>
    <s v="CRA-772"/>
    <s v="In Production"/>
    <s v="rich"/>
    <x v="1"/>
    <x v="10"/>
  </r>
  <r>
    <x v="3"/>
    <x v="15"/>
    <x v="895"/>
    <s v="WIS"/>
    <m/>
    <s v=""/>
    <x v="1"/>
    <s v=""/>
    <x v="4"/>
    <s v="Assessment of Returns and Payment Processing"/>
    <s v="Other"/>
    <s v="CRA-775"/>
    <s v="In Production"/>
    <s v="mini_main_super"/>
    <x v="1"/>
    <x v="304"/>
  </r>
  <r>
    <x v="0"/>
    <x v="16"/>
    <x v="896"/>
    <s v="WMS"/>
    <m/>
    <s v=""/>
    <x v="1"/>
    <s v=""/>
    <x v="4"/>
    <s v="Internal Services"/>
    <s v="Other"/>
    <s v="CRA-777"/>
    <s v="In Production"/>
    <s v="mini_main_super"/>
    <x v="1"/>
    <x v="306"/>
  </r>
  <r>
    <x v="0"/>
    <x v="7"/>
    <x v="897"/>
    <s v="BCCS Online"/>
    <m/>
    <s v=""/>
    <x v="1"/>
    <s v=""/>
    <x v="4"/>
    <s v="Assessment of Returns and Payment Processing"/>
    <s v="Communications Services,Information Management Services"/>
    <s v="CRA-78"/>
    <s v="In Production"/>
    <s v="mini_main_super"/>
    <x v="1"/>
    <x v="306"/>
  </r>
  <r>
    <x v="6"/>
    <x v="48"/>
    <x v="898"/>
    <s v="II/APSERVER"/>
    <m/>
    <s v=""/>
    <x v="1"/>
    <s v=""/>
    <x v="4"/>
    <s v="Assessment of Returns and Payment Processing"/>
    <s v="Other"/>
    <s v="CRA-784"/>
    <s v="In Production"/>
    <s v="mini_main_super"/>
    <x v="1"/>
    <x v="306"/>
  </r>
  <r>
    <x v="7"/>
    <x v="81"/>
    <x v="899"/>
    <s v="NSPHARMACARE"/>
    <m/>
    <s v=""/>
    <x v="1"/>
    <s v=""/>
    <x v="4"/>
    <s v="Benefit Programs"/>
    <s v="Other"/>
    <s v="CRA-786"/>
    <s v="In Production"/>
    <s v="mini_main_super"/>
    <x v="1"/>
    <x v="357"/>
  </r>
  <r>
    <x v="7"/>
    <x v="81"/>
    <x v="900"/>
    <s v="EIFS"/>
    <m/>
    <s v=""/>
    <x v="1"/>
    <s v=""/>
    <x v="4"/>
    <s v="Benefit Programs"/>
    <s v="Other"/>
    <s v="CRA-787"/>
    <s v="In Production"/>
    <s v="mini_main_super"/>
    <x v="1"/>
    <x v="357"/>
  </r>
  <r>
    <x v="7"/>
    <x v="81"/>
    <x v="901"/>
    <s v="CLB/CESG"/>
    <m/>
    <s v=""/>
    <x v="1"/>
    <s v=""/>
    <x v="4"/>
    <s v="Benefit Programs"/>
    <s v="Other"/>
    <s v="CRA-788"/>
    <s v="In Production"/>
    <s v="mini_main_super"/>
    <x v="1"/>
    <x v="357"/>
  </r>
  <r>
    <x v="7"/>
    <x v="81"/>
    <x v="902"/>
    <s v="GIS/DE"/>
    <m/>
    <s v=""/>
    <x v="1"/>
    <s v=""/>
    <x v="4"/>
    <s v="Benefit Programs"/>
    <s v="Other"/>
    <s v="CRA-789"/>
    <s v="In Production"/>
    <s v="mini_main_super"/>
    <x v="1"/>
    <x v="359"/>
  </r>
  <r>
    <x v="0"/>
    <x v="7"/>
    <x v="903"/>
    <s v="BCCS/e-Requests"/>
    <m/>
    <s v=""/>
    <x v="1"/>
    <s v=""/>
    <x v="4"/>
    <s v="Assessment of Returns and Payment Processing"/>
    <s v="Communications Services,Information Management Services"/>
    <s v="CRA-79"/>
    <s v="In Production"/>
    <s v="mini_main_super"/>
    <x v="1"/>
    <x v="306"/>
  </r>
  <r>
    <x v="7"/>
    <x v="81"/>
    <x v="904"/>
    <s v="MRQ/DT"/>
    <m/>
    <s v=""/>
    <x v="1"/>
    <s v=""/>
    <x v="4"/>
    <s v="Benefit Programs"/>
    <s v="Other"/>
    <s v="CRA-790"/>
    <s v="In Production"/>
    <s v="mini_main_super"/>
    <x v="1"/>
    <x v="366"/>
  </r>
  <r>
    <x v="7"/>
    <x v="81"/>
    <x v="905"/>
    <s v="DE/RRQ"/>
    <m/>
    <s v=""/>
    <x v="1"/>
    <s v=""/>
    <x v="4"/>
    <s v="Benefit Programs"/>
    <s v="Other"/>
    <s v="CRA-791"/>
    <s v="In Production"/>
    <s v="mini_main_super"/>
    <x v="1"/>
    <x v="311"/>
  </r>
  <r>
    <x v="7"/>
    <x v="81"/>
    <x v="906"/>
    <s v="TIPS-CDD"/>
    <m/>
    <s v=""/>
    <x v="1"/>
    <s v=""/>
    <x v="4"/>
    <s v="Benefit Programs"/>
    <s v="Other"/>
    <s v="CRA-792"/>
    <s v="In Production"/>
    <s v="mini_main_super"/>
    <x v="1"/>
    <x v="374"/>
  </r>
  <r>
    <x v="0"/>
    <x v="16"/>
    <x v="907"/>
    <s v="CASE/RP"/>
    <m/>
    <s v=""/>
    <x v="1"/>
    <s v=""/>
    <x v="4"/>
    <s v="Internal Services"/>
    <s v="Other"/>
    <s v="CRA-794"/>
    <s v="In Production"/>
    <s v="mini_main_super"/>
    <x v="1"/>
    <x v="403"/>
  </r>
  <r>
    <x v="0"/>
    <x v="8"/>
    <x v="908"/>
    <s v="INFODEC/IRM"/>
    <m/>
    <s v=""/>
    <x v="1"/>
    <s v=""/>
    <x v="4"/>
    <s v="Assessment of Returns and Payment Processing"/>
    <s v="Information Management Services"/>
    <s v="CRA-795"/>
    <s v="In Production"/>
    <s v="mini_main_super"/>
    <x v="1"/>
    <x v="304"/>
  </r>
  <r>
    <x v="3"/>
    <x v="31"/>
    <x v="909"/>
    <s v="Analytics/GST Audit"/>
    <m/>
    <s v=""/>
    <x v="1"/>
    <s v=""/>
    <x v="4"/>
    <s v="Collections, Compliance and Verification"/>
    <s v="Other"/>
    <s v="CRA-796"/>
    <s v="In Production"/>
    <s v="rich"/>
    <x v="1"/>
    <x v="344"/>
  </r>
  <r>
    <x v="6"/>
    <x v="82"/>
    <x v="910"/>
    <s v="BN"/>
    <m/>
    <s v=""/>
    <x v="1"/>
    <s v=""/>
    <x v="4"/>
    <s v="Assessment of Returns and Payment Processing"/>
    <s v="Other"/>
    <s v="CRA-80"/>
    <s v="In Production"/>
    <s v="mini_main_super"/>
    <x v="1"/>
    <x v="310"/>
  </r>
  <r>
    <x v="7"/>
    <x v="81"/>
    <x v="911"/>
    <s v="ABA"/>
    <m/>
    <s v=""/>
    <x v="1"/>
    <s v=""/>
    <x v="4"/>
    <s v="Benefit Programs"/>
    <s v="Other"/>
    <s v="CRA-800"/>
    <s v="In Production"/>
    <s v="mini_main_super"/>
    <x v="1"/>
    <x v="404"/>
  </r>
  <r>
    <x v="7"/>
    <x v="81"/>
    <x v="912"/>
    <s v="RDSP"/>
    <m/>
    <s v=""/>
    <x v="1"/>
    <s v=""/>
    <x v="4"/>
    <s v="Benefit Programs"/>
    <s v="Other"/>
    <s v="CRA-801"/>
    <s v="In Production"/>
    <s v="mini_main_super"/>
    <x v="1"/>
    <x v="357"/>
  </r>
  <r>
    <x v="3"/>
    <x v="31"/>
    <x v="913"/>
    <s v="Analytics/Appeals/CPPEI"/>
    <m/>
    <s v=""/>
    <x v="1"/>
    <s v=""/>
    <x v="4"/>
    <s v="Appeals"/>
    <s v="Other"/>
    <s v="CRA-802"/>
    <s v="In Production"/>
    <s v="rich"/>
    <x v="1"/>
    <x v="344"/>
  </r>
  <r>
    <x v="0"/>
    <x v="42"/>
    <x v="914"/>
    <s v="D2/RAPI/S"/>
    <m/>
    <s v=""/>
    <x v="1"/>
    <s v=""/>
    <x v="4"/>
    <s v="Assessment of Returns and Payment Processing"/>
    <s v="Other"/>
    <s v="CRA-803"/>
    <s v="In Production"/>
    <s v="mini_main_super"/>
    <x v="1"/>
    <x v="306"/>
  </r>
  <r>
    <x v="6"/>
    <x v="48"/>
    <x v="915"/>
    <s v="TFSA"/>
    <m/>
    <s v=""/>
    <x v="1"/>
    <s v=""/>
    <x v="4"/>
    <s v="Assessment of Returns and Payment Processing"/>
    <s v="Other"/>
    <s v="CRA-812"/>
    <s v="In Production"/>
    <s v="web"/>
    <x v="1"/>
    <x v="306"/>
  </r>
  <r>
    <x v="1"/>
    <x v="1"/>
    <x v="916"/>
    <s v="SMART"/>
    <s v="The Service Management Application and Reporting Tool (SMART) is an IT Service Management tool used to manage production incidents, changes, and configuration items (assets). This client/server application with server software resides on eBCI (UNIX/Solaris platform) and uses a browser interface (along with a limited set of users on a native client on the CTP platform)."/>
    <s v="Other"/>
    <x v="1"/>
    <s v="Remedy SD-BMC"/>
    <x v="4"/>
    <s v="Internal Services"/>
    <s v="Information Technology Services"/>
    <s v="CRA-813"/>
    <s v="In Production"/>
    <s v="rich"/>
    <x v="0"/>
    <x v="370"/>
  </r>
  <r>
    <x v="0"/>
    <x v="28"/>
    <x v="917"/>
    <s v="RAPI/F"/>
    <m/>
    <s v=""/>
    <x v="1"/>
    <s v=""/>
    <x v="4"/>
    <s v="Assessment of Returns and Payment Processing"/>
    <s v="Other"/>
    <s v="CRA-814"/>
    <s v="In Production"/>
    <s v="mini_main_super"/>
    <x v="1"/>
    <x v="304"/>
  </r>
  <r>
    <x v="7"/>
    <x v="81"/>
    <x v="918"/>
    <s v="BPS"/>
    <m/>
    <s v=""/>
    <x v="1"/>
    <s v=""/>
    <x v="4"/>
    <s v="Benefit Programs"/>
    <s v="Other"/>
    <s v="CRA-815"/>
    <s v="In Production"/>
    <s v="mini_main_super"/>
    <x v="1"/>
    <x v="363"/>
  </r>
  <r>
    <x v="3"/>
    <x v="30"/>
    <x v="919"/>
    <s v="CTIS"/>
    <m/>
    <s v=""/>
    <x v="1"/>
    <s v=""/>
    <x v="4"/>
    <s v="Taxpayer and Business Assistance"/>
    <s v="Human Resources Management Services,Information Management Services,Information Technology Services,Management and Oversight Services"/>
    <s v="CRA-816"/>
    <s v="In Production"/>
    <s v="rich"/>
    <x v="1"/>
    <x v="405"/>
  </r>
  <r>
    <x v="8"/>
    <x v="38"/>
    <x v="920"/>
    <s v="MyPayment"/>
    <m/>
    <s v=""/>
    <x v="1"/>
    <s v=""/>
    <x v="4"/>
    <s v="Assessment of Returns and Payment Processing"/>
    <s v="Information Technology Services"/>
    <s v="CRA-817"/>
    <s v="In Production"/>
    <s v="web"/>
    <x v="1"/>
    <x v="406"/>
  </r>
  <r>
    <x v="0"/>
    <x v="28"/>
    <x v="921"/>
    <s v="ENT/SRCH"/>
    <s v="Provide intranet search for the main INFOZONE website"/>
    <s v=""/>
    <x v="1"/>
    <s v=""/>
    <x v="4"/>
    <s v="Internal Services"/>
    <s v="Information Management Services"/>
    <s v="CRA-820"/>
    <s v="In Production"/>
    <s v="web"/>
    <x v="1"/>
    <x v="407"/>
  </r>
  <r>
    <x v="1"/>
    <x v="1"/>
    <x v="922"/>
    <s v="PSL"/>
    <s v="PSL is an internal use tool for tracking Functional Change Request for Solutions Application systems."/>
    <s v=""/>
    <x v="1"/>
    <s v=""/>
    <x v="4"/>
    <s v="Internal Services"/>
    <s v="Information Technology Services"/>
    <s v="CRA-824"/>
    <s v="In Production"/>
    <s v="web"/>
    <x v="1"/>
    <x v="408"/>
  </r>
  <r>
    <x v="0"/>
    <x v="28"/>
    <x v="923"/>
    <s v="CommPort"/>
    <s v="CommPort is a Web-based intranet application originally developed by the Public Affairs Branch (PAB). It provides a one-stop media relations management system that allows the Canada Revenue Agency (CRA) to record and report on all media calls, media responses, and question period responses, while sharing current media lines from a real-time searchable database. Given CommPort's success, PAB shared their home-grown solution with other government departments (OGD). In 2009, the Java Development Section (JADS) within the Solutions directorate partnered with PAB's Media Relations Division to transform the CommPort application into a Java solution on the e-Business Computing Infrastructure Platform (eBCI). This improved the solution for over 300 CRA issue m"/>
    <s v=""/>
    <x v="1"/>
    <s v=""/>
    <x v="4"/>
    <s v="Internal Services"/>
    <s v="Communications Services"/>
    <s v="CRA-825"/>
    <s v="In Production"/>
    <s v="web"/>
    <x v="1"/>
    <x v="409"/>
  </r>
  <r>
    <x v="3"/>
    <x v="31"/>
    <x v="924"/>
    <s v="EWOW-LEGACY"/>
    <m/>
    <s v=""/>
    <x v="1"/>
    <s v=""/>
    <x v="4"/>
    <s v="Taxpayer and Business Assistance"/>
    <s v="Other"/>
    <s v="CRA-826"/>
    <s v="In Production"/>
    <s v="mini_main_super"/>
    <x v="1"/>
    <x v="306"/>
  </r>
  <r>
    <x v="3"/>
    <x v="15"/>
    <x v="925"/>
    <s v="NRTC"/>
    <s v="The Non Resident Tax Calculator is an Internet application used for making Part XIII tax calculations. This online tool calculates the current Part XIII (non-resident) tax payable on certain amounts paid or credited to non-residents of Canada. The calculation is based solely on information provided by the user and does not include interest charges or penalties that may be applicable on balances of outstanding tax."/>
    <s v=""/>
    <x v="1"/>
    <s v=""/>
    <x v="4"/>
    <s v="Collections, Compliance and Verification"/>
    <s v="Other"/>
    <s v="CRA-831"/>
    <s v="In Production"/>
    <s v="web"/>
    <x v="1"/>
    <x v="309"/>
  </r>
  <r>
    <x v="3"/>
    <x v="31"/>
    <x v="926"/>
    <s v="CSRBI"/>
    <m/>
    <s v="Other"/>
    <x v="1"/>
    <s v="COGNOS OTHER-IBM,DataStage-IBM"/>
    <x v="4"/>
    <s v="Collections, Compliance and Verification"/>
    <s v="Information Technology Services"/>
    <s v="CRA-833"/>
    <s v="In Production"/>
    <s v="rich"/>
    <x v="0"/>
    <x v="334"/>
  </r>
  <r>
    <x v="9"/>
    <x v="54"/>
    <x v="927"/>
    <s v="SADC/RBAG"/>
    <s v="Role Based Access Guides (RBAG) is the authoritative source used by managers to provision employees with the minimum system access permissions for national applications required to perform a job function. System Access Definition Catalogue (SADC) provides managers with a plain language authoritative catalogue to support the assignment of minimum system profiles and / or access permissions via the RBAG by clarifying the specific content of profiles and permissions."/>
    <s v=""/>
    <x v="1"/>
    <s v=""/>
    <x v="4"/>
    <s v="Internal Services"/>
    <s v="Information Technology Services"/>
    <s v="CRA-834"/>
    <s v="In Production"/>
    <s v="web"/>
    <x v="1"/>
    <x v="409"/>
  </r>
  <r>
    <x v="0"/>
    <x v="7"/>
    <x v="928"/>
    <s v="EAO"/>
    <m/>
    <s v=""/>
    <x v="1"/>
    <s v=""/>
    <x v="4"/>
    <s v="Assessment of Returns and Payment Processing"/>
    <s v="Communications Services,Information Management Services"/>
    <s v="CRA-838"/>
    <s v="In Production"/>
    <s v="mini_main_super"/>
    <x v="1"/>
    <x v="306"/>
  </r>
  <r>
    <x v="0"/>
    <x v="7"/>
    <x v="929"/>
    <s v="ECH"/>
    <m/>
    <s v=""/>
    <x v="1"/>
    <s v=""/>
    <x v="4"/>
    <s v="Assessment of Returns and Payment Processing"/>
    <s v="Communications Services,Information Management Services"/>
    <s v="CRA-839"/>
    <s v="In Production"/>
    <s v="rich"/>
    <x v="1"/>
    <x v="350"/>
  </r>
  <r>
    <x v="0"/>
    <x v="8"/>
    <x v="930"/>
    <s v="EPC"/>
    <m/>
    <s v=""/>
    <x v="1"/>
    <s v=""/>
    <x v="4"/>
    <s v="Assessment of Returns and Payment Processing"/>
    <s v="Communications Services,Information Management Services"/>
    <s v="CRA-840"/>
    <s v="In Production"/>
    <s v="rich"/>
    <x v="1"/>
    <x v="410"/>
  </r>
  <r>
    <x v="0"/>
    <x v="85"/>
    <x v="931"/>
    <s v="Saperion"/>
    <m/>
    <s v="Other"/>
    <x v="1"/>
    <s v="Saperion-Saperion"/>
    <x v="4"/>
    <s v="Internal Services"/>
    <s v="Information Management Services"/>
    <s v="CRA-841"/>
    <s v="In Production"/>
    <s v="rich"/>
    <x v="0"/>
    <x v="411"/>
  </r>
  <r>
    <x v="0"/>
    <x v="8"/>
    <x v="932"/>
    <s v="EVMF"/>
    <s v="This application maintains the contents of the LLMT database, allowing HQ staff to maintain verses etc for correspondence issued from the EPC and EAO applications."/>
    <s v=""/>
    <x v="1"/>
    <s v=""/>
    <x v="4"/>
    <s v="Assessment of Returns and Payment Processing"/>
    <s v="Communications Services,Information Management Services"/>
    <s v="CRA-842"/>
    <s v="In Production"/>
    <s v="rich"/>
    <x v="1"/>
    <x v="350"/>
  </r>
  <r>
    <x v="6"/>
    <x v="48"/>
    <x v="933"/>
    <s v="IASI"/>
    <m/>
    <s v=""/>
    <x v="1"/>
    <s v=""/>
    <x v="4"/>
    <s v="Assessment of Returns and Payment Processing"/>
    <s v="Other"/>
    <s v="CRA-843"/>
    <s v="In Production"/>
    <s v="rich"/>
    <x v="1"/>
    <x v="347"/>
  </r>
  <r>
    <x v="10"/>
    <x v="60"/>
    <x v="934"/>
    <s v="HBP SP/TADETECT"/>
    <m/>
    <s v=""/>
    <x v="1"/>
    <s v=""/>
    <x v="4"/>
    <s v="Assessment of Returns and Payment Processing"/>
    <s v="Other"/>
    <s v="CRA-844"/>
    <s v="In Production"/>
    <s v="mini_main_super"/>
    <x v="1"/>
    <x v="306"/>
  </r>
  <r>
    <x v="10"/>
    <x v="60"/>
    <x v="935"/>
    <s v="HBP SP/MATCHING"/>
    <m/>
    <s v=""/>
    <x v="1"/>
    <s v=""/>
    <x v="4"/>
    <s v="Assessment of Returns and Payment Processing"/>
    <s v="Other"/>
    <s v="CRA-845"/>
    <s v="In Production"/>
    <s v="mini_main_super"/>
    <x v="1"/>
    <x v="306"/>
  </r>
  <r>
    <x v="10"/>
    <x v="60"/>
    <x v="936"/>
    <s v="HBP SP/Monitor-stats"/>
    <m/>
    <s v=""/>
    <x v="1"/>
    <s v=""/>
    <x v="4"/>
    <s v="Assessment of Returns and Payment Processing"/>
    <s v="Other"/>
    <s v="CRA-846"/>
    <s v="In Production"/>
    <s v="mini_main_super"/>
    <x v="1"/>
    <x v="306"/>
  </r>
  <r>
    <x v="10"/>
    <x v="60"/>
    <x v="937"/>
    <s v="HBP SP/ADDRESS"/>
    <m/>
    <s v=""/>
    <x v="1"/>
    <s v=""/>
    <x v="4"/>
    <s v="Assessment of Returns and Payment Processing"/>
    <s v="Other"/>
    <s v="CRA-847"/>
    <s v="In Production"/>
    <s v="mini_main_super"/>
    <x v="1"/>
    <x v="306"/>
  </r>
  <r>
    <x v="10"/>
    <x v="60"/>
    <x v="938"/>
    <s v="HBP ANM"/>
    <m/>
    <s v=""/>
    <x v="1"/>
    <s v=""/>
    <x v="4"/>
    <s v="Assessment of Returns and Payment Processing"/>
    <s v="Other"/>
    <s v="CRA-848"/>
    <s v="In Production"/>
    <s v="mini_main_super"/>
    <x v="1"/>
    <x v="306"/>
  </r>
  <r>
    <x v="10"/>
    <x v="60"/>
    <x v="939"/>
    <s v="HBP DAS"/>
    <m/>
    <s v=""/>
    <x v="1"/>
    <s v=""/>
    <x v="4"/>
    <s v="Assessment of Returns and Payment Processing"/>
    <s v="Other"/>
    <s v="CRA-849"/>
    <s v="In Production"/>
    <s v="mini_main_super"/>
    <x v="1"/>
    <x v="306"/>
  </r>
  <r>
    <x v="10"/>
    <x v="60"/>
    <x v="940"/>
    <s v="PR/ANM"/>
    <m/>
    <s v=""/>
    <x v="1"/>
    <s v=""/>
    <x v="4"/>
    <s v="Assessment of Returns and Payment Processing"/>
    <s v="Other"/>
    <s v="CRA-850"/>
    <s v="In Production"/>
    <s v="mini_main_super"/>
    <x v="1"/>
    <x v="306"/>
  </r>
  <r>
    <x v="10"/>
    <x v="60"/>
    <x v="941"/>
    <s v="PR/Matching"/>
    <m/>
    <s v=""/>
    <x v="1"/>
    <s v=""/>
    <x v="4"/>
    <s v="Assessment of Returns and Payment Processing"/>
    <s v="Other"/>
    <s v="CRA-851"/>
    <s v="In Production"/>
    <s v="mini_main_super"/>
    <x v="1"/>
    <x v="306"/>
  </r>
  <r>
    <x v="10"/>
    <x v="60"/>
    <x v="942"/>
    <s v="PR/Mustrap"/>
    <m/>
    <s v=""/>
    <x v="1"/>
    <s v=""/>
    <x v="4"/>
    <s v="Assessment of Returns and Payment Processing"/>
    <s v="Other"/>
    <s v="CRA-852"/>
    <s v="In Production"/>
    <s v="mini_main_super"/>
    <x v="1"/>
    <x v="306"/>
  </r>
  <r>
    <x v="10"/>
    <x v="60"/>
    <x v="943"/>
    <s v="PR/RevQuebec"/>
    <m/>
    <s v=""/>
    <x v="1"/>
    <s v=""/>
    <x v="4"/>
    <s v="Assessment of Returns and Payment Processing"/>
    <s v="Other"/>
    <s v="CRA-853"/>
    <s v="In Production"/>
    <s v="mini_main_super"/>
    <x v="1"/>
    <x v="306"/>
  </r>
  <r>
    <x v="10"/>
    <x v="60"/>
    <x v="944"/>
    <s v="LP/ANM"/>
    <m/>
    <s v=""/>
    <x v="1"/>
    <s v=""/>
    <x v="4"/>
    <s v="Assessment of Returns and Payment Processing"/>
    <s v="Other"/>
    <s v="CRA-854"/>
    <s v="In Production"/>
    <s v="mini_main_super"/>
    <x v="1"/>
    <x v="306"/>
  </r>
  <r>
    <x v="10"/>
    <x v="60"/>
    <x v="945"/>
    <s v="LP/ETC"/>
    <m/>
    <s v=""/>
    <x v="1"/>
    <s v=""/>
    <x v="4"/>
    <s v="Assessment of Returns and Payment Processing"/>
    <s v="Other"/>
    <s v="CRA-855"/>
    <s v="In Production"/>
    <s v="mini_main_super"/>
    <x v="1"/>
    <x v="306"/>
  </r>
  <r>
    <x v="10"/>
    <x v="60"/>
    <x v="946"/>
    <s v="LP/Matching-Cancels"/>
    <m/>
    <s v=""/>
    <x v="1"/>
    <s v=""/>
    <x v="4"/>
    <s v="Assessment of Returns and Payment Processing"/>
    <s v="Other"/>
    <s v="CRA-856"/>
    <s v="In Production"/>
    <s v="mini_main_super"/>
    <x v="1"/>
    <x v="306"/>
  </r>
  <r>
    <x v="10"/>
    <x v="60"/>
    <x v="947"/>
    <s v="LP/MATCHING"/>
    <m/>
    <s v=""/>
    <x v="1"/>
    <s v=""/>
    <x v="4"/>
    <s v="Assessment of Returns and Payment Processing"/>
    <s v="Other"/>
    <s v="CRA-857"/>
    <s v="In Production"/>
    <s v="mini_main_super"/>
    <x v="1"/>
    <x v="306"/>
  </r>
  <r>
    <x v="10"/>
    <x v="60"/>
    <x v="948"/>
    <s v="LP/Monitor Report"/>
    <m/>
    <s v=""/>
    <x v="1"/>
    <s v=""/>
    <x v="4"/>
    <s v="Assessment of Returns and Payment Processing"/>
    <s v="Other"/>
    <s v="CRA-858"/>
    <s v="In Production"/>
    <s v="mini_main_super"/>
    <x v="1"/>
    <x v="306"/>
  </r>
  <r>
    <x v="10"/>
    <x v="60"/>
    <x v="949"/>
    <s v="LP/T1UPDATE"/>
    <m/>
    <s v=""/>
    <x v="1"/>
    <s v=""/>
    <x v="4"/>
    <s v="Assessment of Returns and Payment Processing"/>
    <s v="Other"/>
    <s v="CRA-859"/>
    <s v="In Production"/>
    <s v="mini_main_super"/>
    <x v="1"/>
    <x v="306"/>
  </r>
  <r>
    <x v="6"/>
    <x v="82"/>
    <x v="950"/>
    <s v="CRA-CMS"/>
    <m/>
    <s v=""/>
    <x v="1"/>
    <s v=""/>
    <x v="4"/>
    <s v="Taxpayer and Business Assistance"/>
    <s v="Other"/>
    <s v="CRA-860"/>
    <s v="In Production"/>
    <s v="web"/>
    <x v="1"/>
    <x v="381"/>
  </r>
  <r>
    <x v="0"/>
    <x v="42"/>
    <x v="951"/>
    <s v="CMMS"/>
    <m/>
    <s v=""/>
    <x v="1"/>
    <s v=""/>
    <x v="4"/>
    <s v="Assessment of Returns and Payment Processing"/>
    <s v="Other"/>
    <s v="CRA-861"/>
    <s v="In Production"/>
    <s v="web"/>
    <x v="1"/>
    <x v="331"/>
  </r>
  <r>
    <x v="10"/>
    <x v="60"/>
    <x v="952"/>
    <s v="PP/ANM"/>
    <m/>
    <s v=""/>
    <x v="1"/>
    <s v=""/>
    <x v="4"/>
    <s v="Assessment of Returns and Payment Processing"/>
    <s v="Other"/>
    <s v="CRA-862"/>
    <s v="In Production"/>
    <s v="mini_main_super"/>
    <x v="1"/>
    <x v="306"/>
  </r>
  <r>
    <x v="3"/>
    <x v="15"/>
    <x v="953"/>
    <s v="AS/ANM"/>
    <m/>
    <s v=""/>
    <x v="1"/>
    <s v=""/>
    <x v="4"/>
    <s v="Assessment of Returns and Payment Processing"/>
    <s v="Other"/>
    <s v="CRA-863"/>
    <s v="In Production"/>
    <s v="mini_main_super"/>
    <x v="1"/>
    <x v="304"/>
  </r>
  <r>
    <x v="10"/>
    <x v="60"/>
    <x v="954"/>
    <s v="T1PR Rules"/>
    <m/>
    <s v=""/>
    <x v="1"/>
    <s v=""/>
    <x v="4"/>
    <s v="Assessment of Returns and Payment Processing"/>
    <s v="Other"/>
    <s v="CRA-864"/>
    <s v="In Production"/>
    <s v="mini_main_super"/>
    <x v="1"/>
    <x v="306"/>
  </r>
  <r>
    <x v="3"/>
    <x v="15"/>
    <x v="955"/>
    <s v="AS/ART"/>
    <m/>
    <s v=""/>
    <x v="1"/>
    <s v=""/>
    <x v="4"/>
    <s v="Assessment of Returns and Payment Processing"/>
    <s v="Other"/>
    <s v="CRA-866"/>
    <s v="In Production"/>
    <s v="mini_main_super"/>
    <x v="1"/>
    <x v="304"/>
  </r>
  <r>
    <x v="7"/>
    <x v="81"/>
    <x v="956"/>
    <s v="BOA"/>
    <m/>
    <s v=""/>
    <x v="1"/>
    <s v=""/>
    <x v="4"/>
    <s v="Benefit Programs"/>
    <s v="Other"/>
    <s v="CRA-88"/>
    <s v="In Production"/>
    <s v="web"/>
    <x v="1"/>
    <x v="412"/>
  </r>
  <r>
    <x v="3"/>
    <x v="31"/>
    <x v="957"/>
    <s v="BPDSS"/>
    <m/>
    <s v=""/>
    <x v="1"/>
    <s v=""/>
    <x v="4"/>
    <s v="Benefit Programs"/>
    <s v="Information Management Services"/>
    <s v="CRA-89"/>
    <s v="In Production"/>
    <s v="web"/>
    <x v="1"/>
    <x v="413"/>
  </r>
  <r>
    <x v="0"/>
    <x v="18"/>
    <x v="958"/>
    <s v="MinDirect"/>
    <m/>
    <s v=""/>
    <x v="1"/>
    <s v=""/>
    <x v="4"/>
    <s v="Taxpayer and Business Assistance"/>
    <s v="Communications Services"/>
    <s v="CRA-897"/>
    <s v="In Production"/>
    <s v="web"/>
    <x v="1"/>
    <x v="414"/>
  </r>
  <r>
    <x v="6"/>
    <x v="57"/>
    <x v="959"/>
    <s v="Educators"/>
    <m/>
    <s v=""/>
    <x v="1"/>
    <s v=""/>
    <x v="4"/>
    <s v="Taxpayer and Business Assistance"/>
    <s v="Other"/>
    <s v="CRA-898"/>
    <s v="In Production"/>
    <s v="web"/>
    <x v="1"/>
    <x v="409"/>
  </r>
  <r>
    <x v="9"/>
    <x v="79"/>
    <x v="960"/>
    <s v="IPRS-AS"/>
    <m/>
    <s v=""/>
    <x v="1"/>
    <s v=""/>
    <x v="4"/>
    <s v="Internal Services"/>
    <s v="Information Technology Services"/>
    <s v="CRA-899"/>
    <s v="In Production"/>
    <s v="web"/>
    <x v="1"/>
    <x v="415"/>
  </r>
  <r>
    <x v="7"/>
    <x v="81"/>
    <x v="961"/>
    <s v="BPER"/>
    <m/>
    <s v=""/>
    <x v="1"/>
    <s v=""/>
    <x v="4"/>
    <s v="Benefit Programs"/>
    <s v="Other"/>
    <s v="CRA-90"/>
    <s v="In Production"/>
    <s v="web"/>
    <x v="1"/>
    <x v="416"/>
  </r>
  <r>
    <x v="6"/>
    <x v="48"/>
    <x v="962"/>
    <s v="IIUP"/>
    <m/>
    <s v=""/>
    <x v="1"/>
    <s v=""/>
    <x v="4"/>
    <s v="Benefit Programs"/>
    <s v="Other"/>
    <s v="CRA-901"/>
    <s v="In Production"/>
    <s v="rich"/>
    <x v="1"/>
    <x v="347"/>
  </r>
  <r>
    <x v="6"/>
    <x v="48"/>
    <x v="963"/>
    <s v="GI"/>
    <s v="The Governor Interface provides a control mechanism to maintain the intended boundaries, thresholds and required parameters of other defined IRC components. The Governor Service is responsible for:  -Component Activation &amp; Control;  -Component Migration &amp; Deployment;  -Champion/Challenger &amp; Simulation implementation; and -Parameter Control &amp; Management"/>
    <s v=""/>
    <x v="1"/>
    <s v=""/>
    <x v="4"/>
    <s v="Collections, Compliance and Verification"/>
    <s v="Other"/>
    <s v="CRA-902"/>
    <s v="In Production"/>
    <s v="web"/>
    <x v="1"/>
    <x v="417"/>
  </r>
  <r>
    <x v="0"/>
    <x v="8"/>
    <x v="964"/>
    <s v="IP/RAPI/LL"/>
    <m/>
    <s v=""/>
    <x v="1"/>
    <s v=""/>
    <x v="4"/>
    <s v="Assessment of Returns and Payment Processing"/>
    <s v="Information Management Services"/>
    <s v="CRA-903"/>
    <s v="In Production"/>
    <s v="mini_main_super"/>
    <x v="1"/>
    <x v="306"/>
  </r>
  <r>
    <x v="6"/>
    <x v="82"/>
    <x v="965"/>
    <s v="MsgCtr"/>
    <m/>
    <s v=""/>
    <x v="1"/>
    <s v=""/>
    <x v="4"/>
    <s v="Internal Services"/>
    <s v="Other"/>
    <s v="CRA-904"/>
    <s v="In Production"/>
    <s v="web"/>
    <x v="1"/>
    <x v="350"/>
  </r>
  <r>
    <x v="10"/>
    <x v="60"/>
    <x v="966"/>
    <s v="TRIS/e-sub"/>
    <m/>
    <s v=""/>
    <x v="1"/>
    <s v=""/>
    <x v="4"/>
    <s v="Benefit Programs"/>
    <s v="Other"/>
    <s v="CRA-905"/>
    <s v="In Production"/>
    <s v="web"/>
    <x v="1"/>
    <x v="306"/>
  </r>
  <r>
    <x v="6"/>
    <x v="82"/>
    <x v="967"/>
    <s v="BRO"/>
    <m/>
    <s v=""/>
    <x v="1"/>
    <s v=""/>
    <x v="4"/>
    <s v="Assessment of Returns and Payment Processing"/>
    <s v="Other"/>
    <s v="CRA-91"/>
    <s v="In Production"/>
    <s v="web"/>
    <x v="1"/>
    <x v="418"/>
  </r>
  <r>
    <x v="2"/>
    <x v="22"/>
    <x v="968"/>
    <s v="SBHRM"/>
    <m/>
    <s v=""/>
    <x v="1"/>
    <s v=""/>
    <x v="4"/>
    <s v="Internal Services"/>
    <s v="Human Resources Management Services"/>
    <s v="CRA-910"/>
    <s v="In Production"/>
    <s v="web"/>
    <x v="1"/>
    <x v="419"/>
  </r>
  <r>
    <x v="6"/>
    <x v="82"/>
    <x v="969"/>
    <s v="ACE"/>
    <m/>
    <s v=""/>
    <x v="1"/>
    <s v=""/>
    <x v="4"/>
    <s v="Taxpayer and Business Assistance"/>
    <s v="Other"/>
    <s v="CRA-913"/>
    <s v="In Production"/>
    <s v="web"/>
    <x v="1"/>
    <x v="381"/>
  </r>
  <r>
    <x v="0"/>
    <x v="8"/>
    <x v="970"/>
    <s v="IP/RMAPSERVER"/>
    <m/>
    <s v=""/>
    <x v="1"/>
    <s v=""/>
    <x v="4"/>
    <s v="Assessment of Returns and Payment Processing"/>
    <s v="Other"/>
    <s v="CRA-915"/>
    <s v="In Production"/>
    <s v="web"/>
    <x v="1"/>
    <x v="303"/>
  </r>
  <r>
    <x v="2"/>
    <x v="22"/>
    <x v="971"/>
    <s v="OSTS"/>
    <m/>
    <s v=""/>
    <x v="1"/>
    <s v=""/>
    <x v="4"/>
    <s v="Internal Services"/>
    <s v="Human Resources Management Services"/>
    <s v="CRA-920"/>
    <s v="In Production"/>
    <s v="web"/>
    <x v="1"/>
    <x v="409"/>
  </r>
  <r>
    <x v="10"/>
    <x v="60"/>
    <x v="972"/>
    <s v="T1PR Edoc"/>
    <m/>
    <s v=""/>
    <x v="1"/>
    <s v=""/>
    <x v="4"/>
    <s v="Assessment of Returns and Payment Processing"/>
    <s v="Other"/>
    <s v="CRA-921"/>
    <s v="In Production"/>
    <s v="web"/>
    <x v="1"/>
    <x v="395"/>
  </r>
  <r>
    <x v="10"/>
    <x v="60"/>
    <x v="973"/>
    <s v="PDSA"/>
    <m/>
    <s v=""/>
    <x v="1"/>
    <s v=""/>
    <x v="4"/>
    <s v="Taxpayer and Business Assistance"/>
    <s v="Information Technology Services"/>
    <s v="CRA-922"/>
    <s v="In Production"/>
    <s v="web"/>
    <x v="1"/>
    <x v="393"/>
  </r>
  <r>
    <x v="0"/>
    <x v="8"/>
    <x v="974"/>
    <s v="Delivery Management"/>
    <m/>
    <s v=""/>
    <x v="1"/>
    <s v=""/>
    <x v="4"/>
    <s v="Internal Services"/>
    <s v="Communications Services,Information Management Services"/>
    <s v="CRA-923"/>
    <s v="In Production"/>
    <s v="rich"/>
    <x v="1"/>
    <x v="347"/>
  </r>
  <r>
    <x v="0"/>
    <x v="7"/>
    <x v="975"/>
    <s v="FEDRLCRT/Documents"/>
    <m/>
    <s v=""/>
    <x v="1"/>
    <s v=""/>
    <x v="4"/>
    <s v="Taxpayer and Business Assistance"/>
    <s v="Other"/>
    <s v="CRA-924"/>
    <s v="In Production"/>
    <s v="web"/>
    <x v="1"/>
    <x v="420"/>
  </r>
  <r>
    <x v="3"/>
    <x v="31"/>
    <x v="976"/>
    <s v="ART CO"/>
    <m/>
    <s v=""/>
    <x v="1"/>
    <s v=""/>
    <x v="4"/>
    <s v="Collections, Compliance and Verification"/>
    <s v="Human Resources Management Services,Information Management Services,Information Technology Services,Management and Oversight Services"/>
    <s v="CRA-925"/>
    <s v="In Production"/>
    <s v="mini_main_super"/>
    <x v="1"/>
    <x v="421"/>
  </r>
  <r>
    <x v="3"/>
    <x v="31"/>
    <x v="977"/>
    <s v="ART NF"/>
    <m/>
    <s v=""/>
    <x v="1"/>
    <s v=""/>
    <x v="4"/>
    <s v="Collections, Compliance and Verification"/>
    <s v="Human Resources Management Services,Information Management Services,Information Technology Services,Management and Oversight Services"/>
    <s v="CRA-926"/>
    <s v="In Production"/>
    <s v="mini_main_super"/>
    <x v="1"/>
    <x v="422"/>
  </r>
  <r>
    <x v="0"/>
    <x v="42"/>
    <x v="978"/>
    <s v="TACT"/>
    <s v="It is a Trust Account Calculation Tool"/>
    <s v=""/>
    <x v="1"/>
    <s v=""/>
    <x v="4"/>
    <s v="Reporting Compliance"/>
    <s v="Other"/>
    <s v="CRA-927"/>
    <s v="In Production"/>
    <s v="rich"/>
    <x v="1"/>
    <x v="423"/>
  </r>
  <r>
    <x v="3"/>
    <x v="31"/>
    <x v="979"/>
    <s v="PRAS"/>
    <m/>
    <s v=""/>
    <x v="1"/>
    <s v=""/>
    <x v="4"/>
    <s v="Collections, Compliance and Verification"/>
    <s v="Information Management Services,Information Technology Services,Management and Oversight Services"/>
    <s v="CRA-928"/>
    <s v="In Production"/>
    <s v="rich"/>
    <x v="1"/>
    <x v="409"/>
  </r>
  <r>
    <x v="5"/>
    <x v="25"/>
    <x v="980"/>
    <s v="IRC DM"/>
    <m/>
    <s v=""/>
    <x v="1"/>
    <s v=""/>
    <x v="4"/>
    <s v="Taxpayer and Business Assistance"/>
    <s v="Financial Management Services,Information Management Services,Information Technology Services"/>
    <s v="CRA-929"/>
    <s v="In Production"/>
    <s v="mini_main_super"/>
    <x v="1"/>
    <x v="394"/>
  </r>
  <r>
    <x v="4"/>
    <x v="5"/>
    <x v="981"/>
    <s v="CCP"/>
    <s v="A workload management application for use by CRA employees collecting CBSA debts."/>
    <s v=""/>
    <x v="1"/>
    <s v=""/>
    <x v="4"/>
    <s v="Taxpayer and Business Assistance"/>
    <s v="Information Technology Services"/>
    <s v="CRA-930"/>
    <s v="In Production"/>
    <s v="rich"/>
    <x v="1"/>
    <x v="326"/>
  </r>
  <r>
    <x v="0"/>
    <x v="7"/>
    <x v="982"/>
    <s v="GPLS"/>
    <m/>
    <s v=""/>
    <x v="1"/>
    <s v=""/>
    <x v="4"/>
    <s v="Taxpayer and Business Assistance"/>
    <s v="Other"/>
    <s v="CRA-931"/>
    <s v="In Production"/>
    <s v="rich"/>
    <x v="1"/>
    <x v="424"/>
  </r>
  <r>
    <x v="4"/>
    <x v="5"/>
    <x v="983"/>
    <s v="T1UAS"/>
    <m/>
    <s v=""/>
    <x v="1"/>
    <s v=""/>
    <x v="4"/>
    <s v="Assessment of Returns and Payment Processing"/>
    <s v="Other"/>
    <s v="CRA-932"/>
    <s v="In Production"/>
    <s v="mini_main_super"/>
    <x v="1"/>
    <x v="304"/>
  </r>
  <r>
    <x v="0"/>
    <x v="42"/>
    <x v="984"/>
    <s v="My Account/CMR Reports"/>
    <m/>
    <s v=""/>
    <x v="1"/>
    <s v=""/>
    <x v="4"/>
    <s v="Assessment of Returns and Payment Processing"/>
    <s v="Information Technology Services"/>
    <s v="CRA-933"/>
    <s v="In Production"/>
    <s v="mini_main_super"/>
    <x v="1"/>
    <x v="303"/>
  </r>
  <r>
    <x v="0"/>
    <x v="18"/>
    <x v="985"/>
    <s v="ECFOTO"/>
    <s v="The Office of the Taxpayers' Ombudsman requires a secure public-facing web application that can be used to submit complaints."/>
    <s v=""/>
    <x v="1"/>
    <s v=""/>
    <x v="4"/>
    <s v="Taxpayer and Business Assistance"/>
    <s v="Other"/>
    <s v="CRA-935"/>
    <s v="In Production"/>
    <s v="web"/>
    <x v="1"/>
    <x v="355"/>
  </r>
  <r>
    <x v="6"/>
    <x v="48"/>
    <x v="986"/>
    <s v="ECC"/>
    <m/>
    <s v=""/>
    <x v="1"/>
    <s v=""/>
    <x v="4"/>
    <s v="Benefit Programs"/>
    <s v="Other"/>
    <s v="CRA-936"/>
    <s v="In Production"/>
    <s v="web"/>
    <x v="1"/>
    <x v="347"/>
  </r>
  <r>
    <x v="1"/>
    <x v="12"/>
    <x v="987"/>
    <s v="CAS HelpDesk Web Portal"/>
    <s v="Web portal that allows self-serve submission of CAS HelpDesk cases to the Remedy SERVICE DESK application (SMART CI ID: 7407; eApplid SVSD)."/>
    <s v=""/>
    <x v="1"/>
    <s v=""/>
    <x v="4"/>
    <s v="Internal Services"/>
    <s v="Human Resources Management Services"/>
    <s v="CRA-937"/>
    <s v="In Production"/>
    <s v="web"/>
    <x v="1"/>
    <x v="425"/>
  </r>
  <r>
    <x v="1"/>
    <x v="12"/>
    <x v="988"/>
    <s v="SFSMNL"/>
    <m/>
    <s v=""/>
    <x v="1"/>
    <s v=""/>
    <x v="4"/>
    <s v="Internal Services"/>
    <s v="Information Management Services"/>
    <s v="CRA-938"/>
    <s v="In Production"/>
    <s v="web"/>
    <x v="1"/>
    <x v="426"/>
  </r>
  <r>
    <x v="4"/>
    <x v="5"/>
    <x v="989"/>
    <s v="ISS"/>
    <s v="ISS is the new application (replacing Careers) to apply for a job at CRA.  It is an external facing web application that will use E-Recruitment as a back-office."/>
    <s v=""/>
    <x v="1"/>
    <s v=""/>
    <x v="4"/>
    <s v="Internal Services"/>
    <s v="Human Resources Management Services"/>
    <s v="CRA-939"/>
    <s v="In Production"/>
    <s v="web"/>
    <x v="1"/>
    <x v="427"/>
  </r>
  <r>
    <x v="0"/>
    <x v="16"/>
    <x v="990"/>
    <s v="Integras"/>
    <m/>
    <s v=""/>
    <x v="1"/>
    <s v=""/>
    <x v="4"/>
    <s v="Reporting Compliance"/>
    <s v="Information Technology Services"/>
    <s v="CRA-94"/>
    <s v="In Production"/>
    <s v="web"/>
    <x v="1"/>
    <x v="350"/>
  </r>
  <r>
    <x v="0"/>
    <x v="7"/>
    <x v="991"/>
    <s v="BCCS Batch"/>
    <m/>
    <s v=""/>
    <x v="1"/>
    <s v=""/>
    <x v="4"/>
    <s v="Assessment of Returns and Payment Processing"/>
    <s v="Communications Services,Information Management Services"/>
    <s v="CRA-940"/>
    <s v="In Production"/>
    <s v="mini_main_super"/>
    <x v="1"/>
    <x v="306"/>
  </r>
  <r>
    <x v="0"/>
    <x v="8"/>
    <x v="992"/>
    <s v="EMM"/>
    <m/>
    <s v=""/>
    <x v="1"/>
    <s v=""/>
    <x v="4"/>
    <s v="Internal Services"/>
    <s v="Communications Services,Information Management Services"/>
    <s v="CRA-941"/>
    <s v="In Production"/>
    <s v="rich"/>
    <x v="1"/>
    <x v="428"/>
  </r>
  <r>
    <x v="4"/>
    <x v="5"/>
    <x v="993"/>
    <s v="T1 BRP"/>
    <m/>
    <s v=""/>
    <x v="1"/>
    <s v=""/>
    <x v="4"/>
    <s v="Assessment of Returns and Payment Processing"/>
    <s v="Other"/>
    <s v="CRA-942"/>
    <s v="In Production"/>
    <s v="rich"/>
    <x v="1"/>
    <x v="429"/>
  </r>
  <r>
    <x v="4"/>
    <x v="5"/>
    <x v="994"/>
    <s v="T1 Desktop"/>
    <m/>
    <s v=""/>
    <x v="1"/>
    <s v=""/>
    <x v="4"/>
    <s v="Assessment of Returns and Payment Processing"/>
    <s v="Other"/>
    <s v="CRA-943"/>
    <s v="In Production"/>
    <s v="rich"/>
    <x v="1"/>
    <x v="324"/>
  </r>
  <r>
    <x v="3"/>
    <x v="15"/>
    <x v="995"/>
    <s v="T1ED/ROE/LET"/>
    <m/>
    <s v=""/>
    <x v="1"/>
    <s v=""/>
    <x v="4"/>
    <s v="Assessment of Returns and Payment Processing"/>
    <s v="Other"/>
    <s v="CRA-944"/>
    <s v="In Production"/>
    <s v="mini_main_super"/>
    <x v="1"/>
    <x v="106"/>
  </r>
  <r>
    <x v="3"/>
    <x v="31"/>
    <x v="996"/>
    <s v="Analytics/ECO"/>
    <m/>
    <s v=""/>
    <x v="1"/>
    <s v=""/>
    <x v="4"/>
    <s v="Assessment of Returns and Payment Processing"/>
    <s v="Other"/>
    <s v="CRA-945"/>
    <s v="In Production"/>
    <s v="rich"/>
    <x v="1"/>
    <x v="430"/>
  </r>
  <r>
    <x v="3"/>
    <x v="31"/>
    <x v="997"/>
    <s v="Analytics/ESS"/>
    <m/>
    <s v="Other"/>
    <x v="1"/>
    <s v="COGNOS OTHER-IBM,DataStage-IBM,Remedy SD-BMC"/>
    <x v="4"/>
    <s v="Assessment of Returns and Payment Processing"/>
    <s v="Other"/>
    <s v="CRA-946"/>
    <s v="In Production"/>
    <s v="rich"/>
    <x v="0"/>
    <x v="431"/>
  </r>
  <r>
    <x v="3"/>
    <x v="31"/>
    <x v="998"/>
    <s v="Analytics/FIP"/>
    <m/>
    <s v="Other"/>
    <x v="1"/>
    <s v="COGNOS OTHER-IBM,DataStage-IBM,SMART-BMC"/>
    <x v="4"/>
    <s v="Assessment of Returns and Payment Processing"/>
    <s v="Other"/>
    <s v="CRA-947"/>
    <s v="In Production"/>
    <s v="rich"/>
    <x v="0"/>
    <x v="333"/>
  </r>
  <r>
    <x v="0"/>
    <x v="7"/>
    <x v="999"/>
    <s v="Filenet"/>
    <m/>
    <s v="Other"/>
    <x v="1"/>
    <s v="FILENET-IBM"/>
    <x v="4"/>
    <s v="Internal Services"/>
    <s v="Information Management Services,Information Technology Services"/>
    <s v="CRA-949"/>
    <s v="In Production"/>
    <s v="rich"/>
    <x v="0"/>
    <x v="432"/>
  </r>
  <r>
    <x v="10"/>
    <x v="59"/>
    <x v="1000"/>
    <s v="BUSMENU"/>
    <s v="The RH Menu System, commonly referred to as &quot;BUSMENU&quot;, provides our online users with a menu system that lets them navigate through a hierarchy of menus and sub-menus in order to locate and access specific work screens."/>
    <s v=""/>
    <x v="1"/>
    <s v=""/>
    <x v="4"/>
    <s v="Taxpayer and Business Assistance"/>
    <s v="Other"/>
    <s v="CRA-95"/>
    <s v="In Production"/>
    <s v="mini_main_super"/>
    <x v="1"/>
    <x v="306"/>
  </r>
  <r>
    <x v="4"/>
    <x v="5"/>
    <x v="1001"/>
    <s v="CDEC"/>
    <s v="accepts triggering events from various other CRA systems which will be used to calculate the collection limitation periods (CLP)."/>
    <s v=""/>
    <x v="1"/>
    <s v=""/>
    <x v="4"/>
    <s v="Collections, Compliance and Verification"/>
    <s v="Financial Management Services,Other"/>
    <s v="CRA-950"/>
    <s v="In Production"/>
    <s v="mini_main_super"/>
    <x v="1"/>
    <x v="306"/>
  </r>
  <r>
    <x v="4"/>
    <x v="5"/>
    <x v="1002"/>
    <s v="T1 Reporting"/>
    <m/>
    <s v=""/>
    <x v="1"/>
    <s v=""/>
    <x v="4"/>
    <s v="Assessment of Returns and Payment Processing"/>
    <s v="Information Management Services"/>
    <s v="CRA-952"/>
    <s v="In Production"/>
    <s v="mini_main_super"/>
    <x v="1"/>
    <x v="433"/>
  </r>
  <r>
    <x v="0"/>
    <x v="7"/>
    <x v="1003"/>
    <s v="TD1"/>
    <m/>
    <s v=""/>
    <x v="1"/>
    <s v=""/>
    <x v="4"/>
    <s v="Taxpayer and Business Assistance"/>
    <s v="Information Technology Services"/>
    <s v="CRA-953"/>
    <s v="In Production"/>
    <s v="web"/>
    <x v="1"/>
    <x v="434"/>
  </r>
  <r>
    <x v="4"/>
    <x v="5"/>
    <x v="160"/>
    <s v="JIRA"/>
    <s v="JIRA is a web-based service that primarily functions as a bug and issue tracker for small, medium or large projects, which can also be configured for use as a project management tool. JIRA was created by Atlassian, and utilises LaRDS to ensure data security and redundancy."/>
    <s v="Other"/>
    <x v="1"/>
    <s v="JIRA"/>
    <x v="4"/>
    <s v="Internal Services"/>
    <s v="Information Management Services"/>
    <s v="CRA-954"/>
    <s v="In Production"/>
    <s v="rich"/>
    <x v="0"/>
    <x v="435"/>
  </r>
  <r>
    <x v="4"/>
    <x v="5"/>
    <x v="1004"/>
    <s v="WinALS Distributed"/>
    <m/>
    <s v=""/>
    <x v="1"/>
    <s v=""/>
    <x v="4"/>
    <s v="Reporting Compliance"/>
    <s v="Information Technology Services"/>
    <s v="CRA-955"/>
    <s v="In Production"/>
    <s v="rich"/>
    <x v="1"/>
    <x v="10"/>
  </r>
  <r>
    <x v="4"/>
    <x v="5"/>
    <x v="1005"/>
    <s v="Click to Talk"/>
    <s v="Smartlinks/ClickToTalk is a service that allows taxpayers navigating the CRA Web site to click on a &quot;Smartlink&quot; to speak directly to an Individual Income Tax Enquiries ( IITE ) agent."/>
    <s v=""/>
    <x v="1"/>
    <s v=""/>
    <x v="4"/>
    <s v="Taxpayer and Business Assistance"/>
    <s v="Other"/>
    <s v="CRA-959"/>
    <s v="In Production"/>
    <s v="web"/>
    <x v="1"/>
    <x v="358"/>
  </r>
  <r>
    <x v="4"/>
    <x v="5"/>
    <x v="1006"/>
    <s v="BUSRPTS"/>
    <m/>
    <s v=""/>
    <x v="1"/>
    <s v=""/>
    <x v="4"/>
    <s v="Assessment of Returns and Payment Processing"/>
    <s v="Information Management Services,Management and Oversight Services"/>
    <s v="CRA-96"/>
    <s v="In Production"/>
    <s v="mini_main_super"/>
    <x v="1"/>
    <x v="310"/>
  </r>
  <r>
    <x v="4"/>
    <x v="5"/>
    <x v="1007"/>
    <s v="OPWF"/>
    <s v="Currently, a user's Outlook properties, such as phone number and physical location can be viewed and updated through a form that is part of Outlook.  As part of the Email Transformation Initiative (ETI), this form will no longer be used.  The email infrastructure will be managed by a third party and CRA/SSC will not have the ability to update these properties directly.  Instead, CRA will maintain this information in the Active Directory and a sync job will be used to update the copy owned by the third-party responsible for the email infrastructure.    This application will provide a web-form that will be used by employees and contractors of CRA to view and update their own outlook properties.  When the user submits changes to their outlook properties,"/>
    <s v=""/>
    <x v="1"/>
    <s v=""/>
    <x v="4"/>
    <s v="Internal Services"/>
    <s v="Information Technology Services"/>
    <s v="CRA-960"/>
    <s v="In Production"/>
    <s v="web"/>
    <x v="1"/>
    <x v="436"/>
  </r>
  <r>
    <x v="4"/>
    <x v="5"/>
    <x v="1008"/>
    <s v="MIMA-CDE"/>
    <s v="Assists authorized discounters and other representatives by providing details of outstanding debts or circumstances exist which might affect whether or not the return is discounted or affect the amount of the refund or balance owing."/>
    <s v=""/>
    <x v="1"/>
    <s v=""/>
    <x v="4"/>
    <s v="Taxpayer and Business Assistance"/>
    <s v="Information Technology Services"/>
    <s v="CRA-964"/>
    <s v="In Production"/>
    <s v="web"/>
    <x v="1"/>
    <x v="369"/>
  </r>
  <r>
    <x v="4"/>
    <x v="5"/>
    <x v="1009"/>
    <s v="TFNnet"/>
    <s v="The TFNnet suite of applications is used to monitor call centre infrastructure and activities in real-time, manage resources, generate a variety of statistical information and provide business analytics insight for the telephone programs."/>
    <s v=""/>
    <x v="1"/>
    <s v=""/>
    <x v="4"/>
    <s v="Taxpayer and Business Assistance"/>
    <s v="Communications Services"/>
    <s v="CRA-965"/>
    <s v="In Production"/>
    <s v="rich"/>
    <x v="1"/>
    <x v="145"/>
  </r>
  <r>
    <x v="4"/>
    <x v="5"/>
    <x v="1010"/>
    <s v="Agent Scheduler"/>
    <s v="Agent Scheduler is a workforce management application that provides a tool for scheduling, forecasting and reporting on different aspects of call centre management.   National Traffic Coordinators use reporting aspect of Agent Scheduler application to make decisions about call distribution between call centres at a national level."/>
    <s v=""/>
    <x v="1"/>
    <s v=""/>
    <x v="4"/>
    <s v="Taxpayer and Business Assistance"/>
    <s v="Human Resources Management Services"/>
    <s v="CRA-966"/>
    <s v="In Production"/>
    <s v="rich"/>
    <x v="1"/>
    <x v="437"/>
  </r>
  <r>
    <x v="4"/>
    <x v="5"/>
    <x v="1011"/>
    <s v="TDD"/>
    <m/>
    <s v=""/>
    <x v="1"/>
    <s v=""/>
    <x v="4"/>
    <s v="Assessment of Returns and Payment Processing"/>
    <s v="Other"/>
    <s v="CRA-970"/>
    <s v="In Production"/>
    <s v="web"/>
    <x v="1"/>
    <x v="438"/>
  </r>
  <r>
    <x v="4"/>
    <x v="5"/>
    <x v="1012"/>
    <s v="MOM"/>
    <m/>
    <s v=""/>
    <x v="1"/>
    <s v=""/>
    <x v="4"/>
    <s v="Assessment of Returns and Payment Processing"/>
    <s v="Other"/>
    <s v="CRA-971"/>
    <s v="In Production"/>
    <s v="web"/>
    <x v="1"/>
    <x v="331"/>
  </r>
  <r>
    <x v="4"/>
    <x v="5"/>
    <x v="1013"/>
    <s v="MyAccount/HBPLLP"/>
    <m/>
    <s v=""/>
    <x v="1"/>
    <s v=""/>
    <x v="4"/>
    <s v="Assessment of Returns and Payment Processing"/>
    <s v="Information Technology Services"/>
    <s v="CRA-975"/>
    <s v="In Production"/>
    <s v="web"/>
    <x v="1"/>
    <x v="373"/>
  </r>
  <r>
    <x v="4"/>
    <x v="5"/>
    <x v="1014"/>
    <s v="Ben eDocs"/>
    <m/>
    <s v=""/>
    <x v="1"/>
    <s v=""/>
    <x v="4"/>
    <s v="Benefit Programs"/>
    <s v="Other"/>
    <s v="CRA-978"/>
    <s v="In Production"/>
    <s v="web"/>
    <x v="1"/>
    <x v="439"/>
  </r>
  <r>
    <x v="4"/>
    <x v="5"/>
    <x v="1015"/>
    <s v="TSDMB CUV"/>
    <m/>
    <s v=""/>
    <x v="1"/>
    <s v=""/>
    <x v="4"/>
    <s v="Internal Services"/>
    <s v="Information Technology Services"/>
    <s v="CRA-979"/>
    <s v="In Production"/>
    <s v="rich"/>
    <x v="1"/>
    <x v="313"/>
  </r>
  <r>
    <x v="4"/>
    <x v="5"/>
    <x v="1016"/>
    <s v="MBA"/>
    <m/>
    <s v=""/>
    <x v="1"/>
    <s v=""/>
    <x v="4"/>
    <s v="Assessment of Returns and Payment Processing"/>
    <s v="Information Technology Services"/>
    <s v="CRA-980"/>
    <s v="In Production"/>
    <s v="mobile"/>
    <x v="1"/>
    <x v="440"/>
  </r>
  <r>
    <x v="4"/>
    <x v="5"/>
    <x v="1017"/>
    <s v="CEBIS"/>
    <m/>
    <s v=""/>
    <x v="1"/>
    <s v=""/>
    <x v="4"/>
    <s v="Reporting Compliance"/>
    <s v="Information Technology Services"/>
    <s v="CRA-981"/>
    <s v="In Production"/>
    <s v="rich"/>
    <x v="1"/>
    <x v="334"/>
  </r>
  <r>
    <x v="4"/>
    <x v="5"/>
    <x v="1018"/>
    <s v="CVITP"/>
    <m/>
    <s v=""/>
    <x v="1"/>
    <s v=""/>
    <x v="4"/>
    <s v="Taxpayer and Business Assistance"/>
    <s v="Other"/>
    <s v="CRA-983"/>
    <s v="In Production"/>
    <s v="web"/>
    <x v="1"/>
    <x v="441"/>
  </r>
  <r>
    <x v="4"/>
    <x v="5"/>
    <x v="1019"/>
    <s v="MIMA-Upload"/>
    <s v="Facilitates entry of Case Number for a client request to upload documents to CRA.  If the Case Number is valid then the request is passed to the corresponding line of business application.  It also includes the entry page for a client to submit an audit enquiry. If the case number is valid, the request is passed to the Audit Enquiry application.  The entry page also provides a link to the View Audit Enquiry History application."/>
    <s v=""/>
    <x v="1"/>
    <s v=""/>
    <x v="4"/>
    <s v="Taxpayer and Business Assistance"/>
    <s v="Information Technology Services"/>
    <s v="CRA-985"/>
    <s v="In Production"/>
    <s v="web"/>
    <x v="1"/>
    <x v="369"/>
  </r>
  <r>
    <x v="4"/>
    <x v="5"/>
    <x v="1020"/>
    <s v="FXIT"/>
    <m/>
    <s v=""/>
    <x v="1"/>
    <s v=""/>
    <x v="4"/>
    <s v="Internal Services"/>
    <s v="Information Technology Services"/>
    <s v="CRA-986"/>
    <s v="In Production"/>
    <s v="rich"/>
    <x v="1"/>
    <x v="442"/>
  </r>
  <r>
    <x v="4"/>
    <x v="5"/>
    <x v="1021"/>
    <s v="MIMA-RMTVCH"/>
    <s v="Assists taxpayers to request the issuance of a remittance voucher and have it mailed to their address on record so that they can make a payment to the Agency."/>
    <s v=""/>
    <x v="1"/>
    <s v=""/>
    <x v="4"/>
    <s v="Assessment of Returns and Payment Processing"/>
    <s v="Information Technology Services"/>
    <s v="CRA-987"/>
    <s v="In Production"/>
    <s v="web"/>
    <x v="1"/>
    <x v="369"/>
  </r>
  <r>
    <x v="4"/>
    <x v="5"/>
    <x v="1022"/>
    <s v="ATLS"/>
    <m/>
    <s v=""/>
    <x v="1"/>
    <s v=""/>
    <x v="4"/>
    <s v="Reporting Compliance"/>
    <s v="Information Technology Services"/>
    <s v="CRA-989"/>
    <s v="In Production"/>
    <s v="rich"/>
    <x v="1"/>
    <x v="443"/>
  </r>
  <r>
    <x v="0"/>
    <x v="42"/>
    <x v="1023"/>
    <s v="C/T1/Ret_GOL"/>
    <m/>
    <s v=""/>
    <x v="1"/>
    <s v=""/>
    <x v="4"/>
    <s v="Assessment of Returns and Payment Processing"/>
    <s v="Information Technology Services"/>
    <s v="CRA-99"/>
    <s v="In Production"/>
    <s v="web"/>
    <x v="1"/>
    <x v="369"/>
  </r>
  <r>
    <x v="4"/>
    <x v="5"/>
    <x v="1024"/>
    <s v="MyAccount/RRSP"/>
    <m/>
    <s v=""/>
    <x v="1"/>
    <s v=""/>
    <x v="4"/>
    <s v="Assessment of Returns and Payment Processing"/>
    <s v="Information Technology Services"/>
    <s v="CRA-990"/>
    <s v="In Production"/>
    <s v="web"/>
    <x v="1"/>
    <x v="373"/>
  </r>
  <r>
    <x v="4"/>
    <x v="5"/>
    <x v="1025"/>
    <s v="WEBMNL"/>
    <s v="Search application for InfoZone E-Manuals"/>
    <s v=""/>
    <x v="1"/>
    <s v=""/>
    <x v="4"/>
    <s v="Internal Services"/>
    <s v="Information Management Services"/>
    <s v="CRA-991"/>
    <s v="In Production"/>
    <s v="web"/>
    <x v="1"/>
    <x v="419"/>
  </r>
  <r>
    <x v="4"/>
    <x v="5"/>
    <x v="1026"/>
    <s v="T1DM - ABSB Benefits"/>
    <m/>
    <s v="Other"/>
    <x v="1"/>
    <s v="COGNOS IMPROMPTU-IBM,DataStage-IBM"/>
    <x v="4"/>
    <s v="Benefit Programs"/>
    <s v="Information Technology Services"/>
    <s v="CRA-992"/>
    <s v="In Production"/>
    <s v="rich"/>
    <x v="0"/>
    <x v="334"/>
  </r>
  <r>
    <x v="4"/>
    <x v="5"/>
    <x v="1027"/>
    <s v="T1DM - SIB"/>
    <m/>
    <s v=""/>
    <x v="1"/>
    <s v=""/>
    <x v="4"/>
    <s v="Internal Services"/>
    <s v="Information Technology Services"/>
    <s v="CRA-994"/>
    <s v="In Production"/>
    <s v="rich"/>
    <x v="1"/>
    <x v="334"/>
  </r>
  <r>
    <x v="4"/>
    <x v="5"/>
    <x v="1028"/>
    <s v="T1DM - CVB"/>
    <m/>
    <s v=""/>
    <x v="1"/>
    <s v=""/>
    <x v="4"/>
    <s v="Collections, Compliance and Verification"/>
    <s v="Information Technology Services"/>
    <s v="CRA-995"/>
    <s v="In Production"/>
    <s v="rich"/>
    <x v="1"/>
    <x v="334"/>
  </r>
  <r>
    <x v="4"/>
    <x v="5"/>
    <x v="1029"/>
    <s v="CAFM Archibus"/>
    <m/>
    <s v="Other"/>
    <x v="1"/>
    <s v="Others"/>
    <x v="4"/>
    <s v="Internal Services"/>
    <s v="Financial Management Services,Real Property Services"/>
    <s v="CRA-996"/>
    <s v="In Production"/>
    <s v="rich"/>
    <x v="0"/>
    <x v="444"/>
  </r>
  <r>
    <x v="4"/>
    <x v="5"/>
    <x v="1030"/>
    <s v="CPPEIR"/>
    <m/>
    <s v=""/>
    <x v="1"/>
    <s v=""/>
    <x v="4"/>
    <s v="Taxpayer and Business Assistance"/>
    <s v="Information Technology Services"/>
    <s v="CRA-997"/>
    <s v="In Production"/>
    <s v="web"/>
    <x v="1"/>
    <x v="445"/>
  </r>
  <r>
    <x v="4"/>
    <x v="5"/>
    <x v="1031"/>
    <s v="PCMS"/>
    <m/>
    <s v="Other"/>
    <x v="1"/>
    <s v="TeamSite-Interwoven"/>
    <x v="4"/>
    <s v="Internal Services"/>
    <s v="Other"/>
    <s v="CRA-999"/>
    <s v="In Production"/>
    <s v="rich"/>
    <x v="0"/>
    <x v="413"/>
  </r>
  <r>
    <x v="6"/>
    <x v="57"/>
    <x v="1032"/>
    <s v="ILMS"/>
    <s v="I-LMS creates a single infrastructure to sustain the management and administration of learning. It automates most of the business processes needed to run a school: course registrations, course scheduling, student assessments, results reporting, and financial reconciliation."/>
    <s v="IBM"/>
    <x v="14"/>
    <s v="Vendor is SABA and the product name is SABA Entreprise"/>
    <x v="5"/>
    <s v="Registration Services and I-LMS"/>
    <s v="Other"/>
    <s v="CSPS-CSPS_a1"/>
    <s v="In Production"/>
    <s v="web"/>
    <x v="0"/>
    <x v="446"/>
  </r>
  <r>
    <x v="6"/>
    <x v="21"/>
    <x v="1033"/>
    <s v="Arial"/>
    <s v="This application is used at Canada School of Public Service as a mass mailling tool."/>
    <s v="Other"/>
    <x v="14"/>
    <s v="Arial Software and Campaign Enterprise"/>
    <x v="5"/>
    <s v="Communications"/>
    <s v="Communications Services,Other"/>
    <s v="CSPS-CSPS_a10"/>
    <s v="In Production"/>
    <s v="web"/>
    <x v="0"/>
    <x v="447"/>
  </r>
  <r>
    <x v="3"/>
    <x v="31"/>
    <x v="1034"/>
    <s v="Cognos"/>
    <s v="Business Intelligence Software"/>
    <s v="IBM"/>
    <x v="14"/>
    <s v="Cognos Business Intelligence"/>
    <x v="5"/>
    <s v="Strategy and Planning"/>
    <s v=""/>
    <s v="APP-01290"/>
    <s v="In Production"/>
    <s v="web"/>
    <x v="0"/>
    <x v="98"/>
  </r>
  <r>
    <x v="6"/>
    <x v="57"/>
    <x v="1035"/>
    <s v="eSchool"/>
    <s v="The School learning application is the web system facing tool using functionality (API) from ILMS such as registration, ..."/>
    <s v=""/>
    <x v="1"/>
    <s v=""/>
    <x v="5"/>
    <s v="Learning Branch"/>
    <s v=""/>
    <s v="APP-03248"/>
    <s v="In Production"/>
    <s v="web"/>
    <x v="1"/>
    <x v="448"/>
  </r>
  <r>
    <x v="2"/>
    <x v="40"/>
    <x v="1036"/>
    <s v="TM1"/>
    <s v="Application used to modernize the operational management to support the instructor led operations"/>
    <s v="IBM"/>
    <x v="14"/>
    <s v="IBM Cognos TM1"/>
    <x v="5"/>
    <s v="Learning Program Branch"/>
    <s v=""/>
    <s v="APP-03714"/>
    <s v="In Production"/>
    <s v="web"/>
    <x v="0"/>
    <x v="86"/>
  </r>
  <r>
    <x v="2"/>
    <x v="52"/>
    <x v="1037"/>
    <s v="AccessPro"/>
    <s v="Application used to track ATIP requests"/>
    <s v="CSDC SYSTEMS"/>
    <x v="14"/>
    <s v="AccessPro Bundle"/>
    <x v="5"/>
    <s v="Access to Information"/>
    <s v=""/>
    <s v="APP-03718"/>
    <s v="In Production"/>
    <s v="web"/>
    <x v="0"/>
    <x v="86"/>
  </r>
  <r>
    <x v="0"/>
    <x v="13"/>
    <x v="1038"/>
    <s v="CCM Enterprise"/>
    <s v="Software used for correspondence and document tracking"/>
    <s v=""/>
    <x v="43"/>
    <s v=""/>
    <x v="5"/>
    <s v="Corporate Management"/>
    <s v=""/>
    <s v="APP-03721"/>
    <s v="In Production"/>
    <s v="web"/>
    <x v="0"/>
    <x v="86"/>
  </r>
  <r>
    <x v="4"/>
    <x v="66"/>
    <x v="1039"/>
    <s v="SimpleSurvey"/>
    <s v="Application used by Program Branch to generate surveys on services offered to public servants with the purpose of continuous service improvement"/>
    <s v="SimpleSurvey"/>
    <x v="14"/>
    <s v="SimpleSurvey"/>
    <x v="5"/>
    <s v="Planning and Results"/>
    <s v="Management and Oversight Services"/>
    <s v="APP-03751"/>
    <s v="In Production"/>
    <s v="cloud"/>
    <x v="0"/>
    <x v="86"/>
  </r>
  <r>
    <x v="1"/>
    <x v="86"/>
    <x v="1040"/>
    <s v="Microsoft Team Foundation"/>
    <s v="An Application Lifecycle Management tool which supports source code management, requirements managements, testing and release management capabilities. This is a key tool for Learning Design and Delivery for course development as well as IT for code development and release management."/>
    <s v=""/>
    <x v="1"/>
    <s v=""/>
    <x v="5"/>
    <s v="IIT"/>
    <s v=""/>
    <s v="APP-03724"/>
    <s v="In Production"/>
    <s v="web"/>
    <x v="0"/>
    <x v="86"/>
  </r>
  <r>
    <x v="2"/>
    <x v="51"/>
    <x v="1041"/>
    <s v="HDA"/>
    <s v="HDA is an application shared by multiple teams  for recording, tracking and reporting on issues at the Canada School of Public Service._x000a_No longer supported by DELL. Looking into replace or internal support."/>
    <s v="Other"/>
    <x v="14"/>
    <s v="Vendor Is ScriptLogic Corporation and the product name is HELP DESK AUTHORITY (HDA). Now owned by Dell."/>
    <x v="5"/>
    <s v="Information Technology"/>
    <s v="Communications Services,Information Management Services"/>
    <s v="CSPS-CSPS_a2"/>
    <s v="In Production"/>
    <s v="web"/>
    <x v="0"/>
    <x v="449"/>
  </r>
  <r>
    <x v="6"/>
    <x v="57"/>
    <x v="1042"/>
    <s v="LPA"/>
    <s v="Application used to manage Learning Product Catalogue"/>
    <s v=""/>
    <x v="1"/>
    <s v=""/>
    <x v="5"/>
    <s v="LPA"/>
    <s v="Management and Oversight Services"/>
    <s v="APP-04051"/>
    <s v="InDevelopment"/>
    <s v="web"/>
    <x v="1"/>
    <x v="450"/>
  </r>
  <r>
    <x v="6"/>
    <x v="24"/>
    <x v="1043"/>
    <s v="SmartSheet"/>
    <s v="Smartsheet an application to unleash the benefits of greater work agility and collaboration by providing a powerful platform for organizations to plan, track, automate, and report on work."/>
    <s v="SmartSheet"/>
    <x v="14"/>
    <s v="SmartSheet"/>
    <x v="5"/>
    <s v="Results and Accountability"/>
    <s v="Management and Oversight Services"/>
    <s v="APP-04071"/>
    <s v="In Production"/>
    <s v="cloud"/>
    <x v="0"/>
    <x v="451"/>
  </r>
  <r>
    <x v="2"/>
    <x v="52"/>
    <x v="1044"/>
    <s v="OSTicket"/>
    <s v="osTicket is a widely-used and trusted open source support ticket system. It seamlessly routes inquiries created via email, web-forms and phone calls into a simple, easy-to-use, multi-user, web-based customer support platform. osTicket comes packed with more features and tools than most of the expensive (and complex) support ticket systems on the market"/>
    <s v="OSTicket - Open Source"/>
    <x v="14"/>
    <s v="OSTicket"/>
    <x v="5"/>
    <s v="IT Service Desk"/>
    <s v="Information Technology Services"/>
    <s v="APP-04073"/>
    <s v="In Production"/>
    <s v="web"/>
    <x v="0"/>
    <x v="452"/>
  </r>
  <r>
    <x v="0"/>
    <x v="7"/>
    <x v="442"/>
    <s v="GCDOCS"/>
    <s v="GCDOCS is the official departmental Electronic Document and Records Management Solution at the Canada School of Public Service."/>
    <s v="Other"/>
    <x v="14"/>
    <s v="Vendor is OpenText corporation and the product name is GCDOCS"/>
    <x v="5"/>
    <s v="Information Management"/>
    <s v="Information Management Services,Information Technology Services"/>
    <s v="CSPS-CSPS_a6"/>
    <s v="In Production"/>
    <s v="web"/>
    <x v="0"/>
    <x v="453"/>
  </r>
  <r>
    <x v="2"/>
    <x v="6"/>
    <x v="1045"/>
    <s v="InMagic DBTextWorks"/>
    <s v="This application is used at Canada School of Public Service library to trace books._x000a__x000a_CSPS IM team looking for an upgrade."/>
    <s v="Other"/>
    <x v="14"/>
    <s v="Vendor is InMagic and the product name is DB\TextWorks"/>
    <x v="5"/>
    <s v="Information Management"/>
    <s v="Information Management Services,Other"/>
    <s v="CSPS-CSPS_a9"/>
    <s v="In Production"/>
    <s v="desktop"/>
    <x v="0"/>
    <x v="454"/>
  </r>
  <r>
    <x v="4"/>
    <x v="5"/>
    <x v="1046"/>
    <s v=""/>
    <s v=""/>
    <s v=""/>
    <x v="1"/>
    <s v=""/>
    <x v="6"/>
    <s v=""/>
    <s v=""/>
    <s v="APP-02605"/>
    <s v="In Production"/>
    <s v=""/>
    <x v="0"/>
    <x v="106"/>
  </r>
  <r>
    <x v="4"/>
    <x v="5"/>
    <x v="1047"/>
    <s v=""/>
    <s v="CEAA’s EDRMS"/>
    <s v="Open Text"/>
    <x v="14"/>
    <s v="Content Server 9.7.1"/>
    <x v="7"/>
    <s v=""/>
    <s v=""/>
    <s v="APP-02013"/>
    <s v="In Production"/>
    <s v=""/>
    <x v="0"/>
    <x v="106"/>
  </r>
  <r>
    <x v="4"/>
    <x v="5"/>
    <x v="1048"/>
    <s v=""/>
    <s v="Previously used by managers in support of the business and HR planning cycles administered by the Finance group"/>
    <s v=""/>
    <x v="1"/>
    <s v=""/>
    <x v="7"/>
    <s v=""/>
    <s v=""/>
    <s v="APP-02015"/>
    <s v="In Production"/>
    <s v=""/>
    <x v="1"/>
    <x v="106"/>
  </r>
  <r>
    <x v="4"/>
    <x v="5"/>
    <x v="1049"/>
    <s v=""/>
    <s v="Previously used for the sharing of contacts in order to facilitate communication with communities of common and interested parties"/>
    <s v=""/>
    <x v="1"/>
    <s v=""/>
    <x v="7"/>
    <s v=""/>
    <s v=""/>
    <s v="APP-02017"/>
    <s v="In Production"/>
    <s v=""/>
    <x v="1"/>
    <x v="106"/>
  </r>
  <r>
    <x v="0"/>
    <x v="16"/>
    <x v="1050"/>
    <s v="SOA-EAS"/>
    <s v="The Enterprise Application (EA) Services are software infrastructure services which provide  underlying system functionalities for other applications.  Instead of having to code independent security, data access, caching, email, exception management, and other functionalities for each application, the EA Services instead make them available to client applications through service connections.  Application coding is decreased in favour of simpler service configuration.  The EAS-client applications also inherit a consistent service delivery format, which ensures that application operations are repeatable and scalable."/>
    <s v=""/>
    <x v="1"/>
    <s v=""/>
    <x v="8"/>
    <s v="AO - Software Foundation"/>
    <s v="Information Technology Services"/>
    <s v="CFIA-CFIA - 0001"/>
    <s v="In Production"/>
    <s v="web"/>
    <x v="1"/>
    <x v="455"/>
  </r>
  <r>
    <x v="0"/>
    <x v="16"/>
    <x v="1051"/>
    <s v="CLS"/>
    <s v="The COM Lookup Services are an extension of the Enterprise Application Services (EAS-SOA) which provide read-only access to the most global COM_DBA tables, including CFIA_STAFF, CFIA_OFFICE, countries, provides, programs, etc."/>
    <s v=""/>
    <x v="1"/>
    <s v=""/>
    <x v="8"/>
    <s v="AO - Software Foundation"/>
    <s v="Information Technology Services"/>
    <s v="CFIA-CFIA - 0002"/>
    <s v="In Production"/>
    <s v="web"/>
    <x v="1"/>
    <x v="456"/>
  </r>
  <r>
    <x v="0"/>
    <x v="16"/>
    <x v="1052"/>
    <s v="CMS"/>
    <s v="The Client Management System (CMS) is used to process and store information received about clients for registration, licencing, accreditation, recognition or other related activities. CMS records client data, and facilitates producing licences for these clients.  CMS is linked closely with the  Multi-Commodity Activities Program (MCAP) inspection application and provides client details to MCAP users for inspection recording purposes."/>
    <s v=""/>
    <x v="1"/>
    <s v=""/>
    <x v="8"/>
    <s v="AO - Software Foundation"/>
    <s v="Information Technology Services"/>
    <s v="CFIA-CFIA - 0003"/>
    <s v="In Production"/>
    <s v="rich"/>
    <x v="1"/>
    <x v="457"/>
  </r>
  <r>
    <x v="0"/>
    <x v="16"/>
    <x v="1053"/>
    <s v="CMS-FFV"/>
    <s v="The Client Management System - Fresh, Fruit and Vegetables (CMS-FFV) is a variant of the CMS application used specifically for licensing processes related to the Fresh Fruit and Vegetables (FFV) program.  The application is used to process and store information received about clients for registration, licencing, accreditation, recognition or other related activities. CMS records client data, and facilitates producing licences for these clients.  CMS is linked closely with the  Multi-Commodity Activities Program (MCAP) inspection application and provides client details to MCAP users for inspection recording purposes."/>
    <s v=""/>
    <x v="1"/>
    <s v=""/>
    <x v="8"/>
    <s v="AO - Software Foundation"/>
    <s v="Information Technology Services"/>
    <s v="CFIA-CFIA - 0004"/>
    <s v="In Production"/>
    <s v="rich"/>
    <x v="1"/>
    <x v="458"/>
  </r>
  <r>
    <x v="3"/>
    <x v="15"/>
    <x v="1054"/>
    <s v="CDMS"/>
    <s v="The Common Data Management System (CDMS) is an integral part of the CFIA information and knowledge management system. The client data collected and stored in the CDMS assists the Agency in meeting its business lines through the provision of standardized reports designed to make the Agency more responsive in the areas of risk management, enforcement, resource allocation, program design and delivery, and policy development. The CDMS, through single data entry, provides a seamless-client-interface to the Agency's software applications."/>
    <s v=""/>
    <x v="1"/>
    <s v=""/>
    <x v="8"/>
    <s v="AO - Software Foundation"/>
    <s v="Information Technology Services"/>
    <s v="CFIA-CFIA - 0005"/>
    <s v="In Production"/>
    <s v="rich"/>
    <x v="1"/>
    <x v="459"/>
  </r>
  <r>
    <x v="12"/>
    <x v="74"/>
    <x v="1055"/>
    <s v="RIPS"/>
    <s v="RIPS provides means for the SOS Help desk to reset user passwords when they are either lost or expired."/>
    <s v=""/>
    <x v="1"/>
    <s v=""/>
    <x v="8"/>
    <s v="AO - Corporate"/>
    <s v="Information Technology Services"/>
    <s v="CFIA-CFIA - 0006"/>
    <s v="In Production"/>
    <s v="web"/>
    <x v="1"/>
    <x v="460"/>
  </r>
  <r>
    <x v="0"/>
    <x v="7"/>
    <x v="1056"/>
    <s v="AHRA"/>
    <s v="&lt;div&gt;The Animal Health Risk Assessment (AHRA) SharePoint database contains information used internally to track the work done by AHRA. &amp;nbsp;Some of the final reports are &amp;nbsp;made accessible to CFIA staff through the CFIA &amp;nbsp;application website. The nature of the reports includes; decks, science advice and briefing notes prepared for upper administration; terrestrial and aquatic science advice, risk assessments, outbreak reports, simulation reports, country (zone,regions) evaluations and specific disease status reports. &amp;nbsp;Most reports are over 30 pages long.&lt;/div&gt;"/>
    <s v=""/>
    <x v="1"/>
    <s v=""/>
    <x v="8"/>
    <s v="AO - Corporate"/>
    <s v="Information Technology Services"/>
    <s v="CFIA-CFIA - 0007"/>
    <s v="In Production"/>
    <s v="web"/>
    <x v="1"/>
    <x v="461"/>
  </r>
  <r>
    <x v="9"/>
    <x v="54"/>
    <x v="1057"/>
    <s v="IDCS"/>
    <s v="The Identification/Designation Card System (IDCS) is used to maintain the information relating to the issuance, use and cancellation of the combined identification/designation and access card. ID cards are the main method of identifying individuals who access CFIA facilities, and assist in the safety and security of individuals and assets present in these facilities. As a secondary purpose the card could contain designation information which authorizes the holder to inspect establishments under one or more of the 13 Acts of Parliament."/>
    <s v=""/>
    <x v="1"/>
    <s v=""/>
    <x v="8"/>
    <s v="AO - Corporate"/>
    <s v="Information Technology Services"/>
    <s v="CFIA-CFIA - 0008"/>
    <s v="In Production"/>
    <s v="rich"/>
    <x v="0"/>
    <x v="462"/>
  </r>
  <r>
    <x v="2"/>
    <x v="41"/>
    <x v="1058"/>
    <s v="PCRT"/>
    <s v="&lt;div&gt;The Procurement/Contract Request Tracking system (PCRT) is owned and utilized by procurement officers in the National Procurement &amp;amp; Contracting Service Centre in Ottawa. The purpose of this system is to summarize all procurement and contracting requests coming through this office. It allows an overview of each contract issued as well as pertinent details such as contract value, reference number and officer responsible for the contract. Each officer is responsible for ensuring their data is kept up to date and new data is entered as new contracts are issued. Management uses various reports created by this system for performance reporting and end of year follow up reports.&lt;/div&gt;"/>
    <s v=""/>
    <x v="1"/>
    <s v=""/>
    <x v="8"/>
    <s v="AO - Corporate"/>
    <s v="Information Technology Services"/>
    <s v="CFIA-CFIA - 0009"/>
    <s v="In Production"/>
    <s v="web"/>
    <x v="1"/>
    <x v="463"/>
  </r>
  <r>
    <x v="0"/>
    <x v="28"/>
    <x v="1059"/>
    <s v="RDHI Internal"/>
    <s v="&lt;div&gt;The Reference Database for Hazard Identification (RDHI) is a tool used by the Canadian Food Inspection Agency (CFIA), other government departments, and industry in the identification and evaluation of biological, chemical and physical hazards associated with food processing steps and ingredients. The purpose of this database is to identify hazards in all food products used as ingredients (e.g. milk, spice). The database covers hazards associated with ingredients, intermediates, and final products that could be used to manufacture other products.&lt;/div&gt;"/>
    <s v=""/>
    <x v="1"/>
    <s v=""/>
    <x v="8"/>
    <s v="AO - Corporate"/>
    <s v="Information Technology Services"/>
    <s v="CFIA-CFIA - 0010"/>
    <s v="In Production"/>
    <s v="rich"/>
    <x v="1"/>
    <x v="464"/>
  </r>
  <r>
    <x v="2"/>
    <x v="3"/>
    <x v="1060"/>
    <s v="Staffing Log"/>
    <s v="The Staffing Log captures staffing transaction information from the initial request to the appointment. It allows users to produce customized, real-time reports and verify using the built-in integrity verification function. The Staffing Log generates process numbers using a standardized format to ensure consistency across the Agency. In addition, the Staffing Log provides an effective means of monitoring and managing human resources workload."/>
    <s v=""/>
    <x v="1"/>
    <s v=""/>
    <x v="8"/>
    <s v="AO - Corporate"/>
    <s v="Human Resources Management Services"/>
    <s v="CFIA-CFIA - 0011"/>
    <s v="In Production"/>
    <s v="web"/>
    <x v="1"/>
    <x v="465"/>
  </r>
  <r>
    <x v="2"/>
    <x v="22"/>
    <x v="1061"/>
    <s v="FTS"/>
    <s v="&lt;div&gt;The Fast Tracking Staffing (FTS) is a tool to provide employers with easy, on-line secure access to determine their staffing requirements. Once their staffing requirements are selected, an email is generated and sent to Human Resources (HR) Department for further analysis. These applications use a Secure Channel solution to ensure that the employee's information is authenticated, secure and private. Employees have access 24 hours a day, seven days a week.Web-enabled information portal used to simplify and expedite staffing process by limited HR consultation. &amp;nbsp;Fast Track Staffing (FTS) is a web-based self-service tool that CFIA managers use to initiate staffing actions which normally require limited Human Resources (HR) consultation. These sta"/>
    <s v=""/>
    <x v="1"/>
    <s v=""/>
    <x v="8"/>
    <s v="AO - Corporate"/>
    <s v="Human Resources Management Services"/>
    <s v="CFIA-CFIA - 0012"/>
    <s v="In Production"/>
    <s v="web"/>
    <x v="1"/>
    <x v="466"/>
  </r>
  <r>
    <x v="2"/>
    <x v="2"/>
    <x v="1062"/>
    <s v="SAP Interface"/>
    <s v="This application is used by manager-users in Moncton to allow them to modify all aspects of invoice information. The application is primarily used to fix invoice information before it gets moved to SATURN."/>
    <s v=""/>
    <x v="1"/>
    <s v=""/>
    <x v="8"/>
    <s v="AO - Corporate"/>
    <s v="Financial Management Services"/>
    <s v="CFIA-CFIA - 0015"/>
    <s v="In Production"/>
    <s v="rich"/>
    <x v="1"/>
    <x v="467"/>
  </r>
  <r>
    <x v="2"/>
    <x v="2"/>
    <x v="1063"/>
    <s v="STEL"/>
    <s v="The stand alone version of electronic invoicing is intended to be used when the electronic invoicing module is not available within a front end system. This system of invoicing will enable invoice data to be electronically transferred to CFIA's financial system. The uploading of data from the invoice module to the financial system, Saturn, will appear seamless to the end user."/>
    <s v=""/>
    <x v="1"/>
    <s v=""/>
    <x v="8"/>
    <s v="AO - Corporate"/>
    <s v="Financial Management Services"/>
    <s v="CFIA-CFIA - 0016"/>
    <s v="In Production"/>
    <s v="rich"/>
    <x v="1"/>
    <x v="468"/>
  </r>
  <r>
    <x v="10"/>
    <x v="55"/>
    <x v="1064"/>
    <s v="SAP Upload"/>
    <s v="SAP Upload is an automated process that copies data from the Invoice tables to the SAP tables."/>
    <s v=""/>
    <x v="1"/>
    <s v=""/>
    <x v="8"/>
    <s v="AO - Corporate"/>
    <s v="Financial Management Services"/>
    <s v="CFIA-CFIA - 0017"/>
    <s v="In Production"/>
    <s v="rich"/>
    <x v="1"/>
    <x v="469"/>
  </r>
  <r>
    <x v="10"/>
    <x v="55"/>
    <x v="1065"/>
    <s v="FIRM Upload"/>
    <s v="The Firm Upload process takes invoice information for billable products and sends it to tables in the FIRM database."/>
    <s v=""/>
    <x v="1"/>
    <s v=""/>
    <x v="8"/>
    <s v="AO - Corporate"/>
    <s v="Financial Management Services"/>
    <s v="CFIA-CFIA - 0018"/>
    <s v="In Production"/>
    <s v="rich"/>
    <x v="1"/>
    <x v="123"/>
  </r>
  <r>
    <x v="2"/>
    <x v="2"/>
    <x v="1066"/>
    <s v="Admin Tool"/>
    <s v="Tool used to maintain/modify the STEL application."/>
    <s v=""/>
    <x v="1"/>
    <s v=""/>
    <x v="8"/>
    <s v="AO - Corporate"/>
    <s v="Financial Management Services"/>
    <s v="CFIA-CFIA - 0019"/>
    <s v="In Production"/>
    <s v="rich"/>
    <x v="1"/>
    <x v="470"/>
  </r>
  <r>
    <x v="0"/>
    <x v="16"/>
    <x v="1067"/>
    <s v="PRS"/>
    <s v="The Product Registration System is an computerized application used to issue product registrations and licences. The guarantees (Feed, Fertilizer) and product specifications (Veterinary Biologics) are assigned to the product. Seed products (varieties) have characteristics assigned to them."/>
    <s v=""/>
    <x v="1"/>
    <s v=""/>
    <x v="8"/>
    <s v="AO - Corporate"/>
    <s v="Information Technology Services"/>
    <s v="CFIA-CFIA - 0020"/>
    <s v="In Production"/>
    <s v="rich"/>
    <x v="1"/>
    <x v="471"/>
  </r>
  <r>
    <x v="10"/>
    <x v="55"/>
    <x v="1068"/>
    <s v="MISB/AIL"/>
    <s v="&lt;div&gt;List of foreign Fish and Seafood establishments subject to mandatory inspections.&lt;/div&gt;"/>
    <s v=""/>
    <x v="1"/>
    <s v=""/>
    <x v="8"/>
    <s v="AO - Corporate"/>
    <s v="Information Technology Services"/>
    <s v="CFIA-CFIA - 0021"/>
    <s v="In Production"/>
    <s v="web"/>
    <x v="1"/>
    <x v="472"/>
  </r>
  <r>
    <x v="0"/>
    <x v="62"/>
    <x v="1069"/>
    <s v="CEMRS"/>
    <s v="&lt;div&gt;The Canadian Emergency Management Response System (CEMRS) is a Canadian version of the Emergency Management Response System (EMRS) developed by the United States Department of Agriculture, Animal and Plant Health Inspection Service, Veterinary Services (USDA-APHIS-VS), Emergency Programs section. It was received from the US in 2002, and has undergone significant adaptation.&lt;/div&gt;  &lt;div&gt;&amp;nbsp;&lt;/div&gt;  &lt;div&gt;CEMRS is an internet based information management tool that allows for the collection, storage and sharing of data and documentation associated with animal disease investigations and outbreaks, and emergency management activities. &amp;nbsp;It has linkages to CFIA's &amp;nbsp;Laboratory Submission Tracking System (LSTS) and eForms system (Informed Fil"/>
    <s v=""/>
    <x v="1"/>
    <s v=""/>
    <x v="8"/>
    <s v="AO - Emergency &amp; Incidents/Recall"/>
    <s v="Information Technology Services"/>
    <s v="CFIA-CFIA - 0023"/>
    <s v="In Production"/>
    <s v="web"/>
    <x v="1"/>
    <x v="473"/>
  </r>
  <r>
    <x v="0"/>
    <x v="62"/>
    <x v="1070"/>
    <s v="IMS"/>
    <s v="The Issues Management System (IMS) is an information system used by the Agency to document, track, and communicate information relating to the investigation and resolution of food related issues including food recalls. It is used for centralized tracking of investigational activities and assigning tasks to offices and individuals. The system facilitates informed and effective decision making, and allows Agency staff to identify trends in food issues. The Agency is considering sharing data from the IMS with Health Canada to better manage risks to the Canadian public."/>
    <s v=""/>
    <x v="1"/>
    <s v=""/>
    <x v="8"/>
    <s v="AO - Emergency &amp; Incidents/Recall"/>
    <s v="Information Technology Services"/>
    <s v="CFIA-CFIA - 0024"/>
    <s v="In Production"/>
    <s v="web"/>
    <x v="0"/>
    <x v="474"/>
  </r>
  <r>
    <x v="0"/>
    <x v="62"/>
    <x v="1071"/>
    <s v="OCMS/ALHB"/>
    <s v="The Outbreak Control Monitoring System (OCMS) is an informatics tool used to capture, track, and communicate information relating to the survey and eradication efforts associated with the Asian Longhorn Beetle in the Toronto Area. It is used to delimit the extent of the infestation, to assign both new and re-survey areas, control eradication efforts and prepare timely and accurate updates on activities for use by various committees and sub-committees to develop and amend existing strategies."/>
    <s v=""/>
    <x v="1"/>
    <s v=""/>
    <x v="8"/>
    <s v="AO - Emergency &amp; Incidents/Recall"/>
    <s v="Information Technology Services"/>
    <s v="CFIA-CFIA - 0025"/>
    <s v="In Production"/>
    <s v="rich"/>
    <x v="1"/>
    <x v="472"/>
  </r>
  <r>
    <x v="0"/>
    <x v="16"/>
    <x v="1072"/>
    <s v="ECS"/>
    <s v="The Export Certification System (ECS) is a computerized application for the issuance of export certificates in support of the movement of Canadian goods to international markets. Each export certificate is a statement of integrity from the CFIA's regulatory programs. It promotes market confidence in the safety and quality of Canadian agricultural, forestry, fish, seafood and agri-food products. The Export Certification System currently supports the Fish Inspection and Plant Health Programs."/>
    <s v=""/>
    <x v="1"/>
    <s v=""/>
    <x v="8"/>
    <s v="AO - Export"/>
    <s v="Information Technology Services"/>
    <s v="CFIA-CFIA - 0026"/>
    <s v="In Production"/>
    <s v="web"/>
    <x v="1"/>
    <x v="475"/>
  </r>
  <r>
    <x v="0"/>
    <x v="11"/>
    <x v="1073"/>
    <s v="E-CERT Meat"/>
    <s v="The Read ICR module is a web interface that enables the user to view all current market information, special notices, important messages and general export procedures as outlined in Chapter 11 of the Meat Hygiene Manual of procedures (MOP) in ‘real time’. It is a single, central, electronic version of the most current MOP Chapter 11.  It is predominantly used by inspectors."/>
    <s v=""/>
    <x v="1"/>
    <s v=""/>
    <x v="8"/>
    <s v="AO - Export"/>
    <s v="Information Technology Services"/>
    <s v="CFIA-CFIA - 0027"/>
    <s v="In Production"/>
    <s v="rich"/>
    <x v="1"/>
    <x v="476"/>
  </r>
  <r>
    <x v="0"/>
    <x v="28"/>
    <x v="1074"/>
    <s v="E-CERT Meat (web)"/>
    <s v="The Read ICR module is a web interface that enables users to view all current market information, special notices, important messages and general export procedures as outlined in Chapter 11 of the Meat Hygiene Manual of procedures (MOP) in ‘real time’. It is a single, central, electronic version of the most current MOP Chapter 11, and is predominantly used by inspectors."/>
    <s v=""/>
    <x v="1"/>
    <s v=""/>
    <x v="8"/>
    <s v="AO - Export"/>
    <s v="Information Technology Services"/>
    <s v="CFIA-CFIA - 0028"/>
    <s v="In Production"/>
    <s v="web"/>
    <x v="1"/>
    <x v="476"/>
  </r>
  <r>
    <x v="0"/>
    <x v="16"/>
    <x v="1075"/>
    <s v="MSMPE"/>
    <s v="The Management System for Meat Program Establishments (MSMPE) is a software application used to process and store information received from meat clients for registration, licensing, accreditation, recognition, or other meat-related activities. This component provides immediate information to required levels within CFIA to review, comment, and approve meat export requests."/>
    <s v=""/>
    <x v="1"/>
    <s v=""/>
    <x v="8"/>
    <s v="AO - Export"/>
    <s v="Information Technology Services"/>
    <s v="CFIA-CFIA - 0029"/>
    <s v="In Production"/>
    <s v="web"/>
    <x v="1"/>
    <x v="477"/>
  </r>
  <r>
    <x v="0"/>
    <x v="28"/>
    <x v="1076"/>
    <s v="ASISST"/>
    <s v="Importers and brokers of meat and meat products from the United States can use the CFIA Automated Shipment Inspection Status Search Tool (ASISST) to find out if their meat shipment will require CFIA inspection."/>
    <s v=""/>
    <x v="1"/>
    <s v=""/>
    <x v="8"/>
    <s v="AO - Import"/>
    <s v="Information Technology Services"/>
    <s v="CFIA-CFIA - 0030"/>
    <s v="In Production"/>
    <s v="web"/>
    <x v="1"/>
    <x v="476"/>
  </r>
  <r>
    <x v="0"/>
    <x v="11"/>
    <x v="1077"/>
    <s v="AIRS"/>
    <s v="&lt;div&gt;The objectives of the Automated Import System (AIS) are to ensure compliance of imported commodities equivalent to domestic commodities for quality, health and safety; to allow the efficient and timely entry of compliant commodities; to standardize services across the country and between commodities; and to use government resources as efficiently as possible. &lt;/div&gt;"/>
    <s v=""/>
    <x v="1"/>
    <s v=""/>
    <x v="8"/>
    <s v="AO - Import"/>
    <s v="Information Technology Services"/>
    <s v="CFIA-CFIA - 0031"/>
    <s v="In Production"/>
    <s v="web"/>
    <x v="1"/>
    <x v="458"/>
  </r>
  <r>
    <x v="0"/>
    <x v="28"/>
    <x v="1078"/>
    <s v="ARA"/>
    <s v="The ARA system analyzes import requirements for commodities, and determines if there are conflicting or errant requirements.  Once requirements been validated, they can be published to the other AIRS suite applications for use to determine import requirements by brokers and by other importers."/>
    <s v=""/>
    <x v="1"/>
    <s v=""/>
    <x v="8"/>
    <s v="AO - Import"/>
    <s v="Information Technology Services"/>
    <s v="CFIA-CFIA - 0033"/>
    <s v="In Production"/>
    <s v="web"/>
    <x v="1"/>
    <x v="478"/>
  </r>
  <r>
    <x v="0"/>
    <x v="28"/>
    <x v="1079"/>
    <s v="AQ Citrix"/>
    <s v="&lt;div&gt;AIRS is a reference tool available to CFIA employees. It is a user-friendly, searchable database of CFIA import requirements. Through a series of questions and answers, the system leads users through applicable regulations and policies to information on all CFIA import requirements for specific commodities. The AIRS Query citrix application has additional search functionality that allows the user to refine their search with various data elements.&lt;/div&gt;  &lt;div&gt;&amp;nbsp;&lt;/div&gt;  &lt;div&gt;It was designed to:&lt;/div&gt;  &lt;div&gt;•Allow users to search for import requirements by commodity name, description, or the first 6 digits of the HS code.&lt;/div&gt;  &lt;div&gt;•Identify import requirements for CFIA commodities.&lt;/div&gt;  &lt;div&gt;•Display &amp;quot;documentation and/or regi"/>
    <s v=""/>
    <x v="1"/>
    <s v=""/>
    <x v="8"/>
    <s v="AO - Import"/>
    <s v="Information Technology Services"/>
    <s v="CFIA-CFIA - 0034"/>
    <s v="In Production"/>
    <s v="rich"/>
    <x v="1"/>
    <x v="458"/>
  </r>
  <r>
    <x v="0"/>
    <x v="28"/>
    <x v="1080"/>
    <s v="AVS"/>
    <s v="The AIRS Verification System (AVS) allows importers and brokers to pre-screen transactions before they are submitted to the automated electronic import submission queue (AIS-EDI) to expedite processing of import transactions."/>
    <s v=""/>
    <x v="1"/>
    <s v=""/>
    <x v="8"/>
    <s v="AO - Import"/>
    <s v="Information Technology Services"/>
    <s v="CFIA-CFIA - 0035"/>
    <s v="In Production"/>
    <s v="web"/>
    <x v="1"/>
    <x v="479"/>
  </r>
  <r>
    <x v="0"/>
    <x v="28"/>
    <x v="1081"/>
    <s v="AQ Web"/>
    <s v="&lt;div&gt;AIRS is a reference tool available to CFIA employees. It is a user-friendly, searchable database of CFIA import requirements. Through a series of questions and answers, the system leads users through applicable regulations and policies to information on all CFIA import requirements for specific commodities. The AIRS Query citrix application has additional search functionality that allows the user to refine their search with various data elements.&lt;/div&gt;  &lt;div&gt;&amp;nbsp;&lt;/div&gt;  &lt;div&gt;It was designed to:&lt;/div&gt;  &lt;div&gt;•Allow users to search for import requirements by commodity name, description, or the first 6 digits of the HS code.&lt;/div&gt;  &lt;div&gt;•Identify import requirements for CFIA commodities.&lt;/div&gt;  &lt;div&gt;•Display &amp;quot;documentation and/or regi"/>
    <s v=""/>
    <x v="1"/>
    <s v=""/>
    <x v="8"/>
    <s v="AO - Import"/>
    <s v="Information Technology Services"/>
    <s v="CFIA-CFIA - 0036"/>
    <s v="In Production"/>
    <s v="web"/>
    <x v="1"/>
    <x v="478"/>
  </r>
  <r>
    <x v="3"/>
    <x v="15"/>
    <x v="1082"/>
    <s v="ADMS"/>
    <s v="The Automated Directive Management System (ADMS) maintains plant directives and import requirements."/>
    <s v=""/>
    <x v="1"/>
    <s v=""/>
    <x v="8"/>
    <s v="AO - Import"/>
    <s v="Information Technology Services"/>
    <s v="CFIA-CFIA - 0037"/>
    <s v="In Production"/>
    <s v="web"/>
    <x v="1"/>
    <x v="480"/>
  </r>
  <r>
    <x v="0"/>
    <x v="16"/>
    <x v="1083"/>
    <s v="EMI"/>
    <s v="E-Cert Meat Import (EMI) s a background process run for all import meat transactions."/>
    <s v=""/>
    <x v="1"/>
    <s v=""/>
    <x v="8"/>
    <s v="AO - Import"/>
    <s v="Information Technology Services"/>
    <s v="CFIA-CFIA - 0038"/>
    <s v="In Production"/>
    <s v="web"/>
    <x v="1"/>
    <x v="481"/>
  </r>
  <r>
    <x v="0"/>
    <x v="16"/>
    <x v="1084"/>
    <s v="EDII"/>
    <s v="&lt;div&gt;EDI is the CFIA’s electronic interface with the Canadian Border Services Agency (CBSA). It allows Importers and/or Brokers to submit electronic transactions for review and receive electronic recommendations/decisions by both the CFIA and CBSA. Requirements are determined by those outlined in AIRS. The system supporting EDI is available seven days a week, twenty-four hours a day (when an automated decision can be made). In excess of 3 million import transactions are handled by CFIA every year.&lt;/div&gt;  &lt;div&gt;There are two types of EDI messages:&lt;/div&gt;  &lt;div&gt;• Other Government Department Pre Arrival Release System/Release on Minimum Documentation (OGD PARS/RMD); and &lt;/div&gt;  &lt;div&gt;• Integrated Import Declaration (IID)&lt;/div&gt;  &lt;div&gt;CFIA/CBSA Electro"/>
    <s v=""/>
    <x v="1"/>
    <s v=""/>
    <x v="8"/>
    <s v="AO - Import"/>
    <s v="Information Technology Services"/>
    <s v="CFIA-CFIA - 0039"/>
    <s v="In Production"/>
    <s v="web"/>
    <x v="1"/>
    <x v="482"/>
  </r>
  <r>
    <x v="0"/>
    <x v="16"/>
    <x v="1085"/>
    <s v="MEAS"/>
    <s v="The Exemption Authorization System (EAS) is designed to process and administer Exemption Authorizations (EAs) for fresh fruit and vegetables (FFV), processed products (PP), maple products (MP) and honey (H). EAS also processes notice of exemptions for products destined for religious purposes/charitable organizations and for international or national exhibitions (for PP, MP and H); and authorizations for labelling, test marketing (for PP), and experimental/novelty containers (for H). The system is also designed to track any non-complying products imported internationally or interprovincially with the permission of the CFIA."/>
    <s v=""/>
    <x v="1"/>
    <s v=""/>
    <x v="8"/>
    <s v="AO - Import"/>
    <s v="Information Technology Services"/>
    <s v="CFIA-CFIA - 0040"/>
    <s v="In Production"/>
    <s v="web"/>
    <x v="1"/>
    <x v="483"/>
  </r>
  <r>
    <x v="0"/>
    <x v="16"/>
    <x v="1086"/>
    <s v="ICTS.Net"/>
    <s v="The Import Control and Tracking System captures and retrieves detailed information on imported commodities regulated by plant and animal health programs. It specifically tracks the location, status, and final decision on each imported commodity within a shipment. Active import tracking begins with the intent to import a shipment into Canada and concludes with the final disposition of goods.  The updated system currently supports commodities governed by the Animal and Plant Health programs."/>
    <s v=""/>
    <x v="1"/>
    <s v=""/>
    <x v="8"/>
    <s v="AO - Import"/>
    <s v="Information Technology Services"/>
    <s v="CFIA-CFIA - 0041"/>
    <s v="In Production"/>
    <s v="web"/>
    <x v="1"/>
    <x v="484"/>
  </r>
  <r>
    <x v="0"/>
    <x v="16"/>
    <x v="1087"/>
    <s v="ICTS"/>
    <s v="The Import Control and Tracking System (ICTS) captures and retrieves detailed information on imported commodities regulated by the fish, meat and egg programs. It specifically tracks the location, status, and final decision on each imported commodity within a shipment. Active import tracking begins with the intent to import a shipment into Canada and concludes with the final disposition of goods.  The original system version supports imports related to commodities governed by the Meat, Fish, and Egg programs."/>
    <s v=""/>
    <x v="1"/>
    <s v=""/>
    <x v="8"/>
    <s v="AO - Import"/>
    <s v="Information Technology Services"/>
    <s v="CFIA-CFIA - 0042"/>
    <s v="In Production"/>
    <s v="web"/>
    <x v="1"/>
    <x v="472"/>
  </r>
  <r>
    <x v="0"/>
    <x v="16"/>
    <x v="1088"/>
    <s v="IPS"/>
    <s v="The purpose of the Import Permit System (IPS) is to support the processing of import permit applications. The system guarantees national-wide consistency in processing permits for the importation of regulated commodities. The IPS is used to state import permit conditions using any combination of standard pre-written import conditions or free text conditions. These functions allow the CFIA to regulate a commodity and take into consideration appropriate risk mitigation procedures."/>
    <s v=""/>
    <x v="1"/>
    <s v=""/>
    <x v="8"/>
    <s v="AO - Import"/>
    <s v="Information Technology Services"/>
    <s v="CFIA-CFIA - 0043"/>
    <s v="In Production"/>
    <s v="web"/>
    <x v="1"/>
    <x v="472"/>
  </r>
  <r>
    <x v="0"/>
    <x v="16"/>
    <x v="1089"/>
    <s v="IRS"/>
    <s v="The Import Retrieval System (IRS) is an application which processes information sent weekly from the Canada Border Services Agency (CBSA) and produces reports from the data. This database is a listing of every shipment imported into Canada for all commodities regulated by the CFIA. The data includes key elements from each shipment such as the name and address of the importer, the business number, the product name, the corresponding Harmonized System (HS) Code number, port of entry, country of origin and weight of the shipment as well as several other less import pieces of data. The IRS enables CFIA personal to have access to key import information on Canadian importers and the products they import for goods regulated by the Agency. The most current dat"/>
    <s v=""/>
    <x v="1"/>
    <s v=""/>
    <x v="8"/>
    <s v="AO - Import"/>
    <s v="Information Technology Services"/>
    <s v="CFIA-CFIA - 0044"/>
    <s v="In Production"/>
    <s v="rich"/>
    <x v="1"/>
    <x v="472"/>
  </r>
  <r>
    <x v="0"/>
    <x v="16"/>
    <x v="1090"/>
    <s v="MCAP Return"/>
    <s v="MCAP Return is a background software process which updates information in import records, based on data entries from the Multi-Commodity Activities Program inspection application.  MCAP Return ensures that there is a proper linkage between the import and inspection processes for information such as tasks lists, reference material, and reports on individual facility inspections, audits and product inspections."/>
    <s v=""/>
    <x v="1"/>
    <s v=""/>
    <x v="8"/>
    <s v="AO - Import"/>
    <s v="Information Technology Services"/>
    <s v="CFIA-CFIA - 0045"/>
    <s v="In Production"/>
    <s v="web"/>
    <x v="1"/>
    <x v="472"/>
  </r>
  <r>
    <x v="10"/>
    <x v="55"/>
    <x v="1091"/>
    <s v="MCAP Tracking"/>
    <s v="MCAP  Tracking is a background software process which evaluates import records and determines if an inspection should occur, based on a number of predetermined flags.  If an inspection is required for a particular import action, MCAP Tracking prepares the record and delivers it to the Multi-Commodity Activities Program so that inspectors are aware that an inspection is required.  MCAP Tracking and MCAP Return together provide proper linkages between the import and inspection processes."/>
    <s v=""/>
    <x v="1"/>
    <s v=""/>
    <x v="8"/>
    <s v="AO - Import"/>
    <s v="Information Technology Services"/>
    <s v="CFIA-CFIA - 0046"/>
    <s v="In Production"/>
    <s v="web"/>
    <x v="1"/>
    <x v="472"/>
  </r>
  <r>
    <x v="0"/>
    <x v="7"/>
    <x v="1092"/>
    <s v="DDS"/>
    <s v="&lt;div&gt;The Digital Document Store (DDS) is a CFIA application that enhances the Agency's ability to manage import documents by replacing the fax process and providing a single electronic work queue of import documents. It allows for the electronic profiling and storage (by Program) of import documents received by the National Import Service Centre (NISC) and the NISC Satellite Office (NSO). The DDS facilitates the distribution of documents to all Canadian Food Inspection Agency (CFIA) offices across Canada by making documents available on the CFIA network. The import documents electronically profiled in the CFIA network are easily searchable and retrievable by a transaction number, province or commodity.&lt;/div&gt;"/>
    <s v=""/>
    <x v="1"/>
    <s v="Xerox"/>
    <x v="8"/>
    <s v="AO - Import"/>
    <s v="Information Technology Services"/>
    <s v="CFIA-CFIA - 0047"/>
    <s v="In Production"/>
    <s v="web"/>
    <x v="0"/>
    <x v="485"/>
  </r>
  <r>
    <x v="0"/>
    <x v="16"/>
    <x v="1093"/>
    <s v="CVS"/>
    <s v="The Compliance Verification System (CVS) was developed for CFIA inspection staff to assess industry compliance for regulatory requirements for food safety (HACCP), non-food safety, exports and systems design with a uniform verification approach. Currently used by the Meat program, the application provides tasks lists and reports on individual facility inspections, audits, and product inspections.  Results and reports generated from these activities are made immediately available to management for further action."/>
    <s v=""/>
    <x v="1"/>
    <s v=""/>
    <x v="8"/>
    <s v="AO - Inspection &amp; Auditing"/>
    <s v="Information Technology Services"/>
    <s v="CFIA-CFIA - 0048"/>
    <s v="In Production"/>
    <s v="web"/>
    <x v="1"/>
    <x v="479"/>
  </r>
  <r>
    <x v="0"/>
    <x v="16"/>
    <x v="1094"/>
    <s v="MCAP"/>
    <s v="The Multi-Commodity Activities Program (MCAP) is the cornerstone inspection application which provides task lists, reference material and reports on individual facility inspections, audits and product inspections. Results and reports generated from these activities are made immediately available to the inspection staff and, where required, to other linked CFIA information systems"/>
    <s v=""/>
    <x v="1"/>
    <s v=""/>
    <x v="8"/>
    <s v="AO - Inspection &amp; Auditing"/>
    <s v="Information Technology Services"/>
    <s v="CFIA-CFIA - 0049"/>
    <s v="In Production"/>
    <s v="web"/>
    <x v="1"/>
    <x v="472"/>
  </r>
  <r>
    <x v="0"/>
    <x v="16"/>
    <x v="1095"/>
    <s v="MCAP Remote"/>
    <s v="The Multi-Commodity Activities Program - Remote (MCAP Remote) allows remote and offline access to the main MCAP application.  This tool permits inspectors to store their inspection results locally on their desktops, and then to later upload these results for integration into the main MCAP database."/>
    <s v=""/>
    <x v="1"/>
    <s v=""/>
    <x v="8"/>
    <s v="AO - Inspection &amp; Auditing"/>
    <s v="Information Technology Services"/>
    <s v="CFIA-CFIA - 0050"/>
    <s v="In Production"/>
    <s v="rich"/>
    <x v="1"/>
    <x v="472"/>
  </r>
  <r>
    <x v="0"/>
    <x v="16"/>
    <x v="1096"/>
    <s v="SPRINT"/>
    <s v="SPRINT is the Fair Labelling Practices Program's (FLPP) inspection and information tool.  It features single data entry and immediate access to time utilization and product, project, and establishment compliance data. The system produces predefined and ad hoc establishment (list, compliance), inspection (compliance, violation, action) and time utilization reports."/>
    <s v=""/>
    <x v="1"/>
    <s v=""/>
    <x v="8"/>
    <s v="AO - Inspection &amp; Auditing"/>
    <s v="Information Technology Services"/>
    <s v="CFIA-CFIA - 0052"/>
    <s v="In Production"/>
    <s v="rich"/>
    <x v="1"/>
    <x v="486"/>
  </r>
  <r>
    <x v="2"/>
    <x v="58"/>
    <x v="1097"/>
    <s v="MRRS"/>
    <s v="The Management Resource and Results Structure (MRRS) is a user-friendly work planning tool used primarily by the Operations Branch. The tool allows Inspection Managers to plan key tasks and monitor progress against those plans. MRRS provides a repository for plans and timely service delivery information that aids in the effective and efficient management of resources. This information is used by Operations management at all levels, the Programs Branch, the Science Branch and the CPRA."/>
    <s v=""/>
    <x v="1"/>
    <s v=""/>
    <x v="8"/>
    <s v="AO - Inspection &amp; Auditing"/>
    <s v="Information Technology Services"/>
    <s v="CFIA-CFIA - 0053"/>
    <s v="In Production"/>
    <s v="web"/>
    <x v="1"/>
    <x v="487"/>
  </r>
  <r>
    <x v="2"/>
    <x v="58"/>
    <x v="1098"/>
    <s v="QMS"/>
    <s v="The Quality Management System (QMS) is intended to be a system owned by the users and responsive to their needs while at the same time ensuring that Operations Branch maximizes the quality of activities it delivers and its contribution to meeting the Agency’s mission"/>
    <s v=""/>
    <x v="1"/>
    <s v=""/>
    <x v="8"/>
    <s v="AO - Inspection &amp; Auditing"/>
    <s v="Information Technology Services"/>
    <s v="CFIA-CFIA - 0054"/>
    <s v="In Production"/>
    <s v="web"/>
    <x v="1"/>
    <x v="488"/>
  </r>
  <r>
    <x v="3"/>
    <x v="15"/>
    <x v="1099"/>
    <s v="QMS (gupta)"/>
    <s v="The QMS Administrative tool is used to modify core task and other static data used by the QMS system to perform its work.  It is used primarily during the annual review of tasks, task categories, and other data to prepare data for the next year."/>
    <s v=""/>
    <x v="1"/>
    <s v=""/>
    <x v="8"/>
    <s v="AO - Inspection &amp; Auditing"/>
    <s v="Information Technology Services"/>
    <s v="CFIA-CFIA - 0055"/>
    <s v="In Production"/>
    <s v="rich"/>
    <x v="1"/>
    <x v="489"/>
  </r>
  <r>
    <x v="0"/>
    <x v="16"/>
    <x v="1100"/>
    <s v="NETS"/>
    <s v="The National Enforcement Tracking System (NETS) is an electronic database used by the CFIA Enforcement and Investigation Services (EIS). Area and Regional EIS offices input and store information centrally at CFIA headquarters permitting information exchange between all EIS staff. The database records and tracks the following information: investigations; prosecutions; and administrative monetary penalty (AMPS) violations."/>
    <s v=""/>
    <x v="1"/>
    <s v=""/>
    <x v="8"/>
    <s v="AO - Enforcement &amp; Compliance"/>
    <s v="Information Technology Services"/>
    <s v="CFIA-CFIA - 0057"/>
    <s v="In Production"/>
    <s v="rich"/>
    <x v="1"/>
    <x v="472"/>
  </r>
  <r>
    <x v="10"/>
    <x v="55"/>
    <x v="1101"/>
    <s v="CLGA"/>
    <s v="The Canadian Livestock Genetics Association (CLGA) Data Sharing process allows clients of the CLGA organization rapid access to their artificial insemination (AI) test results after they have been processed by the Laboratory &amp; Sample Tracking System (LSTS)."/>
    <s v=""/>
    <x v="1"/>
    <s v=""/>
    <x v="8"/>
    <s v="AO - Lab &amp; Sampling"/>
    <s v="Information Technology Services"/>
    <s v="CFIA-CFIA - 0059"/>
    <s v="In Production"/>
    <s v="rich"/>
    <x v="1"/>
    <x v="490"/>
  </r>
  <r>
    <x v="0"/>
    <x v="16"/>
    <x v="1102"/>
    <s v="LSTS-USER SERVICES 2006"/>
    <s v="The Laboratory and Sampling Tracking System (LSTS) enables the electronic transmission of Sampling Sheet Forms (SSF)  to CFIA laboratories. The programs covered by this SSF initiative are the following:Terrestrial Animal Health, Veterinary Biologics, Feed, Plant Health miscellaneous, Fish &amp; Meat Products, AgriFood products and Food safety &amp; Consumer Protection products . LSTS partners with the SampleManager application to process and deliver results for submitted samples."/>
    <s v=""/>
    <x v="1"/>
    <s v=""/>
    <x v="8"/>
    <s v="AO - Lab &amp; Sampling"/>
    <s v="Information Technology Services"/>
    <s v="CFIA-CFIA - 0062"/>
    <s v="In Production"/>
    <s v="web"/>
    <x v="1"/>
    <x v="491"/>
  </r>
  <r>
    <x v="0"/>
    <x v="16"/>
    <x v="1103"/>
    <s v="Sample Manager"/>
    <s v="SampleManager is a flexible, comprehensive and scalable Laboratory Information Management Systems (LIMS) for Quality Control operations. It is a proven tool for the efficient testing of samples that routinely pass through a typical lab - whether process testing, quality assurance, or R&amp;D - by sorting test information and organizing it into specific report formats to meet regulatory requirements. The complete testing routine is managed, from sample login to testing, re-testing, and final reporting."/>
    <s v="Thermo-Fisher"/>
    <x v="44"/>
    <s v="Thermo Fisher Scientific"/>
    <x v="8"/>
    <s v="AO - Lab &amp; Sampling"/>
    <s v="Information Technology Services"/>
    <s v="CFIA-CFIA - 0063"/>
    <s v="In Production"/>
    <s v="web"/>
    <x v="0"/>
    <x v="492"/>
  </r>
  <r>
    <x v="0"/>
    <x v="16"/>
    <x v="1104"/>
    <s v="RAMS"/>
    <s v="RAMS is a web-based tracking system which permits Area Residue Specialists to account for out-of-compliant residue analyses in meat products, to follow up the subsequent trace back activities to the farm of origin, and to correlate the results of the on-farm investigation."/>
    <s v=""/>
    <x v="1"/>
    <s v=""/>
    <x v="8"/>
    <s v="AO - Lab &amp; Sampling"/>
    <s v="Information Technology Services"/>
    <s v="CFIA-CFIA - 0064"/>
    <s v="In Production"/>
    <s v="web"/>
    <x v="1"/>
    <x v="493"/>
  </r>
  <r>
    <x v="8"/>
    <x v="38"/>
    <x v="1105"/>
    <s v="Gemini"/>
    <s v=""/>
    <s v=""/>
    <x v="1"/>
    <s v=""/>
    <x v="8"/>
    <s v="AO - Cirrus"/>
    <s v="Information Technology Services"/>
    <s v="CFIA-CFIA - 0065"/>
    <s v="In Production"/>
    <s v="web"/>
    <x v="0"/>
    <x v="494"/>
  </r>
  <r>
    <x v="8"/>
    <x v="38"/>
    <x v="160"/>
    <s v="JIRA"/>
    <s v="JIRA is used for issue tracking and project management functions"/>
    <s v=""/>
    <x v="1"/>
    <s v=""/>
    <x v="8"/>
    <s v="AO - Cirrus"/>
    <s v="Information Technology Services"/>
    <s v="CFIA-CFIA - 0066"/>
    <s v="In Production"/>
    <s v="web"/>
    <x v="0"/>
    <x v="495"/>
  </r>
  <r>
    <x v="0"/>
    <x v="7"/>
    <x v="1106"/>
    <s v="TRECS"/>
    <s v="&lt;div&gt;Workflow tool that records tombstone data and location of correspondence, memos and briefing notes&lt;/div&gt;"/>
    <s v=""/>
    <x v="1"/>
    <s v=""/>
    <x v="8"/>
    <s v="IM - Systems"/>
    <s v="Management and Oversight Services"/>
    <s v="CFIA-CFIA - 0067"/>
    <s v="In Production"/>
    <s v="rich"/>
    <x v="0"/>
    <x v="496"/>
  </r>
  <r>
    <x v="0"/>
    <x v="16"/>
    <x v="1107"/>
    <s v="ICMS"/>
    <s v="&lt;div&gt;This database will capture a variety of information on informal conflict resolution services offered. It will provide us with the capacity to track the status files, information on request for services (type of conflict, type of process used, number of parties involves, etc.)&lt;/div&gt;"/>
    <s v=""/>
    <x v="1"/>
    <s v="WorkDDynamics"/>
    <x v="8"/>
    <s v="IM - Systems"/>
    <s v="Human Resources Management Services"/>
    <s v="CFIA-CFIA - 0068"/>
    <s v="In Production"/>
    <s v="rich"/>
    <x v="0"/>
    <x v="496"/>
  </r>
  <r>
    <x v="0"/>
    <x v="16"/>
    <x v="1108"/>
    <s v="CAO"/>
    <s v=""/>
    <s v=""/>
    <x v="1"/>
    <s v="WorkDDynamics"/>
    <x v="8"/>
    <s v="IM - Systems"/>
    <s v="Legal Services"/>
    <s v="CFIA-CFIA - 0069"/>
    <s v="In Production"/>
    <s v="rich"/>
    <x v="0"/>
    <x v="496"/>
  </r>
  <r>
    <x v="0"/>
    <x v="0"/>
    <x v="1109"/>
    <s v="RAWMS"/>
    <s v="&lt;div&gt;RAWMS will allow Regulatory Affairs’ manager and officers to enter, track, monitor and report on activities, tasks, and timelines inherent in regulatory package document development; to share or reference information and/or documentation and products for review and comment; and to follow documents, tasks and resources through all process and approvals steps.&lt;/div&gt;"/>
    <s v=""/>
    <x v="1"/>
    <s v="WorkDDynamics"/>
    <x v="8"/>
    <s v="IM - Systems"/>
    <s v="Management and Oversight Services"/>
    <s v="CFIA-CFIA - 0070"/>
    <s v="In Production"/>
    <s v="rich"/>
    <x v="0"/>
    <x v="496"/>
  </r>
  <r>
    <x v="0"/>
    <x v="13"/>
    <x v="1110"/>
    <s v="RDIMS"/>
    <s v="&lt;div&gt;Records, Documents, Information Management System, &amp;nbsp;All CFIA employees must file or submit their corporate official records to the CFIA corporate repository. Filing corporate information ensures that the corporate memory of CFIA is being preserved. The RDIMS modernization project objectives are to: - replace back end documents storage hardware and software services using an architecture that will improve performance, availability and reliability of RDIMS. - create a new RDIMS desktop client that will be &amp;nbsp;by users on demand that will meet &amp;nbsp;GEC and CFIA information management requirements.&lt;/div&gt;"/>
    <s v=""/>
    <x v="1"/>
    <s v="WorkDDynamics"/>
    <x v="8"/>
    <s v="IM - Systems"/>
    <s v="Information Technology Services"/>
    <s v="CFIA-CFIA - 0071"/>
    <s v="In Production"/>
    <s v="rich"/>
    <x v="0"/>
    <x v="496"/>
  </r>
  <r>
    <x v="0"/>
    <x v="13"/>
    <x v="458"/>
    <s v="IRIMS"/>
    <s v="&lt;div&gt;IRIMS is a records management software that automates and facilitates day to day records management functions. iRIMS provides full life cycle management of &amp;nbsp;information holdings, in paper or electronic formats.&lt;/div&gt;"/>
    <s v=""/>
    <x v="1"/>
    <s v="WorkDDynamics"/>
    <x v="8"/>
    <s v="IM - Systems"/>
    <s v="Information Technology Services"/>
    <s v="CFIA-CFIA - 0072"/>
    <s v="In Production"/>
    <s v="rich"/>
    <x v="0"/>
    <x v="123"/>
  </r>
  <r>
    <x v="5"/>
    <x v="25"/>
    <x v="1111"/>
    <s v="Research Branch - STAT(CCM)"/>
    <s v=""/>
    <s v=""/>
    <x v="1"/>
    <s v="WorkDDynamics"/>
    <x v="8"/>
    <s v="IM - Systems"/>
    <s v="Information Technology Services"/>
    <s v="CFIA-CFIA - 0073"/>
    <s v="In Production"/>
    <s v="rich"/>
    <x v="0"/>
    <x v="123"/>
  </r>
  <r>
    <x v="0"/>
    <x v="28"/>
    <x v="1112"/>
    <s v="Netmail Search"/>
    <s v=""/>
    <s v=""/>
    <x v="1"/>
    <s v="WorkDDynamics"/>
    <x v="8"/>
    <s v="IM - Systems"/>
    <s v="Information Technology Services"/>
    <s v="CFIA-CFIA - 0074"/>
    <s v="In Production"/>
    <s v="web"/>
    <x v="0"/>
    <x v="496"/>
  </r>
  <r>
    <x v="3"/>
    <x v="31"/>
    <x v="1113"/>
    <s v="alert-rpt"/>
    <s v="The Cognos application supports reporting for all Business areas within the Agency. Packages are charectorized by Business Program, Line or source system as applicable"/>
    <s v=""/>
    <x v="1"/>
    <s v="IBM Cognos"/>
    <x v="8"/>
    <s v="IM - ER"/>
    <s v="Information Technology Services"/>
    <s v="CFIA-CFIA - 0075"/>
    <s v="In Production"/>
    <s v="rich"/>
    <x v="0"/>
    <x v="497"/>
  </r>
  <r>
    <x v="3"/>
    <x v="31"/>
    <x v="1114"/>
    <s v="audit-rpt"/>
    <s v="The Cognos application supports reporting for all Business areas within the Agency. Packages are charectorized by Business Program, Line or source system as applicable"/>
    <s v=""/>
    <x v="1"/>
    <s v="IBM Cognos"/>
    <x v="8"/>
    <s v="IM - ER"/>
    <s v="Information Technology Services"/>
    <s v="CFIA-CFIA - 0076"/>
    <s v="In Production"/>
    <s v="rich"/>
    <x v="0"/>
    <x v="497"/>
  </r>
  <r>
    <x v="3"/>
    <x v="31"/>
    <x v="1115"/>
    <s v="auth-rpt"/>
    <s v="The Cognos application supports reporting for all Business areas within the Agency. Packages are charectorized by Business Program, Line or source system as applicable"/>
    <s v=""/>
    <x v="1"/>
    <s v="IBM Cognos"/>
    <x v="8"/>
    <s v="IM - ER"/>
    <s v="Information Technology Services"/>
    <s v="CFIA-CFIA - 0077"/>
    <s v="In Production"/>
    <s v="rich"/>
    <x v="0"/>
    <x v="497"/>
  </r>
  <r>
    <x v="3"/>
    <x v="31"/>
    <x v="1116"/>
    <s v="ecs fish-rpt"/>
    <s v="The Cognos application supports reporting for all Business areas within the Agency. Packages are charectorized by Business Program, Line or source system as applicable"/>
    <s v=""/>
    <x v="1"/>
    <s v="IBM Cognos"/>
    <x v="8"/>
    <s v="IM - ER"/>
    <s v="Information Technology Services"/>
    <s v="CFIA-CFIA - 0078"/>
    <s v="In Production"/>
    <s v="rich"/>
    <x v="0"/>
    <x v="497"/>
  </r>
  <r>
    <x v="3"/>
    <x v="31"/>
    <x v="1117"/>
    <s v="ecs meat - rpt"/>
    <s v="The Cognos application supports reporting for all Business areas within the Agency. Packages are charectorized by Business Program, Line or source system as applicable"/>
    <s v=""/>
    <x v="1"/>
    <s v="IBM Cognos"/>
    <x v="8"/>
    <s v="IM - ER"/>
    <s v="Information Technology Services"/>
    <s v="CFIA-CFIA - 0079"/>
    <s v="In Production"/>
    <s v="rich"/>
    <x v="0"/>
    <x v="497"/>
  </r>
  <r>
    <x v="3"/>
    <x v="31"/>
    <x v="1118"/>
    <s v="fish imp-rpt"/>
    <s v="The Cognos application supports reporting for all Business areas within the Agency. Packages are charectorized by Business Program, Line or source system as applicable"/>
    <s v=""/>
    <x v="1"/>
    <s v="IBM Cognos"/>
    <x v="8"/>
    <s v="IM - ER"/>
    <s v="Information Technology Services"/>
    <s v="CFIA-CFIA - 0080"/>
    <s v="In Production"/>
    <s v="rich"/>
    <x v="0"/>
    <x v="497"/>
  </r>
  <r>
    <x v="3"/>
    <x v="31"/>
    <x v="1119"/>
    <s v="iip-rpt"/>
    <s v="The Cognos application supports reporting for all Business areas within the Agency. Packages are charectorized by Business Program, Line or source system as applicable"/>
    <s v=""/>
    <x v="1"/>
    <s v="IBM Cognos"/>
    <x v="8"/>
    <s v="IM - ER"/>
    <s v="Information Technology Services"/>
    <s v="CFIA-CFIA - 0081"/>
    <s v="In Production"/>
    <s v="rich"/>
    <x v="0"/>
    <x v="497"/>
  </r>
  <r>
    <x v="3"/>
    <x v="31"/>
    <x v="1120"/>
    <s v="ic-en-rpt"/>
    <s v="The Cognos application supports reporting for all Business areas within the Agency. Packages are charectorized by Business Program, Line or source system as applicable"/>
    <s v=""/>
    <x v="1"/>
    <s v="IBM Cognos"/>
    <x v="8"/>
    <s v="IM - ER"/>
    <s v="Information Technology Services"/>
    <s v="CFIA-CFIA - 0082"/>
    <s v="In Production"/>
    <s v="rich"/>
    <x v="0"/>
    <x v="497"/>
  </r>
  <r>
    <x v="3"/>
    <x v="31"/>
    <x v="1121"/>
    <s v="ic-ft-rpt"/>
    <s v="The Cognos application supports reporting for all Business areas within the Agency. Packages are charectorized by Business Program, Line or source system as applicable"/>
    <s v=""/>
    <x v="1"/>
    <s v="IBM Cognos"/>
    <x v="8"/>
    <s v="IM - ER"/>
    <s v="Information Technology Services"/>
    <s v="CFIA-CFIA - 0083"/>
    <s v="In Production"/>
    <s v="rich"/>
    <x v="0"/>
    <x v="497"/>
  </r>
  <r>
    <x v="3"/>
    <x v="31"/>
    <x v="1122"/>
    <s v="insp-rpt"/>
    <s v="The Cognos application supports reporting for all Business areas within the Agency. Packages are charectorized by Business Program, Line or source system as applicable"/>
    <s v=""/>
    <x v="1"/>
    <s v="IBM Cognos"/>
    <x v="8"/>
    <s v="IM - ER"/>
    <s v="Information Technology Services"/>
    <s v="CFIA-CFIA - 0084"/>
    <s v="In Production"/>
    <s v="rich"/>
    <x v="0"/>
    <x v="497"/>
  </r>
  <r>
    <x v="3"/>
    <x v="31"/>
    <x v="1123"/>
    <s v="licen-rpt"/>
    <s v="The Cognos application supports reporting for all Business areas within the Agency. Packages are charectorized by Business Program, Line or source system as applicable"/>
    <s v=""/>
    <x v="1"/>
    <s v="IBM Cognos"/>
    <x v="8"/>
    <s v="IM - ER"/>
    <s v="Information Technology Services"/>
    <s v="CFIA-CFIA - 0085"/>
    <s v="In Production"/>
    <s v="rich"/>
    <x v="0"/>
    <x v="497"/>
  </r>
  <r>
    <x v="3"/>
    <x v="31"/>
    <x v="1124"/>
    <s v="ims-rpt"/>
    <s v="The Cognos application supports reporting for all Business areas within the Agency. Packages are charectorized by Business Program, Line or source system as applicable"/>
    <s v=""/>
    <x v="1"/>
    <s v="IBM Cognos"/>
    <x v="8"/>
    <s v="IDSS - BIS"/>
    <s v="Information Technology Services"/>
    <s v="CFIA-CFIA - 0086"/>
    <s v="In Production"/>
    <s v="rich"/>
    <x v="0"/>
    <x v="496"/>
  </r>
  <r>
    <x v="3"/>
    <x v="31"/>
    <x v="1125"/>
    <s v="edi-feed-rpt"/>
    <s v="The Cognos application supports reporting for all Business areas within the Agency. Packages are charectorized by Business Program, Line or source system as applicable"/>
    <s v=""/>
    <x v="1"/>
    <s v="IBM Cognos"/>
    <x v="8"/>
    <s v="IDSS - BIS"/>
    <s v="Information Technology Services"/>
    <s v="CFIA-CFIA - 0087"/>
    <s v="In Production"/>
    <s v="rich"/>
    <x v="0"/>
    <x v="496"/>
  </r>
  <r>
    <x v="3"/>
    <x v="31"/>
    <x v="1126"/>
    <s v="edi-fert-rpt"/>
    <s v="The Cognos application supports reporting for all Business areas within the Agency. Packages are charectorized by Business Program, Line or source system as applicable"/>
    <s v=""/>
    <x v="1"/>
    <s v="IBM Cognos"/>
    <x v="8"/>
    <s v="IDSS - BIS"/>
    <s v="Information Technology Services"/>
    <s v="CFIA-CFIA - 0088"/>
    <s v="In Production"/>
    <s v="rich"/>
    <x v="0"/>
    <x v="496"/>
  </r>
  <r>
    <x v="3"/>
    <x v="31"/>
    <x v="1127"/>
    <s v="edi-ph-rpt"/>
    <s v="The Cognos application supports reporting for all Business areas within the Agency. Packages are charectorized by Business Program, Line or source system as applicable"/>
    <s v=""/>
    <x v="1"/>
    <s v="IBM Cognos"/>
    <x v="8"/>
    <s v="IDSS - BIS"/>
    <s v="Information Technology Services"/>
    <s v="CFIA-CFIA - 0089"/>
    <s v="In Production"/>
    <s v="rich"/>
    <x v="0"/>
    <x v="496"/>
  </r>
  <r>
    <x v="3"/>
    <x v="31"/>
    <x v="1128"/>
    <s v="edi-imfd-rpt"/>
    <s v="The Cognos application supports reporting for all Business areas within the Agency. Packages are charectorized by Business Program, Line or source system as applicable"/>
    <s v=""/>
    <x v="1"/>
    <s v="IBM Cognos"/>
    <x v="8"/>
    <s v="IDSS - BIS"/>
    <s v="Information Technology Services"/>
    <s v="CFIA-CFIA - 0090"/>
    <s v="In Production"/>
    <s v="rich"/>
    <x v="0"/>
    <x v="496"/>
  </r>
  <r>
    <x v="3"/>
    <x v="31"/>
    <x v="1129"/>
    <s v="edi-ah-rpt"/>
    <s v="The Cognos application supports reporting for all Business areas within the Agency. Packages are charectorized by Business Program, Line or source system as applicable"/>
    <s v=""/>
    <x v="1"/>
    <s v="IBM Cognos"/>
    <x v="8"/>
    <s v="IDSS - BIS"/>
    <s v="Information Technology Services"/>
    <s v="CFIA-CFIA - 0091"/>
    <s v="In Production"/>
    <s v="rich"/>
    <x v="0"/>
    <x v="496"/>
  </r>
  <r>
    <x v="3"/>
    <x v="31"/>
    <x v="1130"/>
    <s v="edi-rpt"/>
    <s v="The Cognos application supports reporting for all Business areas within the Agency. Packages are charectorized by Business Program, Line or source system as applicable"/>
    <s v=""/>
    <x v="1"/>
    <s v="IBM Cognos"/>
    <x v="8"/>
    <s v="IDSS - BIS"/>
    <s v="Information Technology Services"/>
    <s v="CFIA-CFIA - 0092"/>
    <s v="In Production"/>
    <s v="rich"/>
    <x v="0"/>
    <x v="496"/>
  </r>
  <r>
    <x v="3"/>
    <x v="31"/>
    <x v="1131"/>
    <s v="prsa-feed-rpt"/>
    <s v="The Cognos application supports reporting for all Business areas within the Agency. Packages are charectorized by Business Program, Line or source system as applicable"/>
    <s v=""/>
    <x v="1"/>
    <s v="IBM Cognos"/>
    <x v="8"/>
    <s v="IDSS - BIS"/>
    <s v="Information Technology Services"/>
    <s v="CFIA-CFIA - 0093"/>
    <s v="In Production"/>
    <s v="rich"/>
    <x v="0"/>
    <x v="496"/>
  </r>
  <r>
    <x v="3"/>
    <x v="31"/>
    <x v="1132"/>
    <s v="prss-feed-rpt"/>
    <s v="The Cognos application supports reporting for all Business areas within the Agency. Packages are charectorized by Business Program, Line or source system as applicable"/>
    <s v=""/>
    <x v="1"/>
    <s v="IBM Cognos"/>
    <x v="8"/>
    <s v="IDSS - BIS"/>
    <s v="Information Technology Services"/>
    <s v="CFIA-CFIA - 0094"/>
    <s v="In Production"/>
    <s v="rich"/>
    <x v="0"/>
    <x v="496"/>
  </r>
  <r>
    <x v="3"/>
    <x v="31"/>
    <x v="1133"/>
    <s v="prsa-fert-rpt"/>
    <s v="The Cognos application supports reporting for all Business areas within the Agency. Packages are charectorized by Business Program, Line or source system as applicable"/>
    <s v=""/>
    <x v="1"/>
    <s v="IBM Cognos"/>
    <x v="8"/>
    <s v="IDSS - BIS"/>
    <s v="Information Technology Services"/>
    <s v="CFIA-CFIA - 0095"/>
    <s v="In Production"/>
    <s v="rich"/>
    <x v="0"/>
    <x v="496"/>
  </r>
  <r>
    <x v="3"/>
    <x v="31"/>
    <x v="1134"/>
    <s v="prss-fert-rpt"/>
    <s v="The Cognos application supports reporting for all Business areas within the Agency. Packages are charectorized by Business Program, Line or source system as applicable"/>
    <s v=""/>
    <x v="1"/>
    <s v="IBM Cognos"/>
    <x v="8"/>
    <s v="IDSS - BIS"/>
    <s v="Information Technology Services"/>
    <s v="CFIA-CFIA - 0096"/>
    <s v="In Production"/>
    <s v="rich"/>
    <x v="0"/>
    <x v="496"/>
  </r>
  <r>
    <x v="3"/>
    <x v="31"/>
    <x v="1135"/>
    <s v="pab-feed-rpt"/>
    <s v="The Cognos application supports reporting for all Business areas within the Agency. Packages are charectorized by Business Program, Line or source system as applicable"/>
    <s v=""/>
    <x v="1"/>
    <s v="IBM Cognos"/>
    <x v="8"/>
    <s v="IDSS - BIS"/>
    <s v="Information Technology Services"/>
    <s v="CFIA-CFIA - 0097"/>
    <s v="In Production"/>
    <s v="rich"/>
    <x v="0"/>
    <x v="123"/>
  </r>
  <r>
    <x v="3"/>
    <x v="31"/>
    <x v="1136"/>
    <s v="lab-fsap-rpt"/>
    <s v="The Cognos application supports reporting for all Business areas within the Agency. Packages are charectorized by Business Program, Line or source system as applicable"/>
    <s v=""/>
    <x v="1"/>
    <s v="IBM Cognos"/>
    <x v="8"/>
    <s v="IDSS - BIS"/>
    <s v="Information Technology Services"/>
    <s v="CFIA-CFIA - 0098"/>
    <s v="In Production"/>
    <s v="rich"/>
    <x v="0"/>
    <x v="123"/>
  </r>
  <r>
    <x v="3"/>
    <x v="31"/>
    <x v="1137"/>
    <s v="lab-fert-rpt"/>
    <s v="The Cognos application supports reporting for all Business areas within the Agency. Packages are charectorized by Business Program, Line or source system as applicable"/>
    <s v=""/>
    <x v="1"/>
    <s v="IBM Cognos"/>
    <x v="8"/>
    <s v="IDSS - BIS"/>
    <s v="Information Technology Services"/>
    <s v="CFIA-CFIA - 0099"/>
    <s v="In Production"/>
    <s v="rich"/>
    <x v="0"/>
    <x v="123"/>
  </r>
  <r>
    <x v="3"/>
    <x v="31"/>
    <x v="1138"/>
    <s v="CDMS- Rpt"/>
    <s v="The Cognos application supports reporting for all Business areas within the Agency. Packages are charectorized by Business Program, Line or source system as applicable"/>
    <s v=""/>
    <x v="1"/>
    <s v="IBM Cognos"/>
    <x v="8"/>
    <s v="IDSS - BIS"/>
    <s v="Information Technology Services"/>
    <s v="CFIA-CFIA - 0100"/>
    <s v="In Production"/>
    <s v="rich"/>
    <x v="0"/>
    <x v="496"/>
  </r>
  <r>
    <x v="3"/>
    <x v="31"/>
    <x v="1139"/>
    <s v="IRS- Rpt"/>
    <s v="The Cognos application supports reporting for all Business areas within the Agency. Packages are charectorized by Business Program, Line or source system as applicable"/>
    <s v=""/>
    <x v="1"/>
    <s v="IBM Cognos"/>
    <x v="8"/>
    <s v="IDSS - BIS"/>
    <s v="Information Technology Services"/>
    <s v="CFIA-CFIA - 0101"/>
    <s v="In Production"/>
    <s v="rich"/>
    <x v="0"/>
    <x v="496"/>
  </r>
  <r>
    <x v="3"/>
    <x v="31"/>
    <x v="1140"/>
    <s v="MRRS - Rpt"/>
    <s v="The Cognos application supports reporting for all Business areas within the Agency. Packages are charectorized by Business Program, Line or source system as applicable"/>
    <s v=""/>
    <x v="1"/>
    <s v="IBM Cognos"/>
    <x v="8"/>
    <s v="IDSS - BIS"/>
    <s v="Information Technology Services"/>
    <s v="CFIA-CFIA - 0102"/>
    <s v="In Production"/>
    <s v="rich"/>
    <x v="0"/>
    <x v="496"/>
  </r>
  <r>
    <x v="3"/>
    <x v="31"/>
    <x v="1141"/>
    <s v="IPS - Rpt"/>
    <s v="The Cognos application supports reporting for all Business areas within the Agency. Packages are charectorized by Business Program, Line or source system as applicable"/>
    <s v=""/>
    <x v="1"/>
    <s v="IBM Cognos"/>
    <x v="8"/>
    <s v="IDSS - BIS"/>
    <s v="Information Technology Services"/>
    <s v="CFIA-CFIA - 0103"/>
    <s v="In Production"/>
    <s v="rich"/>
    <x v="0"/>
    <x v="496"/>
  </r>
  <r>
    <x v="3"/>
    <x v="31"/>
    <x v="1142"/>
    <s v="eas-pp-prt"/>
    <s v="The Cognos application supports reporting for all Business areas within the Agency. Packages are charectorized by Business Program, Line or source system as applicable"/>
    <s v=""/>
    <x v="1"/>
    <s v="IBM Cognos"/>
    <x v="8"/>
    <s v="IDSS - BIS"/>
    <s v="Information Technology Services"/>
    <s v="CFIA-CFIA - 0104"/>
    <s v="In Production"/>
    <s v="rich"/>
    <x v="0"/>
    <x v="496"/>
  </r>
  <r>
    <x v="3"/>
    <x v="31"/>
    <x v="1143"/>
    <s v="mcap-pp-rpt"/>
    <s v="The Cognos application supports reporting for all Business areas within the Agency. Packages are charectorized by Business Program, Line or source system as applicable"/>
    <s v=""/>
    <x v="1"/>
    <s v="IBM Cognos"/>
    <x v="8"/>
    <s v="IDSS - BIS"/>
    <s v="Information Technology Services"/>
    <s v="CFIA-CFIA - 0105"/>
    <s v="In Production"/>
    <s v="rich"/>
    <x v="0"/>
    <x v="496"/>
  </r>
  <r>
    <x v="3"/>
    <x v="31"/>
    <x v="1144"/>
    <s v="food-rpt"/>
    <s v="The Cognos application supports reporting for all Business areas within the Agency. Packages are charectorized by Business Program, Line or source system as applicable"/>
    <s v=""/>
    <x v="1"/>
    <s v="IBM Cognos"/>
    <x v="8"/>
    <s v="IDSS - BIS"/>
    <s v="Information Technology Services"/>
    <s v="CFIA-CFIA - 0106"/>
    <s v="In Production"/>
    <s v="rich"/>
    <x v="0"/>
    <x v="123"/>
  </r>
  <r>
    <x v="3"/>
    <x v="31"/>
    <x v="1145"/>
    <s v="ah-rpt"/>
    <s v="The Cognos application supports reporting for all Business areas within the Agency. Packages are charectorized by Business Program, Line or source system as applicable"/>
    <s v=""/>
    <x v="1"/>
    <s v="IBM Cognos"/>
    <x v="8"/>
    <s v="IDSS - BIS"/>
    <s v="Information Technology Services"/>
    <s v="CFIA-CFIA - 0107"/>
    <s v="In Production"/>
    <s v="rich"/>
    <x v="0"/>
    <x v="123"/>
  </r>
  <r>
    <x v="3"/>
    <x v="31"/>
    <x v="1146"/>
    <s v="ph-rpt"/>
    <s v="The Cognos application supports reporting for all Business areas within the Agency. Packages are charectorized by Business Program, Line or source system as applicable"/>
    <s v=""/>
    <x v="1"/>
    <s v="IBM Cognos"/>
    <x v="8"/>
    <s v="IDSS - BIS"/>
    <s v="Information Technology Services"/>
    <s v="CFIA-CFIA - 0108"/>
    <s v="In Production"/>
    <s v="rich"/>
    <x v="0"/>
    <x v="123"/>
  </r>
  <r>
    <x v="3"/>
    <x v="31"/>
    <x v="1147"/>
    <s v="imfd-rpt"/>
    <s v="The Cognos application supports reporting for all Business areas within the Agency. Packages are charectorized by Business Program, Line or source system as applicable"/>
    <s v=""/>
    <x v="1"/>
    <s v="IBM Cognos"/>
    <x v="8"/>
    <s v="IDSS - BIS"/>
    <s v="Information Technology Services"/>
    <s v="CFIA-CFIA - 0109"/>
    <s v="In Production"/>
    <s v="rich"/>
    <x v="0"/>
    <x v="496"/>
  </r>
  <r>
    <x v="3"/>
    <x v="31"/>
    <x v="1148"/>
    <s v="TNIP - Rpt"/>
    <s v="&lt;div&gt;The Traceability National Information Portal is a decision support tool that brings together inter-jurisdictional information about animal identification, premises identification and movement reporting. TNIP pieces together disparate elements to establish an intelligent picture of animal traceability information for Canada, in support of animal health and disease control, public health, emergency management, and food safety. &lt;/div&gt;"/>
    <s v=""/>
    <x v="1"/>
    <s v="IBM Cognos"/>
    <x v="8"/>
    <s v="IDSS - BIS"/>
    <s v="Information Technology Services"/>
    <s v="CFIA-CFIA - 0110"/>
    <s v="In Production"/>
    <s v="rich"/>
    <x v="0"/>
    <x v="496"/>
  </r>
  <r>
    <x v="3"/>
    <x v="31"/>
    <x v="1149"/>
    <s v="CVS-Rpt"/>
    <s v="The Cognos application supports reporting for all Business areas within the Agency. Packages are charectorized by Business Program, Line or source system as applicable"/>
    <s v=""/>
    <x v="1"/>
    <s v="IBM Cognos"/>
    <x v="8"/>
    <s v="IDSS - BIS"/>
    <s v="Information Technology Services"/>
    <s v="CFIA-CFIA - 0111"/>
    <s v="In Production"/>
    <s v="rich"/>
    <x v="0"/>
    <x v="496"/>
  </r>
  <r>
    <x v="3"/>
    <x v="31"/>
    <x v="1150"/>
    <s v="US-Rpt"/>
    <s v="The Cognos application supports reporting for all Business areas within the Agency. Packages are charectorized by Business Program, Line or source system as applicable"/>
    <s v=""/>
    <x v="1"/>
    <s v="IBM Cognos"/>
    <x v="8"/>
    <s v="IDSS - BIS"/>
    <s v="Information Technology Services"/>
    <s v="CFIA-CFIA - 0112"/>
    <s v="In Production"/>
    <s v="rich"/>
    <x v="0"/>
    <x v="496"/>
  </r>
  <r>
    <x v="3"/>
    <x v="31"/>
    <x v="1151"/>
    <s v="ecert-rpt"/>
    <s v="The Cognos application supports reporting for all Business areas within the Agency. Packages are charectorized by Business Program, Line or source system as applicable"/>
    <s v=""/>
    <x v="1"/>
    <s v="IBM Cognos"/>
    <x v="8"/>
    <s v="IDSS - BIS"/>
    <s v="Information Technology Services"/>
    <s v="CFIA-CFIA - 0113"/>
    <s v="In Production"/>
    <s v="rich"/>
    <x v="0"/>
    <x v="496"/>
  </r>
  <r>
    <x v="3"/>
    <x v="31"/>
    <x v="1152"/>
    <s v="icts-rpt"/>
    <s v="The Cognos application supports reporting for all Business areas within the Agency. Packages are charectorized by Business Program, Line or source system as applicable"/>
    <s v=""/>
    <x v="1"/>
    <s v="IBM Cognos"/>
    <x v="8"/>
    <s v="IDSS - BIS"/>
    <s v="Information Technology Services"/>
    <s v="CFIA-CFIA - 0114"/>
    <s v="In Production"/>
    <s v="rich"/>
    <x v="0"/>
    <x v="496"/>
  </r>
  <r>
    <x v="3"/>
    <x v="31"/>
    <x v="1153"/>
    <s v="qms-rpt"/>
    <s v="The Cognos application supports reporting for all Business areas within the Agency. Packages are charectorized by Business Program, Line or source system as applicable"/>
    <s v=""/>
    <x v="1"/>
    <s v="IBM Cognos"/>
    <x v="8"/>
    <s v="IDSS - BIS"/>
    <s v="Information Technology Services"/>
    <s v="CFIA-CFIA - 0115"/>
    <s v="In Production"/>
    <s v="rich"/>
    <x v="0"/>
    <x v="496"/>
  </r>
  <r>
    <x v="3"/>
    <x v="31"/>
    <x v="1154"/>
    <s v="hr-rpt"/>
    <s v="The Cognos application supports reporting for all Business areas within the Agency. Packages are charectorized by Business Program, Line or source system as applicable"/>
    <s v=""/>
    <x v="1"/>
    <s v="IBM Cognos"/>
    <x v="8"/>
    <s v="IDSS - BIS"/>
    <s v="Information Technology Services"/>
    <s v="CFIA-CFIA - 0116"/>
    <s v="In Production"/>
    <s v="rich"/>
    <x v="0"/>
    <x v="496"/>
  </r>
  <r>
    <x v="3"/>
    <x v="31"/>
    <x v="1155"/>
    <s v="feedm-rpt"/>
    <s v="The Cognos application supports reporting for all Business areas within the Agency. Packages are charectorized by Business Program, Line or source system as applicable"/>
    <s v=""/>
    <x v="1"/>
    <s v="IBM Cognos"/>
    <x v="8"/>
    <s v="IDSS - BIS"/>
    <s v="Information Technology Services"/>
    <s v="CFIA-CFIA - 0117"/>
    <s v="In Production"/>
    <s v="rich"/>
    <x v="0"/>
    <x v="496"/>
  </r>
  <r>
    <x v="3"/>
    <x v="31"/>
    <x v="1156"/>
    <s v="fertm-rpt"/>
    <s v="The Cognos application supports reporting for all Business areas within the Agency. Packages are charectorized by Business Program, Line or source system as applicable"/>
    <s v=""/>
    <x v="1"/>
    <s v="IBM Cognos"/>
    <x v="8"/>
    <s v="IDSS - BIS"/>
    <s v="Information Technology Services"/>
    <s v="CFIA-CFIA - 0118"/>
    <s v="In Production"/>
    <s v="rich"/>
    <x v="0"/>
    <x v="496"/>
  </r>
  <r>
    <x v="3"/>
    <x v="31"/>
    <x v="1157"/>
    <s v="pp-rpt"/>
    <s v="The Cognos application supports reporting for all Business areas within the Agency. Packages are charectorized by Business Program, Line or source system as applicable"/>
    <s v=""/>
    <x v="1"/>
    <s v="IBM Cognos"/>
    <x v="8"/>
    <s v="IDSS - BIS"/>
    <s v="Information Technology Services"/>
    <s v="CFIA-CFIA - 0119"/>
    <s v="In Production"/>
    <s v="rich"/>
    <x v="0"/>
    <x v="496"/>
  </r>
  <r>
    <x v="3"/>
    <x v="31"/>
    <x v="1158"/>
    <s v="fsm-rpt"/>
    <s v="The Cognos application supports reporting for all Business areas within the Agency. Packages are charectorized by Business Program, Line or source system as applicable"/>
    <s v=""/>
    <x v="1"/>
    <s v="IBM Cognos"/>
    <x v="8"/>
    <s v="IDSS - BIS"/>
    <s v="Information Technology Services"/>
    <s v="CFIA-CFIA - 0120"/>
    <s v="In Production"/>
    <s v="rich"/>
    <x v="0"/>
    <x v="496"/>
  </r>
  <r>
    <x v="3"/>
    <x v="31"/>
    <x v="1159"/>
    <s v="mpm-rpt"/>
    <s v="The Cognos application supports reporting for all Business areas within the Agency. Packages are charectorized by Business Program, Line or source system as applicable"/>
    <s v=""/>
    <x v="1"/>
    <s v="IBM Cognos"/>
    <x v="8"/>
    <s v="IDSS - BIS"/>
    <s v="Information Technology Services"/>
    <s v="CFIA-CFIA - 0121"/>
    <s v="In Production"/>
    <s v="rich"/>
    <x v="0"/>
    <x v="496"/>
  </r>
  <r>
    <x v="3"/>
    <x v="31"/>
    <x v="1160"/>
    <s v="mhm-rpt"/>
    <s v="The Cognos application supports reporting for all Business areas within the Agency. Packages are charectorized by Business Program, Line or source system as applicable"/>
    <s v=""/>
    <x v="1"/>
    <s v="IBM Cognos"/>
    <x v="8"/>
    <s v="IDSS - BIS"/>
    <s v="Information Technology Services"/>
    <s v="CFIA-CFIA - 0122"/>
    <s v="In Production"/>
    <s v="rich"/>
    <x v="0"/>
    <x v="496"/>
  </r>
  <r>
    <x v="3"/>
    <x v="31"/>
    <x v="1161"/>
    <s v="ahm-rpt"/>
    <s v="The Cognos application supports reporting for all Business areas within the Agency. Packages are charectorized by Business Program, Line or source system as applicable"/>
    <s v=""/>
    <x v="1"/>
    <s v="IBM Cognos"/>
    <x v="8"/>
    <s v="IDSS - BIS"/>
    <s v="Information Technology Services"/>
    <s v="CFIA-CFIA - 0123"/>
    <s v="In Production"/>
    <s v="rich"/>
    <x v="0"/>
    <x v="496"/>
  </r>
  <r>
    <x v="3"/>
    <x v="31"/>
    <x v="1162"/>
    <s v="partm-rpt"/>
    <s v="The Cognos application supports reporting for all Business areas within the Agency. Packages are charectorized by Business Program, Line or source system as applicable"/>
    <s v=""/>
    <x v="1"/>
    <s v="IBM Cognos"/>
    <x v="8"/>
    <s v="IDSS - BIS"/>
    <s v="Information Technology Services"/>
    <s v="CFIA-CFIA - 0124"/>
    <s v="In Production"/>
    <s v="rich"/>
    <x v="0"/>
    <x v="496"/>
  </r>
  <r>
    <x v="0"/>
    <x v="8"/>
    <x v="12"/>
    <s v="wcms"/>
    <s v="&lt;div&gt;System that allows CFIA to store, manage and publish web content&lt;/div&gt;"/>
    <s v=""/>
    <x v="1"/>
    <s v=""/>
    <x v="8"/>
    <s v="IM - Web &amp; Forms"/>
    <s v="Communications Services"/>
    <s v="CFIA-CFIA - 0125"/>
    <s v="In Production"/>
    <s v="web"/>
    <x v="1"/>
    <x v="496"/>
  </r>
  <r>
    <x v="0"/>
    <x v="87"/>
    <x v="1163"/>
    <s v="rss"/>
    <s v=""/>
    <s v=""/>
    <x v="1"/>
    <s v=""/>
    <x v="8"/>
    <s v="IM - Web &amp; Forms"/>
    <s v="Communications Services"/>
    <s v="CFIA-CFIA - 0126"/>
    <s v="In Production"/>
    <s v="web"/>
    <x v="1"/>
    <x v="496"/>
  </r>
  <r>
    <x v="0"/>
    <x v="28"/>
    <x v="1164"/>
    <s v="ews"/>
    <s v="Web Analytics"/>
    <s v=""/>
    <x v="1"/>
    <s v="Google"/>
    <x v="8"/>
    <s v="IM - Web &amp; Forms"/>
    <s v="Communications Services"/>
    <s v="CFIA-CFIA - 0127"/>
    <s v="In Production"/>
    <s v="web"/>
    <x v="0"/>
    <x v="496"/>
  </r>
  <r>
    <x v="3"/>
    <x v="17"/>
    <x v="1165"/>
    <s v="NetInsight"/>
    <s v=""/>
    <s v=""/>
    <x v="1"/>
    <s v="IBM"/>
    <x v="8"/>
    <s v="IM - Web &amp; Forms"/>
    <s v="Information Technology Services"/>
    <s v="CFIA-CFIA - 0128"/>
    <s v="In Production"/>
    <s v="web"/>
    <x v="0"/>
    <x v="496"/>
  </r>
  <r>
    <x v="0"/>
    <x v="19"/>
    <x v="1166"/>
    <s v="Adobe Livecycle"/>
    <s v=""/>
    <s v=""/>
    <x v="1"/>
    <s v="Adobe Systems Incorporated"/>
    <x v="8"/>
    <s v="IM - Web &amp; Forms"/>
    <s v="Information Technology Services"/>
    <s v="CFIA-CFIA - 0129"/>
    <s v="In Production"/>
    <s v="web"/>
    <x v="0"/>
    <x v="496"/>
  </r>
  <r>
    <x v="0"/>
    <x v="19"/>
    <x v="1167"/>
    <s v="EFORM"/>
    <s v="Storage and publication of CFIA images"/>
    <s v=""/>
    <x v="1"/>
    <s v="IBM"/>
    <x v="8"/>
    <s v="IM - Web &amp; Forms"/>
    <s v="Information Technology Services"/>
    <s v="CFIA-CFIA - 0130"/>
    <s v="In Production"/>
    <s v="web"/>
    <x v="0"/>
    <x v="496"/>
  </r>
  <r>
    <x v="0"/>
    <x v="88"/>
    <x v="1168"/>
    <s v="Internal Image Gallery"/>
    <s v=""/>
    <s v=""/>
    <x v="1"/>
    <s v=""/>
    <x v="8"/>
    <s v="IM - Web &amp; Forms"/>
    <s v="Communications Services"/>
    <s v="CFIA-CFIA - 0131"/>
    <s v="In Production"/>
    <s v="web"/>
    <x v="1"/>
    <x v="496"/>
  </r>
  <r>
    <x v="2"/>
    <x v="10"/>
    <x v="1169"/>
    <s v="amr"/>
    <s v=""/>
    <s v=""/>
    <x v="1"/>
    <s v=""/>
    <x v="8"/>
    <s v="IM - Web &amp; Forms"/>
    <s v="Materiel Services"/>
    <s v="CFIA-CFIA - 0132"/>
    <s v="In Production"/>
    <s v="web"/>
    <x v="1"/>
    <x v="496"/>
  </r>
  <r>
    <x v="0"/>
    <x v="19"/>
    <x v="1170"/>
    <s v="enssi"/>
    <s v="&lt;div&gt;&lt;font face=&quot;Times New Roman&quot; size=3 color=black&gt;Lists available to CFIA employees only are highlighted in RED and identified with an asterisk*. You can subscribe to as many notification services as you want but make sure at least one service is selected before you submit this form.&lt;/font&gt;&lt;/div&gt;"/>
    <s v=""/>
    <x v="1"/>
    <s v=""/>
    <x v="8"/>
    <s v="IM - Web &amp; Forms"/>
    <s v="Communications Services"/>
    <s v="CFIA-CFIA - 0133"/>
    <s v="In Production"/>
    <s v="web"/>
    <x v="1"/>
    <x v="496"/>
  </r>
  <r>
    <x v="0"/>
    <x v="28"/>
    <x v="1171"/>
    <s v="gtcc"/>
    <s v=""/>
    <s v=""/>
    <x v="1"/>
    <s v=""/>
    <x v="8"/>
    <s v="IM - Web &amp; Forms"/>
    <s v="Management and Oversight Services"/>
    <s v="CFIA-CFIA - 0135"/>
    <s v="In Production"/>
    <s v="web"/>
    <x v="1"/>
    <x v="496"/>
  </r>
  <r>
    <x v="0"/>
    <x v="18"/>
    <x v="1172"/>
    <s v="ees"/>
    <s v=""/>
    <s v=""/>
    <x v="1"/>
    <s v=""/>
    <x v="8"/>
    <s v="IM - Web &amp; Forms"/>
    <s v="Human Resources Management Services"/>
    <s v="CFIA-CFIA - 0136"/>
    <s v="In Production"/>
    <s v="web"/>
    <x v="1"/>
    <x v="496"/>
  </r>
  <r>
    <x v="0"/>
    <x v="7"/>
    <x v="1173"/>
    <s v="vmgc"/>
    <s v="A web interface to an access database containing a list of  Classification Decisions for Veterinary Medicine (VM) Group"/>
    <s v=""/>
    <x v="1"/>
    <s v=""/>
    <x v="8"/>
    <s v="IM - Web &amp; Forms"/>
    <s v="Information Technology Services"/>
    <s v="CFIA-CFIA - 0137"/>
    <s v="In Production"/>
    <s v="web"/>
    <x v="1"/>
    <x v="496"/>
  </r>
  <r>
    <x v="0"/>
    <x v="28"/>
    <x v="1174"/>
    <s v="ccam"/>
    <s v=""/>
    <s v=""/>
    <x v="1"/>
    <s v=""/>
    <x v="8"/>
    <s v="IM - Web &amp; Forms"/>
    <s v="Information Technology Services"/>
    <s v="CFIA-CFIA - 0138"/>
    <s v="In Production"/>
    <s v="web"/>
    <x v="1"/>
    <x v="496"/>
  </r>
  <r>
    <x v="0"/>
    <x v="19"/>
    <x v="1175"/>
    <s v="scie"/>
    <s v=""/>
    <s v=""/>
    <x v="1"/>
    <s v=""/>
    <x v="8"/>
    <s v="IM - Web &amp; Forms"/>
    <s v="Information Technology Services"/>
    <s v="CFIA-CFIA - 0139"/>
    <s v="In Production"/>
    <s v="web"/>
    <x v="1"/>
    <x v="496"/>
  </r>
  <r>
    <x v="2"/>
    <x v="3"/>
    <x v="1176"/>
    <s v="arne"/>
    <s v="To improve Canadian Food Inspection Agency's (CFIA) Client credit control, the National Accounts Receivable Service Centre has added a new site on Merlin to include a &quot;CASH ONLY&quot; client reference for CFIA inspection staff."/>
    <s v=""/>
    <x v="1"/>
    <s v=""/>
    <x v="8"/>
    <s v="IM - Web &amp; Forms"/>
    <s v="Information Technology Services"/>
    <s v="CFIA-CFIA - 0140"/>
    <s v="In Production"/>
    <s v="web"/>
    <x v="1"/>
    <x v="496"/>
  </r>
  <r>
    <x v="2"/>
    <x v="2"/>
    <x v="1177"/>
    <s v="fintab"/>
    <s v="&lt;div&gt;Table is used to track all clients that their credit privileges have been revoked. This list is then sent to Merlin on a weekly basis. &lt;/div&gt;"/>
    <s v=""/>
    <x v="1"/>
    <s v=""/>
    <x v="8"/>
    <s v="IM - Web &amp; Forms"/>
    <s v="Financial Management Services"/>
    <s v="CFIA-CFIA - 0141"/>
    <s v="In Production"/>
    <s v="web"/>
    <x v="1"/>
    <x v="496"/>
  </r>
  <r>
    <x v="0"/>
    <x v="28"/>
    <x v="1178"/>
    <s v="sattab"/>
    <s v="Repertory enclosing table of Saturn Customer Master Data"/>
    <s v=""/>
    <x v="1"/>
    <s v=""/>
    <x v="8"/>
    <s v="IM - Web &amp; Forms"/>
    <s v="Financial Management Services"/>
    <s v="CFIA-CFIA - 0142"/>
    <s v="In Production"/>
    <s v="web"/>
    <x v="1"/>
    <x v="496"/>
  </r>
  <r>
    <x v="0"/>
    <x v="28"/>
    <x v="1179"/>
    <s v="fcam"/>
    <s v=""/>
    <s v=""/>
    <x v="1"/>
    <s v=""/>
    <x v="8"/>
    <s v="IM - Web &amp; Forms"/>
    <s v="Information Technology Services"/>
    <s v="CFIA-CFIA - 0143"/>
    <s v="In Production"/>
    <s v="web"/>
    <x v="1"/>
    <x v="496"/>
  </r>
  <r>
    <x v="0"/>
    <x v="19"/>
    <x v="1180"/>
    <s v="hrwprf"/>
    <s v="listing of CFIA staffing appointments"/>
    <s v=""/>
    <x v="1"/>
    <s v=""/>
    <x v="8"/>
    <s v="IM - Web &amp; Forms"/>
    <s v="Human Resources Management Services"/>
    <s v="CFIA-CFIA - 0144"/>
    <s v="In Production"/>
    <s v="web"/>
    <x v="1"/>
    <x v="496"/>
  </r>
  <r>
    <x v="2"/>
    <x v="22"/>
    <x v="1181"/>
    <s v="nram"/>
    <s v="A web interface for  CFIA Course Catalogue and Admin Module"/>
    <s v=""/>
    <x v="1"/>
    <s v=""/>
    <x v="8"/>
    <s v="IM - Web &amp; Forms"/>
    <s v="Human Resources Management Services"/>
    <s v="CFIA-CFIA - 0145"/>
    <s v="In Production"/>
    <s v="web"/>
    <x v="1"/>
    <x v="496"/>
  </r>
  <r>
    <x v="0"/>
    <x v="19"/>
    <x v="1182"/>
    <s v="nbur"/>
    <s v=""/>
    <s v=""/>
    <x v="1"/>
    <s v=""/>
    <x v="8"/>
    <s v="IM - Web &amp; Forms"/>
    <s v="Information Technology Services"/>
    <s v="CFIA-CFIA - 0146"/>
    <s v="In Production"/>
    <s v="web"/>
    <x v="1"/>
    <x v="496"/>
  </r>
  <r>
    <x v="0"/>
    <x v="19"/>
    <x v="1183"/>
    <s v="contact us"/>
    <s v="publication of proactive disclosure on CFIA external website"/>
    <s v=""/>
    <x v="1"/>
    <s v=""/>
    <x v="8"/>
    <s v="IM - Web &amp; Forms"/>
    <s v="Information Technology Services"/>
    <s v="CFIA-CFIA - 0147"/>
    <s v="In Production"/>
    <s v="web"/>
    <x v="1"/>
    <x v="496"/>
  </r>
  <r>
    <x v="3"/>
    <x v="31"/>
    <x v="1184"/>
    <s v="pdr"/>
    <s v=""/>
    <s v=""/>
    <x v="1"/>
    <s v=""/>
    <x v="8"/>
    <s v="IM - Web &amp; Forms"/>
    <s v="Information Technology Services"/>
    <s v="CFIA-CFIA - 0148"/>
    <s v="In Production"/>
    <s v="web"/>
    <x v="1"/>
    <x v="496"/>
  </r>
  <r>
    <x v="0"/>
    <x v="18"/>
    <x v="1185"/>
    <s v="feedback"/>
    <s v=""/>
    <s v=""/>
    <x v="1"/>
    <s v=""/>
    <x v="8"/>
    <s v="IM - Web &amp; Forms"/>
    <s v="Communications Services"/>
    <s v="CFIA-CFIA - 0149"/>
    <s v="In Production"/>
    <s v="web"/>
    <x v="1"/>
    <x v="496"/>
  </r>
  <r>
    <x v="0"/>
    <x v="28"/>
    <x v="1186"/>
    <s v="frme"/>
    <s v="List of federally registered meat establishments and licensed operators."/>
    <s v=""/>
    <x v="1"/>
    <s v=""/>
    <x v="8"/>
    <s v="IM - Web &amp; Forms"/>
    <s v="Information Technology Services"/>
    <s v="CFIA-CFIA - 0150"/>
    <s v="In Production"/>
    <s v="web"/>
    <x v="1"/>
    <x v="123"/>
  </r>
  <r>
    <x v="0"/>
    <x v="28"/>
    <x v="1187"/>
    <s v="mil"/>
    <s v="List of Canadian Establishments Approved for Export to the United States"/>
    <s v=""/>
    <x v="1"/>
    <s v=""/>
    <x v="8"/>
    <s v="IM - Web &amp; Forms"/>
    <s v="Information Technology Services"/>
    <s v="CFIA-CFIA - 0151"/>
    <s v="In Production"/>
    <s v="web"/>
    <x v="1"/>
    <x v="496"/>
  </r>
  <r>
    <x v="0"/>
    <x v="28"/>
    <x v="1188"/>
    <s v="leae"/>
    <s v=""/>
    <s v=""/>
    <x v="1"/>
    <s v=""/>
    <x v="8"/>
    <s v="IM - Web &amp; Forms"/>
    <s v="Information Technology Services"/>
    <s v="CFIA-CFIA - 0152"/>
    <s v="In Production"/>
    <s v="web"/>
    <x v="1"/>
    <x v="496"/>
  </r>
  <r>
    <x v="0"/>
    <x v="28"/>
    <x v="1189"/>
    <s v="fish list"/>
    <s v=""/>
    <s v=""/>
    <x v="1"/>
    <s v=""/>
    <x v="8"/>
    <s v="IM - Web &amp; Forms"/>
    <s v="Information Technology Services"/>
    <s v="CFIA-CFIA - 0153"/>
    <s v="In Production"/>
    <s v="web"/>
    <x v="1"/>
    <x v="496"/>
  </r>
  <r>
    <x v="0"/>
    <x v="28"/>
    <x v="1190"/>
    <s v="lpaf"/>
    <s v=""/>
    <s v=""/>
    <x v="1"/>
    <s v=""/>
    <x v="8"/>
    <s v="IM - Web &amp; Forms"/>
    <s v="Information Technology Services"/>
    <s v="CFIA-CFIA - 0154"/>
    <s v="In Production"/>
    <s v="web"/>
    <x v="1"/>
    <x v="496"/>
  </r>
  <r>
    <x v="0"/>
    <x v="28"/>
    <x v="1191"/>
    <s v="rlac"/>
    <s v="This reference listing operates in a database format. The database organizes entries by categories which indicate basic accepted product usage (e.g. cleaners). These primary categories are then divided into sub-categories which indicate more specific perm"/>
    <s v=""/>
    <x v="1"/>
    <s v=""/>
    <x v="8"/>
    <s v="IM - Web &amp; Forms"/>
    <s v="Management and Oversight Services"/>
    <s v="CFIA-CFIA - 0155"/>
    <s v="In Production"/>
    <s v="web"/>
    <x v="1"/>
    <x v="496"/>
  </r>
  <r>
    <x v="0"/>
    <x v="28"/>
    <x v="1192"/>
    <s v="vblc"/>
    <s v="The database is a publicly-searchable list of Veterinary Biologics Licensed in Canada. It is updated as new veterinary biologics are licensed for use in Canada or as licences are cancelled without prejudice.  The database can be searched according to reco"/>
    <s v=""/>
    <x v="1"/>
    <s v=""/>
    <x v="8"/>
    <s v="IM - Web &amp; Forms"/>
    <s v="Information Technology Services"/>
    <s v="CFIA-CFIA - 0156"/>
    <s v="In Production"/>
    <s v="web"/>
    <x v="1"/>
    <x v="496"/>
  </r>
  <r>
    <x v="0"/>
    <x v="28"/>
    <x v="1193"/>
    <s v="rpl"/>
    <s v="searchable database listing the fertilizer products that are registered"/>
    <s v=""/>
    <x v="1"/>
    <s v=""/>
    <x v="8"/>
    <s v="IM - Web &amp; Forms"/>
    <s v="Information Technology Services"/>
    <s v="CFIA-CFIA - 0157"/>
    <s v="In Production"/>
    <s v="web"/>
    <x v="1"/>
    <x v="496"/>
  </r>
  <r>
    <x v="0"/>
    <x v="19"/>
    <x v="1194"/>
    <s v="ensse"/>
    <s v=""/>
    <s v=""/>
    <x v="1"/>
    <s v=""/>
    <x v="8"/>
    <s v="IM - Web &amp; Forms"/>
    <s v="Information Technology Services"/>
    <s v="CFIA-CFIA - 0158"/>
    <s v="In Production"/>
    <s v="web"/>
    <x v="1"/>
    <x v="496"/>
  </r>
  <r>
    <x v="0"/>
    <x v="28"/>
    <x v="1195"/>
    <s v="peel"/>
    <s v=""/>
    <s v=""/>
    <x v="1"/>
    <s v=""/>
    <x v="8"/>
    <s v="IM - Web &amp; Forms"/>
    <s v="Information Technology Services"/>
    <s v="CFIA-CFIA - 0159"/>
    <s v="In Production"/>
    <s v="web"/>
    <x v="1"/>
    <x v="496"/>
  </r>
  <r>
    <x v="0"/>
    <x v="28"/>
    <x v="1196"/>
    <s v="iws"/>
    <s v=""/>
    <s v=""/>
    <x v="1"/>
    <s v="google inc."/>
    <x v="8"/>
    <s v="IM - Web &amp; Forms"/>
    <s v="Communications Services"/>
    <s v="CFIA-CFIA - 0160"/>
    <s v="In Production"/>
    <s v="web"/>
    <x v="0"/>
    <x v="123"/>
  </r>
  <r>
    <x v="0"/>
    <x v="28"/>
    <x v="1197"/>
    <s v="fps"/>
    <s v="This Application is treating the record of Food recall"/>
    <s v=""/>
    <x v="1"/>
    <s v=""/>
    <x v="8"/>
    <s v="IM - Web &amp; Forms"/>
    <s v="Information Technology Services"/>
    <s v="CFIA-CFIA - 0161"/>
    <s v="In Production"/>
    <s v="web"/>
    <x v="1"/>
    <x v="496"/>
  </r>
  <r>
    <x v="3"/>
    <x v="31"/>
    <x v="1198"/>
    <s v="crbr"/>
    <s v="website compliance checker"/>
    <s v=""/>
    <x v="1"/>
    <s v=""/>
    <x v="8"/>
    <s v="IM - Web &amp; Forms"/>
    <s v="Information Technology Services"/>
    <s v="CFIA-CFIA - 0162"/>
    <s v="In Production"/>
    <s v="web"/>
    <x v="1"/>
    <x v="496"/>
  </r>
  <r>
    <x v="9"/>
    <x v="89"/>
    <x v="1199"/>
    <s v="Watchfire"/>
    <s v=""/>
    <s v=""/>
    <x v="1"/>
    <s v=""/>
    <x v="8"/>
    <s v="IM - Web &amp; Forms"/>
    <s v="Information Technology Services"/>
    <s v="CFIA-CFIA - 0163"/>
    <s v="In Production"/>
    <s v="web"/>
    <x v="0"/>
    <x v="494"/>
  </r>
  <r>
    <x v="2"/>
    <x v="51"/>
    <x v="1200"/>
    <s v="ATIP"/>
    <s v="Tracking Sheet for PPB on all access to information &amp; privacy requests"/>
    <s v=""/>
    <x v="1"/>
    <s v="CSDC Systems Inc"/>
    <x v="8"/>
    <s v="Client Services"/>
    <s v="Information Technology Services"/>
    <s v="CFIA-CFIA - 0164"/>
    <s v="In Production"/>
    <s v="web"/>
    <x v="0"/>
    <x v="498"/>
  </r>
  <r>
    <x v="5"/>
    <x v="90"/>
    <x v="1201"/>
    <s v="GIS"/>
    <s v="Data for the production of maps in support of Animal and Plant Health, Food Safety and Corporate Management."/>
    <s v=""/>
    <x v="45"/>
    <s v="ESRI Inc."/>
    <x v="8"/>
    <s v="Client Services"/>
    <s v="Information Technology Services"/>
    <s v="CFIA-CFIA - 0166"/>
    <s v="In Production"/>
    <s v="rich"/>
    <x v="0"/>
    <x v="499"/>
  </r>
  <r>
    <x v="5"/>
    <x v="91"/>
    <x v="1202"/>
    <s v="Fumigant"/>
    <s v="Collection of fumigant data in fumigated environments or on fumigated commodities."/>
    <s v=""/>
    <x v="1"/>
    <s v="Industrial Scientific Corporation"/>
    <x v="8"/>
    <s v="Client Services"/>
    <s v="Information Technology Services"/>
    <s v="CFIA-CFIA - 0167"/>
    <s v="In Production"/>
    <s v="web"/>
    <x v="0"/>
    <x v="500"/>
  </r>
  <r>
    <x v="2"/>
    <x v="32"/>
    <x v="236"/>
    <s v="Axiom"/>
    <s v="&lt;div&gt;Physical access security system&lt;/div&gt;"/>
    <s v=""/>
    <x v="1"/>
    <s v="RBH Access Technologies Incorporated"/>
    <x v="8"/>
    <s v="Client Services"/>
    <s v="Information Technology Services"/>
    <s v="CFIA-CFIA - 0168"/>
    <s v="In Production"/>
    <s v="rich"/>
    <x v="0"/>
    <x v="500"/>
  </r>
  <r>
    <x v="2"/>
    <x v="22"/>
    <x v="1203"/>
    <s v="ETMS"/>
    <s v=""/>
    <s v=""/>
    <x v="1"/>
    <s v=""/>
    <x v="8"/>
    <s v="AO - Corporate"/>
    <s v="Human Resources Management Services"/>
    <s v="CFIA-CFIA - 0170"/>
    <s v="In Production"/>
    <s v="web"/>
    <x v="1"/>
    <x v="501"/>
  </r>
  <r>
    <x v="0"/>
    <x v="16"/>
    <x v="1204"/>
    <s v="EEEC"/>
    <s v="&lt;div&gt;Facilitates the exchange of export certificates between CFIA and USDA inspectors.&lt;/div&gt;"/>
    <s v=""/>
    <x v="1"/>
    <s v=""/>
    <x v="8"/>
    <s v=""/>
    <s v="Information Technology Services"/>
    <s v="CFIA-CFIA - 0171"/>
    <s v="In Production"/>
    <s v="web"/>
    <x v="1"/>
    <x v="502"/>
  </r>
  <r>
    <x v="3"/>
    <x v="63"/>
    <x v="1205"/>
    <s v="TNIP"/>
    <s v="&lt;div&gt;Provide information to enhance emergency management, market access, industry competitiveness and consumer confidence&lt;/div&gt;"/>
    <s v=""/>
    <x v="1"/>
    <s v=""/>
    <x v="8"/>
    <s v=""/>
    <s v="Information Technology Services"/>
    <s v="CFIA-CFIA - 0172"/>
    <s v="In Production"/>
    <s v="web"/>
    <x v="1"/>
    <x v="502"/>
  </r>
  <r>
    <x v="0"/>
    <x v="16"/>
    <x v="1206"/>
    <s v="RSTS"/>
    <s v="Following a Budget 2012 decision, rabies samples will no longer be picked up by CFIA Inspector.  As of the 1 of April, 2014, this responsibility will shift to the provincial authorities.  In order to allow rabies samples to still being tracked by the Laboratory Sample Tracking System (LSTS), a new system will be put in place to allow provinces to submit samples directly into LSTS.  This new system will consist of: 1 a: A new fillable PDF Rabies form for individual rabies samples;    b: A new web service to accept rabies data; 2: Modification to the existing SampleManager receiving software; 3: A new Record of Analysis mailed to outside clients."/>
    <s v=""/>
    <x v="1"/>
    <s v=""/>
    <x v="8"/>
    <s v=""/>
    <s v="Information Technology Services"/>
    <s v="CFIA-CFIA - 0173"/>
    <s v="In Production"/>
    <s v="web"/>
    <x v="1"/>
    <x v="503"/>
  </r>
  <r>
    <x v="0"/>
    <x v="16"/>
    <x v="1207"/>
    <s v="OMB"/>
    <s v="&lt;div&gt;Provides capability to register &amp;amp; track cases, generate reports and identify trends&lt;/div&gt;"/>
    <s v=""/>
    <x v="1"/>
    <s v="WorkDDynamics"/>
    <x v="8"/>
    <s v=""/>
    <s v="Information Technology Services"/>
    <s v="CFIA-CFIA - 0174"/>
    <s v="In Production"/>
    <s v="rich"/>
    <x v="0"/>
    <x v="502"/>
  </r>
  <r>
    <x v="0"/>
    <x v="16"/>
    <x v="1208"/>
    <s v="COA"/>
    <s v="&lt;div&gt;This tool will be used by about 40 users connected the CFIA network and located in various areas across the country. &amp;nbsp;&lt;/div&gt;"/>
    <s v=""/>
    <x v="1"/>
    <s v="WorkDDynamics"/>
    <x v="8"/>
    <s v=""/>
    <s v="Information Technology Services"/>
    <s v="CFIA-CFIA - 0175"/>
    <s v="In Production"/>
    <s v="rich"/>
    <x v="0"/>
    <x v="504"/>
  </r>
  <r>
    <x v="10"/>
    <x v="55"/>
    <x v="1209"/>
    <s v="CCM Exchange"/>
    <s v="&lt;div&gt;The Cognos application supports reporting for all Business areas within the Agency. Packages are charectorized by Business Program, Line or source system as applicable&lt;/div&gt;"/>
    <s v=""/>
    <x v="1"/>
    <s v="WorkDDynamics"/>
    <x v="8"/>
    <s v=""/>
    <s v="Information Technology Services"/>
    <s v="CFIA-CFIA - 0176"/>
    <s v="In Production"/>
    <s v="rich"/>
    <x v="0"/>
    <x v="502"/>
  </r>
  <r>
    <x v="0"/>
    <x v="7"/>
    <x v="1210"/>
    <s v="GDR"/>
    <s v="&lt;div&gt;&lt;font face=&quot;Times New Roman&quot; size=3 color=black&gt;The CFIA is responsible for regulating the safety and quality of food, animal and plant health in Canada. CFIA's official Guidance Documents provide the Agency's functional direction to its front line staff regarding their compliance verification activities. They also provide guidance to regulated parties regarding program requirements&lt;/font&gt;&lt;/div&gt;"/>
    <s v=""/>
    <x v="1"/>
    <s v=""/>
    <x v="8"/>
    <s v=""/>
    <s v="Information Technology Services"/>
    <s v="CFIA-CFIA - 0177"/>
    <s v="In Production"/>
    <s v="web"/>
    <x v="1"/>
    <x v="502"/>
  </r>
  <r>
    <x v="0"/>
    <x v="62"/>
    <x v="1211"/>
    <s v="RFSC"/>
    <s v="Database containing Food Safety Concern report from food service inspections, retail food inspections, Safety or quality of a food product, Food labelling"/>
    <s v=""/>
    <x v="1"/>
    <s v=""/>
    <x v="8"/>
    <s v=""/>
    <s v="Information Technology Services"/>
    <s v="CFIA-CFIA - 0178"/>
    <s v="In Production"/>
    <s v="web"/>
    <x v="1"/>
    <x v="502"/>
  </r>
  <r>
    <x v="0"/>
    <x v="28"/>
    <x v="1212"/>
    <s v="FCEEM"/>
    <s v="Database and web list containing the list of foreign countries establishments eligible to export meat products to Canada."/>
    <s v=""/>
    <x v="1"/>
    <s v=""/>
    <x v="8"/>
    <s v=""/>
    <s v="Information Technology Services"/>
    <s v="CFIA-CFIA - 0179"/>
    <s v="In Production"/>
    <s v="web"/>
    <x v="1"/>
    <x v="502"/>
  </r>
  <r>
    <x v="0"/>
    <x v="0"/>
    <x v="1213"/>
    <s v="FL"/>
    <s v=""/>
    <s v=""/>
    <x v="1"/>
    <s v=""/>
    <x v="8"/>
    <s v=""/>
    <s v="Information Technology Services"/>
    <s v="CFIA-CFIA - 0180"/>
    <s v="In Production"/>
    <s v="web"/>
    <x v="1"/>
    <x v="502"/>
  </r>
  <r>
    <x v="0"/>
    <x v="28"/>
    <x v="1214"/>
    <s v="FSP"/>
    <s v="web interface presenting food safety process"/>
    <s v=""/>
    <x v="1"/>
    <s v=""/>
    <x v="8"/>
    <s v=""/>
    <s v="Information Technology Services"/>
    <s v="CFIA-CFIA - 0181"/>
    <s v="In Production"/>
    <s v="web"/>
    <x v="1"/>
    <x v="502"/>
  </r>
  <r>
    <x v="2"/>
    <x v="3"/>
    <x v="1215"/>
    <s v="PDLC"/>
    <s v=""/>
    <s v=""/>
    <x v="1"/>
    <s v=""/>
    <x v="8"/>
    <s v=""/>
    <s v="Information Technology Services"/>
    <s v="CFIA-CFIA - 0182"/>
    <s v="In Production"/>
    <s v="web"/>
    <x v="1"/>
    <x v="502"/>
  </r>
  <r>
    <x v="0"/>
    <x v="13"/>
    <x v="1216"/>
    <s v="TT"/>
    <s v="CFIA/PBO Trial tracker/Request Tracker is a database created in the Filemaker application which runs from a Filemaker Server. The database contains tombstone data for all applications for unconfined, confined release or importation of Plants with Novel Traits (PNTs). The database is maintained and backed up to a virtual server.   It is used by the Plant Biosafety Office, the Pre-market Application Submissions Office, and the Plant Biotech Risk Assessment Unit of the CFIA to store and maintain records related to the Confined Research Field Trial program as well as the risk assessment documents for Unconfined Release authorizations. Almost all program data is entered into the database, including submission data, inspection data, enforcement records, deci"/>
    <s v=""/>
    <x v="1"/>
    <s v="Microsoft Corporation"/>
    <x v="8"/>
    <s v=""/>
    <s v="Information Technology Services"/>
    <s v="CFIA-CFIA - 0183"/>
    <s v="In Production"/>
    <s v="web"/>
    <x v="0"/>
    <x v="505"/>
  </r>
  <r>
    <x v="8"/>
    <x v="29"/>
    <x v="125"/>
    <s v="TEAMMATE"/>
    <s v="&lt;div&gt;The AEB Audit Management Server is a net-new installation being implemented in conjunction with Shared Services Canada and will be subject to any existing and future memorandums of understanding that exist with respect to Shared Services Canada (SSC) and CFIA. The audit group and user base will be up to 15 simultaneous user sessions; however, this may grow with the requirements of CFIA’s audit group. &lt;/div&gt;"/>
    <s v=""/>
    <x v="1"/>
    <s v="Microsoft Corporation"/>
    <x v="8"/>
    <s v=""/>
    <s v="Information Technology Services"/>
    <s v="CFIA-CFIA - 0184"/>
    <s v="In Production"/>
    <s v="web"/>
    <x v="0"/>
    <x v="502"/>
  </r>
  <r>
    <x v="10"/>
    <x v="55"/>
    <x v="1217"/>
    <s v="MQ"/>
    <s v="&lt;div&gt;Manage the transmission of messages between CFIA and CBSA.&lt;/div&gt;"/>
    <s v=""/>
    <x v="1"/>
    <s v=""/>
    <x v="8"/>
    <s v=""/>
    <s v="Information Technology Services"/>
    <s v="CFIA-CFIA - 0185"/>
    <s v="In Production"/>
    <s v="web"/>
    <x v="1"/>
    <x v="506"/>
  </r>
  <r>
    <x v="10"/>
    <x v="55"/>
    <x v="1218"/>
    <s v="GATEWAY"/>
    <s v="&lt;div&gt;Email notification system linked to Sample Manager, responsible to notify all staff based on their subscriptions registered.&lt;/div&gt;"/>
    <s v=""/>
    <x v="1"/>
    <s v=""/>
    <x v="8"/>
    <s v=""/>
    <s v="Information Technology Services"/>
    <s v="CFIA-CFIA - 0186"/>
    <s v="In Production"/>
    <s v="web"/>
    <x v="1"/>
    <x v="507"/>
  </r>
  <r>
    <x v="0"/>
    <x v="28"/>
    <x v="1219"/>
    <s v="AQW"/>
    <s v=""/>
    <s v=""/>
    <x v="1"/>
    <s v=""/>
    <x v="8"/>
    <s v=""/>
    <s v="Information Technology Services"/>
    <s v="CFIA-CFIA - 0187"/>
    <s v="In Production"/>
    <s v="web"/>
    <x v="1"/>
    <x v="508"/>
  </r>
  <r>
    <x v="0"/>
    <x v="28"/>
    <x v="1220"/>
    <s v="AQS"/>
    <s v=""/>
    <s v=""/>
    <x v="1"/>
    <s v=""/>
    <x v="8"/>
    <s v=""/>
    <s v="Information Technology Services"/>
    <s v="CFIA-CFIA - 0188"/>
    <s v="In Production"/>
    <s v="web"/>
    <x v="1"/>
    <x v="509"/>
  </r>
  <r>
    <x v="3"/>
    <x v="31"/>
    <x v="1221"/>
    <s v="MISBR"/>
    <s v=""/>
    <s v=""/>
    <x v="1"/>
    <s v=""/>
    <x v="8"/>
    <s v=""/>
    <s v="Information Technology Services"/>
    <s v="CFIA-CFIA - 0189"/>
    <s v="In Production"/>
    <s v="rich"/>
    <x v="1"/>
    <x v="502"/>
  </r>
  <r>
    <x v="2"/>
    <x v="3"/>
    <x v="1222"/>
    <s v="RSC"/>
    <s v="The SR Group combines  the Biological Sciences (BI), Chemistry (CH) and Agriculture (AG) classification groups that are currently in use at the Agency."/>
    <s v=""/>
    <x v="1"/>
    <s v=""/>
    <x v="8"/>
    <s v=""/>
    <s v="Information Technology Services"/>
    <s v="CFIA-CFIA - 0190"/>
    <s v="In Production"/>
    <s v="web"/>
    <x v="1"/>
    <x v="502"/>
  </r>
  <r>
    <x v="2"/>
    <x v="3"/>
    <x v="1223"/>
    <s v="MHPSP"/>
    <s v="List of tool for Mental Health Peer Support Program (PSP)"/>
    <s v=""/>
    <x v="1"/>
    <s v=""/>
    <x v="8"/>
    <s v=""/>
    <s v="Information Technology Services"/>
    <s v="CFIA-CFIA - 0191"/>
    <s v="In Production"/>
    <s v="web"/>
    <x v="1"/>
    <x v="502"/>
  </r>
  <r>
    <x v="0"/>
    <x v="18"/>
    <x v="1224"/>
    <s v="TWCS"/>
    <s v="CFIA employees submit personal work contact information along with story ideas for publication on the Merlin intranet as part of the Together, Working for Canadians: 100 Different Ways project."/>
    <s v=""/>
    <x v="1"/>
    <s v=""/>
    <x v="8"/>
    <s v=""/>
    <s v="Information Technology Services"/>
    <s v="CFIA-CFIA - 0192"/>
    <s v="In Production"/>
    <s v="web"/>
    <x v="1"/>
    <x v="502"/>
  </r>
  <r>
    <x v="0"/>
    <x v="18"/>
    <x v="1225"/>
    <s v="TWCV"/>
    <s v="CFIA employees submit an email to vote for their favourite published stories and photos on the Merlin intranet as part of the Together, Working for Canadians: 100 Different Ways project."/>
    <s v=""/>
    <x v="1"/>
    <s v=""/>
    <x v="8"/>
    <s v=""/>
    <s v="Information Technology Services"/>
    <s v="CFIA-CFIA - 0193"/>
    <s v="In Production"/>
    <s v="web"/>
    <x v="1"/>
    <x v="502"/>
  </r>
  <r>
    <x v="0"/>
    <x v="28"/>
    <x v="1226"/>
    <s v="PRES INFO"/>
    <s v=""/>
    <s v=""/>
    <x v="1"/>
    <s v=""/>
    <x v="8"/>
    <s v=""/>
    <s v="Information Technology Services"/>
    <s v="CFIA-CFIA - 0194"/>
    <s v="In Production"/>
    <s v="web"/>
    <x v="1"/>
    <x v="502"/>
  </r>
  <r>
    <x v="0"/>
    <x v="28"/>
    <x v="1227"/>
    <s v="SUSWASBC"/>
    <s v="Status update for three infectious diseases of concern, namely infectious haematopoietic necrosis (IHNV), infectious pancreatic necrosis virus (IPNV), and infectious salmon anaemia virus (ISAV)."/>
    <s v=""/>
    <x v="1"/>
    <s v=""/>
    <x v="8"/>
    <s v=""/>
    <s v="Information Technology Services"/>
    <s v="CFIA-CFIA - 0195"/>
    <s v="In Production"/>
    <s v="web"/>
    <x v="1"/>
    <x v="502"/>
  </r>
  <r>
    <x v="0"/>
    <x v="28"/>
    <x v="1228"/>
    <s v="EESABC"/>
    <s v="&lt;div&gt;&amp;nbsp;this report details the quantitative epidemiological evaluation of the existing surveillance programs in British Columbia farmed salmon for the following viruses: infectious salmon anemia virus (ISAV), both pathogenic (ISAV HPRΔ) and non-pathogenic (ISAV HPR0) strains; infectious pancreatic necrosis virus (IPNV); and infectious hematopoietic necrosis virus (IHNV). Stochastic modelling was used to conduct the evaluation.&lt;/div&gt;"/>
    <s v=""/>
    <x v="1"/>
    <s v=""/>
    <x v="8"/>
    <s v=""/>
    <s v="Information Technology Services"/>
    <s v="CFIA-CFIA - 0196"/>
    <s v="In Production"/>
    <s v="web"/>
    <x v="1"/>
    <x v="502"/>
  </r>
  <r>
    <x v="0"/>
    <x v="18"/>
    <x v="1229"/>
    <s v="WCF"/>
    <s v=""/>
    <s v=""/>
    <x v="1"/>
    <s v=""/>
    <x v="8"/>
    <s v=""/>
    <s v="Information Technology Services"/>
    <s v="CFIA-CFIA - 0197"/>
    <s v="In Production"/>
    <s v="web"/>
    <x v="1"/>
    <x v="502"/>
  </r>
  <r>
    <x v="0"/>
    <x v="18"/>
    <x v="1230"/>
    <s v="QCF"/>
    <s v=""/>
    <s v=""/>
    <x v="1"/>
    <s v=""/>
    <x v="8"/>
    <s v=""/>
    <s v="Information Technology Services"/>
    <s v="CFIA-CFIA - 0198"/>
    <s v="In Production"/>
    <s v="web"/>
    <x v="1"/>
    <x v="502"/>
  </r>
  <r>
    <x v="0"/>
    <x v="28"/>
    <x v="1231"/>
    <s v="LSTSR"/>
    <s v=""/>
    <s v=""/>
    <x v="1"/>
    <s v=""/>
    <x v="8"/>
    <s v=""/>
    <s v="Information Technology Services"/>
    <s v="CFIA-CFIA - 0199"/>
    <s v="In Production"/>
    <s v="web"/>
    <x v="1"/>
    <x v="502"/>
  </r>
  <r>
    <x v="0"/>
    <x v="13"/>
    <x v="1232"/>
    <s v="PVCKR"/>
    <s v="List of  Plant Varieties of Crop Kinds Registered in Canada"/>
    <s v=""/>
    <x v="1"/>
    <s v=""/>
    <x v="8"/>
    <s v=""/>
    <s v="Information Technology Services"/>
    <s v="CFIA-CFIA - 0200"/>
    <s v="In Production"/>
    <s v="web"/>
    <x v="1"/>
    <x v="502"/>
  </r>
  <r>
    <x v="2"/>
    <x v="2"/>
    <x v="1233"/>
    <s v="PAIS"/>
    <s v="System delivering  a report of CFIA Payment and Invoicing"/>
    <s v=""/>
    <x v="1"/>
    <s v=""/>
    <x v="8"/>
    <s v=""/>
    <s v="Information Technology Services"/>
    <s v="CFIA-CFIA - 0201"/>
    <s v="In Production"/>
    <s v="web"/>
    <x v="1"/>
    <x v="508"/>
  </r>
  <r>
    <x v="10"/>
    <x v="59"/>
    <x v="1234"/>
    <s v="ESAS"/>
    <s v=""/>
    <s v=""/>
    <x v="1"/>
    <s v=""/>
    <x v="8"/>
    <s v=""/>
    <s v="Information Technology Services"/>
    <s v="CFIA-CFIA - 0202"/>
    <s v="In Production"/>
    <s v="web"/>
    <x v="1"/>
    <x v="510"/>
  </r>
  <r>
    <x v="8"/>
    <x v="29"/>
    <x v="1235"/>
    <s v="CRM"/>
    <s v=""/>
    <s v=""/>
    <x v="1"/>
    <s v="Microsoft Corporation"/>
    <x v="8"/>
    <s v=""/>
    <s v="Information Technology Services"/>
    <s v="CFIA-CFIA - 0203"/>
    <s v="In Production"/>
    <s v="web"/>
    <x v="0"/>
    <x v="511"/>
  </r>
  <r>
    <x v="10"/>
    <x v="55"/>
    <x v="1236"/>
    <s v="EDIO"/>
    <s v="&lt;div&gt;EDI is the CFIA’s electronic interface with the Canadian Border Services Agency (CBSA). It allows Importers and/or Brokers to submit electronic transactions for review and receive electronic recommendations/decisions by both the CFIA and CBSA. Requirements are determined by those outlined in AIRS. The system supporting EDI is available seven days a week, twenty-four hours a day (when an automated decision can be made). In excess of 3 million import transactions are handled by CFIA every year.&lt;/div&gt;  &lt;div&gt;There are two types of EDI messages:&lt;/div&gt;  &lt;div&gt;• Other Government Department Pre Arrival Release System/Release on Minimum Documentation (OGD PARS/RMD); and &lt;/div&gt;  &lt;div&gt;• Integrated Import Declaration (IID)&lt;/div&gt;  &lt;div&gt;CFIA/CBSA Electro"/>
    <s v=""/>
    <x v="1"/>
    <s v=""/>
    <x v="8"/>
    <s v=""/>
    <s v="Information Technology Services"/>
    <s v="CFIA-CFIA - 0204"/>
    <s v="In Production"/>
    <s v="web"/>
    <x v="1"/>
    <x v="512"/>
  </r>
  <r>
    <x v="10"/>
    <x v="55"/>
    <x v="1237"/>
    <s v="EDIMS"/>
    <s v="&lt;div&gt;Process the messages between CFIA and CBSA coming from the application MQ-Sphere.&lt;/div&gt;"/>
    <s v=""/>
    <x v="1"/>
    <s v=""/>
    <x v="8"/>
    <s v=""/>
    <s v="Information Technology Services"/>
    <s v="CFIA-CFIA - 0205"/>
    <s v="In Production"/>
    <s v="web"/>
    <x v="1"/>
    <x v="512"/>
  </r>
  <r>
    <x v="0"/>
    <x v="28"/>
    <x v="1238"/>
    <s v="AIRSQI"/>
    <s v="&lt;div&gt;AIRS is a reference tool available to CFIA employees. It is a user-friendly, searchable database of CFIA import requirements. Through a series of questions and answers, the system leads users through applicable regulations and policies to information on all CFIA import requirements for specific commodities. The AIRS Query citrix application has additional search functionality that allows the user to refine their search with various data elements.&lt;/div&gt;  &lt;div&gt;&amp;nbsp;&lt;/div&gt;  &lt;div&gt;It was designed to:&lt;/div&gt;  &lt;div&gt;•Allow users to search for import requirements by commodity name, description, or the first 6 digits of the HS code.&lt;/div&gt;  &lt;div&gt;•Identify import requirements for CFIA commodities.&lt;/div&gt;  &lt;div&gt;•Display &amp;quot;documentation and/or regi"/>
    <s v=""/>
    <x v="1"/>
    <s v=""/>
    <x v="8"/>
    <s v=""/>
    <s v="Information Technology Services"/>
    <s v="CFIA-CFIA - 0206"/>
    <s v="In Production"/>
    <s v="web"/>
    <x v="1"/>
    <x v="508"/>
  </r>
  <r>
    <x v="10"/>
    <x v="55"/>
    <x v="1239"/>
    <s v="ABBYY"/>
    <s v="&lt;div&gt;The Digital Document Store (DDS) is a CFIA application that enhances the Agency's ability to manage import documents by replacing the fax process and providing a single electronic work queue of import documents. It allows for the electronic profiling and storage (by Program) of import documents received by the National Import Service Centre (NISC) and the NISC Satellite Office (NSO). The DDS facilitates the distribution of documents to all Canadian Food Inspection Agency (CFIA) offices across Canada by making documents available on the CFIA network. The import documents electronically profiled in the CFIA network are easily searchable and retrievable by a transaction number, province or commodity.&lt;/div&gt;"/>
    <s v=""/>
    <x v="1"/>
    <s v="Xerox"/>
    <x v="8"/>
    <s v=""/>
    <s v="Information Technology Services"/>
    <s v="CFIA-CFIA - 0207"/>
    <s v="In Production"/>
    <s v="web"/>
    <x v="0"/>
    <x v="513"/>
  </r>
  <r>
    <x v="0"/>
    <x v="28"/>
    <x v="1240"/>
    <s v="DDSMD"/>
    <s v="&lt;div&gt;The Digital Document Store (DDS) is a CFIA application that enhances the Agency's ability to manage import documents by replacing the fax process and providing a single electronic work queue of import documents. It allows for the electronic profiling and storage (by Program) of import documents received by the National Import Service Centre (NISC) and the NISC Satellite Office (NSO). The DDS facilitates the distribution of documents to all Canadian Food Inspection Agency (CFIA) offices across Canada by making documents available on the CFIA network. The import documents electronically profiled in the CFIA network are easily searchable and retrievable by a transaction number, province or commodity.&lt;/div&gt;"/>
    <s v=""/>
    <x v="1"/>
    <s v="Xerox"/>
    <x v="8"/>
    <s v=""/>
    <s v="Information Technology Services"/>
    <s v="CFIA-CFIA - 0208"/>
    <s v="In Production"/>
    <s v="rich"/>
    <x v="0"/>
    <x v="513"/>
  </r>
  <r>
    <x v="0"/>
    <x v="28"/>
    <x v="1241"/>
    <s v="CL"/>
    <s v=""/>
    <s v=""/>
    <x v="1"/>
    <s v=""/>
    <x v="8"/>
    <s v=""/>
    <s v="Information Technology Services"/>
    <s v="CFIA-CFIA - 0209"/>
    <s v="In Production"/>
    <s v="web"/>
    <x v="1"/>
    <x v="502"/>
  </r>
  <r>
    <x v="3"/>
    <x v="63"/>
    <x v="1242"/>
    <s v="SPLUNK"/>
    <s v="&lt;div&gt;&lt;font face=&quot;Times New Roman&quot; size=3 color=black&gt;Splunk Light is a comprehensive solution for small IT environments that automates log search and analysis. It speeds tactical troubleshooting by gathering real-time log data from your distributed applications and infrastructure in one place to enable powerful searches, dynamic dashboards and alerts, and reporting for real-time analysis&lt;/font&gt;&lt;/div&gt;"/>
    <s v=""/>
    <x v="1"/>
    <s v="splunk Inc."/>
    <x v="8"/>
    <s v=""/>
    <s v="Information Technology Services"/>
    <s v="CFIA-CFIA - 0210"/>
    <s v="In Production"/>
    <s v="web"/>
    <x v="0"/>
    <x v="514"/>
  </r>
  <r>
    <x v="10"/>
    <x v="59"/>
    <x v="1243"/>
    <s v="SQUID"/>
    <s v="&lt;div&gt;&lt;font face=&quot;Times New Roman&quot; size=3 color=black&gt;&lt;strong&gt;Squid&lt;/strong&gt; is a &lt;/font&gt;&lt;font face=&quot;Times New Roman&quot; size=3 color=blue&gt;&lt;u&gt;caching&lt;/u&gt;&lt;/font&gt;&lt;font face=&quot;Times New Roman&quot; size=3 color=black&gt; and forwarding &lt;/font&gt;&lt;font face=&quot;Times New Roman&quot; size=3 color=blue&gt;&lt;u&gt;web proxy&lt;/u&gt;&lt;/font&gt;&lt;font face=&quot;Times New Roman&quot; size=3 color=black&gt;. It has a wide variety of uses, from speeding up a &lt;/font&gt;&lt;font face=&quot;Times New Roman&quot; size=3 color=blue&gt;&lt;u&gt;web server&lt;/u&gt;&lt;/font&gt;&lt;font face=&quot;Times New Roman&quot; size=3 color=black&gt; by caching repeated requests; to caching &lt;/font&gt;&lt;font face=&quot;Times New Roman&quot; size=3 color=blue&gt;&lt;u&gt;web&lt;/u&gt;&lt;/font&gt;&lt;font face=&quot;Times New Roman&quot; size=3 color=black&gt;, &lt;/font&gt;&lt;font face=&quot;Times New Roman&quot; size=3 color=blue&gt;&lt;u&gt;DNS&lt;/u&gt;&lt;/f"/>
    <s v=""/>
    <x v="1"/>
    <s v="Squid"/>
    <x v="8"/>
    <s v=""/>
    <s v="Information Technology Services"/>
    <s v="CFIA-CFIA - 0211"/>
    <s v="In Production"/>
    <s v="web"/>
    <x v="0"/>
    <x v="514"/>
  </r>
  <r>
    <x v="1"/>
    <x v="47"/>
    <x v="524"/>
    <s v="SOLARWINDS"/>
    <s v="&lt;div&gt;Centralized system for managing and monitoring systems and applications. &lt;font face=&quot;Times New Roman&quot; size=3 color=black&gt;&lt;em&gt;SolarWinds&lt;/em&gt; IT monitoring and management tools are built for SysAdmins and network engineers who need powerful and affordable tools&lt;/font&gt;&lt;/div&gt;"/>
    <s v=""/>
    <x v="1"/>
    <s v="Solarwinds"/>
    <x v="8"/>
    <s v=""/>
    <s v="Information Technology Services"/>
    <s v="CFIA-CFIA - 0212"/>
    <s v="In Production"/>
    <s v="rich"/>
    <x v="0"/>
    <x v="514"/>
  </r>
  <r>
    <x v="0"/>
    <x v="13"/>
    <x v="1244"/>
    <s v="IBMLMT"/>
    <s v="&lt;div&gt;&lt;font face=&quot;Times New Roman&quot; size=3 color=black&gt;The IBM License Metric Tool [ILMT] helps you maintain an inventory of the PVU based software deployed for your Full Capacity or Virtualization (Sub-) Capacity environment, and measures the PVU licenses required by software Product. It is intended to help you manage your IBM software licensing requirements, and help you maintain an audit ready posture&lt;/font&gt;&lt;/div&gt;"/>
    <s v=""/>
    <x v="1"/>
    <s v="IBM"/>
    <x v="8"/>
    <s v=""/>
    <s v="Information Technology Services"/>
    <s v="CFIA-CFIA - 0213"/>
    <s v="In Production"/>
    <s v="web"/>
    <x v="0"/>
    <x v="515"/>
  </r>
  <r>
    <x v="3"/>
    <x v="31"/>
    <x v="1245"/>
    <s v="ORS"/>
    <s v=""/>
    <s v=""/>
    <x v="1"/>
    <s v="Oracle Canada ULC"/>
    <x v="8"/>
    <s v=""/>
    <s v="Information Technology Services"/>
    <s v="CFIA-CFIA - 0214"/>
    <s v="In Production"/>
    <s v="rich"/>
    <x v="0"/>
    <x v="515"/>
  </r>
  <r>
    <x v="9"/>
    <x v="54"/>
    <x v="1246"/>
    <s v="SSO"/>
    <s v="&lt;div&gt;&lt;font face=&quot;Times New Roman&quot; size=3 color=black&gt;&lt;strong&gt;Single sign-on&lt;/strong&gt; (&lt;strong&gt;SSO&lt;/strong&gt;) is a property of &lt;/font&gt;&lt;font face=&quot;Times New Roman&quot; size=3 color=blue&gt;&lt;u&gt;access control&lt;/u&gt;&lt;/font&gt;&lt;font face=&quot;Times New Roman&quot; size=3 color=black&gt; of multiple related, but independent &lt;/font&gt;&lt;font face=&quot;Times New Roman&quot; size=3 color=blue&gt;&lt;u&gt;software&lt;/u&gt;&lt;/font&gt;&lt;font face=&quot;Times New Roman&quot; size=3 color=black&gt; systems. With this property a user &lt;/font&gt;&lt;font face=&quot;Times New Roman&quot; size=3 color=blue&gt;&lt;u&gt;logs in&lt;/u&gt;&lt;/font&gt;&lt;font face=&quot;Times New Roman&quot; size=3 color=black&gt; with a single ID and password to gain access to a connected system or systems without using different usernames or passwords, or in some configurations seamlessly sign on at each"/>
    <s v=""/>
    <x v="1"/>
    <s v=""/>
    <x v="8"/>
    <s v=""/>
    <s v="Information Technology Services"/>
    <s v="CFIA-CFIA - 0215"/>
    <s v="In Production"/>
    <s v="web"/>
    <x v="1"/>
    <x v="502"/>
  </r>
  <r>
    <x v="10"/>
    <x v="59"/>
    <x v="1247"/>
    <s v="AIH"/>
    <s v="&lt;div&gt;The Enterprise Service Bus (ESB) serves as a centralized integration point for reusable enterprise services.&lt;/div&gt;"/>
    <s v=""/>
    <x v="1"/>
    <s v=""/>
    <x v="8"/>
    <s v=""/>
    <s v="Information Technology Services"/>
    <s v="CFIA-CFIA - 0216"/>
    <s v="In Production"/>
    <s v="web"/>
    <x v="1"/>
    <x v="502"/>
  </r>
  <r>
    <x v="0"/>
    <x v="16"/>
    <x v="1248"/>
    <s v="LMS"/>
    <s v=""/>
    <s v=""/>
    <x v="1"/>
    <s v=""/>
    <x v="8"/>
    <s v=""/>
    <s v="Information Technology Services"/>
    <s v="CFIA-CFIA - 0217"/>
    <s v="In Production"/>
    <s v="web"/>
    <x v="1"/>
    <x v="514"/>
  </r>
  <r>
    <x v="0"/>
    <x v="19"/>
    <x v="1249"/>
    <s v="IAA"/>
    <s v="&lt;div&gt;The Import Admissibility Application provides access to import information (transaction) declared by importers/brokers through the Canada Border Services Agency (CBSA) to the CFIA. This application permits the NISC and the NISC Satellite Office (NSO) to provide admissibility recommendations to CBSA on shipments imported into Canada for the Food, Animal and Plant related programs declared using the Integrated Import Declaration (IID) message (Service Option).&lt;/div&gt;  &lt;div&gt;IAA:&lt;/div&gt;  &lt;div&gt;• Displays transactional information and import documents declared to CFIA.&lt;/div&gt;  &lt;div&gt;• Allows the CFIA to determine eligibility of entry for shipments ahead of arrival at the border and refuse entry if necessary;&lt;/div&gt;  &lt;div&gt;• Captures and displays infor"/>
    <s v=""/>
    <x v="1"/>
    <s v=""/>
    <x v="8"/>
    <s v=""/>
    <s v="Information Technology Services"/>
    <s v="CFIA-CFIA - 0218"/>
    <s v="In Production"/>
    <s v="web"/>
    <x v="1"/>
    <x v="516"/>
  </r>
  <r>
    <x v="10"/>
    <x v="55"/>
    <x v="1250"/>
    <s v="SWIR"/>
    <s v="&lt;div&gt;Provides access to import information (transaction) declared by importers/brokers through the Canada Border Services Agency (CBSA) to the CFIA. This application permits the NISC and the NISC Satellite Office (NSO) to provide admissibility recommendations to CBSA on shipments imported into Canada for the Food, Animal and Plant related programs declared using the Integrated Import Declaration (IID) message (Service Option).&lt;/div&gt;  &lt;div&gt;IAA:&lt;/div&gt;  &lt;div&gt;• Displays transactional information and import documents declared to CFIA.&lt;/div&gt;  &lt;div&gt;• Allows the CFIA to determine eligibility of entry for shipments ahead of arrival at the border and refuse entry if necessary;&lt;/div&gt;  &lt;div&gt;• Captures and displays information IID messages received via the"/>
    <s v=""/>
    <x v="1"/>
    <s v=""/>
    <x v="8"/>
    <s v=""/>
    <s v="Information Technology Services"/>
    <s v="CFIA-CFIA - 0219"/>
    <s v="In Production"/>
    <s v="web"/>
    <x v="1"/>
    <x v="516"/>
  </r>
  <r>
    <x v="10"/>
    <x v="55"/>
    <x v="1251"/>
    <s v="SWIRS"/>
    <s v="&lt;div&gt;Provides access to import information (transaction) declared by importers/brokers through the Canada Border Services Agency (CBSA) to the CFIA. This application permits the NISC and the NISC Satellite Office (NSO) to provide admissibility recommendations to CBSA on shipments imported into Canada for the Food, Animal and Plant related programs declared using the Integrated Import Declaration (IID) message (Service Option).&lt;/div&gt;  &lt;div&gt;IAA:&lt;/div&gt;  &lt;div&gt;• Displays transactional information and import documents declared to CFIA.&lt;/div&gt;  &lt;div&gt;• Allows the CFIA to determine eligibility of entry for shipments ahead of arrival at the border and refuse entry if necessary;&lt;/div&gt;  &lt;div&gt;• Captures and displays information IID messages received via the"/>
    <s v=""/>
    <x v="1"/>
    <s v=""/>
    <x v="8"/>
    <s v=""/>
    <s v="Information Technology Services"/>
    <s v="CFIA-CFIA - 0220"/>
    <s v="In Production"/>
    <s v="web"/>
    <x v="1"/>
    <x v="514"/>
  </r>
  <r>
    <x v="10"/>
    <x v="55"/>
    <x v="1252"/>
    <s v="SWIPS"/>
    <s v="&lt;div&gt;Provides access to import information (transaction) declared by importers/brokers through the Canada Border Services Agency (CBSA) to the CFIA. This application permits the NISC and the NISC Satellite Office (NSO) to provide admissibility recommendations to CBSA on shipments imported into Canada for the Food, Animal and Plant related programs declared using the Integrated Import Declaration (IID) message (Service Option).&lt;/div&gt;  &lt;div&gt;IAA:&lt;/div&gt;  &lt;div&gt;• Displays transactional information and import documents declared to CFIA.&lt;/div&gt;  &lt;div&gt;• Allows the CFIA to determine eligibility of entry for shipments ahead of arrival at the border and refuse entry if necessary;&lt;/div&gt;  &lt;div&gt;• Captures and displays information IID messages received via the"/>
    <s v=""/>
    <x v="1"/>
    <s v=""/>
    <x v="8"/>
    <s v=""/>
    <s v="Information Technology Services"/>
    <s v="CFIA-CFIA - 0221"/>
    <s v="In Production"/>
    <s v="web"/>
    <x v="1"/>
    <x v="516"/>
  </r>
  <r>
    <x v="10"/>
    <x v="55"/>
    <x v="1253"/>
    <s v="SWITS"/>
    <s v="&lt;div&gt;Provides access to import information (transaction) declared by importers/brokers through the Canada Border Services Agency (CBSA) to the CFIA. This application permits the NISC and the NISC Satellite Office (NSO) to provide admissibility recommendations to CBSA on shipments imported into Canada for the Food, Animal and Plant related programs declared using the Integrated Import Declaration (IID) message (Service Option).&lt;/div&gt;  &lt;div&gt;IAA:&lt;/div&gt;  &lt;div&gt;• Displays transactional information and import documents declared to CFIA.&lt;/div&gt;  &lt;div&gt;• Allows the CFIA to determine eligibility of entry for shipments ahead of arrival at the border and refuse entry if necessary;&lt;/div&gt;  &lt;div&gt;• Captures and displays information IID messages received via the"/>
    <s v=""/>
    <x v="1"/>
    <s v=""/>
    <x v="8"/>
    <s v=""/>
    <s v="Information Technology Services"/>
    <s v="CFIA-CFIA - 0222"/>
    <s v="In Production"/>
    <s v="web"/>
    <x v="1"/>
    <x v="516"/>
  </r>
  <r>
    <x v="10"/>
    <x v="69"/>
    <x v="1254"/>
    <s v="WSFTP Pro"/>
    <s v="&lt;div&gt;&lt;font face=&quot;Times New Roman&quot; size=3 color=black&gt;WS_FTP Professional from Ipswitch File Transfer to simplify file transfer tasks, save time, and improve communications.&lt;/font&gt;&lt;/div&gt;"/>
    <s v=""/>
    <x v="1"/>
    <s v=""/>
    <x v="8"/>
    <s v=""/>
    <s v="Information Technology Services"/>
    <s v="CFIA-CFIA - 0223"/>
    <s v="In Production"/>
    <s v="web"/>
    <x v="0"/>
    <x v="502"/>
  </r>
  <r>
    <x v="0"/>
    <x v="28"/>
    <x v="1255"/>
    <s v="SWIHS"/>
    <s v=""/>
    <s v=""/>
    <x v="1"/>
    <s v=""/>
    <x v="8"/>
    <s v=""/>
    <s v="Information Technology Services"/>
    <s v="CFIA-CFIA - 0224"/>
    <s v="In Production"/>
    <s v="web"/>
    <x v="1"/>
    <x v="516"/>
  </r>
  <r>
    <x v="10"/>
    <x v="69"/>
    <x v="1256"/>
    <s v="DDST1"/>
    <s v="&lt;div&gt;The Digital Document Store (DDS) is a CFIA application that enhances the Agency's ability to manage import documents by replacing the fax process and providing a single electronic work queue of import documents. It allows for the electronic profiling and storage (by Program) of import documents received by the National Import Service Centre (NISC) and the NISC Satellite Office (NSO). The DDS facilitates the distribution of documents to all Canadian Food Inspection Agency (CFIA) offices across Canada by making documents available on the CFIA network. The import documents electronically profiled in the CFIA network are easily searchable and retrievable by a transaction number, province or commodity.&lt;/div&gt;"/>
    <s v=""/>
    <x v="1"/>
    <s v="Xerox"/>
    <x v="8"/>
    <s v=""/>
    <s v="Information Technology Services"/>
    <s v="CFIA-CFIA - 0225"/>
    <s v="In Production"/>
    <s v="web"/>
    <x v="0"/>
    <x v="513"/>
  </r>
  <r>
    <x v="0"/>
    <x v="8"/>
    <x v="1257"/>
    <s v="CVS2"/>
    <s v=""/>
    <s v=""/>
    <x v="1"/>
    <s v=""/>
    <x v="8"/>
    <s v=""/>
    <s v="Information Technology Services"/>
    <s v="CFIA-CFIA - 0226"/>
    <s v="In Production"/>
    <s v="web"/>
    <x v="1"/>
    <x v="509"/>
  </r>
  <r>
    <x v="0"/>
    <x v="88"/>
    <x v="1258"/>
    <s v="WEB_CDO"/>
    <s v=""/>
    <s v=""/>
    <x v="1"/>
    <s v=""/>
    <x v="8"/>
    <s v=""/>
    <s v="Information Technology Services"/>
    <s v="CFIA-CFIA - 0227"/>
    <s v="In Production"/>
    <s v="web"/>
    <x v="1"/>
    <x v="515"/>
  </r>
  <r>
    <x v="12"/>
    <x v="74"/>
    <x v="1259"/>
    <s v="pws"/>
    <s v="&lt;div&gt;Official CFIA public web site to notify the public on all food-related issues.&lt;/div&gt;"/>
    <s v=""/>
    <x v="1"/>
    <s v=""/>
    <x v="8"/>
    <s v=""/>
    <s v="Information Technology Services"/>
    <s v="CFIA-CFIA - 0228"/>
    <s v="In Production"/>
    <s v="web"/>
    <x v="1"/>
    <x v="502"/>
  </r>
  <r>
    <x v="8"/>
    <x v="38"/>
    <x v="1260"/>
    <s v="frn"/>
    <s v=""/>
    <s v=""/>
    <x v="1"/>
    <s v=""/>
    <x v="8"/>
    <s v=""/>
    <s v="Information Technology Services"/>
    <s v="CFIA-CFIA - 0229"/>
    <s v="In Production"/>
    <s v="web"/>
    <x v="1"/>
    <x v="502"/>
  </r>
  <r>
    <x v="8"/>
    <x v="38"/>
    <x v="1261"/>
    <s v="ofrn"/>
    <s v=""/>
    <s v=""/>
    <x v="1"/>
    <s v=""/>
    <x v="8"/>
    <s v=""/>
    <s v="Information Technology Services"/>
    <s v="CFIA-CFIA - 0230"/>
    <s v="In Production"/>
    <s v="web"/>
    <x v="1"/>
    <x v="502"/>
  </r>
  <r>
    <x v="8"/>
    <x v="38"/>
    <x v="1262"/>
    <s v="ahfn"/>
    <s v=""/>
    <s v=""/>
    <x v="1"/>
    <s v=""/>
    <x v="8"/>
    <s v=""/>
    <s v="Information Technology Services"/>
    <s v="CFIA-CFIA - 0231"/>
    <s v="In Production"/>
    <s v="web"/>
    <x v="1"/>
    <x v="502"/>
  </r>
  <r>
    <x v="8"/>
    <x v="38"/>
    <x v="1263"/>
    <s v="phfn"/>
    <s v=""/>
    <s v=""/>
    <x v="1"/>
    <s v=""/>
    <x v="8"/>
    <s v=""/>
    <s v="Information Technology Services"/>
    <s v="CFIA-CFIA - 0232"/>
    <s v="In Production"/>
    <s v="web"/>
    <x v="1"/>
    <x v="502"/>
  </r>
  <r>
    <x v="8"/>
    <x v="38"/>
    <x v="1264"/>
    <s v="whgin"/>
    <s v=""/>
    <s v=""/>
    <x v="1"/>
    <s v=""/>
    <x v="8"/>
    <s v=""/>
    <s v="Information Technology Services"/>
    <s v="CFIA-CFIA - 0233"/>
    <s v="In Production"/>
    <s v="web"/>
    <x v="1"/>
    <x v="502"/>
  </r>
  <r>
    <x v="2"/>
    <x v="40"/>
    <x v="1265"/>
    <s v="EIW"/>
    <s v="&lt;div&gt;&lt;font face=Arial size=2 color=black&gt;Wave 1 is a solution designed to translate the PCP verification inspection worksheet into a CRM solution and pilot the solution with a subset of CFIA inspectors. &lt;/font&gt;&lt;font size=2 color=black&gt;The scope of the initial roll out will target on PCP inspections in Dairy, Greenhouse, Fish and Oil Seeds business lines. &amp;nbsp;There are approximately 30 inspectors from each business line distributed across the country.&lt;/font&gt;&lt;/div&gt;"/>
    <s v=""/>
    <x v="1"/>
    <s v=""/>
    <x v="8"/>
    <s v=""/>
    <s v="Information Technology Services"/>
    <s v="CFIA-CFIA - 0234"/>
    <s v="In Production"/>
    <s v="web"/>
    <x v="1"/>
    <x v="511"/>
  </r>
  <r>
    <x v="4"/>
    <x v="5"/>
    <x v="1266"/>
    <s v="rdhie"/>
    <s v=""/>
    <s v=""/>
    <x v="1"/>
    <s v=""/>
    <x v="8"/>
    <s v=""/>
    <s v="Information Technology Services"/>
    <s v="CFIA-CFIA - 0235"/>
    <s v="In Production"/>
    <s v="web"/>
    <x v="1"/>
    <x v="513"/>
  </r>
  <r>
    <x v="4"/>
    <x v="5"/>
    <x v="1267"/>
    <s v="flm"/>
    <s v="&lt;div&gt;Is an administrative module within the Laboratory Sample Tracking System (LSTS) which directly supports the Plum Pox Virus Survey activities conducted by the CFIA.&lt;/div&gt;  &lt;div&gt;&amp;nbsp;&lt;/div&gt;  &lt;div&gt;FLM provides functionality to authorized LSTS Plant Health Administrators allowing them to maintain:&lt;/div&gt;  &lt;div&gt;- Farm Block Layouts;&lt;/div&gt;  &lt;div&gt;- Farm Block Types; and&lt;/div&gt;  &lt;div&gt;- Designate Quarantine Area.&lt;/div&gt;"/>
    <s v=""/>
    <x v="1"/>
    <s v=""/>
    <x v="8"/>
    <s v=""/>
    <s v="Information Technology Services"/>
    <s v="CFIA-CFIA - 0236"/>
    <s v="In Production"/>
    <s v="web"/>
    <x v="1"/>
    <x v="502"/>
  </r>
  <r>
    <x v="4"/>
    <x v="5"/>
    <x v="1268"/>
    <s v="PASO"/>
    <s v=""/>
    <s v=""/>
    <x v="1"/>
    <s v=""/>
    <x v="8"/>
    <s v=""/>
    <s v="Information Technology Services"/>
    <s v="CFIA-CFIA - 0237"/>
    <s v="In Production"/>
    <s v="web"/>
    <x v="1"/>
    <x v="500"/>
  </r>
  <r>
    <x v="4"/>
    <x v="5"/>
    <x v="1269"/>
    <s v="TMA/EMM"/>
    <s v="TMA non-simplified table includes the date application was received, applicant, products, reason for TMA, brand names, container size, period for which the TMA is granted, TMA number, marketing area, country of origin, hyperlinks to TMA letter pdf and lab"/>
    <s v=""/>
    <x v="1"/>
    <s v=""/>
    <x v="8"/>
    <s v=""/>
    <s v="Information Technology Services"/>
    <s v="CFIA-CFIA - 0238"/>
    <s v="In Production"/>
    <s v="desktop"/>
    <x v="1"/>
    <x v="517"/>
  </r>
  <r>
    <x v="6"/>
    <x v="48"/>
    <x v="1270"/>
    <s v="RA"/>
    <s v="This Excel spreadsheet keeps a basic information repository of all regulatory amendment projects (completed and in development). Updated weekly, it provides information for use in further reports to senior management."/>
    <s v=""/>
    <x v="1"/>
    <s v=""/>
    <x v="8"/>
    <s v=""/>
    <s v="Information Technology Services"/>
    <s v="CFIA-CFIA - 0239"/>
    <s v="In Production"/>
    <s v="desktop"/>
    <x v="1"/>
    <x v="518"/>
  </r>
  <r>
    <x v="3"/>
    <x v="92"/>
    <x v="1271"/>
    <s v="AVIS"/>
    <s v="AVIS in a Microsoft Access database and was created to provide a standard form across the four areas to track and maintain data associated with the Animal Health Accredited Vet program.  There are four stand-alone databases, one in each area.  They can no longer be synchronized, as the individual data sets are too large.  Each database is exceeding its threshold for data storage."/>
    <s v=""/>
    <x v="1"/>
    <s v=""/>
    <x v="8"/>
    <s v=""/>
    <s v="Information Technology Services"/>
    <s v="CFIA-CFIA - 0240"/>
    <s v="In Production"/>
    <s v="desktop"/>
    <x v="1"/>
    <x v="517"/>
  </r>
  <r>
    <x v="6"/>
    <x v="48"/>
    <x v="1272"/>
    <s v="EQP"/>
    <s v="Base de données regroupant tous les dossiers d'enquêtes des SEAL québec."/>
    <s v=""/>
    <x v="1"/>
    <s v=""/>
    <x v="8"/>
    <s v=""/>
    <s v="Information Technology Services"/>
    <s v="CFIA-CFIA - 0241"/>
    <s v="In Production"/>
    <s v="desktop"/>
    <x v="1"/>
    <x v="518"/>
  </r>
  <r>
    <x v="4"/>
    <x v="5"/>
    <x v="1273"/>
    <s v="Aquapiq"/>
    <s v=""/>
    <s v=""/>
    <x v="1"/>
    <s v=""/>
    <x v="8"/>
    <s v=""/>
    <s v="Information Technology Services"/>
    <s v="CFIA-CFIA - 0242"/>
    <s v="In Production"/>
    <s v="desktop"/>
    <x v="1"/>
    <x v="517"/>
  </r>
  <r>
    <x v="4"/>
    <x v="5"/>
    <x v="1274"/>
    <s v="EJS"/>
    <s v=""/>
    <s v=""/>
    <x v="1"/>
    <s v=""/>
    <x v="8"/>
    <s v=""/>
    <s v="Information Technology Services"/>
    <s v="CFIA-CFIA - 0243"/>
    <s v="In Production"/>
    <s v="desktop"/>
    <x v="1"/>
    <x v="517"/>
  </r>
  <r>
    <x v="9"/>
    <x v="93"/>
    <x v="1275"/>
    <s v="BCPD"/>
    <s v="&lt;div&gt;Under the Government of Canada operational standard for Business Continuity Planning, the components of the BCP program are: &lt;/div&gt;  &lt;div&gt;a. &amp;nbsp;The establishment of BCP Program governance. &lt;/div&gt;  &lt;div&gt;b. The conduct of a business impact analysis.&lt;/div&gt;  &lt;div&gt;c. The development of business continuity plans and arrangements. &lt;/div&gt;  &lt;div&gt;d. The maintenance of BCP Program readiness.&lt;/div&gt;"/>
    <s v=""/>
    <x v="1"/>
    <s v=""/>
    <x v="8"/>
    <s v=""/>
    <s v="Information Technology Services"/>
    <s v="CFIA-CFIA - 0244"/>
    <s v="In Production"/>
    <s v="desktop"/>
    <x v="1"/>
    <x v="518"/>
  </r>
  <r>
    <x v="4"/>
    <x v="5"/>
    <x v="1276"/>
    <s v="CCVBALPH"/>
    <s v="&lt;div&gt;The Veterinary Biologics Annual Licence and Import Permit Holders database is an Excel-based spreadsheet listing all holders of Veterinary Biologics Annual Commercial Import Permits, Veterinary Biologics Annual Non-commercial Import Permits, Canadian Veterinary Biologics Product Licences and Canadian Veterinary Biologics Establishment Licences. The dataset contains contact information, site location, type of annual licence or import permit held, the approved activities at each licenced or permitted site, the date of last inspection by Veterinary Biologics (VB) program inspectors, frequency of inspection and the due date for the next inspection. &lt;/div&gt;"/>
    <s v=""/>
    <x v="1"/>
    <s v=""/>
    <x v="8"/>
    <s v=""/>
    <s v="Information Technology Services"/>
    <s v="CFIA-CFIA - 0245"/>
    <s v="In Production"/>
    <s v="desktop"/>
    <x v="1"/>
    <x v="518"/>
  </r>
  <r>
    <x v="4"/>
    <x v="5"/>
    <x v="1277"/>
    <s v="CCVBECL"/>
    <s v="&lt;div&gt;The CCVB Export Certificates Log Book tracks issued export certificates and health certificates for Canadian manufactured veterinary biologics prepared by the Canadian Centre for Veterinary Biologics. The captured data includes: the applicant /manufacturer/ of the veterinary biologic product, the product(s) being exported, the date of application receipt and the date of issuance of the export certificate.&lt;/div&gt;"/>
    <s v=""/>
    <x v="1"/>
    <s v=""/>
    <x v="8"/>
    <s v=""/>
    <s v="Information Technology Services"/>
    <s v="CFIA-CFIA - 0246"/>
    <s v="In Production"/>
    <s v="desktop"/>
    <x v="1"/>
    <x v="518"/>
  </r>
  <r>
    <x v="4"/>
    <x v="5"/>
    <x v="1278"/>
    <s v="CCVBITL"/>
    <s v="&lt;div&gt;Lists all administrative and financial details of inspections of veterinary biologics (VB) manufacturers and of Canadian-based VB importers as carried out by Canadian Centre for Veterinary Biologics reviewers/inspectors and by VB Operations inspectors from the year 2010 onwards&lt;/div&gt;"/>
    <s v=""/>
    <x v="1"/>
    <s v=""/>
    <x v="8"/>
    <s v=""/>
    <s v="Information Technology Services"/>
    <s v="CFIA-CFIA - 0247"/>
    <s v="In Production"/>
    <s v="desktop"/>
    <x v="1"/>
    <x v="518"/>
  </r>
  <r>
    <x v="4"/>
    <x v="5"/>
    <x v="1279"/>
    <s v="CCVBNPS"/>
    <s v="&lt;div&gt;The Excel-based spreadsheet captures data for the receipt, paid fees for services, and service standard data for screening, initial review and licensing activities of veterinary biologic dossiers or submissions. &lt;/div&gt;"/>
    <s v=""/>
    <x v="1"/>
    <s v=""/>
    <x v="8"/>
    <s v=""/>
    <s v="Information Technology Services"/>
    <s v="CFIA-CFIA - 0248"/>
    <s v="In Production"/>
    <s v="desktop"/>
    <x v="1"/>
    <x v="518"/>
  </r>
  <r>
    <x v="4"/>
    <x v="5"/>
    <x v="1280"/>
    <s v="CCVBNAIPL"/>
    <s v="&lt;div&gt;&amp;nbsp;Veterinary Biologics Non Annual Import Permit database is an Excel-based spreadsheet listing all holders of Veterinary Biologics Import Permits for Research or for Emergency Use. The dataset contains contact information, site location, the permitted product, the date of application receipt and the date of permit isuance.&lt;/div&gt;"/>
    <s v=""/>
    <x v="1"/>
    <s v=""/>
    <x v="8"/>
    <s v=""/>
    <s v="Information Technology Services"/>
    <s v="CFIA-CFIA - 0249"/>
    <s v="In Production"/>
    <s v="desktop"/>
    <x v="1"/>
    <x v="518"/>
  </r>
  <r>
    <x v="4"/>
    <x v="5"/>
    <x v="1281"/>
    <s v="CCVBPRLB"/>
    <s v="&lt;div&gt;This dataset provides a record of all serials (also known as batches) of veterinary biologics (vaccines, diagnostic kits, antibody products) subject to a review of quality control data prior to approval (referred to as a 'serial release') by Canadian Centre for Veterinary Biologics for sale and distribution in Canada.&lt;/div&gt;"/>
    <s v=""/>
    <x v="1"/>
    <s v=""/>
    <x v="8"/>
    <s v=""/>
    <s v="Information Technology Services"/>
    <s v="CFIA-CFIA - 0250"/>
    <s v="In Production"/>
    <s v="desktop"/>
    <x v="1"/>
    <x v="518"/>
  </r>
  <r>
    <x v="4"/>
    <x v="5"/>
    <x v="1282"/>
    <s v="CCVBRVBL"/>
    <s v="&lt;div&gt;Administrative collation of CCVB revenue from fees collected as per CFIA Fees Notice. Listed by financial code (VB number) and date.&lt;/div&gt;"/>
    <s v=""/>
    <x v="1"/>
    <s v=""/>
    <x v="8"/>
    <s v=""/>
    <s v="Information Technology Services"/>
    <s v="CFIA-CFIA - 0251"/>
    <s v="In Production"/>
    <s v="desktop"/>
    <x v="1"/>
    <x v="519"/>
  </r>
  <r>
    <x v="4"/>
    <x v="5"/>
    <x v="1283"/>
    <s v="CCVBSRL"/>
    <s v="&lt;div&gt;This dataset provides a record of all serials (also known as batches) of veterinary biologics (vaccines, diagnostic kits, antibody products) subject to a review of quality control data prior to approval (referred to as a 'serial release') by Canadian Centre for Veterinary Biologics for sale and distribution in Canada.&lt;/div&gt;"/>
    <s v=""/>
    <x v="1"/>
    <s v=""/>
    <x v="8"/>
    <s v=""/>
    <s v="Information Technology Services"/>
    <s v="CFIA-CFIA - 0252"/>
    <s v="In Production"/>
    <s v="desktop"/>
    <x v="1"/>
    <x v="519"/>
  </r>
  <r>
    <x v="6"/>
    <x v="48"/>
    <x v="1284"/>
    <s v="CCVBSAEL"/>
    <s v="&lt;div&gt;All details for reports of suspected adverse reactions to veterinary biologics. Decommissioned. &amp;nbsp;To be replaced by the software application PV Works (currently undergoing user acceptance testing).&lt;/div&gt;"/>
    <s v=""/>
    <x v="1"/>
    <s v=""/>
    <x v="8"/>
    <s v=""/>
    <s v="Information Technology Services"/>
    <s v="CFIA-CFIA - 0253"/>
    <s v="In Production"/>
    <s v="desktop"/>
    <x v="1"/>
    <x v="518"/>
  </r>
  <r>
    <x v="4"/>
    <x v="5"/>
    <x v="1285"/>
    <s v="FL"/>
    <s v="&lt;div&gt;Database of acceptable common names for fish that can be used for labeling.&lt;/div&gt;"/>
    <s v=""/>
    <x v="1"/>
    <s v=""/>
    <x v="8"/>
    <s v=""/>
    <s v="Information Technology Services"/>
    <s v="CFIA-CFIA - 0254"/>
    <s v="In Production"/>
    <s v="desktop"/>
    <x v="1"/>
    <x v="519"/>
  </r>
  <r>
    <x v="4"/>
    <x v="5"/>
    <x v="1286"/>
    <s v="CVSFD"/>
    <s v="&lt;div&gt;Microsoft Access database used by data entry staff to process, store, and report on information related to compliance verifications at federally registered Feed establishments. Clerical staff receive inspection reports from inspection staff directly. &lt;/div&gt;"/>
    <s v=""/>
    <x v="1"/>
    <s v=""/>
    <x v="8"/>
    <s v=""/>
    <s v="Information Technology Services"/>
    <s v="CFIA-CFIA - 0255"/>
    <s v="In Production"/>
    <s v="desktop"/>
    <x v="1"/>
    <x v="519"/>
  </r>
  <r>
    <x v="4"/>
    <x v="5"/>
    <x v="1287"/>
    <s v="CVSRD"/>
    <s v="&lt;div&gt;Microsoft Access database used by data entry staff to process, store, and report on information related to compliance verifications at federally registered Rendering establishments. Clerical staff receive inspection reports from inspection staff directly. &lt;/div&gt;"/>
    <s v=""/>
    <x v="1"/>
    <s v=""/>
    <x v="8"/>
    <s v=""/>
    <s v="Information Technology Services"/>
    <s v="CFIA-CFIA - 0256"/>
    <s v="In Production"/>
    <s v="desktop"/>
    <x v="1"/>
    <x v="519"/>
  </r>
  <r>
    <x v="6"/>
    <x v="48"/>
    <x v="1288"/>
    <s v="COOCR"/>
    <s v="All complaints are logged in the Complaint register. The completed file contains all the information related to complaint investigation. The register is an Excel spread sheet  organised by type of complaint, date received, originator, follow up action, and status. It is maintained internally. Only COO has access to the data."/>
    <s v=""/>
    <x v="1"/>
    <s v=""/>
    <x v="8"/>
    <s v=""/>
    <s v="Information Technology Services"/>
    <s v="CFIA-CFIA - 0257"/>
    <s v="In Production"/>
    <s v="desktop"/>
    <x v="1"/>
    <x v="518"/>
  </r>
  <r>
    <x v="4"/>
    <x v="5"/>
    <x v="1289"/>
    <s v="CEMRS"/>
    <s v="&lt;div&gt;The Canadian Emergency Management Response System (CEMRS) is a Canadian version of the Emergency Management Response System (EMRS) developed by the United States Department of Agriculture, Animal and Plant Health Inspection Service, Veterinary Services (USDA-APHIS-VS), Emergency Programs section. It was received from the US in 2002, and has undergone significant adaptation.&lt;/div&gt;  &lt;div&gt;&amp;nbsp;&lt;/div&gt;  &lt;div&gt;CEMRS is an internet based information management tool that allows for the collection, storage and sharing of data and documentation associated with animal disease investigations and outbreaks, and emergency management activities. &amp;nbsp;It has linkages to CFIA's &amp;nbsp;Laboratory Submission Tracking System (LSTS) and eForms system (Informed Fil"/>
    <s v=""/>
    <x v="1"/>
    <s v=""/>
    <x v="8"/>
    <s v=""/>
    <s v="Information Technology Services"/>
    <s v="CFIA-CFIA - 0258"/>
    <s v="In Production"/>
    <s v="desktop"/>
    <x v="1"/>
    <x v="520"/>
  </r>
  <r>
    <x v="4"/>
    <x v="5"/>
    <x v="1290"/>
    <s v="CCS"/>
    <s v="&lt;div&gt;An Access database containing data collected from technicians using CFIA protocols and standard operating procedures.&lt;/div&gt;"/>
    <s v=""/>
    <x v="1"/>
    <s v=""/>
    <x v="8"/>
    <s v=""/>
    <s v="Information Technology Services"/>
    <s v="CFIA-CFIA - 0259"/>
    <s v="In Production"/>
    <s v="desktop"/>
    <x v="1"/>
    <x v="521"/>
  </r>
  <r>
    <x v="4"/>
    <x v="5"/>
    <x v="1291"/>
    <s v="CLCCD"/>
    <s v="&lt;div&gt;An Access database containing bacteria information.&lt;/div&gt;"/>
    <s v=""/>
    <x v="1"/>
    <s v=""/>
    <x v="8"/>
    <s v=""/>
    <s v="Information Technology Services"/>
    <s v="CFIA-CFIA - 0260"/>
    <s v="In Production"/>
    <s v="desktop"/>
    <x v="1"/>
    <x v="521"/>
  </r>
  <r>
    <x v="4"/>
    <x v="5"/>
    <x v="1292"/>
    <s v="CLMSI"/>
    <s v="&lt;div&gt;An Access database containing sample inventory for the Charlottetown laboratory. &lt;/div&gt;"/>
    <s v=""/>
    <x v="1"/>
    <s v=""/>
    <x v="8"/>
    <s v=""/>
    <s v="Information Technology Services"/>
    <s v="CFIA-CFIA - 0261"/>
    <s v="In Production"/>
    <s v="desktop"/>
    <x v="1"/>
    <x v="521"/>
  </r>
  <r>
    <x v="3"/>
    <x v="92"/>
    <x v="1293"/>
    <s v="CID"/>
    <s v="This Access database was created in QC to track imports of cheese and compliance data to facilitate follow-up and control over imports.    There was an attempt to make the database national but being in Access there was difficult making available to all and in maintenance."/>
    <s v=""/>
    <x v="1"/>
    <s v=""/>
    <x v="8"/>
    <s v=""/>
    <s v="Information Technology Services"/>
    <s v="CFIA-CFIA - 0262"/>
    <s v="In Production"/>
    <s v="desktop"/>
    <x v="1"/>
    <x v="518"/>
  </r>
  <r>
    <x v="4"/>
    <x v="5"/>
    <x v="1294"/>
    <s v="CVD"/>
    <s v="&lt;div&gt;Access database containing cultures information. &lt;/div&gt;"/>
    <s v=""/>
    <x v="1"/>
    <s v=""/>
    <x v="8"/>
    <s v=""/>
    <s v="Information Technology Services"/>
    <s v="CFIA-CFIA - 0263"/>
    <s v="In Production"/>
    <s v="desktop"/>
    <x v="1"/>
    <x v="521"/>
  </r>
  <r>
    <x v="6"/>
    <x v="48"/>
    <x v="1295"/>
    <s v="DLRE"/>
    <s v="This database is used to capture all client information including products and volume produced of registered dairy establishments.    The information is used by Accounts Receivable for sending out invoices, by Programs to send out program updates, to track types of products made, for data when determining inspection frequencies etc.. The distribution file is used by other government agencies to list dairy companies in Canada and is sent out on request to the public or other interested stakeholders."/>
    <s v=""/>
    <x v="1"/>
    <s v=""/>
    <x v="8"/>
    <s v=""/>
    <s v="Information Technology Services"/>
    <s v="CFIA-CFIA - 0264"/>
    <s v="In Production"/>
    <s v="desktop"/>
    <x v="1"/>
    <x v="518"/>
  </r>
  <r>
    <x v="4"/>
    <x v="5"/>
    <x v="1296"/>
    <s v="DMCAP"/>
    <s v="&lt;div&gt;This folder contains data dumps from MCAP but is also used to capture data on follow-ups that aren't tracked in MCAP. Establishments with outstanding tasks are identified and then an email is sent to each inspection office of these plants and an update on follow-ups is requested.&lt;/div&gt;"/>
    <s v=""/>
    <x v="1"/>
    <s v=""/>
    <x v="8"/>
    <s v=""/>
    <s v="Information Technology Services"/>
    <s v="CFIA-CFIA - 0265"/>
    <s v="In Production"/>
    <s v="desktop"/>
    <x v="1"/>
    <x v="519"/>
  </r>
  <r>
    <x v="4"/>
    <x v="5"/>
    <x v="1297"/>
    <s v="DPPDD"/>
    <s v=""/>
    <s v=""/>
    <x v="1"/>
    <s v=""/>
    <x v="8"/>
    <s v=""/>
    <s v="Information Technology Services"/>
    <s v="CFIA-CFIA - 0266"/>
    <s v="In Production"/>
    <s v="desktop"/>
    <x v="1"/>
    <x v="519"/>
  </r>
  <r>
    <x v="4"/>
    <x v="5"/>
    <x v="1298"/>
    <s v="DQLI"/>
    <s v=""/>
    <s v=""/>
    <x v="1"/>
    <s v=""/>
    <x v="8"/>
    <s v=""/>
    <s v="Information Technology Services"/>
    <s v="CFIA-CFIA - 0267"/>
    <s v="In Production"/>
    <s v="desktop"/>
    <x v="1"/>
    <x v="519"/>
  </r>
  <r>
    <x v="3"/>
    <x v="92"/>
    <x v="1299"/>
    <s v="Data_0911"/>
    <s v="Database contains results of CFIA and private lab testing various food commodities (meat, fresh, processed, dairy, honey, maple, egg) of under NCRMP and FSAP Special Surveys and Allergens sampling, NCRMP and FSAP testing results from contract labs."/>
    <s v=""/>
    <x v="1"/>
    <s v=""/>
    <x v="8"/>
    <s v=""/>
    <s v="Information Technology Services"/>
    <s v="CFIA-CFIA - 0268"/>
    <s v="In Production"/>
    <s v="desktop"/>
    <x v="1"/>
    <x v="522"/>
  </r>
  <r>
    <x v="4"/>
    <x v="5"/>
    <x v="1300"/>
    <s v="EDL"/>
    <s v=""/>
    <s v=""/>
    <x v="1"/>
    <s v=""/>
    <x v="8"/>
    <s v=""/>
    <s v="Information Technology Services"/>
    <s v="CFIA-CFIA - 0269"/>
    <s v="In Production"/>
    <s v="desktop"/>
    <x v="1"/>
    <x v="519"/>
  </r>
  <r>
    <x v="4"/>
    <x v="5"/>
    <x v="1301"/>
    <s v="ELRE"/>
    <s v="&lt;div&gt;Provides the list of registered shell egg and processed egg establishments, including establishment number, name, address and contact information.&lt;/div&gt;"/>
    <s v=""/>
    <x v="1"/>
    <s v=""/>
    <x v="8"/>
    <s v=""/>
    <s v="Information Technology Services"/>
    <s v="CFIA-CFIA - 0270"/>
    <s v="In Production"/>
    <s v="desktop"/>
    <x v="1"/>
    <x v="519"/>
  </r>
  <r>
    <x v="4"/>
    <x v="5"/>
    <x v="1302"/>
    <s v="EIR"/>
    <s v="&lt;div&gt;Template of reports that capture data that reflects different activities carried out under the Egg Program, as well as events, issues, challenges and accomplishments related to program delivery &amp;nbsp;and the industry. This information will help streamline tasks, resources and improve delivery of program priorities.&lt;/div&gt;"/>
    <s v=""/>
    <x v="1"/>
    <s v=""/>
    <x v="8"/>
    <s v=""/>
    <s v="Information Technology Services"/>
    <s v="CFIA-CFIA - 0271"/>
    <s v="In Production"/>
    <s v="desktop"/>
    <x v="1"/>
    <x v="519"/>
  </r>
  <r>
    <x v="3"/>
    <x v="92"/>
    <x v="1303"/>
    <s v="EQUIP_D"/>
    <s v="This database hold all of the critical equipment in our building"/>
    <s v=""/>
    <x v="1"/>
    <s v=""/>
    <x v="8"/>
    <s v=""/>
    <s v="Information Technology Services"/>
    <s v="CFIA-CFIA - 0272"/>
    <s v="In Production"/>
    <s v="desktop"/>
    <x v="1"/>
    <x v="522"/>
  </r>
  <r>
    <x v="4"/>
    <x v="5"/>
    <x v="1304"/>
    <s v="LRC"/>
    <s v=""/>
    <s v=""/>
    <x v="1"/>
    <s v=""/>
    <x v="8"/>
    <s v=""/>
    <s v="Information Technology Services"/>
    <s v="CFIA-CFIA - 0273"/>
    <s v="In Production"/>
    <s v="desktop"/>
    <x v="1"/>
    <x v="519"/>
  </r>
  <r>
    <x v="6"/>
    <x v="48"/>
    <x v="1305"/>
    <s v="FSDMST"/>
    <s v="Designed by the CFIA for abattoirs producing raw beef manufacturing trimmings for the export to the USA.  Samples collected by the operators and submitted to private labs for the analysis of Shiga toxins-producing Escherichia coli (STEC) O26, O103, O111, O121, O45, O145, and 0157. All results reported to CFIA."/>
    <s v=""/>
    <x v="1"/>
    <s v=""/>
    <x v="8"/>
    <s v=""/>
    <s v="Information Technology Services"/>
    <s v="CFIA-CFIA - 0274"/>
    <s v="In Production"/>
    <s v="desktop"/>
    <x v="1"/>
    <x v="522"/>
  </r>
  <r>
    <x v="3"/>
    <x v="92"/>
    <x v="1306"/>
    <s v="Fact2013"/>
    <s v="Système de facturation qui génère les factures trimestriellement pour les établissements agréés du Québec en copiant les factures du trimestre précédent, permet au titulaire de modifié / de créer de nouvelles factures. Il est relié à un Plan d'action dans MS Access, qui est un répertoire de tous les établissements."/>
    <s v=""/>
    <x v="1"/>
    <s v=""/>
    <x v="8"/>
    <s v=""/>
    <s v="Information Technology Services"/>
    <s v="CFIA-CFIA - 0275"/>
    <s v="In Production"/>
    <s v="desktop"/>
    <x v="1"/>
    <x v="518"/>
  </r>
  <r>
    <x v="4"/>
    <x v="5"/>
    <x v="1307"/>
    <s v="FLRNS"/>
    <s v=""/>
    <s v=""/>
    <x v="1"/>
    <s v=""/>
    <x v="8"/>
    <s v=""/>
    <s v="Information Technology Services"/>
    <s v="CFIA-CFIA - 0277"/>
    <s v="In Production"/>
    <s v="desktop"/>
    <x v="1"/>
    <x v="519"/>
  </r>
  <r>
    <x v="4"/>
    <x v="5"/>
    <x v="1308"/>
    <s v="FPQIR"/>
    <s v="Used to summarize changes to Export Certification System (ECS) specific to forestry issues. Allows to track how often we update ECS and to record decision of how ECS was changed in response to request for information."/>
    <s v=""/>
    <x v="1"/>
    <s v=""/>
    <x v="8"/>
    <s v=""/>
    <s v="Information Technology Services"/>
    <s v="CFIA-CFIA - 0278"/>
    <s v="In Production"/>
    <s v="desktop"/>
    <x v="1"/>
    <x v="519"/>
  </r>
  <r>
    <x v="4"/>
    <x v="5"/>
    <x v="1309"/>
    <s v="FISPOIADD"/>
    <s v=""/>
    <s v=""/>
    <x v="1"/>
    <s v=""/>
    <x v="8"/>
    <s v=""/>
    <s v="Information Technology Services"/>
    <s v="CFIA-CFIA - 0279"/>
    <s v="In Production"/>
    <s v="desktop"/>
    <x v="1"/>
    <x v="519"/>
  </r>
  <r>
    <x v="4"/>
    <x v="5"/>
    <x v="1310"/>
    <s v="HT"/>
    <s v="Access data base. master resides on O drive and replicas in 5 locations throughout the country"/>
    <s v=""/>
    <x v="1"/>
    <s v=""/>
    <x v="8"/>
    <s v=""/>
    <s v="Information Technology Services"/>
    <s v="CFIA-CFIA - 0280"/>
    <s v="In Production"/>
    <s v="desktop"/>
    <x v="1"/>
    <x v="519"/>
  </r>
  <r>
    <x v="4"/>
    <x v="5"/>
    <x v="1311"/>
    <s v="IDM"/>
    <s v="Access data base. master resides on O drive and replicas in 5 locations throughout the country"/>
    <s v=""/>
    <x v="1"/>
    <s v=""/>
    <x v="8"/>
    <s v=""/>
    <s v="Information Technology Services"/>
    <s v="CFIA-CFIA - 0281"/>
    <s v="In Production"/>
    <s v="desktop"/>
    <x v="1"/>
    <x v="519"/>
  </r>
  <r>
    <x v="4"/>
    <x v="5"/>
    <x v="1312"/>
    <s v="IIVB"/>
    <s v=""/>
    <s v=""/>
    <x v="1"/>
    <s v=""/>
    <x v="8"/>
    <s v=""/>
    <s v="Information Technology Services"/>
    <s v="CFIA-CFIA - 0282"/>
    <s v="In Production"/>
    <s v="desktop"/>
    <x v="1"/>
    <x v="519"/>
  </r>
  <r>
    <x v="4"/>
    <x v="5"/>
    <x v="1313"/>
    <s v="ITD"/>
    <s v="The database contains questions and responses to inquiries requiring clarification for Operations Area Specialists/Program Officers on labelling and claims for foods. The database can be searched using key words. Each inquiry response is saved as a RDIMS"/>
    <s v=""/>
    <x v="1"/>
    <s v=""/>
    <x v="8"/>
    <s v=""/>
    <s v="Information Technology Services"/>
    <s v="CFIA-CFIA - 0283"/>
    <s v="In Production"/>
    <s v="desktop"/>
    <x v="1"/>
    <x v="519"/>
  </r>
  <r>
    <x v="4"/>
    <x v="5"/>
    <x v="1314"/>
    <s v="CAL"/>
    <s v="The Complaints and Appeals Office log contains information to date, on the status of all complaints filed  with the Complaints and Appeals Office."/>
    <s v=""/>
    <x v="1"/>
    <s v=""/>
    <x v="8"/>
    <s v=""/>
    <s v="Information Technology Services"/>
    <s v="CFIA-CFIA - 0284"/>
    <s v="In Production"/>
    <s v="desktop"/>
    <x v="1"/>
    <x v="519"/>
  </r>
  <r>
    <x v="4"/>
    <x v="5"/>
    <x v="1315"/>
    <s v="LTSR"/>
    <s v="Information in the reports: number of employees that are currently staffed in a non-imperative position who still need to meet their language levels, exemption period, how many attended/completed language training to meet their language levels as part of"/>
    <s v=""/>
    <x v="1"/>
    <s v=""/>
    <x v="8"/>
    <s v=""/>
    <s v="Information Technology Services"/>
    <s v="CFIA-CFIA - 0285"/>
    <s v="In Production"/>
    <s v="desktop"/>
    <x v="1"/>
    <x v="519"/>
  </r>
  <r>
    <x v="4"/>
    <x v="5"/>
    <x v="1316"/>
    <s v="LAD"/>
    <s v=""/>
    <s v=""/>
    <x v="1"/>
    <s v=""/>
    <x v="8"/>
    <s v=""/>
    <s v="Information Technology Services"/>
    <s v="CFIA-CFIA - 0286"/>
    <s v="In Production"/>
    <s v="desktop"/>
    <x v="1"/>
    <x v="519"/>
  </r>
  <r>
    <x v="4"/>
    <x v="5"/>
    <x v="1317"/>
    <s v="LNOL"/>
    <s v="The log contains a list of the letters of no objection issued by Health Canada in response to industry submissions including pre-market notifications, novel food submissions and interim marketing authorization requests for food products."/>
    <s v=""/>
    <x v="1"/>
    <s v=""/>
    <x v="8"/>
    <s v=""/>
    <s v="Information Technology Services"/>
    <s v="CFIA-CFIA - 0287"/>
    <s v="In Production"/>
    <s v="desktop"/>
    <x v="1"/>
    <x v="519"/>
  </r>
  <r>
    <x v="6"/>
    <x v="48"/>
    <x v="1318"/>
    <s v="LCIL"/>
    <s v="This list is used by the Import Service Centre to verify that the licence number on the import declaration is valid and belongs to the importer.  This allows them to make their recommendation to CBSA to release or refuse product."/>
    <s v=""/>
    <x v="1"/>
    <s v=""/>
    <x v="8"/>
    <s v=""/>
    <s v="Information Technology Services"/>
    <s v="CFIA-CFIA - 0288"/>
    <s v="In Production"/>
    <s v="desktop"/>
    <x v="1"/>
    <x v="518"/>
  </r>
  <r>
    <x v="4"/>
    <x v="5"/>
    <x v="1319"/>
    <s v="LPEE"/>
    <s v="List of USDA Processed Egg Establishments which are eligible for exporting egg products to Canada. Includes establishment number, name, address, contact information."/>
    <s v=""/>
    <x v="1"/>
    <s v=""/>
    <x v="8"/>
    <s v=""/>
    <s v="Information Technology Services"/>
    <s v="CFIA-CFIA - 0289"/>
    <s v="In Production"/>
    <s v="desktop"/>
    <x v="1"/>
    <x v="519"/>
  </r>
  <r>
    <x v="4"/>
    <x v="5"/>
    <x v="1320"/>
    <s v="LEQ"/>
    <s v="A list created to have all the information of Québecs establishments for all programs. Name, address, contact person and number, emergecy contact person and number etc. presently updated by the supervisors."/>
    <s v=""/>
    <x v="1"/>
    <s v=""/>
    <x v="8"/>
    <s v=""/>
    <s v="Information Technology Services"/>
    <s v="CFIA-CFIA - 0290"/>
    <s v="In Production"/>
    <s v="desktop"/>
    <x v="1"/>
    <x v="519"/>
  </r>
  <r>
    <x v="6"/>
    <x v="48"/>
    <x v="1321"/>
    <s v="LMRS"/>
    <s v="Four spreadsheets containing SRM annual permit information.  They include additional information on the CFIA office that issued the license."/>
    <s v=""/>
    <x v="1"/>
    <s v=""/>
    <x v="8"/>
    <s v=""/>
    <s v="Information Technology Services"/>
    <s v="CFIA-CFIA - 0291"/>
    <s v="In Production"/>
    <s v="desktop"/>
    <x v="1"/>
    <x v="518"/>
  </r>
  <r>
    <x v="4"/>
    <x v="5"/>
    <x v="1322"/>
    <s v="LAHM"/>
    <s v=""/>
    <s v=""/>
    <x v="1"/>
    <s v=""/>
    <x v="8"/>
    <s v=""/>
    <s v="Information Technology Services"/>
    <s v="CFIA-CFIA - 0292"/>
    <s v="In Production"/>
    <s v="desktop"/>
    <x v="1"/>
    <x v="519"/>
  </r>
  <r>
    <x v="4"/>
    <x v="5"/>
    <x v="1323"/>
    <s v="ATIES"/>
    <s v=""/>
    <s v=""/>
    <x v="1"/>
    <s v=""/>
    <x v="8"/>
    <s v=""/>
    <s v="Information Technology Services"/>
    <s v="CFIA-CFIA - 0293"/>
    <s v="In Production"/>
    <s v="desktop"/>
    <x v="1"/>
    <x v="519"/>
  </r>
  <r>
    <x v="4"/>
    <x v="5"/>
    <x v="1324"/>
    <s v="ARCigs"/>
    <s v=""/>
    <s v=""/>
    <x v="1"/>
    <s v=""/>
    <x v="8"/>
    <s v=""/>
    <s v=""/>
    <s v="CFIA-CFIA - 0294"/>
    <s v="In Production"/>
    <s v="desktop"/>
    <x v="1"/>
    <x v="523"/>
  </r>
  <r>
    <x v="4"/>
    <x v="5"/>
    <x v="1325"/>
    <s v="Mail_Services"/>
    <s v="This database is used to create and re-create Debit memos, Credit memos, cheque returns. It also allows reporting and monitoring.  This database is used and managed solely by the National Accounts Receivable Service Centre."/>
    <s v=""/>
    <x v="1"/>
    <s v=""/>
    <x v="8"/>
    <s v=""/>
    <s v="Information Technology Services"/>
    <s v="CFIA-CFIA - 0295"/>
    <s v="In Production"/>
    <s v="desktop"/>
    <x v="1"/>
    <x v="519"/>
  </r>
  <r>
    <x v="4"/>
    <x v="5"/>
    <x v="1326"/>
    <s v="NHPDB"/>
    <s v=""/>
    <s v=""/>
    <x v="1"/>
    <s v=""/>
    <x v="8"/>
    <s v=""/>
    <s v="Information Technology Services"/>
    <s v="CFIA-CFIA - 0296"/>
    <s v="In Production"/>
    <s v="desktop"/>
    <x v="1"/>
    <x v="519"/>
  </r>
  <r>
    <x v="4"/>
    <x v="5"/>
    <x v="1327"/>
    <s v="NQVT"/>
    <s v=""/>
    <s v=""/>
    <x v="1"/>
    <s v=""/>
    <x v="8"/>
    <s v=""/>
    <s v="Information Technology Services"/>
    <s v="CFIA-CFIA - 0297"/>
    <s v="In Production"/>
    <s v="desktop"/>
    <x v="1"/>
    <x v="519"/>
  </r>
  <r>
    <x v="4"/>
    <x v="5"/>
    <x v="1328"/>
    <s v="New_Inquiry"/>
    <s v="Used for the tracking of inquiries by regulated parties related to cost recovery invoices.  This database is used and managed solely by the National Accounts Receivable Service Centre."/>
    <s v=""/>
    <x v="1"/>
    <s v=""/>
    <x v="8"/>
    <s v=""/>
    <s v="Information Technology Services"/>
    <s v="CFIA-CFIA - 0298"/>
    <s v="In Production"/>
    <s v="desktop"/>
    <x v="1"/>
    <x v="519"/>
  </r>
  <r>
    <x v="4"/>
    <x v="5"/>
    <x v="1329"/>
    <s v="PIP"/>
    <s v=""/>
    <s v=""/>
    <x v="1"/>
    <s v=""/>
    <x v="8"/>
    <s v=""/>
    <s v="Information Technology Services"/>
    <s v="CFIA-CFIA - 0299"/>
    <s v="In Production"/>
    <s v="desktop"/>
    <x v="1"/>
    <x v="519"/>
  </r>
  <r>
    <x v="3"/>
    <x v="92"/>
    <x v="1330"/>
    <s v="Plandac2001"/>
    <s v="contient l'appellation légale des établissements sous inspection fédérale du Québec, leur bureau de vente, leur numéros de compte clients, leur adresse, leurs numéros de téléphone et fax, leur statut (ouvert ou fermé).  Ce plan d'action est relié au système de facturation: Fact2013.mdb"/>
    <s v=""/>
    <x v="1"/>
    <s v=""/>
    <x v="8"/>
    <s v=""/>
    <s v="Information Technology Services"/>
    <s v="CFIA-CFIA - 0300"/>
    <s v="In Production"/>
    <s v="desktop"/>
    <x v="1"/>
    <x v="518"/>
  </r>
  <r>
    <x v="4"/>
    <x v="5"/>
    <x v="1331"/>
    <s v="PBR"/>
    <s v=""/>
    <s v=""/>
    <x v="1"/>
    <s v=""/>
    <x v="8"/>
    <s v=""/>
    <s v="Information Technology Services"/>
    <s v="CFIA-CFIA - 0301"/>
    <s v="In Production"/>
    <s v="desktop"/>
    <x v="1"/>
    <x v="519"/>
  </r>
  <r>
    <x v="4"/>
    <x v="5"/>
    <x v="1332"/>
    <s v="PPS"/>
    <s v=""/>
    <s v=""/>
    <x v="1"/>
    <s v=""/>
    <x v="8"/>
    <s v=""/>
    <s v="Information Technology Services"/>
    <s v="CFIA-CFIA - 0302"/>
    <s v="In Production"/>
    <s v="desktop"/>
    <x v="1"/>
    <x v="521"/>
  </r>
  <r>
    <x v="4"/>
    <x v="5"/>
    <x v="1333"/>
    <s v="PTF"/>
    <s v=""/>
    <s v=""/>
    <x v="1"/>
    <s v=""/>
    <x v="8"/>
    <s v=""/>
    <s v="Information Technology Services"/>
    <s v="CFIA-CFIA - 0303"/>
    <s v="In Production"/>
    <s v="desktop"/>
    <x v="1"/>
    <x v="519"/>
  </r>
  <r>
    <x v="4"/>
    <x v="5"/>
    <x v="1334"/>
    <s v="QMSDD"/>
    <s v=""/>
    <s v=""/>
    <x v="1"/>
    <s v=""/>
    <x v="8"/>
    <s v=""/>
    <s v="Information Technology Services"/>
    <s v="CFIA-CFIA - 0304"/>
    <s v="In Production"/>
    <s v="desktop"/>
    <x v="1"/>
    <x v="521"/>
  </r>
  <r>
    <x v="6"/>
    <x v="48"/>
    <x v="1335"/>
    <s v="RTEMES"/>
    <s v="Meat Program Manual of Procedures Chapter 4 Annex I. Risk-based Verification Sampling of Ready-to-Eat Meat and Poultry Products. Operators are responsible for product testing, at a defined frequency, for Listeria monocytogenes, Salmonella and E. coli 0157, and reporting these results to CIFA's Food Safety Division."/>
    <s v=""/>
    <x v="1"/>
    <s v=""/>
    <x v="8"/>
    <s v=""/>
    <s v="Information Technology Services"/>
    <s v="CFIA-CFIA - 0305"/>
    <s v="In Production"/>
    <s v="desktop"/>
    <x v="1"/>
    <x v="522"/>
  </r>
  <r>
    <x v="4"/>
    <x v="5"/>
    <x v="1336"/>
    <s v="SIR"/>
    <s v="In 2008 and every year after, security incidents reports on a national policy process, uses a Desktop Eform for employees to use. Forms Management designed a databank to collect all SIRs on an annual basis. The databank is kept by corporate security."/>
    <s v=""/>
    <x v="1"/>
    <s v=""/>
    <x v="8"/>
    <s v=""/>
    <s v="Information Technology Services"/>
    <s v="CFIA-CFIA - 0306"/>
    <s v="In Production"/>
    <s v="desktop"/>
    <x v="1"/>
    <x v="519"/>
  </r>
  <r>
    <x v="4"/>
    <x v="5"/>
    <x v="1337"/>
    <s v="SEI"/>
    <s v="Access database backend required to capture and store exam results from inspector recruitment processes. Automated scanning of test results and tracking of applicant scores."/>
    <s v=""/>
    <x v="1"/>
    <s v=""/>
    <x v="8"/>
    <s v=""/>
    <s v="Information Technology Services"/>
    <s v="CFIA-CFIA - 0307"/>
    <s v="In Production"/>
    <s v="desktop"/>
    <x v="1"/>
    <x v="519"/>
  </r>
  <r>
    <x v="4"/>
    <x v="5"/>
    <x v="1338"/>
    <s v="SL"/>
    <s v="Tracking log for 3811s and various staffing and classification requests"/>
    <s v=""/>
    <x v="1"/>
    <s v=""/>
    <x v="8"/>
    <s v=""/>
    <s v="Information Technology Services"/>
    <s v="CFIA-CFIA - 0308"/>
    <s v="In Production"/>
    <s v="desktop"/>
    <x v="1"/>
    <x v="524"/>
  </r>
  <r>
    <x v="4"/>
    <x v="5"/>
    <x v="1339"/>
    <s v="SMFS"/>
    <s v="This online tool is used to create online surveys for a variety of purposes, including stakeholder and employee feedback and consultations.    There are between 150-200 individual surveys that would require more time to assess their appropriateness agains"/>
    <s v=""/>
    <x v="1"/>
    <s v=""/>
    <x v="8"/>
    <s v=""/>
    <s v="Information Technology Services"/>
    <s v="CFIA-CFIA - 0309"/>
    <s v="In Production"/>
    <s v="desktop"/>
    <x v="1"/>
    <x v="519"/>
  </r>
  <r>
    <x v="4"/>
    <x v="5"/>
    <x v="1340"/>
    <s v="SAE"/>
    <s v=""/>
    <s v=""/>
    <x v="1"/>
    <s v=""/>
    <x v="8"/>
    <s v=""/>
    <s v="Information Technology Services"/>
    <s v="CFIA-CFIA - 0310"/>
    <s v="In Production"/>
    <s v="desktop"/>
    <x v="1"/>
    <x v="525"/>
  </r>
  <r>
    <x v="4"/>
    <x v="5"/>
    <x v="1341"/>
    <s v="TIESH"/>
    <s v="Data transfered from excel spreadsheets post 2006 for import and export of live animals, semen and embryos."/>
    <s v=""/>
    <x v="1"/>
    <s v=""/>
    <x v="8"/>
    <s v=""/>
    <s v="Information Technology Services"/>
    <s v="CFIA-CFIA - 0311"/>
    <s v="In Production"/>
    <s v="desktop"/>
    <x v="1"/>
    <x v="519"/>
  </r>
  <r>
    <x v="4"/>
    <x v="5"/>
    <x v="1342"/>
    <s v="TMASP"/>
    <s v="Spreadsheet that logs approved Test Market Authorizations (TMA) for the simplified process granted under the authority of Part 1.2 Section 9.1 of the Processed Products Regulations. The table includes company names, products, reason for TMA, brand names a"/>
    <s v=""/>
    <x v="1"/>
    <s v=""/>
    <x v="8"/>
    <s v=""/>
    <s v="Information Technology Services"/>
    <s v="CFIA-CFIA - 0312"/>
    <s v="In Production"/>
    <s v="desktop"/>
    <x v="1"/>
    <x v="519"/>
  </r>
  <r>
    <x v="4"/>
    <x v="5"/>
    <x v="1343"/>
    <s v="Tracking"/>
    <s v=""/>
    <s v=""/>
    <x v="1"/>
    <s v=""/>
    <x v="8"/>
    <s v=""/>
    <s v="Information Technology Services"/>
    <s v="CFIA-CFIA - 0313"/>
    <s v="In Production"/>
    <s v="desktop"/>
    <x v="1"/>
    <x v="519"/>
  </r>
  <r>
    <x v="4"/>
    <x v="5"/>
    <x v="1344"/>
    <s v="TIES"/>
    <s v="&lt;div&gt;Copies, faxes or scanned Export and import certificates are sent to NCR, entered by 4 clerks into the MSAccess database (TIES), all documents are scanned and saved and are linked to the data in the system, we can query with TIES and have an EOR package.&lt;/div&gt;"/>
    <s v=""/>
    <x v="1"/>
    <s v=""/>
    <x v="8"/>
    <s v=""/>
    <s v="Information Technology Services"/>
    <s v="CFIA-CFIA - 0314"/>
    <s v="In Production"/>
    <s v="desktop"/>
    <x v="1"/>
    <x v="519"/>
  </r>
  <r>
    <x v="4"/>
    <x v="5"/>
    <x v="1345"/>
    <s v="TIMFD"/>
    <s v="&lt;div&gt;This Excel spreadsheet tracks all web responses generated by the Imported and Manufactured Food Division. It is a useful resource for locating previous correspondence to assist in wording of new responses. It is also used to report on communication activities.&lt;/div&gt;"/>
    <s v=""/>
    <x v="1"/>
    <s v=""/>
    <x v="8"/>
    <s v=""/>
    <s v="Information Technology Services"/>
    <s v="CFIA-CFIA - 0315"/>
    <s v="In Production"/>
    <s v="desktop"/>
    <x v="1"/>
    <x v="519"/>
  </r>
  <r>
    <x v="4"/>
    <x v="5"/>
    <x v="1346"/>
    <s v="DB3"/>
    <s v="This database tracks the controlled documents in our laboratory's management system. It tracks the documents, when they are due to be reviewed, acknowledgements from employees, etc."/>
    <s v=""/>
    <x v="1"/>
    <s v=""/>
    <x v="8"/>
    <s v=""/>
    <s v="Information Technology Services"/>
    <s v="CFIA-CFIA - 0316"/>
    <s v="In Production"/>
    <s v="desktop"/>
    <x v="1"/>
    <x v="521"/>
  </r>
  <r>
    <x v="3"/>
    <x v="92"/>
    <x v="1347"/>
    <s v="ciaq"/>
    <s v="Tous les tests faits (date &amp; résultats) pour permettre:  - l'entrée de nouveaux taureaux au CIAQ.  - de rencontrer les exigences du programme     canadien d'insémination artificielle (tests semi-annuels et annuels)  - de rencontrer les exigences supplémentaires d'exportation de semence des différents pays."/>
    <s v=""/>
    <x v="1"/>
    <s v=""/>
    <x v="8"/>
    <s v=""/>
    <s v="Information Technology Services"/>
    <s v="CFIA-CFIA - 0317"/>
    <s v="In Production"/>
    <s v="desktop"/>
    <x v="1"/>
    <x v="518"/>
  </r>
  <r>
    <x v="3"/>
    <x v="92"/>
    <x v="1348"/>
    <s v=""/>
    <s v="Historique des fromages importés.  Données sur la description de ces fromages, avec ses analyses de microbiologie et composition, donnant la fréquence d'inspection de ces fromages, soit normale ou dirigé.  Ceci pour valider l'article 26 du règlement sur les produits laitiers et chapitre 16 du manuel inspection sur des produits laitiers."/>
    <s v=""/>
    <x v="1"/>
    <s v=""/>
    <x v="8"/>
    <s v=""/>
    <s v="Information Technology Services"/>
    <s v="CFIA-CFIA - 0318"/>
    <s v="In Production"/>
    <s v="desktop"/>
    <x v="1"/>
    <x v="518"/>
  </r>
  <r>
    <x v="4"/>
    <x v="5"/>
    <x v="1349"/>
    <s v=""/>
    <s v=""/>
    <s v=""/>
    <x v="1"/>
    <s v=""/>
    <x v="8"/>
    <s v=""/>
    <s v="Information Technology Services"/>
    <s v="CFIA-CFIA - 0319"/>
    <s v="In Production"/>
    <s v="desktop"/>
    <x v="1"/>
    <x v="519"/>
  </r>
  <r>
    <x v="4"/>
    <x v="5"/>
    <x v="1350"/>
    <s v=""/>
    <s v="This database is an inventory of all bacterial isolates that were detected and identified from food, feed or fertilizer samples by the CFIA food microbiology labs. This inventory list is a biosafety requirement and must be available at all labs that have"/>
    <s v=""/>
    <x v="1"/>
    <s v=""/>
    <x v="8"/>
    <s v=""/>
    <s v="Information Technology Services"/>
    <s v="CFIA-CFIA - 0321"/>
    <s v="In Production"/>
    <s v="desktop"/>
    <x v="1"/>
    <x v="521"/>
  </r>
  <r>
    <x v="6"/>
    <x v="48"/>
    <x v="1351"/>
    <s v=""/>
    <s v="Spreadsheets used to track and monitor marine biotoxin samples and sample results, for tracking illnesses and analyzing trends, maintain sampler contact information, provide historical context on test results, contain information for making assessments on openings and closures of shellfish growing areas, to generate reports for industry and other government agencies."/>
    <s v=""/>
    <x v="1"/>
    <s v=""/>
    <x v="8"/>
    <s v=""/>
    <s v="Information Technology Services"/>
    <s v="CFIA-CFIA - 0323"/>
    <s v="In Production"/>
    <s v="desktop"/>
    <x v="1"/>
    <x v="518"/>
  </r>
  <r>
    <x v="4"/>
    <x v="5"/>
    <x v="1352"/>
    <s v=""/>
    <s v="Tracks issued, destroyed and archived barcoded documents eg test methods, Standard Operating Procedures (SOPs). Only system in use for this purpose."/>
    <s v=""/>
    <x v="1"/>
    <s v=""/>
    <x v="8"/>
    <s v=""/>
    <s v="Information Technology Services"/>
    <s v="CFIA-CFIA - 0324"/>
    <s v="In Production"/>
    <s v="desktop"/>
    <x v="1"/>
    <x v="521"/>
  </r>
  <r>
    <x v="4"/>
    <x v="5"/>
    <x v="1353"/>
    <s v=""/>
    <s v=""/>
    <s v=""/>
    <x v="1"/>
    <s v=""/>
    <x v="8"/>
    <s v=""/>
    <s v="Information Technology Services"/>
    <s v="CFIA-CFIA - 0325"/>
    <s v="In Production"/>
    <s v="desktop"/>
    <x v="1"/>
    <x v="521"/>
  </r>
  <r>
    <x v="4"/>
    <x v="5"/>
    <x v="1354"/>
    <s v=""/>
    <s v="The database tracks location of test samples while undergoing a full range of testing at facility; tracks testing and results; generates test reports and information on specific test samples; tracks virus tested stock for Cdn export programs; tracks distr"/>
    <s v=""/>
    <x v="1"/>
    <s v=""/>
    <x v="8"/>
    <s v=""/>
    <s v="Information Technology Services"/>
    <s v="CFIA-CFIA - 0326"/>
    <s v="In Production"/>
    <s v="desktop"/>
    <x v="1"/>
    <x v="521"/>
  </r>
  <r>
    <x v="4"/>
    <x v="5"/>
    <x v="1355"/>
    <s v=""/>
    <s v=""/>
    <s v=""/>
    <x v="1"/>
    <s v=""/>
    <x v="8"/>
    <s v=""/>
    <s v="Information Technology Services"/>
    <s v="CFIA-CFIA - 0327"/>
    <s v="In Production"/>
    <s v="desktop"/>
    <x v="1"/>
    <x v="521"/>
  </r>
  <r>
    <x v="4"/>
    <x v="5"/>
    <x v="1356"/>
    <s v=""/>
    <s v=""/>
    <s v=""/>
    <x v="1"/>
    <s v=""/>
    <x v="8"/>
    <s v=""/>
    <s v="Information Technology Services"/>
    <s v="CFIA-CFIA - 0328"/>
    <s v="In Production"/>
    <s v="desktop"/>
    <x v="1"/>
    <x v="519"/>
  </r>
  <r>
    <x v="4"/>
    <x v="5"/>
    <x v="1357"/>
    <s v=""/>
    <s v=""/>
    <s v=""/>
    <x v="1"/>
    <s v=""/>
    <x v="8"/>
    <s v=""/>
    <s v="Information Technology Services"/>
    <s v="CFIA-CFIA - 0329"/>
    <s v="In Production"/>
    <s v="desktop"/>
    <x v="1"/>
    <x v="519"/>
  </r>
  <r>
    <x v="4"/>
    <x v="5"/>
    <x v="1358"/>
    <s v=""/>
    <s v="An Access database containing information on applications for submissions."/>
    <s v=""/>
    <x v="1"/>
    <s v=""/>
    <x v="8"/>
    <s v=""/>
    <s v="Information Technology Services"/>
    <s v="CFIA-CFIA - 0330"/>
    <s v="In Production"/>
    <s v="desktop"/>
    <x v="1"/>
    <x v="521"/>
  </r>
  <r>
    <x v="4"/>
    <x v="5"/>
    <x v="1359"/>
    <s v=""/>
    <s v="An Access database containing assessment details of tests performed on samples."/>
    <s v=""/>
    <x v="1"/>
    <s v=""/>
    <x v="8"/>
    <s v=""/>
    <s v="Information Technology Services"/>
    <s v="CFIA-CFIA - 0332"/>
    <s v="In Production"/>
    <s v="desktop"/>
    <x v="1"/>
    <x v="521"/>
  </r>
  <r>
    <x v="4"/>
    <x v="5"/>
    <x v="1360"/>
    <s v=""/>
    <s v=""/>
    <s v=""/>
    <x v="1"/>
    <s v=""/>
    <x v="8"/>
    <s v=""/>
    <s v="Information Technology Services"/>
    <s v="CFIA-CFIA - 0333"/>
    <s v="In Production"/>
    <s v="desktop"/>
    <x v="1"/>
    <x v="519"/>
  </r>
  <r>
    <x v="4"/>
    <x v="5"/>
    <x v="1361"/>
    <s v=""/>
    <s v="This Excel database contains data on our lab's performance in various Proficiency Testing (PT) programs, and includes various charts which are used to detect any trends."/>
    <s v=""/>
    <x v="1"/>
    <s v=""/>
    <x v="8"/>
    <s v=""/>
    <s v="Information Technology Services"/>
    <s v="CFIA-CFIA - 0334"/>
    <s v="In Production"/>
    <s v="desktop"/>
    <x v="1"/>
    <x v="521"/>
  </r>
  <r>
    <x v="4"/>
    <x v="5"/>
    <x v="1362"/>
    <s v=""/>
    <s v=""/>
    <s v=""/>
    <x v="1"/>
    <s v=""/>
    <x v="8"/>
    <s v=""/>
    <s v="Information Technology Services"/>
    <s v="CFIA-CFIA - 0335"/>
    <s v="In Production"/>
    <s v="desktop"/>
    <x v="1"/>
    <x v="519"/>
  </r>
  <r>
    <x v="4"/>
    <x v="5"/>
    <x v="1363"/>
    <s v=""/>
    <s v=""/>
    <s v=""/>
    <x v="1"/>
    <s v=""/>
    <x v="8"/>
    <s v=""/>
    <s v="Information Technology Services"/>
    <s v="CFIA-CFIA - 0336"/>
    <s v="In Production"/>
    <s v="desktop"/>
    <x v="1"/>
    <x v="521"/>
  </r>
  <r>
    <x v="4"/>
    <x v="5"/>
    <x v="1364"/>
    <s v=""/>
    <s v="The Excel spreadsheets capture comprehensive information and reporting on each CFIA fleet vehicle broken down by Branch/Operational Area/Region. The information can be accessed by all CFIA staff as read only and is used to monitor, control and administer"/>
    <s v=""/>
    <x v="1"/>
    <s v=""/>
    <x v="8"/>
    <s v=""/>
    <s v="Information Technology Services"/>
    <s v="CFIA-CFIA - 0337"/>
    <s v="In Production"/>
    <s v="desktop"/>
    <x v="1"/>
    <x v="526"/>
  </r>
  <r>
    <x v="4"/>
    <x v="5"/>
    <x v="1365"/>
    <s v=""/>
    <s v="Used for tracking samples in the Calgary Lab."/>
    <s v=""/>
    <x v="1"/>
    <s v=""/>
    <x v="8"/>
    <s v=""/>
    <s v="Information Technology Services"/>
    <s v="CFIA-CFIA - 0338"/>
    <s v="In Production"/>
    <s v="desktop"/>
    <x v="1"/>
    <x v="521"/>
  </r>
  <r>
    <x v="4"/>
    <x v="5"/>
    <x v="1366"/>
    <s v=""/>
    <s v="&lt;div&gt;Access database containing details of supplement submissions.&lt;/div&gt;"/>
    <s v=""/>
    <x v="1"/>
    <s v=""/>
    <x v="8"/>
    <s v=""/>
    <s v="Information Technology Services"/>
    <s v="CFIA-CFIA - 0339"/>
    <s v="In Production"/>
    <s v="desktop"/>
    <x v="1"/>
    <x v="521"/>
  </r>
  <r>
    <x v="4"/>
    <x v="5"/>
    <x v="1367"/>
    <s v=""/>
    <s v="&lt;div&gt;Several files, by year, of rabies samples sent to the Lethbridge rabies lab since its inception.&lt;/div&gt;"/>
    <s v=""/>
    <x v="1"/>
    <s v=""/>
    <x v="8"/>
    <s v=""/>
    <s v="Information Technology Services"/>
    <s v="CFIA-CFIA - 0340"/>
    <s v="In Production"/>
    <s v="desktop"/>
    <x v="1"/>
    <x v="521"/>
  </r>
  <r>
    <x v="4"/>
    <x v="5"/>
    <x v="1368"/>
    <s v=""/>
    <s v="&lt;div&gt;Allows lab to control and monitor testing by assigning tests, creating worksheets, tracking completion of testing and disposition of samples as well as creating reports analyst responsibilities and lab status.&lt;/div&gt;  &lt;div&gt;&amp;nbsp;&lt;/div&gt;  &lt;div&gt;Access database used to monitor progress of samples in the lab by assigning testing, creating worksheets, tracking stages of analysis and creating reports on analysis within the Additives and Chemical Contaminants Unit (ACCU) of the Calgary Laboratory&lt;/div&gt;"/>
    <s v=""/>
    <x v="1"/>
    <s v=""/>
    <x v="8"/>
    <s v=""/>
    <s v="Information Technology Services"/>
    <s v="CFIA-CFIA - 0341"/>
    <s v="In Production"/>
    <s v="desktop"/>
    <x v="1"/>
    <x v="521"/>
  </r>
  <r>
    <x v="4"/>
    <x v="5"/>
    <x v="1369"/>
    <s v=""/>
    <s v="&lt;div&gt;An Access database containing acquisition and safety data chemicals used in the Calgary Laboratory. &lt;/div&gt;"/>
    <s v=""/>
    <x v="1"/>
    <s v=""/>
    <x v="8"/>
    <s v=""/>
    <s v="Information Technology Services"/>
    <s v="CFIA-CFIA - 0342"/>
    <s v="In Production"/>
    <s v="desktop"/>
    <x v="1"/>
    <x v="521"/>
  </r>
  <r>
    <x v="4"/>
    <x v="5"/>
    <x v="1370"/>
    <s v=""/>
    <s v="&lt;div&gt;Data is collected from individual analyses to assess the performance of analysts and methods in support of the laboratory Quality System.&lt;/div&gt;  &lt;div&gt;&amp;nbsp;&lt;/div&gt;  &lt;div&gt;Additives and Chemical Contaminants Unit (ACCU)&lt;/div&gt;"/>
    <s v=""/>
    <x v="1"/>
    <s v=""/>
    <x v="8"/>
    <s v=""/>
    <s v="Information Technology Services"/>
    <s v="CFIA-CFIA - 0343"/>
    <s v="In Production"/>
    <s v="desktop"/>
    <x v="1"/>
    <x v="521"/>
  </r>
  <r>
    <x v="4"/>
    <x v="5"/>
    <x v="1371"/>
    <s v=""/>
    <s v="A spreadsheet containing information of sample assessments by the Serology/Immunology Department at National Centre for Foreign Animal Disease (NCFAD) - Winnipeg."/>
    <s v=""/>
    <x v="1"/>
    <s v=""/>
    <x v="8"/>
    <s v=""/>
    <s v="Information Technology Services"/>
    <s v="CFIA-CFIA - 0344"/>
    <s v="In Production"/>
    <s v="desktop"/>
    <x v="1"/>
    <x v="521"/>
  </r>
  <r>
    <x v="4"/>
    <x v="5"/>
    <x v="1372"/>
    <s v=""/>
    <s v="Used to track Quality control Performace statistics for all diagnostic tests performed by CFIA @ NCFAD - Serology Department."/>
    <s v=""/>
    <x v="1"/>
    <s v=""/>
    <x v="8"/>
    <s v=""/>
    <s v="Information Technology Services"/>
    <s v="CFIA-CFIA - 0345"/>
    <s v="In Production"/>
    <s v="desktop"/>
    <x v="1"/>
    <x v="521"/>
  </r>
  <r>
    <x v="4"/>
    <x v="5"/>
    <x v="1373"/>
    <s v=""/>
    <s v="Database for tracking verification information for all spectrophotometric Plate readers used by the CFIA Serology Department at National Centre for Foreign Animal Disease (NCFAD) in Winnipeg."/>
    <s v=""/>
    <x v="1"/>
    <s v=""/>
    <x v="8"/>
    <s v=""/>
    <s v="Information Technology Services"/>
    <s v="CFIA-CFIA - 0346"/>
    <s v="In Production"/>
    <s v="desktop"/>
    <x v="1"/>
    <x v="521"/>
  </r>
  <r>
    <x v="4"/>
    <x v="5"/>
    <x v="1374"/>
    <s v=""/>
    <s v="Used to log all products receiving letters of exemption based on 3.(1)(i) of MIR from 1994 - 2011."/>
    <s v=""/>
    <x v="1"/>
    <s v=""/>
    <x v="8"/>
    <s v=""/>
    <s v="Information Technology Services"/>
    <s v="CFIA-CFIA - 0347"/>
    <s v="In Production"/>
    <s v="desktop"/>
    <x v="1"/>
    <x v="519"/>
  </r>
  <r>
    <x v="4"/>
    <x v="5"/>
    <x v="1375"/>
    <s v=""/>
    <s v="MS Access database to track food recall data."/>
    <s v=""/>
    <x v="1"/>
    <s v=""/>
    <x v="8"/>
    <s v=""/>
    <s v="Information Technology Services"/>
    <s v="CFIA-CFIA - 0348"/>
    <s v="In Production"/>
    <s v="desktop"/>
    <x v="1"/>
    <x v="519"/>
  </r>
  <r>
    <x v="4"/>
    <x v="5"/>
    <x v="1376"/>
    <s v=""/>
    <s v="Used to record crop inspection applications and inspections as completed."/>
    <s v=""/>
    <x v="1"/>
    <s v=""/>
    <x v="8"/>
    <s v=""/>
    <s v="Information Technology Services"/>
    <s v="CFIA-CFIA - 0349"/>
    <s v="In Production"/>
    <s v="desktop"/>
    <x v="1"/>
    <x v="519"/>
  </r>
  <r>
    <x v="4"/>
    <x v="5"/>
    <x v="1377"/>
    <s v=""/>
    <s v="This information is used to expedite business processes. Loss of this information will slow down business processes and procedures but not result in direct loss or injury. For example it is used to consolidate information for reporting purposes."/>
    <s v=""/>
    <x v="1"/>
    <s v=""/>
    <x v="8"/>
    <s v=""/>
    <s v="Information Technology Services"/>
    <s v="CFIA-CFIA - 0350"/>
    <s v="In Production"/>
    <s v="desktop"/>
    <x v="1"/>
    <x v="521"/>
  </r>
  <r>
    <x v="4"/>
    <x v="5"/>
    <x v="1378"/>
    <s v=""/>
    <s v=""/>
    <s v=""/>
    <x v="1"/>
    <s v=""/>
    <x v="8"/>
    <s v=""/>
    <s v="Information Technology Services"/>
    <s v="CFIA-CFIA - 0351"/>
    <s v="In Production"/>
    <s v="desktop"/>
    <x v="1"/>
    <x v="519"/>
  </r>
  <r>
    <x v="4"/>
    <x v="5"/>
    <x v="1379"/>
    <s v=""/>
    <s v="Excel spreadsheet tracks frequency of marine biotoxin sample submissions for all marine biotoxin monitoring stations along BC's coastline. Contains information to make assessments for opening/closing shellfish growing areas. Contains sampler contact infor"/>
    <s v=""/>
    <x v="1"/>
    <s v=""/>
    <x v="8"/>
    <s v=""/>
    <s v="Information Technology Services"/>
    <s v="CFIA-CFIA - 0352"/>
    <s v="In Production"/>
    <s v="desktop"/>
    <x v="1"/>
    <x v="519"/>
  </r>
  <r>
    <x v="4"/>
    <x v="5"/>
    <x v="1380"/>
    <s v=""/>
    <s v="Collect information on each parcel inspected by CFIA at the Vancouver posy office. There is one main form that inspection data is entered, the canada post tracking number for each package is scanned by barcode reader. Compliance forms are generated by the"/>
    <s v=""/>
    <x v="1"/>
    <s v=""/>
    <x v="8"/>
    <s v=""/>
    <s v="Information Technology Services"/>
    <s v="CFIA-CFIA - 0353"/>
    <s v="In Production"/>
    <s v="desktop"/>
    <x v="1"/>
    <x v="519"/>
  </r>
  <r>
    <x v="4"/>
    <x v="5"/>
    <x v="1381"/>
    <s v=""/>
    <s v="Tracks sample submissions of grains for exports, their status in test, and amount used for phytosanitary certificates."/>
    <s v=""/>
    <x v="1"/>
    <s v=""/>
    <x v="8"/>
    <s v=""/>
    <s v="Information Technology Services"/>
    <s v="CFIA-CFIA - 0354"/>
    <s v="In Production"/>
    <s v="desktop"/>
    <x v="1"/>
    <x v="519"/>
  </r>
  <r>
    <x v="3"/>
    <x v="92"/>
    <x v="1382"/>
    <s v=""/>
    <s v="contains historical and current information on the levels of infestation of Triaenophorus Crassus in whitefish and tullibee based on the lake from which they are fished.  Llst 10 yrs of information generates reports on lakes meeting US tolerances.  supports export of product without certificates. applicable to praires, north, Ontario"/>
    <s v=""/>
    <x v="1"/>
    <s v=""/>
    <x v="8"/>
    <s v=""/>
    <s v="Information Technology Services"/>
    <s v="CFIA-CFIA - 0355"/>
    <s v="In Production"/>
    <s v="desktop"/>
    <x v="1"/>
    <x v="518"/>
  </r>
  <r>
    <x v="4"/>
    <x v="5"/>
    <x v="1383"/>
    <s v=""/>
    <s v="&lt;div&gt;Captures all the application information from the Application for Crop Inspection and Membership in the Canadian Seed Growers' Association. Captures growers growing pedigreed seed crops, number of acres, variety, and seeding date. Captures which inspector inspected a field, when, and what type of inspection. Totals how many fields should be inspected.&lt;/div&gt;"/>
    <s v=""/>
    <x v="1"/>
    <s v=""/>
    <x v="8"/>
    <s v=""/>
    <s v="Information Technology Services"/>
    <s v="CFIA-CFIA - 0356"/>
    <s v="In Production"/>
    <s v="desktop"/>
    <x v="1"/>
    <x v="519"/>
  </r>
  <r>
    <x v="4"/>
    <x v="5"/>
    <x v="1384"/>
    <s v=""/>
    <s v="&lt;div&gt;The database is a record of all online public mentions about the CFIA or one of its business lines.&lt;/div&gt;  &lt;div&gt;&amp;nbsp;&lt;/div&gt;  &lt;div&gt;System Status is currently suspended pending review of services. However we anticipate it will be reactivated shortly. &lt;/div&gt;"/>
    <s v=""/>
    <x v="1"/>
    <s v=""/>
    <x v="8"/>
    <s v=""/>
    <s v="Information Technology Services"/>
    <s v="CFIA-CFIA - 0357"/>
    <s v="In Production"/>
    <s v="desktop"/>
    <x v="1"/>
    <x v="519"/>
  </r>
  <r>
    <x v="4"/>
    <x v="5"/>
    <x v="1385"/>
    <s v=""/>
    <s v=""/>
    <s v=""/>
    <x v="1"/>
    <s v=""/>
    <x v="8"/>
    <s v=""/>
    <s v="Information Technology Services"/>
    <s v="CFIA-CFIA - 0358"/>
    <s v="In Production"/>
    <s v="desktop"/>
    <x v="1"/>
    <x v="519"/>
  </r>
  <r>
    <x v="4"/>
    <x v="5"/>
    <x v="1386"/>
    <s v=""/>
    <s v=""/>
    <s v=""/>
    <x v="1"/>
    <s v=""/>
    <x v="8"/>
    <s v=""/>
    <s v="Information Technology Services"/>
    <s v="CFIA-CFIA - 0359"/>
    <s v="In Production"/>
    <s v="desktop"/>
    <x v="1"/>
    <x v="521"/>
  </r>
  <r>
    <x v="4"/>
    <x v="5"/>
    <x v="1387"/>
    <s v=""/>
    <s v="The Endnote files are reference libraries. Each botanist in our unit has their own library, plus we have some additional file-specific libraries.  COMMENT: This database is a simple listing of references for internal convenience only and is not of value f"/>
    <s v=""/>
    <x v="1"/>
    <s v=""/>
    <x v="8"/>
    <s v=""/>
    <s v="Information Technology Services"/>
    <s v="CFIA-CFIA - 0360"/>
    <s v="In Production"/>
    <s v="desktop"/>
    <x v="1"/>
    <x v="521"/>
  </r>
  <r>
    <x v="5"/>
    <x v="5"/>
    <x v="1388"/>
    <s v=""/>
    <s v=""/>
    <s v=""/>
    <x v="1"/>
    <s v=""/>
    <x v="8"/>
    <s v=""/>
    <s v="Information Technology Services"/>
    <s v="CFIA-CFIA - 0361"/>
    <s v="In Production"/>
    <s v="desktop"/>
    <x v="1"/>
    <x v="519"/>
  </r>
  <r>
    <x v="4"/>
    <x v="5"/>
    <x v="1389"/>
    <s v=""/>
    <s v=""/>
    <s v=""/>
    <x v="1"/>
    <s v=""/>
    <x v="8"/>
    <s v=""/>
    <s v="Information Technology Services"/>
    <s v="CFIA-CFIA - 0362"/>
    <s v="In Production"/>
    <s v="desktop"/>
    <x v="1"/>
    <x v="521"/>
  </r>
  <r>
    <x v="4"/>
    <x v="5"/>
    <x v="1390"/>
    <s v=""/>
    <s v=""/>
    <s v=""/>
    <x v="1"/>
    <s v=""/>
    <x v="8"/>
    <s v=""/>
    <s v="Information Technology Services"/>
    <s v="CFIA-CFIA - 0363"/>
    <s v="In Production"/>
    <s v="desktop"/>
    <x v="1"/>
    <x v="527"/>
  </r>
  <r>
    <x v="4"/>
    <x v="5"/>
    <x v="1391"/>
    <s v=""/>
    <s v=""/>
    <s v=""/>
    <x v="1"/>
    <s v=""/>
    <x v="8"/>
    <s v=""/>
    <s v="Information Technology Services"/>
    <s v="CFIA-CFIA - 0364"/>
    <s v="In Production"/>
    <s v="desktop"/>
    <x v="1"/>
    <x v="527"/>
  </r>
  <r>
    <x v="4"/>
    <x v="5"/>
    <x v="1392"/>
    <s v=""/>
    <s v=""/>
    <s v=""/>
    <x v="1"/>
    <s v=""/>
    <x v="8"/>
    <s v=""/>
    <s v="Information Technology Services"/>
    <s v="CFIA-CFIA - 0365"/>
    <s v="In Production"/>
    <s v="desktop"/>
    <x v="1"/>
    <x v="527"/>
  </r>
  <r>
    <x v="4"/>
    <x v="5"/>
    <x v="1393"/>
    <s v=""/>
    <s v=""/>
    <s v=""/>
    <x v="1"/>
    <s v=""/>
    <x v="8"/>
    <s v=""/>
    <s v="Information Technology Services"/>
    <s v="CFIA-CFIA - 0366"/>
    <s v="In Production"/>
    <s v="desktop"/>
    <x v="1"/>
    <x v="527"/>
  </r>
  <r>
    <x v="4"/>
    <x v="5"/>
    <x v="1394"/>
    <s v=""/>
    <s v=""/>
    <s v=""/>
    <x v="1"/>
    <s v=""/>
    <x v="8"/>
    <s v=""/>
    <s v="Information Technology Services"/>
    <s v="CFIA-CFIA - 0367"/>
    <s v="In Production"/>
    <s v="desktop"/>
    <x v="1"/>
    <x v="521"/>
  </r>
  <r>
    <x v="4"/>
    <x v="5"/>
    <x v="1395"/>
    <s v=""/>
    <s v="Collects information about Quality System documents including revision history and schedules for review  Additives and Chemical Contaminents (ACC)"/>
    <s v=""/>
    <x v="1"/>
    <s v=""/>
    <x v="8"/>
    <s v=""/>
    <s v="Information Technology Services"/>
    <s v="CFIA-CFIA - 0368"/>
    <s v="In Production"/>
    <s v="desktop"/>
    <x v="1"/>
    <x v="521"/>
  </r>
  <r>
    <x v="4"/>
    <x v="5"/>
    <x v="1396"/>
    <s v=""/>
    <s v="Tracks information and back up of instrument data to enable recovery of archived data"/>
    <s v=""/>
    <x v="1"/>
    <s v=""/>
    <x v="8"/>
    <s v=""/>
    <s v="Information Technology Services"/>
    <s v="CFIA-CFIA - 0369"/>
    <s v="In Production"/>
    <s v="desktop"/>
    <x v="1"/>
    <x v="521"/>
  </r>
  <r>
    <x v="4"/>
    <x v="5"/>
    <x v="1397"/>
    <s v=""/>
    <s v="Used for tracking and trending of quality control samples associated with meat species testing.  in Excel, not a database but a spreadsheet with integrated graphs"/>
    <s v=""/>
    <x v="1"/>
    <s v=""/>
    <x v="8"/>
    <s v=""/>
    <s v="Information Technology Services"/>
    <s v="CFIA-CFIA - 0370"/>
    <s v="In Production"/>
    <s v="desktop"/>
    <x v="1"/>
    <x v="521"/>
  </r>
  <r>
    <x v="4"/>
    <x v="5"/>
    <x v="1398"/>
    <s v=""/>
    <s v=""/>
    <s v=""/>
    <x v="1"/>
    <s v=""/>
    <x v="8"/>
    <s v=""/>
    <s v="Information Technology Services"/>
    <s v="CFIA-CFIA - 0372"/>
    <s v="In Production"/>
    <s v="desktop"/>
    <x v="1"/>
    <x v="519"/>
  </r>
  <r>
    <x v="4"/>
    <x v="5"/>
    <x v="1399"/>
    <s v=""/>
    <s v="This excel template is used to facilitate Analysis of Variance (ANOVA) analysis of method validation data for SAS. It does contain a macro to calculate values for estimation of uncertainty."/>
    <s v=""/>
    <x v="1"/>
    <s v=""/>
    <x v="8"/>
    <s v=""/>
    <s v="Information Technology Services"/>
    <s v="CFIA-CFIA - 0373"/>
    <s v="In Production"/>
    <s v="desktop"/>
    <x v="1"/>
    <x v="521"/>
  </r>
  <r>
    <x v="4"/>
    <x v="5"/>
    <x v="1400"/>
    <s v=""/>
    <s v=""/>
    <s v=""/>
    <x v="1"/>
    <s v=""/>
    <x v="8"/>
    <s v=""/>
    <s v="Information Technology Services"/>
    <s v="CFIA-CFIA - 0374"/>
    <s v="In Production"/>
    <s v="desktop"/>
    <x v="1"/>
    <x v="519"/>
  </r>
  <r>
    <x v="4"/>
    <x v="5"/>
    <x v="1401"/>
    <s v=""/>
    <s v="An Access database containing information regarding the equipment inventory in the Technology Development section of the Charlottetown Laboratory."/>
    <s v=""/>
    <x v="1"/>
    <s v=""/>
    <x v="8"/>
    <s v=""/>
    <s v="Information Technology Services"/>
    <s v="CFIA-CFIA - 0375"/>
    <s v="In Production"/>
    <s v="desktop"/>
    <x v="1"/>
    <x v="521"/>
  </r>
  <r>
    <x v="4"/>
    <x v="5"/>
    <x v="1402"/>
    <s v=""/>
    <s v=""/>
    <s v=""/>
    <x v="1"/>
    <s v=""/>
    <x v="8"/>
    <s v=""/>
    <s v="Information Technology Services"/>
    <s v="CFIA-CFIA - 0376"/>
    <s v="In Production"/>
    <s v="desktop"/>
    <x v="1"/>
    <x v="528"/>
  </r>
  <r>
    <x v="4"/>
    <x v="5"/>
    <x v="1403"/>
    <s v=""/>
    <s v=""/>
    <s v=""/>
    <x v="1"/>
    <s v=""/>
    <x v="8"/>
    <s v=""/>
    <s v="Information Technology Services"/>
    <s v="CFIA-CFIA - 0377"/>
    <s v="In Production"/>
    <s v="desktop"/>
    <x v="1"/>
    <x v="519"/>
  </r>
  <r>
    <x v="4"/>
    <x v="5"/>
    <x v="1404"/>
    <s v=""/>
    <s v=""/>
    <s v=""/>
    <x v="1"/>
    <s v="Accelrys Software Inc"/>
    <x v="8"/>
    <s v=""/>
    <s v="Information Technology Services"/>
    <s v="CFIA-CFIA - 0381"/>
    <s v="In Production"/>
    <s v="desktop"/>
    <x v="0"/>
    <x v="98"/>
  </r>
  <r>
    <x v="4"/>
    <x v="5"/>
    <x v="1405"/>
    <s v=""/>
    <s v=""/>
    <s v=""/>
    <x v="1"/>
    <s v="ACD Systems Ltd."/>
    <x v="8"/>
    <s v=""/>
    <s v="Information Technology Services"/>
    <s v="CFIA-CFIA - 0383"/>
    <s v="In Production"/>
    <s v="desktop"/>
    <x v="0"/>
    <x v="98"/>
  </r>
  <r>
    <x v="4"/>
    <x v="5"/>
    <x v="1406"/>
    <s v=""/>
    <s v=""/>
    <s v=""/>
    <x v="1"/>
    <s v="ACD Systems Ltd."/>
    <x v="8"/>
    <s v=""/>
    <s v="Information Technology Services"/>
    <s v="CFIA-CFIA - 0385"/>
    <s v="In Production"/>
    <s v="desktop"/>
    <x v="0"/>
    <x v="98"/>
  </r>
  <r>
    <x v="4"/>
    <x v="5"/>
    <x v="1407"/>
    <s v=""/>
    <s v=""/>
    <s v=""/>
    <x v="1"/>
    <s v="Adobe Systems Incorporated"/>
    <x v="8"/>
    <s v=""/>
    <s v="Information Technology Services"/>
    <s v="CFIA-CFIA - 0387"/>
    <s v="In Production"/>
    <s v="desktop"/>
    <x v="0"/>
    <x v="98"/>
  </r>
  <r>
    <x v="4"/>
    <x v="5"/>
    <x v="1408"/>
    <s v=""/>
    <s v=""/>
    <s v=""/>
    <x v="1"/>
    <s v="Adobe Systems Incorporated"/>
    <x v="8"/>
    <s v=""/>
    <s v="Information Technology Services"/>
    <s v="CFIA-CFIA - 0388"/>
    <s v="In Production"/>
    <s v="desktop"/>
    <x v="0"/>
    <x v="98"/>
  </r>
  <r>
    <x v="4"/>
    <x v="5"/>
    <x v="1409"/>
    <s v=""/>
    <s v=""/>
    <s v=""/>
    <x v="1"/>
    <s v="Adobe Systems Incorporated"/>
    <x v="8"/>
    <s v=""/>
    <s v="Information Technology Services"/>
    <s v="CFIA-CFIA - 0390"/>
    <s v="In Production"/>
    <s v="desktop"/>
    <x v="0"/>
    <x v="502"/>
  </r>
  <r>
    <x v="4"/>
    <x v="5"/>
    <x v="1410"/>
    <s v=""/>
    <s v=""/>
    <s v=""/>
    <x v="1"/>
    <s v="Adobe Systems Incorporated"/>
    <x v="8"/>
    <s v=""/>
    <s v="Information Technology Services"/>
    <s v="CFIA-CFIA - 0391"/>
    <s v="In Production"/>
    <s v="desktop"/>
    <x v="0"/>
    <x v="502"/>
  </r>
  <r>
    <x v="4"/>
    <x v="5"/>
    <x v="1411"/>
    <s v=""/>
    <s v=""/>
    <s v=""/>
    <x v="1"/>
    <s v="PREMIER Biosoft International"/>
    <x v="8"/>
    <s v=""/>
    <s v="Information Technology Services"/>
    <s v="CFIA-CFIA - 0416"/>
    <s v="In Production"/>
    <s v="desktop"/>
    <x v="0"/>
    <x v="529"/>
  </r>
  <r>
    <x v="4"/>
    <x v="5"/>
    <x v="1412"/>
    <s v=""/>
    <s v=""/>
    <s v=""/>
    <x v="1"/>
    <s v="Tom Hall"/>
    <x v="8"/>
    <s v=""/>
    <s v="Information Technology Services"/>
    <s v="CFIA-CFIA - 0419"/>
    <s v="In Production"/>
    <s v="desktop"/>
    <x v="0"/>
    <x v="529"/>
  </r>
  <r>
    <x v="4"/>
    <x v="5"/>
    <x v="1413"/>
    <s v=""/>
    <s v=""/>
    <s v=""/>
    <x v="1"/>
    <s v="Applied Maths"/>
    <x v="8"/>
    <s v=""/>
    <s v="Information Technology Services"/>
    <s v="CFIA-CFIA - 0420"/>
    <s v="In Production"/>
    <s v="desktop"/>
    <x v="0"/>
    <x v="529"/>
  </r>
  <r>
    <x v="4"/>
    <x v="5"/>
    <x v="1414"/>
    <s v=""/>
    <s v=""/>
    <s v=""/>
    <x v="1"/>
    <s v="Applied Maths"/>
    <x v="8"/>
    <s v=""/>
    <s v="Information Technology Services"/>
    <s v="CFIA-CFIA - 0422"/>
    <s v="In Production"/>
    <s v="desktop"/>
    <x v="0"/>
    <x v="529"/>
  </r>
  <r>
    <x v="4"/>
    <x v="5"/>
    <x v="1415"/>
    <s v=""/>
    <s v=""/>
    <s v=""/>
    <x v="1"/>
    <s v="Bio-Rad"/>
    <x v="8"/>
    <s v=""/>
    <s v="Information Technology Services"/>
    <s v="CFIA-CFIA - 0423"/>
    <s v="In Production"/>
    <s v="desktop"/>
    <x v="0"/>
    <x v="529"/>
  </r>
  <r>
    <x v="4"/>
    <x v="5"/>
    <x v="1416"/>
    <s v=""/>
    <s v=""/>
    <s v=""/>
    <x v="1"/>
    <s v="Bio-Rad"/>
    <x v="8"/>
    <s v=""/>
    <s v="Information Technology Services"/>
    <s v="CFIA-CFIA - 0424"/>
    <s v="In Production"/>
    <s v="desktop"/>
    <x v="0"/>
    <x v="529"/>
  </r>
  <r>
    <x v="4"/>
    <x v="5"/>
    <x v="1417"/>
    <s v=""/>
    <s v=""/>
    <s v=""/>
    <x v="1"/>
    <s v="Hearne Scientific Software"/>
    <x v="8"/>
    <s v=""/>
    <s v="Information Technology Services"/>
    <s v="CFIA-CFIA - 0434"/>
    <s v="In Production"/>
    <s v="desktop"/>
    <x v="0"/>
    <x v="529"/>
  </r>
  <r>
    <x v="4"/>
    <x v="5"/>
    <x v="1418"/>
    <s v=""/>
    <s v=""/>
    <s v=""/>
    <x v="1"/>
    <s v="Sci Ed Software"/>
    <x v="8"/>
    <s v=""/>
    <s v="Information Technology Services"/>
    <s v="CFIA-CFIA - 0435"/>
    <s v="In Production"/>
    <s v="desktop"/>
    <x v="0"/>
    <x v="529"/>
  </r>
  <r>
    <x v="4"/>
    <x v="5"/>
    <x v="1419"/>
    <s v=""/>
    <s v=""/>
    <s v=""/>
    <x v="1"/>
    <s v="University College Dublin"/>
    <x v="8"/>
    <s v=""/>
    <s v="Information Technology Services"/>
    <s v="CFIA-CFIA - 0437"/>
    <s v="In Production"/>
    <s v="desktop"/>
    <x v="0"/>
    <x v="530"/>
  </r>
  <r>
    <x v="4"/>
    <x v="5"/>
    <x v="1420"/>
    <s v=""/>
    <s v=""/>
    <s v=""/>
    <x v="1"/>
    <s v="Palisade Corporation"/>
    <x v="8"/>
    <s v=""/>
    <s v="Information Technology Services"/>
    <s v="CFIA-CFIA - 0444"/>
    <s v="In Production"/>
    <s v="desktop"/>
    <x v="0"/>
    <x v="529"/>
  </r>
  <r>
    <x v="4"/>
    <x v="5"/>
    <x v="1421"/>
    <s v=""/>
    <s v=""/>
    <s v=""/>
    <x v="1"/>
    <s v="Palisade Corporation"/>
    <x v="8"/>
    <s v=""/>
    <s v="Information Technology Services"/>
    <s v="CFIA-CFIA - 0445"/>
    <s v="In Production"/>
    <s v="desktop"/>
    <x v="0"/>
    <x v="529"/>
  </r>
  <r>
    <x v="4"/>
    <x v="5"/>
    <x v="1422"/>
    <s v=""/>
    <s v=""/>
    <s v=""/>
    <x v="1"/>
    <s v="Palisade Corporation"/>
    <x v="8"/>
    <s v=""/>
    <s v="Information Technology Services"/>
    <s v="CFIA-CFIA - 0446"/>
    <s v="In Production"/>
    <s v="desktop"/>
    <x v="0"/>
    <x v="529"/>
  </r>
  <r>
    <x v="4"/>
    <x v="5"/>
    <x v="1423"/>
    <s v=""/>
    <s v=""/>
    <s v=""/>
    <x v="1"/>
    <s v="The University of Kansas"/>
    <x v="8"/>
    <s v=""/>
    <s v="Information Technology Services"/>
    <s v="CFIA-CFIA - 0448"/>
    <s v="In Production"/>
    <s v="desktop"/>
    <x v="0"/>
    <x v="529"/>
  </r>
  <r>
    <x v="4"/>
    <x v="5"/>
    <x v="1424"/>
    <s v=""/>
    <s v=""/>
    <s v=""/>
    <x v="1"/>
    <s v="The CUCKOO Workgroup"/>
    <x v="8"/>
    <s v=""/>
    <s v="Information Technology Services"/>
    <s v="CFIA-CFIA - 0450"/>
    <s v="In Production"/>
    <s v="desktop"/>
    <x v="0"/>
    <x v="529"/>
  </r>
  <r>
    <x v="4"/>
    <x v="5"/>
    <x v="1425"/>
    <s v=""/>
    <s v=""/>
    <s v=""/>
    <x v="1"/>
    <s v="Allflex"/>
    <x v="8"/>
    <s v=""/>
    <s v="Information Technology Services"/>
    <s v="CFIA-CFIA - 0451"/>
    <s v="In Production"/>
    <s v="desktop"/>
    <x v="0"/>
    <x v="529"/>
  </r>
  <r>
    <x v="4"/>
    <x v="5"/>
    <x v="1426"/>
    <s v=""/>
    <s v=""/>
    <s v=""/>
    <x v="1"/>
    <s v="Thomson Reuters"/>
    <x v="8"/>
    <s v=""/>
    <s v="Information Technology Services"/>
    <s v="CFIA-CFIA - 0457"/>
    <s v="In Production"/>
    <s v="desktop"/>
    <x v="0"/>
    <x v="529"/>
  </r>
  <r>
    <x v="4"/>
    <x v="5"/>
    <x v="1427"/>
    <s v=""/>
    <s v=""/>
    <s v=""/>
    <x v="1"/>
    <s v="Point Grey Research"/>
    <x v="8"/>
    <s v=""/>
    <s v="Information Technology Services"/>
    <s v="CFIA-CFIA - 0464"/>
    <s v="In Production"/>
    <s v="desktop"/>
    <x v="0"/>
    <x v="529"/>
  </r>
  <r>
    <x v="4"/>
    <x v="5"/>
    <x v="1428"/>
    <s v=""/>
    <s v=""/>
    <s v=""/>
    <x v="1"/>
    <s v="Biomatters Ltd"/>
    <x v="8"/>
    <s v=""/>
    <s v="Information Technology Services"/>
    <s v="CFIA-CFIA - 0478"/>
    <s v="In Production"/>
    <s v="desktop"/>
    <x v="0"/>
    <x v="98"/>
  </r>
  <r>
    <x v="4"/>
    <x v="5"/>
    <x v="1429"/>
    <s v=""/>
    <s v=""/>
    <s v=""/>
    <x v="1"/>
    <s v="Biomatters Ltd"/>
    <x v="8"/>
    <s v=""/>
    <s v="Information Technology Services"/>
    <s v="CFIA-CFIA - 0479"/>
    <s v="In Production"/>
    <s v="desktop"/>
    <x v="0"/>
    <x v="98"/>
  </r>
  <r>
    <x v="4"/>
    <x v="5"/>
    <x v="1430"/>
    <s v=""/>
    <s v=""/>
    <s v=""/>
    <x v="1"/>
    <s v="Biomatters Ltd"/>
    <x v="8"/>
    <s v=""/>
    <s v="Information Technology Services"/>
    <s v="CFIA-CFIA - 0482"/>
    <s v="In Production"/>
    <s v="desktop"/>
    <x v="0"/>
    <x v="98"/>
  </r>
  <r>
    <x v="4"/>
    <x v="5"/>
    <x v="1431"/>
    <s v=""/>
    <s v=""/>
    <s v=""/>
    <x v="1"/>
    <s v="Biomatters Ltd"/>
    <x v="8"/>
    <s v=""/>
    <s v="Information Technology Services"/>
    <s v="CFIA-CFIA - 0483"/>
    <s v="In Production"/>
    <s v="desktop"/>
    <x v="0"/>
    <x v="529"/>
  </r>
  <r>
    <x v="4"/>
    <x v="5"/>
    <x v="1432"/>
    <s v=""/>
    <s v=""/>
    <s v=""/>
    <x v="1"/>
    <s v="Biomatters Ltd"/>
    <x v="8"/>
    <s v=""/>
    <s v="Information Technology Services"/>
    <s v="CFIA-CFIA - 0485"/>
    <s v="In Production"/>
    <s v="desktop"/>
    <x v="0"/>
    <x v="529"/>
  </r>
  <r>
    <x v="4"/>
    <x v="5"/>
    <x v="1433"/>
    <s v=""/>
    <s v=""/>
    <s v=""/>
    <x v="1"/>
    <s v="OptiGene Ltd"/>
    <x v="8"/>
    <s v=""/>
    <s v="Information Technology Services"/>
    <s v="CFIA-CFIA - 0489"/>
    <s v="In Production"/>
    <s v="desktop"/>
    <x v="0"/>
    <x v="529"/>
  </r>
  <r>
    <x v="4"/>
    <x v="5"/>
    <x v="1434"/>
    <s v=""/>
    <s v=""/>
    <s v=""/>
    <x v="1"/>
    <s v="The Git Development Community"/>
    <x v="8"/>
    <s v=""/>
    <s v="Information Technology Services"/>
    <s v="CFIA-CFIA - 0490"/>
    <s v="In Production"/>
    <s v="desktop"/>
    <x v="0"/>
    <x v="529"/>
  </r>
  <r>
    <x v="4"/>
    <x v="5"/>
    <x v="1435"/>
    <s v=""/>
    <s v=""/>
    <s v=""/>
    <x v="1"/>
    <s v="UNKNOWN"/>
    <x v="8"/>
    <s v=""/>
    <s v="Information Technology Services"/>
    <s v="CFIA-CFIA - 0493"/>
    <s v="In Production"/>
    <s v="desktop"/>
    <x v="0"/>
    <x v="529"/>
  </r>
  <r>
    <x v="4"/>
    <x v="5"/>
    <x v="1436"/>
    <s v=""/>
    <s v=""/>
    <s v=""/>
    <x v="1"/>
    <s v="IATA Products"/>
    <x v="8"/>
    <s v=""/>
    <s v="Information Technology Services"/>
    <s v="CFIA-CFIA - 0496"/>
    <s v="In Production"/>
    <s v="desktop"/>
    <x v="0"/>
    <x v="529"/>
  </r>
  <r>
    <x v="4"/>
    <x v="5"/>
    <x v="1437"/>
    <s v=""/>
    <s v=""/>
    <s v=""/>
    <x v="1"/>
    <s v="IDT"/>
    <x v="8"/>
    <s v=""/>
    <s v="Information Technology Services"/>
    <s v="CFIA-CFIA - 0498"/>
    <s v="In Production"/>
    <s v="desktop"/>
    <x v="0"/>
    <x v="529"/>
  </r>
  <r>
    <x v="4"/>
    <x v="5"/>
    <x v="1438"/>
    <s v=""/>
    <s v=""/>
    <s v=""/>
    <x v="1"/>
    <s v="Illumina"/>
    <x v="8"/>
    <s v=""/>
    <s v="Information Technology Services"/>
    <s v="CFIA-CFIA - 0500"/>
    <s v="In Production"/>
    <s v="desktop"/>
    <x v="0"/>
    <x v="529"/>
  </r>
  <r>
    <x v="4"/>
    <x v="5"/>
    <x v="1439"/>
    <s v=""/>
    <s v=""/>
    <s v=""/>
    <x v="1"/>
    <s v="Illumina"/>
    <x v="8"/>
    <s v=""/>
    <s v="Information Technology Services"/>
    <s v="CFIA-CFIA - 0501"/>
    <s v="In Production"/>
    <s v="desktop"/>
    <x v="0"/>
    <x v="98"/>
  </r>
  <r>
    <x v="4"/>
    <x v="5"/>
    <x v="1440"/>
    <s v=""/>
    <s v=""/>
    <s v=""/>
    <x v="1"/>
    <s v="Bio-Rad"/>
    <x v="8"/>
    <s v=""/>
    <s v="Information Technology Services"/>
    <s v="CFIA-CFIA - 0502"/>
    <s v="In Production"/>
    <s v="desktop"/>
    <x v="0"/>
    <x v="98"/>
  </r>
  <r>
    <x v="4"/>
    <x v="5"/>
    <x v="1441"/>
    <s v=""/>
    <s v=""/>
    <s v=""/>
    <x v="1"/>
    <s v="NIH"/>
    <x v="8"/>
    <s v=""/>
    <s v="Information Technology Services"/>
    <s v="CFIA-CFIA - 0508"/>
    <s v="In Production"/>
    <s v="desktop"/>
    <x v="0"/>
    <x v="98"/>
  </r>
  <r>
    <x v="4"/>
    <x v="5"/>
    <x v="1442"/>
    <s v=""/>
    <s v=""/>
    <s v=""/>
    <x v="1"/>
    <s v="NIH"/>
    <x v="8"/>
    <s v=""/>
    <s v="Information Technology Services"/>
    <s v="CFIA-CFIA - 0509"/>
    <s v="In Production"/>
    <s v="desktop"/>
    <x v="0"/>
    <x v="98"/>
  </r>
  <r>
    <x v="4"/>
    <x v="5"/>
    <x v="1443"/>
    <s v=""/>
    <s v=""/>
    <s v=""/>
    <x v="1"/>
    <s v="EpiSoft Ltd and EpiCentre, Massey University"/>
    <x v="8"/>
    <s v=""/>
    <s v="Information Technology Services"/>
    <s v="CFIA-CFIA - 0511"/>
    <s v="In Production"/>
    <s v="desktop"/>
    <x v="0"/>
    <x v="98"/>
  </r>
  <r>
    <x v="4"/>
    <x v="5"/>
    <x v="1444"/>
    <s v=""/>
    <s v=""/>
    <s v=""/>
    <x v="1"/>
    <s v="Infometrix, Inc."/>
    <x v="8"/>
    <s v=""/>
    <s v="Information Technology Services"/>
    <s v="CFIA-CFIA - 0512"/>
    <s v="In Production"/>
    <s v="desktop"/>
    <x v="0"/>
    <x v="98"/>
  </r>
  <r>
    <x v="4"/>
    <x v="5"/>
    <x v="1445"/>
    <s v=""/>
    <s v=""/>
    <s v=""/>
    <x v="1"/>
    <s v="J2 Scientific, LLC"/>
    <x v="8"/>
    <s v=""/>
    <s v="Information Technology Services"/>
    <s v="CFIA-CFIA - 0513"/>
    <s v="In Production"/>
    <s v="desktop"/>
    <x v="0"/>
    <x v="98"/>
  </r>
  <r>
    <x v="4"/>
    <x v="5"/>
    <x v="1446"/>
    <s v=""/>
    <s v=""/>
    <s v=""/>
    <x v="1"/>
    <s v="The Jackson Laboratory"/>
    <x v="8"/>
    <s v=""/>
    <s v="Information Technology Services"/>
    <s v="CFIA-CFIA - 0514"/>
    <s v="In Production"/>
    <s v="desktop"/>
    <x v="0"/>
    <x v="98"/>
  </r>
  <r>
    <x v="4"/>
    <x v="5"/>
    <x v="1447"/>
    <s v=""/>
    <s v=""/>
    <s v=""/>
    <x v="1"/>
    <s v="Syscan-ID"/>
    <x v="8"/>
    <s v=""/>
    <s v="Information Technology Services"/>
    <s v="CFIA-CFIA - 0519"/>
    <s v="In Production"/>
    <s v="desktop"/>
    <x v="0"/>
    <x v="531"/>
  </r>
  <r>
    <x v="4"/>
    <x v="5"/>
    <x v="1448"/>
    <s v=""/>
    <s v=""/>
    <s v=""/>
    <x v="1"/>
    <s v="Design Science, Inc."/>
    <x v="8"/>
    <s v=""/>
    <s v="Information Technology Services"/>
    <s v="CFIA-CFIA - 0523"/>
    <s v="In Production"/>
    <s v="desktop"/>
    <x v="0"/>
    <x v="98"/>
  </r>
  <r>
    <x v="4"/>
    <x v="5"/>
    <x v="1449"/>
    <s v=""/>
    <s v=""/>
    <s v=""/>
    <x v="1"/>
    <s v="MedCalc Software"/>
    <x v="8"/>
    <s v=""/>
    <s v="Information Technology Services"/>
    <s v="CFIA-CFIA - 0525"/>
    <s v="In Production"/>
    <s v="desktop"/>
    <x v="0"/>
    <x v="98"/>
  </r>
  <r>
    <x v="4"/>
    <x v="5"/>
    <x v="1450"/>
    <s v=""/>
    <s v=""/>
    <s v=""/>
    <x v="1"/>
    <s v="Arizona State University"/>
    <x v="8"/>
    <s v=""/>
    <s v="Information Technology Services"/>
    <s v="CFIA-CFIA - 0527"/>
    <s v="In Production"/>
    <s v="desktop"/>
    <x v="0"/>
    <x v="98"/>
  </r>
  <r>
    <x v="4"/>
    <x v="5"/>
    <x v="1451"/>
    <s v=""/>
    <s v=""/>
    <s v=""/>
    <x v="1"/>
    <s v="Arizona State University"/>
    <x v="8"/>
    <s v=""/>
    <s v="Information Technology Services"/>
    <s v="CFIA-CFIA - 0530"/>
    <s v="In Production"/>
    <s v="desktop"/>
    <x v="0"/>
    <x v="523"/>
  </r>
  <r>
    <x v="4"/>
    <x v="5"/>
    <x v="1452"/>
    <s v=""/>
    <s v=""/>
    <s v=""/>
    <x v="1"/>
    <s v="Center for Evolutionary Medicine and Informatics"/>
    <x v="8"/>
    <s v=""/>
    <s v="Information Technology Services"/>
    <s v="CFIA-CFIA - 0533"/>
    <s v="In Production"/>
    <s v="desktop"/>
    <x v="0"/>
    <x v="523"/>
  </r>
  <r>
    <x v="4"/>
    <x v="5"/>
    <x v="1453"/>
    <s v=""/>
    <s v=""/>
    <s v=""/>
    <x v="1"/>
    <s v="Mestrelab Research S.L."/>
    <x v="8"/>
    <s v=""/>
    <s v="Information Technology Services"/>
    <s v="CFIA-CFIA - 0536"/>
    <s v="In Production"/>
    <s v="desktop"/>
    <x v="0"/>
    <x v="523"/>
  </r>
  <r>
    <x v="4"/>
    <x v="5"/>
    <x v="1454"/>
    <s v=""/>
    <s v=""/>
    <s v=""/>
    <x v="1"/>
    <s v="Minitab Inc"/>
    <x v="8"/>
    <s v=""/>
    <s v="Information Technology Services"/>
    <s v="CFIA-CFIA - 0541"/>
    <s v="In Production"/>
    <s v="desktop"/>
    <x v="0"/>
    <x v="523"/>
  </r>
  <r>
    <x v="2"/>
    <x v="5"/>
    <x v="1455"/>
    <s v="apm"/>
    <s v="&lt;div&gt;&amp;nbsp;&lt;font face=&quot;Times New Roman&quot; size=3 color=black&gt;Application portfolio management (APM) repository &amp;nbsp;is a framework for managing enterprise IT software applications and software-based services. APM provides directors/managers with an inventory of the agency's software applications and metrics to illustrate the business benefits of each application.&lt;/font&gt;&lt;/div&gt;"/>
    <s v=""/>
    <x v="1"/>
    <s v=""/>
    <x v="8"/>
    <s v=""/>
    <s v="Information Technology Services"/>
    <s v="CFIA-CFIA - 0542"/>
    <s v="In Production"/>
    <s v="desktop"/>
    <x v="1"/>
    <x v="523"/>
  </r>
  <r>
    <x v="4"/>
    <x v="5"/>
    <x v="1456"/>
    <s v="FerTS"/>
    <s v="Sharepoint data base used by the fertilizer program to track submissions, including physical location, status, and reporting"/>
    <s v=""/>
    <x v="1"/>
    <s v=""/>
    <x v="8"/>
    <s v=""/>
    <s v="Information Technology Services"/>
    <s v="CFIA-CFIA - 0543"/>
    <s v="In Production"/>
    <s v="desktop"/>
    <x v="1"/>
    <x v="523"/>
  </r>
  <r>
    <x v="4"/>
    <x v="5"/>
    <x v="1457"/>
    <s v=""/>
    <s v=""/>
    <s v=""/>
    <x v="1"/>
    <s v="Laboratory Imaging s.r.o."/>
    <x v="8"/>
    <s v=""/>
    <s v="Information Technology Services"/>
    <s v="CFIA-CFIA - 0551"/>
    <s v="In Production"/>
    <s v="desktop"/>
    <x v="0"/>
    <x v="523"/>
  </r>
  <r>
    <x v="4"/>
    <x v="5"/>
    <x v="1458"/>
    <s v=""/>
    <s v=""/>
    <s v=""/>
    <x v="1"/>
    <s v="University of Michigan"/>
    <x v="8"/>
    <s v=""/>
    <s v="Information Technology Services"/>
    <s v="CFIA-CFIA - 0555"/>
    <s v="In Production"/>
    <s v="desktop"/>
    <x v="0"/>
    <x v="523"/>
  </r>
  <r>
    <x v="4"/>
    <x v="5"/>
    <x v="1459"/>
    <s v=""/>
    <s v=""/>
    <s v=""/>
    <x v="1"/>
    <s v="Mekentosj"/>
    <x v="8"/>
    <s v=""/>
    <s v="Information Technology Services"/>
    <s v="CFIA-CFIA - 0559"/>
    <s v="In Production"/>
    <s v="desktop"/>
    <x v="0"/>
    <x v="532"/>
  </r>
  <r>
    <x v="4"/>
    <x v="5"/>
    <x v="1460"/>
    <s v=""/>
    <s v=""/>
    <s v=""/>
    <x v="1"/>
    <s v="Tracker Software"/>
    <x v="8"/>
    <s v=""/>
    <s v="Information Technology Services"/>
    <s v="CFIA-CFIA - 0562"/>
    <s v="In Production"/>
    <s v="desktop"/>
    <x v="0"/>
    <x v="532"/>
  </r>
  <r>
    <x v="4"/>
    <x v="5"/>
    <x v="1461"/>
    <s v=""/>
    <s v=""/>
    <s v=""/>
    <x v="1"/>
    <s v="EPPO"/>
    <x v="8"/>
    <s v=""/>
    <s v="Information Technology Services"/>
    <s v="CFIA-CFIA - 0564"/>
    <s v="In Production"/>
    <s v="desktop"/>
    <x v="0"/>
    <x v="532"/>
  </r>
  <r>
    <x v="4"/>
    <x v="5"/>
    <x v="1462"/>
    <s v=""/>
    <s v=""/>
    <s v=""/>
    <x v="1"/>
    <s v="PREMIER Biosoft International"/>
    <x v="8"/>
    <s v=""/>
    <s v="Information Technology Services"/>
    <s v="CFIA-CFIA - 0565"/>
    <s v="In Production"/>
    <s v="desktop"/>
    <x v="0"/>
    <x v="532"/>
  </r>
  <r>
    <x v="4"/>
    <x v="5"/>
    <x v="1463"/>
    <s v=""/>
    <s v=""/>
    <s v=""/>
    <x v="1"/>
    <s v="Prionics"/>
    <x v="8"/>
    <s v=""/>
    <s v="Information Technology Services"/>
    <s v="CFIA-CFIA - 0566"/>
    <s v="In Production"/>
    <s v="desktop"/>
    <x v="0"/>
    <x v="532"/>
  </r>
  <r>
    <x v="4"/>
    <x v="5"/>
    <x v="1464"/>
    <s v=""/>
    <s v=""/>
    <s v=""/>
    <x v="1"/>
    <s v="QuoData GmbH"/>
    <x v="8"/>
    <s v=""/>
    <s v="Information Technology Services"/>
    <s v="CFIA-CFIA - 0567"/>
    <s v="In Production"/>
    <s v="desktop"/>
    <x v="0"/>
    <x v="532"/>
  </r>
  <r>
    <x v="4"/>
    <x v="5"/>
    <x v="1465"/>
    <s v=""/>
    <s v=""/>
    <s v=""/>
    <x v="1"/>
    <s v="Qiagen"/>
    <x v="8"/>
    <s v=""/>
    <s v="Information Technology Services"/>
    <s v="CFIA-CFIA - 0568"/>
    <s v="In Production"/>
    <s v="desktop"/>
    <x v="0"/>
    <x v="532"/>
  </r>
  <r>
    <x v="4"/>
    <x v="5"/>
    <x v="1466"/>
    <s v=""/>
    <s v=""/>
    <s v=""/>
    <x v="1"/>
    <s v="Qiagen"/>
    <x v="8"/>
    <s v=""/>
    <s v="Information Technology Services"/>
    <s v="CFIA-CFIA - 0569"/>
    <s v="In Production"/>
    <s v="desktop"/>
    <x v="0"/>
    <x v="532"/>
  </r>
  <r>
    <x v="4"/>
    <x v="5"/>
    <x v="1467"/>
    <s v=""/>
    <s v=""/>
    <s v=""/>
    <x v="1"/>
    <s v="QImaging"/>
    <x v="8"/>
    <s v=""/>
    <s v="Information Technology Services"/>
    <s v="CFIA-CFIA - 0570"/>
    <s v="In Production"/>
    <s v="desktop"/>
    <x v="0"/>
    <x v="523"/>
  </r>
  <r>
    <x v="4"/>
    <x v="5"/>
    <x v="1468"/>
    <s v=""/>
    <s v=""/>
    <s v=""/>
    <x v="1"/>
    <s v="Qiagen"/>
    <x v="8"/>
    <s v=""/>
    <s v="Information Technology Services"/>
    <s v="CFIA-CFIA - 0571"/>
    <s v="In Production"/>
    <s v="desktop"/>
    <x v="0"/>
    <x v="523"/>
  </r>
  <r>
    <x v="4"/>
    <x v="5"/>
    <x v="1469"/>
    <s v=""/>
    <s v=""/>
    <s v=""/>
    <x v="1"/>
    <s v="Thermo Fisher Scientific"/>
    <x v="8"/>
    <s v=""/>
    <s v="Information Technology Services"/>
    <s v="CFIA-CFIA - 0572"/>
    <s v="In Production"/>
    <s v="desktop"/>
    <x v="0"/>
    <x v="523"/>
  </r>
  <r>
    <x v="4"/>
    <x v="5"/>
    <x v="1470"/>
    <s v=""/>
    <s v=""/>
    <s v=""/>
    <x v="1"/>
    <s v="Bio-Rad"/>
    <x v="8"/>
    <s v=""/>
    <s v="Information Technology Services"/>
    <s v="CFIA-CFIA - 0573"/>
    <s v="In Production"/>
    <s v="desktop"/>
    <x v="0"/>
    <x v="523"/>
  </r>
  <r>
    <x v="4"/>
    <x v="5"/>
    <x v="1471"/>
    <s v=""/>
    <s v=""/>
    <s v=""/>
    <x v="1"/>
    <s v="Life Technologies"/>
    <x v="8"/>
    <s v=""/>
    <s v="Information Technology Services"/>
    <s v="CFIA-CFIA - 0574"/>
    <s v="In Production"/>
    <s v="desktop"/>
    <x v="0"/>
    <x v="523"/>
  </r>
  <r>
    <x v="4"/>
    <x v="5"/>
    <x v="1472"/>
    <s v=""/>
    <s v=""/>
    <s v=""/>
    <x v="1"/>
    <s v="R Core Team"/>
    <x v="8"/>
    <s v=""/>
    <s v="Information Technology Services"/>
    <s v="CFIA-CFIA - 0575"/>
    <s v="In Production"/>
    <s v="desktop"/>
    <x v="0"/>
    <x v="523"/>
  </r>
  <r>
    <x v="4"/>
    <x v="5"/>
    <x v="1473"/>
    <s v=""/>
    <s v=""/>
    <s v=""/>
    <x v="1"/>
    <s v="R Core Team"/>
    <x v="8"/>
    <s v=""/>
    <s v="Information Technology Services"/>
    <s v="CFIA-CFIA - 0576"/>
    <s v="In Production"/>
    <s v="desktop"/>
    <x v="0"/>
    <x v="523"/>
  </r>
  <r>
    <x v="4"/>
    <x v="5"/>
    <x v="1474"/>
    <s v=""/>
    <s v=""/>
    <s v=""/>
    <x v="1"/>
    <s v="R Core Team"/>
    <x v="8"/>
    <s v=""/>
    <s v="Information Technology Services"/>
    <s v="CFIA-CFIA - 0577"/>
    <s v="In Production"/>
    <s v="desktop"/>
    <x v="0"/>
    <x v="523"/>
  </r>
  <r>
    <x v="4"/>
    <x v="5"/>
    <x v="1475"/>
    <s v=""/>
    <s v=""/>
    <s v=""/>
    <x v="1"/>
    <s v="R Core Team"/>
    <x v="8"/>
    <s v=""/>
    <s v="Information Technology Services"/>
    <s v="CFIA-CFIA - 0581"/>
    <s v="In Production"/>
    <s v="desktop"/>
    <x v="0"/>
    <x v="523"/>
  </r>
  <r>
    <x v="4"/>
    <x v="5"/>
    <x v="1476"/>
    <s v=""/>
    <s v=""/>
    <s v=""/>
    <x v="1"/>
    <s v="The R Foundation"/>
    <x v="8"/>
    <s v=""/>
    <s v="Information Technology Services"/>
    <s v="CFIA-CFIA - 0585"/>
    <s v="In Production"/>
    <s v="desktop"/>
    <x v="0"/>
    <x v="523"/>
  </r>
  <r>
    <x v="4"/>
    <x v="5"/>
    <x v="1477"/>
    <s v=""/>
    <s v=""/>
    <s v=""/>
    <x v="1"/>
    <s v="Plant Research international"/>
    <x v="8"/>
    <s v=""/>
    <s v="Information Technology Services"/>
    <s v="CFIA-CFIA - 0586"/>
    <s v="In Production"/>
    <s v="desktop"/>
    <x v="0"/>
    <x v="523"/>
  </r>
  <r>
    <x v="4"/>
    <x v="5"/>
    <x v="1478"/>
    <s v=""/>
    <s v=""/>
    <s v=""/>
    <x v="1"/>
    <s v="Thermo Fisher Scientific"/>
    <x v="8"/>
    <s v=""/>
    <s v="Information Technology Services"/>
    <s v="CFIA-CFIA - 0588"/>
    <s v="In Production"/>
    <s v="desktop"/>
    <x v="0"/>
    <x v="98"/>
  </r>
  <r>
    <x v="4"/>
    <x v="5"/>
    <x v="1479"/>
    <s v=""/>
    <s v=""/>
    <s v=""/>
    <x v="1"/>
    <s v="Millipore"/>
    <x v="8"/>
    <s v=""/>
    <s v="Information Technology Services"/>
    <s v="CFIA-CFIA - 0589"/>
    <s v="In Production"/>
    <s v="desktop"/>
    <x v="0"/>
    <x v="98"/>
  </r>
  <r>
    <x v="4"/>
    <x v="5"/>
    <x v="1480"/>
    <s v=""/>
    <s v=""/>
    <s v=""/>
    <x v="1"/>
    <s v="Gene Codes Corporation"/>
    <x v="8"/>
    <s v=""/>
    <s v="Information Technology Services"/>
    <s v="CFIA-CFIA - 0590"/>
    <s v="In Production"/>
    <s v="desktop"/>
    <x v="0"/>
    <x v="523"/>
  </r>
  <r>
    <x v="4"/>
    <x v="5"/>
    <x v="1481"/>
    <s v=""/>
    <s v=""/>
    <s v=""/>
    <x v="1"/>
    <s v="Gene Codes Corporation"/>
    <x v="8"/>
    <s v=""/>
    <s v="Information Technology Services"/>
    <s v="CFIA-CFIA - 0593"/>
    <s v="In Production"/>
    <s v="desktop"/>
    <x v="0"/>
    <x v="523"/>
  </r>
  <r>
    <x v="4"/>
    <x v="5"/>
    <x v="1482"/>
    <s v=""/>
    <s v=""/>
    <s v=""/>
    <x v="1"/>
    <s v="Luke Hutteman"/>
    <x v="8"/>
    <s v=""/>
    <s v="Information Technology Services"/>
    <s v="CFIA-CFIA - 0595"/>
    <s v="In Production"/>
    <s v="desktop"/>
    <x v="0"/>
    <x v="523"/>
  </r>
  <r>
    <x v="4"/>
    <x v="5"/>
    <x v="1483"/>
    <s v=""/>
    <s v=""/>
    <s v=""/>
    <x v="1"/>
    <s v="Systat Software, Inc."/>
    <x v="8"/>
    <s v=""/>
    <s v="Information Technology Services"/>
    <s v="CFIA-CFIA - 0596"/>
    <s v="In Production"/>
    <s v="desktop"/>
    <x v="0"/>
    <x v="523"/>
  </r>
  <r>
    <x v="4"/>
    <x v="5"/>
    <x v="1484"/>
    <s v=""/>
    <s v=""/>
    <s v=""/>
    <x v="1"/>
    <s v="Systat Software, Inc."/>
    <x v="8"/>
    <s v=""/>
    <s v="Information Technology Services"/>
    <s v="CFIA-CFIA - 0598"/>
    <s v="In Production"/>
    <s v="desktop"/>
    <x v="0"/>
    <x v="523"/>
  </r>
  <r>
    <x v="4"/>
    <x v="5"/>
    <x v="1485"/>
    <s v=""/>
    <s v=""/>
    <s v=""/>
    <x v="1"/>
    <s v="LaserSoft Imaging AG"/>
    <x v="8"/>
    <s v=""/>
    <s v="Information Technology Services"/>
    <s v="CFIA-CFIA - 0599"/>
    <s v="In Production"/>
    <s v="desktop"/>
    <x v="0"/>
    <x v="533"/>
  </r>
  <r>
    <x v="4"/>
    <x v="5"/>
    <x v="1486"/>
    <s v=""/>
    <s v=""/>
    <s v=""/>
    <x v="1"/>
    <s v="Thermo Fisher Scientific"/>
    <x v="8"/>
    <s v=""/>
    <s v="Information Technology Services"/>
    <s v="CFIA-CFIA - 0601"/>
    <s v="In Production"/>
    <s v="desktop"/>
    <x v="0"/>
    <x v="533"/>
  </r>
  <r>
    <x v="4"/>
    <x v="5"/>
    <x v="1487"/>
    <s v=""/>
    <s v=""/>
    <s v=""/>
    <x v="1"/>
    <s v="GSL Biotech LLC"/>
    <x v="8"/>
    <s v=""/>
    <s v="Information Technology Services"/>
    <s v="CFIA-CFIA - 0602"/>
    <s v="In Production"/>
    <s v="desktop"/>
    <x v="0"/>
    <x v="523"/>
  </r>
  <r>
    <x v="4"/>
    <x v="5"/>
    <x v="1488"/>
    <s v=""/>
    <s v=""/>
    <s v=""/>
    <x v="1"/>
    <s v="Molecular Devices"/>
    <x v="8"/>
    <s v=""/>
    <s v="Information Technology Services"/>
    <s v="CFIA-CFIA - 0603"/>
    <s v="In Production"/>
    <s v="desktop"/>
    <x v="0"/>
    <x v="523"/>
  </r>
  <r>
    <x v="4"/>
    <x v="5"/>
    <x v="1489"/>
    <s v=""/>
    <s v=""/>
    <s v=""/>
    <x v="1"/>
    <s v="Molecular Devices"/>
    <x v="8"/>
    <s v=""/>
    <s v="Information Technology Services"/>
    <s v="CFIA-CFIA - 0609"/>
    <s v="In Production"/>
    <s v="desktop"/>
    <x v="0"/>
    <x v="523"/>
  </r>
  <r>
    <x v="4"/>
    <x v="5"/>
    <x v="1490"/>
    <s v=""/>
    <s v=""/>
    <s v=""/>
    <x v="1"/>
    <s v="Molecular Devices"/>
    <x v="8"/>
    <s v=""/>
    <s v="Information Technology Services"/>
    <s v="CFIA-CFIA - 0610"/>
    <s v="In Production"/>
    <s v="desktop"/>
    <x v="0"/>
    <x v="523"/>
  </r>
  <r>
    <x v="4"/>
    <x v="5"/>
    <x v="1491"/>
    <s v=""/>
    <s v=""/>
    <s v=""/>
    <x v="1"/>
    <s v="Biodiversity Research Center, University of Kansas"/>
    <x v="8"/>
    <s v=""/>
    <s v="Information Technology Services"/>
    <s v="CFIA-CFIA - 0613"/>
    <s v="In Production"/>
    <s v="desktop"/>
    <x v="0"/>
    <x v="523"/>
  </r>
  <r>
    <x v="4"/>
    <x v="5"/>
    <x v="1492"/>
    <s v=""/>
    <s v=""/>
    <s v=""/>
    <x v="1"/>
    <s v="Biodiversity Research Center, University of Kansas"/>
    <x v="8"/>
    <s v=""/>
    <s v="Information Technology Services"/>
    <s v="CFIA-CFIA - 0614"/>
    <s v="In Production"/>
    <s v="desktop"/>
    <x v="0"/>
    <x v="523"/>
  </r>
  <r>
    <x v="4"/>
    <x v="5"/>
    <x v="1493"/>
    <s v=""/>
    <s v=""/>
    <s v=""/>
    <x v="1"/>
    <s v="Biodiversity Research Center, University of Kansas"/>
    <x v="8"/>
    <s v=""/>
    <s v="Information Technology Services"/>
    <s v="CFIA-CFIA - 0615"/>
    <s v="In Production"/>
    <s v="desktop"/>
    <x v="0"/>
    <x v="523"/>
  </r>
  <r>
    <x v="4"/>
    <x v="5"/>
    <x v="1494"/>
    <s v=""/>
    <s v=""/>
    <s v=""/>
    <x v="1"/>
    <s v="Biodiversity Research Center, University of Kansas"/>
    <x v="8"/>
    <s v=""/>
    <s v="Information Technology Services"/>
    <s v="CFIA-CFIA - 0616"/>
    <s v="In Production"/>
    <s v="desktop"/>
    <x v="0"/>
    <x v="523"/>
  </r>
  <r>
    <x v="4"/>
    <x v="5"/>
    <x v="1495"/>
    <s v=""/>
    <s v=""/>
    <s v=""/>
    <x v="1"/>
    <s v="Daniel Huson and David Bryant"/>
    <x v="8"/>
    <s v=""/>
    <s v="Information Technology Services"/>
    <s v="CFIA-CFIA - 0617"/>
    <s v="In Production"/>
    <s v="desktop"/>
    <x v="0"/>
    <x v="523"/>
  </r>
  <r>
    <x v="4"/>
    <x v="5"/>
    <x v="1496"/>
    <s v=""/>
    <s v=""/>
    <s v=""/>
    <x v="1"/>
    <s v="Peter Simmonds"/>
    <x v="8"/>
    <s v=""/>
    <s v="Information Technology Services"/>
    <s v="CFIA-CFIA - 0618"/>
    <s v="In Production"/>
    <s v="desktop"/>
    <x v="0"/>
    <x v="523"/>
  </r>
  <r>
    <x v="4"/>
    <x v="5"/>
    <x v="1497"/>
    <s v=""/>
    <s v=""/>
    <s v=""/>
    <x v="1"/>
    <s v="StataCorp LP"/>
    <x v="8"/>
    <s v=""/>
    <s v="Information Technology Services"/>
    <s v="CFIA-CFIA - 0622"/>
    <s v="In Production"/>
    <s v="desktop"/>
    <x v="0"/>
    <x v="523"/>
  </r>
  <r>
    <x v="4"/>
    <x v="5"/>
    <x v="1498"/>
    <s v=""/>
    <s v=""/>
    <s v=""/>
    <x v="1"/>
    <s v="StatSoft, Inc."/>
    <x v="8"/>
    <s v=""/>
    <s v="Information Technology Services"/>
    <s v="CFIA-CFIA - 0624"/>
    <s v="In Production"/>
    <s v="desktop"/>
    <x v="0"/>
    <x v="523"/>
  </r>
  <r>
    <x v="4"/>
    <x v="5"/>
    <x v="1499"/>
    <s v=""/>
    <s v=""/>
    <s v=""/>
    <x v="1"/>
    <s v="Applied Biosystems"/>
    <x v="8"/>
    <s v=""/>
    <s v="Information Technology Services"/>
    <s v="CFIA-CFIA - 0626"/>
    <s v="In Production"/>
    <s v="desktop"/>
    <x v="0"/>
    <x v="523"/>
  </r>
  <r>
    <x v="4"/>
    <x v="5"/>
    <x v="1500"/>
    <s v=""/>
    <s v=""/>
    <s v=""/>
    <x v="1"/>
    <s v="Allflex"/>
    <x v="8"/>
    <s v=""/>
    <s v="Information Technology Services"/>
    <s v="CFIA-CFIA - 0627"/>
    <s v="In Production"/>
    <s v="desktop"/>
    <x v="0"/>
    <x v="523"/>
  </r>
  <r>
    <x v="4"/>
    <x v="5"/>
    <x v="1501"/>
    <s v=""/>
    <s v=""/>
    <s v=""/>
    <x v="1"/>
    <s v="CambridgeSoft Corporation"/>
    <x v="8"/>
    <s v=""/>
    <s v="Information Technology Services"/>
    <s v="CFIA-CFIA - 0629"/>
    <s v="In Production"/>
    <s v="desktop"/>
    <x v="0"/>
    <x v="523"/>
  </r>
  <r>
    <x v="4"/>
    <x v="5"/>
    <x v="1502"/>
    <s v=""/>
    <s v=""/>
    <s v=""/>
    <x v="1"/>
    <s v="CAMO Software"/>
    <x v="8"/>
    <s v=""/>
    <s v="Information Technology Services"/>
    <s v="CFIA-CFIA - 0630"/>
    <s v="In Production"/>
    <s v="desktop"/>
    <x v="0"/>
    <x v="523"/>
  </r>
  <r>
    <x v="4"/>
    <x v="5"/>
    <x v="1503"/>
    <s v=""/>
    <s v=""/>
    <s v=""/>
    <x v="1"/>
    <s v="Invitrogen Corporation"/>
    <x v="8"/>
    <s v=""/>
    <s v="Information Technology Services"/>
    <s v="CFIA-CFIA - 0634"/>
    <s v="In Production"/>
    <s v="desktop"/>
    <x v="0"/>
    <x v="523"/>
  </r>
  <r>
    <x v="4"/>
    <x v="5"/>
    <x v="1504"/>
    <s v=""/>
    <s v=""/>
    <s v=""/>
    <x v="1"/>
    <s v="Invitrogen Corporation"/>
    <x v="8"/>
    <s v=""/>
    <s v="Information Technology Services"/>
    <s v="CFIA-CFIA - 0635"/>
    <s v="In Production"/>
    <s v="desktop"/>
    <x v="0"/>
    <x v="523"/>
  </r>
  <r>
    <x v="4"/>
    <x v="5"/>
    <x v="1505"/>
    <s v=""/>
    <s v=""/>
    <s v=""/>
    <x v="1"/>
    <s v="Invitrogen Corporation"/>
    <x v="8"/>
    <s v=""/>
    <s v="Information Technology Services"/>
    <s v="CFIA-CFIA - 0636"/>
    <s v="In Production"/>
    <s v="desktop"/>
    <x v="0"/>
    <x v="523"/>
  </r>
  <r>
    <x v="4"/>
    <x v="5"/>
    <x v="1506"/>
    <s v=""/>
    <s v=""/>
    <s v=""/>
    <x v="1"/>
    <s v="Invitrogen Corporation"/>
    <x v="8"/>
    <s v=""/>
    <s v="Information Technology Services"/>
    <s v="CFIA-CFIA - 0637"/>
    <s v="In Production"/>
    <s v="desktop"/>
    <x v="0"/>
    <x v="523"/>
  </r>
  <r>
    <x v="4"/>
    <x v="5"/>
    <x v="1507"/>
    <s v=""/>
    <s v=""/>
    <s v=""/>
    <x v="1"/>
    <s v="Invitrogen Corporation"/>
    <x v="8"/>
    <s v=""/>
    <s v="Information Technology Services"/>
    <s v="CFIA-CFIA - 0638"/>
    <s v="In Production"/>
    <s v="desktop"/>
    <x v="0"/>
    <x v="523"/>
  </r>
  <r>
    <x v="4"/>
    <x v="5"/>
    <x v="1508"/>
    <s v=""/>
    <s v=""/>
    <s v=""/>
    <x v="1"/>
    <s v="Invitrogen Corporation"/>
    <x v="8"/>
    <s v=""/>
    <s v="Information Technology Services"/>
    <s v="CFIA-CFIA - 0639"/>
    <s v="In Production"/>
    <s v="desktop"/>
    <x v="0"/>
    <x v="523"/>
  </r>
  <r>
    <x v="4"/>
    <x v="5"/>
    <x v="1509"/>
    <s v=""/>
    <s v=""/>
    <s v=""/>
    <x v="1"/>
    <s v="Invitrogen Corporation"/>
    <x v="8"/>
    <s v=""/>
    <s v="Information Technology Services"/>
    <s v="CFIA-CFIA - 0641"/>
    <s v="In Production"/>
    <s v="desktop"/>
    <x v="0"/>
    <x v="523"/>
  </r>
  <r>
    <x v="4"/>
    <x v="5"/>
    <x v="1510"/>
    <s v=""/>
    <s v=""/>
    <s v=""/>
    <x v="1"/>
    <s v="Invitrogen Corporation"/>
    <x v="8"/>
    <s v=""/>
    <s v="Information Technology Services"/>
    <s v="CFIA-CFIA - 0642"/>
    <s v="In Production"/>
    <s v="desktop"/>
    <x v="0"/>
    <x v="523"/>
  </r>
  <r>
    <x v="4"/>
    <x v="5"/>
    <x v="1511"/>
    <s v=""/>
    <s v=""/>
    <s v=""/>
    <x v="1"/>
    <s v="Invitrogen Corporation"/>
    <x v="8"/>
    <s v=""/>
    <s v="Information Technology Services"/>
    <s v="CFIA-CFIA - 0643"/>
    <s v="In Production"/>
    <s v="desktop"/>
    <x v="0"/>
    <x v="523"/>
  </r>
  <r>
    <x v="4"/>
    <x v="5"/>
    <x v="1512"/>
    <s v=""/>
    <s v=""/>
    <s v=""/>
    <x v="1"/>
    <s v="Waters"/>
    <x v="8"/>
    <s v=""/>
    <s v="Information Technology Services"/>
    <s v="CFIA-CFIA - 0648"/>
    <s v="In Production"/>
    <s v="desktop"/>
    <x v="0"/>
    <x v="523"/>
  </r>
  <r>
    <x v="4"/>
    <x v="5"/>
    <x v="1513"/>
    <s v=""/>
    <s v=""/>
    <s v=""/>
    <x v="1"/>
    <s v="Canadian Cooperative Wildlife Health Centre"/>
    <x v="8"/>
    <s v=""/>
    <s v="Information Technology Services"/>
    <s v="CFIA-CFIA - 0649"/>
    <s v="In Production"/>
    <s v="desktop"/>
    <x v="0"/>
    <x v="523"/>
  </r>
  <r>
    <x v="4"/>
    <x v="5"/>
    <x v="1514"/>
    <s v=""/>
    <s v=""/>
    <s v=""/>
    <x v="1"/>
    <s v="Canadian Cooperative Wildlife Health Centre"/>
    <x v="8"/>
    <s v=""/>
    <s v="Information Technology Services"/>
    <s v="CFIA-CFIA - 0650"/>
    <s v="In Production"/>
    <s v="desktop"/>
    <x v="0"/>
    <x v="523"/>
  </r>
  <r>
    <x v="4"/>
    <x v="5"/>
    <x v="1515"/>
    <s v=""/>
    <s v=""/>
    <s v=""/>
    <x v="1"/>
    <s v="Canadian Cooperative Wildlife Health Centre"/>
    <x v="8"/>
    <s v=""/>
    <s v="Information Technology Services"/>
    <s v="CFIA-CFIA - 0651"/>
    <s v="In Production"/>
    <s v="desktop"/>
    <x v="0"/>
    <x v="523"/>
  </r>
  <r>
    <x v="4"/>
    <x v="5"/>
    <x v="1516"/>
    <s v=""/>
    <s v=""/>
    <s v=""/>
    <x v="1"/>
    <s v="Zotero"/>
    <x v="8"/>
    <s v=""/>
    <s v="Information Technology Services"/>
    <s v="CFIA-CFIA - 0657"/>
    <s v="In Production"/>
    <s v="desktop"/>
    <x v="0"/>
    <x v="523"/>
  </r>
  <r>
    <x v="4"/>
    <x v="5"/>
    <x v="1517"/>
    <s v=""/>
    <s v=""/>
    <s v=""/>
    <x v="1"/>
    <s v="Palisade Corporation"/>
    <x v="8"/>
    <s v=""/>
    <s v="Information Technology Services"/>
    <s v="CFIA-CFIA - 0659"/>
    <s v="In Production"/>
    <s v="desktop"/>
    <x v="0"/>
    <x v="523"/>
  </r>
  <r>
    <x v="4"/>
    <x v="5"/>
    <x v="1518"/>
    <s v=""/>
    <s v=""/>
    <s v=""/>
    <x v="1"/>
    <s v="Adobe Systems Incorporated"/>
    <x v="8"/>
    <s v=""/>
    <s v="Information Technology Services"/>
    <s v="CFIA-CFIA - 0661"/>
    <s v="In Production"/>
    <s v="desktop"/>
    <x v="0"/>
    <x v="523"/>
  </r>
  <r>
    <x v="4"/>
    <x v="5"/>
    <x v="1519"/>
    <s v=""/>
    <s v=""/>
    <s v=""/>
    <x v="1"/>
    <s v="Qiagen"/>
    <x v="8"/>
    <s v=""/>
    <s v="Information Technology Services"/>
    <s v="CFIA-CFIA - 0662"/>
    <s v="In Production"/>
    <s v="desktop"/>
    <x v="0"/>
    <x v="523"/>
  </r>
  <r>
    <x v="4"/>
    <x v="5"/>
    <x v="1520"/>
    <s v=""/>
    <s v=""/>
    <s v=""/>
    <x v="1"/>
    <s v="cpsagu"/>
    <x v="8"/>
    <s v=""/>
    <s v="Information Technology Services"/>
    <s v="CFIA-CFIA - 0664"/>
    <s v="In Production"/>
    <s v="desktop"/>
    <x v="0"/>
    <x v="523"/>
  </r>
  <r>
    <x v="4"/>
    <x v="5"/>
    <x v="1521"/>
    <s v=""/>
    <s v=""/>
    <s v=""/>
    <x v="1"/>
    <s v="Palisade Corporation"/>
    <x v="8"/>
    <s v=""/>
    <s v="Information Technology Services"/>
    <s v="CFIA-CFIA - 0665"/>
    <s v="In Production"/>
    <s v="desktop"/>
    <x v="0"/>
    <x v="523"/>
  </r>
  <r>
    <x v="4"/>
    <x v="5"/>
    <x v="1522"/>
    <s v=""/>
    <s v=""/>
    <s v=""/>
    <x v="1"/>
    <s v="Thomson Reuters"/>
    <x v="8"/>
    <s v=""/>
    <s v="Information Technology Services"/>
    <s v="CFIA-CFIA - 0666"/>
    <s v="In Production"/>
    <s v="desktop"/>
    <x v="0"/>
    <x v="523"/>
  </r>
  <r>
    <x v="4"/>
    <x v="5"/>
    <x v="1523"/>
    <s v=""/>
    <s v=""/>
    <s v=""/>
    <x v="1"/>
    <s v="BioTek Instruments"/>
    <x v="8"/>
    <s v=""/>
    <s v="Information Technology Services"/>
    <s v="CFIA-CFIA - 0669"/>
    <s v="In Production"/>
    <s v="desktop"/>
    <x v="0"/>
    <x v="523"/>
  </r>
  <r>
    <x v="4"/>
    <x v="5"/>
    <x v="1524"/>
    <s v=""/>
    <s v=""/>
    <s v=""/>
    <x v="1"/>
    <s v="BioTek Instruments"/>
    <x v="8"/>
    <s v=""/>
    <s v="Information Technology Services"/>
    <s v="CFIA-CFIA - 0670"/>
    <s v="In Production"/>
    <s v="desktop"/>
    <x v="0"/>
    <x v="523"/>
  </r>
  <r>
    <x v="4"/>
    <x v="5"/>
    <x v="1525"/>
    <s v=""/>
    <s v=""/>
    <s v=""/>
    <x v="1"/>
    <s v="Biomatters Ltd"/>
    <x v="8"/>
    <s v=""/>
    <s v="Information Technology Services"/>
    <s v="CFIA-CFIA - 0671"/>
    <s v="In Production"/>
    <s v="desktop"/>
    <x v="0"/>
    <x v="523"/>
  </r>
  <r>
    <x v="4"/>
    <x v="5"/>
    <x v="1526"/>
    <s v=""/>
    <s v=""/>
    <s v=""/>
    <x v="1"/>
    <s v="Biomatters Ltd"/>
    <x v="8"/>
    <s v=""/>
    <s v="Information Technology Services"/>
    <s v="CFIA-CFIA - 0672"/>
    <s v="In Production"/>
    <s v="desktop"/>
    <x v="0"/>
    <x v="523"/>
  </r>
  <r>
    <x v="4"/>
    <x v="5"/>
    <x v="1527"/>
    <s v=""/>
    <s v=""/>
    <s v=""/>
    <x v="1"/>
    <s v="Syscan-ID"/>
    <x v="8"/>
    <s v=""/>
    <s v="Information Technology Services"/>
    <s v="CFIA-CFIA - 0673"/>
    <s v="In Production"/>
    <s v="desktop"/>
    <x v="0"/>
    <x v="523"/>
  </r>
  <r>
    <x v="4"/>
    <x v="5"/>
    <x v="1528"/>
    <s v=""/>
    <s v=""/>
    <s v=""/>
    <x v="1"/>
    <s v="Center for Evolutionary Medicine and Informatics"/>
    <x v="8"/>
    <s v=""/>
    <s v="Information Technology Services"/>
    <s v="CFIA-CFIA - 0674"/>
    <s v="In Production"/>
    <s v="desktop"/>
    <x v="0"/>
    <x v="523"/>
  </r>
  <r>
    <x v="4"/>
    <x v="5"/>
    <x v="1529"/>
    <s v=""/>
    <s v=""/>
    <s v=""/>
    <x v="1"/>
    <s v="quantasoft"/>
    <x v="8"/>
    <s v=""/>
    <s v="Information Technology Services"/>
    <s v="CFIA-CFIA - 0677"/>
    <s v="In Production"/>
    <s v="desktop"/>
    <x v="0"/>
    <x v="523"/>
  </r>
  <r>
    <x v="4"/>
    <x v="5"/>
    <x v="1530"/>
    <s v=""/>
    <s v=""/>
    <s v=""/>
    <x v="1"/>
    <s v="Life Technologies"/>
    <x v="8"/>
    <s v=""/>
    <s v="Information Technology Services"/>
    <s v="CFIA-CFIA - 0678"/>
    <s v="In Production"/>
    <s v="desktop"/>
    <x v="0"/>
    <x v="523"/>
  </r>
  <r>
    <x v="4"/>
    <x v="5"/>
    <x v="1531"/>
    <s v=""/>
    <s v=""/>
    <s v=""/>
    <x v="1"/>
    <s v="R Core Team"/>
    <x v="8"/>
    <s v=""/>
    <s v="Information Technology Services"/>
    <s v="CFIA-CFIA - 0679"/>
    <s v="In Production"/>
    <s v="desktop"/>
    <x v="0"/>
    <x v="523"/>
  </r>
  <r>
    <x v="4"/>
    <x v="5"/>
    <x v="1532"/>
    <s v=""/>
    <s v=""/>
    <s v=""/>
    <x v="1"/>
    <s v="R Core Team"/>
    <x v="8"/>
    <s v=""/>
    <s v="Information Technology Services"/>
    <s v="CFIA-CFIA - 0680"/>
    <s v="In Production"/>
    <s v="desktop"/>
    <x v="0"/>
    <x v="523"/>
  </r>
  <r>
    <x v="4"/>
    <x v="5"/>
    <x v="1533"/>
    <s v=""/>
    <s v=""/>
    <s v=""/>
    <x v="1"/>
    <s v="R Core Team"/>
    <x v="8"/>
    <s v=""/>
    <s v="Information Technology Services"/>
    <s v="CFIA-CFIA - 0682"/>
    <s v="In Production"/>
    <s v="desktop"/>
    <x v="0"/>
    <x v="523"/>
  </r>
  <r>
    <x v="4"/>
    <x v="5"/>
    <x v="1534"/>
    <s v=""/>
    <s v=""/>
    <s v=""/>
    <x v="1"/>
    <s v="Gene Codes Corporation"/>
    <x v="8"/>
    <s v=""/>
    <s v="Information Technology Services"/>
    <s v="CFIA-CFIA - 0683"/>
    <s v="In Production"/>
    <s v="desktop"/>
    <x v="0"/>
    <x v="523"/>
  </r>
  <r>
    <x v="4"/>
    <x v="5"/>
    <x v="1535"/>
    <s v=""/>
    <s v=""/>
    <s v=""/>
    <x v="1"/>
    <s v="Biodiversity Research Center, University of Kansas"/>
    <x v="8"/>
    <s v=""/>
    <s v="Information Technology Services"/>
    <s v="CFIA-CFIA - 0684"/>
    <s v="In Production"/>
    <s v="desktop"/>
    <x v="0"/>
    <x v="523"/>
  </r>
  <r>
    <x v="4"/>
    <x v="5"/>
    <x v="1536"/>
    <s v=""/>
    <s v=""/>
    <s v=""/>
    <x v="1"/>
    <s v="Zotero"/>
    <x v="8"/>
    <s v=""/>
    <s v="Information Technology Services"/>
    <s v="CFIA-CFIA - 0692"/>
    <s v="In Production"/>
    <s v="desktop"/>
    <x v="0"/>
    <x v="523"/>
  </r>
  <r>
    <x v="4"/>
    <x v="5"/>
    <x v="1537"/>
    <s v=""/>
    <s v=""/>
    <s v=""/>
    <x v="1"/>
    <s v="Zotero"/>
    <x v="8"/>
    <s v=""/>
    <s v="Information Technology Services"/>
    <s v="CFIA-CFIA - 0693"/>
    <s v="In Production"/>
    <s v="desktop"/>
    <x v="0"/>
    <x v="523"/>
  </r>
  <r>
    <x v="4"/>
    <x v="5"/>
    <x v="1538"/>
    <s v=""/>
    <s v=""/>
    <s v=""/>
    <x v="1"/>
    <s v="Environmental Systems Research Institute, Inc."/>
    <x v="8"/>
    <s v=""/>
    <s v="Information Technology Services"/>
    <s v="CFIA-CFIA - 0695"/>
    <s v="In Production"/>
    <s v="desktop"/>
    <x v="0"/>
    <x v="523"/>
  </r>
  <r>
    <x v="4"/>
    <x v="5"/>
    <x v="1539"/>
    <s v=""/>
    <s v=""/>
    <s v=""/>
    <x v="1"/>
    <s v=""/>
    <x v="8"/>
    <s v=""/>
    <s v="Information Technology Services"/>
    <s v="CFIA-CFIA - 0696"/>
    <s v="In Production"/>
    <s v="desktop"/>
    <x v="0"/>
    <x v="523"/>
  </r>
  <r>
    <x v="4"/>
    <x v="5"/>
    <x v="1540"/>
    <s v=""/>
    <s v=""/>
    <s v=""/>
    <x v="1"/>
    <s v="Magellan"/>
    <x v="8"/>
    <s v=""/>
    <s v="Information Technology Services"/>
    <s v="CFIA-CFIA - 0701"/>
    <s v="In Production"/>
    <s v="desktop"/>
    <x v="0"/>
    <x v="523"/>
  </r>
  <r>
    <x v="4"/>
    <x v="5"/>
    <x v="1541"/>
    <s v=""/>
    <s v=""/>
    <s v=""/>
    <x v="1"/>
    <s v="CWE computer services"/>
    <x v="8"/>
    <s v=""/>
    <s v="Information Technology Services"/>
    <s v="CFIA-CFIA - 0705"/>
    <s v="In Production"/>
    <s v="desktop"/>
    <x v="0"/>
    <x v="523"/>
  </r>
  <r>
    <x v="4"/>
    <x v="5"/>
    <x v="1542"/>
    <s v=""/>
    <s v=""/>
    <s v=""/>
    <x v="1"/>
    <s v="Adobe Systems Incorporated"/>
    <x v="8"/>
    <s v=""/>
    <s v="Information Technology Services"/>
    <s v="CFIA-CFIA - 0720"/>
    <s v="In Production"/>
    <s v="desktop"/>
    <x v="0"/>
    <x v="523"/>
  </r>
  <r>
    <x v="4"/>
    <x v="5"/>
    <x v="1543"/>
    <s v=""/>
    <s v=""/>
    <s v=""/>
    <x v="1"/>
    <s v="Adobe Systems Incorporated"/>
    <x v="8"/>
    <s v=""/>
    <s v="Information Technology Services"/>
    <s v="CFIA-CFIA - 0721"/>
    <s v="In Production"/>
    <s v="desktop"/>
    <x v="0"/>
    <x v="523"/>
  </r>
  <r>
    <x v="4"/>
    <x v="5"/>
    <x v="1544"/>
    <s v=""/>
    <s v=""/>
    <s v=""/>
    <x v="1"/>
    <s v="Adobe Systems Incorporated"/>
    <x v="8"/>
    <s v=""/>
    <s v="Information Technology Services"/>
    <s v="CFIA-CFIA - 0722"/>
    <s v="In Production"/>
    <s v="desktop"/>
    <x v="0"/>
    <x v="523"/>
  </r>
  <r>
    <x v="4"/>
    <x v="5"/>
    <x v="1545"/>
    <s v=""/>
    <s v=""/>
    <s v=""/>
    <x v="1"/>
    <s v="Adobe Systems Incorporated"/>
    <x v="8"/>
    <s v=""/>
    <s v="Information Technology Services"/>
    <s v="CFIA-CFIA - 0727"/>
    <s v="In Production"/>
    <s v="desktop"/>
    <x v="0"/>
    <x v="523"/>
  </r>
  <r>
    <x v="4"/>
    <x v="5"/>
    <x v="1546"/>
    <s v=""/>
    <s v=""/>
    <s v=""/>
    <x v="1"/>
    <s v="Adobe Systems Incorporated"/>
    <x v="8"/>
    <s v=""/>
    <s v="Information Technology Services"/>
    <s v="CFIA-CFIA - 0728"/>
    <s v="In Production"/>
    <s v="desktop"/>
    <x v="0"/>
    <x v="523"/>
  </r>
  <r>
    <x v="4"/>
    <x v="5"/>
    <x v="1547"/>
    <s v=""/>
    <s v="The database records all details related to import, confined and unconfined release applications; inspection reports; records of decision; financial information related to applications; and requests for science advice."/>
    <s v=""/>
    <x v="1"/>
    <s v="Adobe Systems Incorporated"/>
    <x v="8"/>
    <s v=""/>
    <s v="Information Technology Services"/>
    <s v="CFIA-CFIA - 0732"/>
    <s v="In Production"/>
    <s v="desktop"/>
    <x v="0"/>
    <x v="523"/>
  </r>
  <r>
    <x v="4"/>
    <x v="5"/>
    <x v="1548"/>
    <s v=""/>
    <s v=""/>
    <s v=""/>
    <x v="1"/>
    <s v="Adobe Systems Incorporated"/>
    <x v="8"/>
    <s v=""/>
    <s v="Information Technology Services"/>
    <s v="CFIA-CFIA - 0733"/>
    <s v="In Production"/>
    <s v="desktop"/>
    <x v="0"/>
    <x v="523"/>
  </r>
  <r>
    <x v="4"/>
    <x v="5"/>
    <x v="1549"/>
    <s v=""/>
    <s v=""/>
    <s v=""/>
    <x v="1"/>
    <s v="Adobe Systems Incorporated"/>
    <x v="8"/>
    <s v=""/>
    <s v="Information Technology Services"/>
    <s v="CFIA-CFIA - 0734"/>
    <s v="In Production"/>
    <s v="desktop"/>
    <x v="0"/>
    <x v="523"/>
  </r>
  <r>
    <x v="4"/>
    <x v="5"/>
    <x v="1550"/>
    <s v=""/>
    <s v=""/>
    <s v=""/>
    <x v="1"/>
    <s v="Adobe Systems Incorporated"/>
    <x v="8"/>
    <s v=""/>
    <s v="Information Technology Services"/>
    <s v="CFIA-CFIA - 0735"/>
    <s v="In Production"/>
    <s v="desktop"/>
    <x v="0"/>
    <x v="523"/>
  </r>
  <r>
    <x v="4"/>
    <x v="5"/>
    <x v="1551"/>
    <s v=""/>
    <s v=""/>
    <s v=""/>
    <x v="1"/>
    <s v="Adobe Systems Incorporated"/>
    <x v="8"/>
    <s v=""/>
    <s v="Information Technology Services"/>
    <s v="CFIA-CFIA - 0736"/>
    <s v="In Production"/>
    <s v="desktop"/>
    <x v="0"/>
    <x v="523"/>
  </r>
  <r>
    <x v="4"/>
    <x v="5"/>
    <x v="1552"/>
    <s v=""/>
    <s v=""/>
    <s v=""/>
    <x v="1"/>
    <s v="Adobe Systems Incorporated"/>
    <x v="8"/>
    <s v=""/>
    <s v="Information Technology Services"/>
    <s v="CFIA-CFIA - 0737"/>
    <s v="In Production"/>
    <s v="desktop"/>
    <x v="0"/>
    <x v="523"/>
  </r>
  <r>
    <x v="4"/>
    <x v="5"/>
    <x v="1553"/>
    <s v=""/>
    <s v=""/>
    <s v=""/>
    <x v="1"/>
    <s v="Adobe Systems Incorporated"/>
    <x v="8"/>
    <s v=""/>
    <s v="Information Technology Services"/>
    <s v="CFIA-CFIA - 0738"/>
    <s v="In Production"/>
    <s v="desktop"/>
    <x v="0"/>
    <x v="523"/>
  </r>
  <r>
    <x v="4"/>
    <x v="5"/>
    <x v="1554"/>
    <s v=""/>
    <s v=""/>
    <s v=""/>
    <x v="1"/>
    <s v="Adobe Systems Incorporated"/>
    <x v="8"/>
    <s v=""/>
    <s v="Information Technology Services"/>
    <s v="CFIA-CFIA - 0739"/>
    <s v="In Production"/>
    <s v="desktop"/>
    <x v="0"/>
    <x v="523"/>
  </r>
  <r>
    <x v="4"/>
    <x v="5"/>
    <x v="1555"/>
    <s v=""/>
    <s v=""/>
    <s v=""/>
    <x v="1"/>
    <s v="Adobe Systems Incorporated"/>
    <x v="8"/>
    <s v=""/>
    <s v="Information Technology Services"/>
    <s v="CFIA-CFIA - 0740"/>
    <s v="In Production"/>
    <s v="desktop"/>
    <x v="0"/>
    <x v="523"/>
  </r>
  <r>
    <x v="4"/>
    <x v="5"/>
    <x v="1556"/>
    <s v=""/>
    <s v=""/>
    <s v=""/>
    <x v="1"/>
    <s v="Adobe Systems Incorporated"/>
    <x v="8"/>
    <s v=""/>
    <s v="Information Technology Services"/>
    <s v="CFIA-CFIA - 0741"/>
    <s v="In Production"/>
    <s v="desktop"/>
    <x v="0"/>
    <x v="523"/>
  </r>
  <r>
    <x v="4"/>
    <x v="5"/>
    <x v="1557"/>
    <s v=""/>
    <s v=""/>
    <s v=""/>
    <x v="1"/>
    <s v="Adobe Systems Incorporated"/>
    <x v="8"/>
    <s v=""/>
    <s v="Information Technology Services"/>
    <s v="CFIA-CFIA - 0742"/>
    <s v="In Production"/>
    <s v="desktop"/>
    <x v="0"/>
    <x v="523"/>
  </r>
  <r>
    <x v="4"/>
    <x v="5"/>
    <x v="1558"/>
    <s v=""/>
    <s v=""/>
    <s v=""/>
    <x v="1"/>
    <s v="Adobe Systems Incorporated"/>
    <x v="8"/>
    <s v=""/>
    <s v="Information Technology Services"/>
    <s v="CFIA-CFIA - 0743"/>
    <s v="In Production"/>
    <s v="desktop"/>
    <x v="0"/>
    <x v="523"/>
  </r>
  <r>
    <x v="4"/>
    <x v="5"/>
    <x v="1559"/>
    <s v=""/>
    <s v=""/>
    <s v=""/>
    <x v="1"/>
    <s v="Adobe Systems Incorporated"/>
    <x v="8"/>
    <s v=""/>
    <s v="Information Technology Services"/>
    <s v="CFIA-CFIA - 0744"/>
    <s v="In Production"/>
    <s v="desktop"/>
    <x v="0"/>
    <x v="523"/>
  </r>
  <r>
    <x v="4"/>
    <x v="5"/>
    <x v="1560"/>
    <s v=""/>
    <s v=""/>
    <s v=""/>
    <x v="1"/>
    <s v="Adobe Systems Incorporated"/>
    <x v="8"/>
    <s v=""/>
    <s v="Information Technology Services"/>
    <s v="CFIA-CFIA - 0745"/>
    <s v="In Production"/>
    <s v="desktop"/>
    <x v="0"/>
    <x v="523"/>
  </r>
  <r>
    <x v="4"/>
    <x v="5"/>
    <x v="1561"/>
    <s v=""/>
    <s v=""/>
    <s v=""/>
    <x v="1"/>
    <s v="Adobe Systems Incorporated"/>
    <x v="8"/>
    <s v=""/>
    <s v="Information Technology Services"/>
    <s v="CFIA-CFIA - 0746"/>
    <s v="In Production"/>
    <s v="desktop"/>
    <x v="0"/>
    <x v="523"/>
  </r>
  <r>
    <x v="4"/>
    <x v="5"/>
    <x v="1562"/>
    <s v=""/>
    <s v=""/>
    <s v=""/>
    <x v="1"/>
    <s v="Adobe Systems Incorporated"/>
    <x v="8"/>
    <s v=""/>
    <s v="Information Technology Services"/>
    <s v="CFIA-CFIA - 0747"/>
    <s v="In Production"/>
    <s v="desktop"/>
    <x v="0"/>
    <x v="523"/>
  </r>
  <r>
    <x v="4"/>
    <x v="5"/>
    <x v="1563"/>
    <s v=""/>
    <s v=""/>
    <s v=""/>
    <x v="1"/>
    <s v="Adobe Systems Incorporated"/>
    <x v="8"/>
    <s v=""/>
    <s v="Information Technology Services"/>
    <s v="CFIA-CFIA - 0752"/>
    <s v="In Production"/>
    <s v="desktop"/>
    <x v="0"/>
    <x v="523"/>
  </r>
  <r>
    <x v="4"/>
    <x v="5"/>
    <x v="1564"/>
    <s v=""/>
    <s v=""/>
    <s v=""/>
    <x v="1"/>
    <s v="Adobe Systems Incorporated"/>
    <x v="8"/>
    <s v=""/>
    <s v="Information Technology Services"/>
    <s v="CFIA-CFIA - 0754"/>
    <s v="In Production"/>
    <s v="desktop"/>
    <x v="0"/>
    <x v="523"/>
  </r>
  <r>
    <x v="4"/>
    <x v="5"/>
    <x v="1565"/>
    <s v=""/>
    <s v=""/>
    <s v=""/>
    <x v="1"/>
    <s v="Adobe Systems Incorporated"/>
    <x v="8"/>
    <s v=""/>
    <s v="Information Technology Services"/>
    <s v="CFIA-CFIA - 0756"/>
    <s v="In Production"/>
    <s v="desktop"/>
    <x v="0"/>
    <x v="523"/>
  </r>
  <r>
    <x v="4"/>
    <x v="5"/>
    <x v="1566"/>
    <s v=""/>
    <s v=""/>
    <s v=""/>
    <x v="1"/>
    <s v="Adobe Systems Incorporated"/>
    <x v="8"/>
    <s v=""/>
    <s v="Information Technology Services"/>
    <s v="CFIA-CFIA - 0759"/>
    <s v="In Production"/>
    <s v="desktop"/>
    <x v="0"/>
    <x v="523"/>
  </r>
  <r>
    <x v="4"/>
    <x v="5"/>
    <x v="1567"/>
    <s v=""/>
    <s v=""/>
    <s v=""/>
    <x v="1"/>
    <s v="Adobe Systems Incorporated"/>
    <x v="8"/>
    <s v=""/>
    <s v="Information Technology Services"/>
    <s v="CFIA-CFIA - 0762"/>
    <s v="In Production"/>
    <s v="desktop"/>
    <x v="0"/>
    <x v="523"/>
  </r>
  <r>
    <x v="4"/>
    <x v="5"/>
    <x v="1568"/>
    <s v=""/>
    <s v=""/>
    <s v=""/>
    <x v="1"/>
    <s v="Adobe Systems Incorporated"/>
    <x v="8"/>
    <s v=""/>
    <s v="Information Technology Services"/>
    <s v="CFIA-CFIA - 0763"/>
    <s v="In Production"/>
    <s v="desktop"/>
    <x v="0"/>
    <x v="523"/>
  </r>
  <r>
    <x v="4"/>
    <x v="5"/>
    <x v="1569"/>
    <s v=""/>
    <s v=""/>
    <s v=""/>
    <x v="1"/>
    <s v="Adobe Systems Incorporated"/>
    <x v="8"/>
    <s v=""/>
    <s v="Information Technology Services"/>
    <s v="CFIA-CFIA - 0764"/>
    <s v="In Production"/>
    <s v="desktop"/>
    <x v="0"/>
    <x v="523"/>
  </r>
  <r>
    <x v="4"/>
    <x v="5"/>
    <x v="1570"/>
    <s v=""/>
    <s v=""/>
    <s v=""/>
    <x v="1"/>
    <s v="Adobe Systems Incorporated"/>
    <x v="8"/>
    <s v=""/>
    <s v="Information Technology Services"/>
    <s v="CFIA-CFIA - 0765"/>
    <s v="In Production"/>
    <s v="desktop"/>
    <x v="0"/>
    <x v="523"/>
  </r>
  <r>
    <x v="4"/>
    <x v="5"/>
    <x v="1571"/>
    <s v=""/>
    <s v=""/>
    <s v=""/>
    <x v="1"/>
    <s v="Adobe Systems Incorporated"/>
    <x v="8"/>
    <s v=""/>
    <s v="Information Technology Services"/>
    <s v="CFIA-CFIA - 0766"/>
    <s v="In Production"/>
    <s v="desktop"/>
    <x v="0"/>
    <x v="523"/>
  </r>
  <r>
    <x v="4"/>
    <x v="5"/>
    <x v="1572"/>
    <s v=""/>
    <s v=""/>
    <s v=""/>
    <x v="1"/>
    <s v="Adobe Systems Incorporated"/>
    <x v="8"/>
    <s v=""/>
    <s v="Information Technology Services"/>
    <s v="CFIA-CFIA - 0768"/>
    <s v="In Production"/>
    <s v="desktop"/>
    <x v="0"/>
    <x v="523"/>
  </r>
  <r>
    <x v="4"/>
    <x v="5"/>
    <x v="1573"/>
    <s v=""/>
    <s v=""/>
    <s v=""/>
    <x v="1"/>
    <s v="Adobe Systems Incorporated"/>
    <x v="8"/>
    <s v=""/>
    <s v="Information Technology Services"/>
    <s v="CFIA-CFIA - 0769"/>
    <s v="In Production"/>
    <s v="desktop"/>
    <x v="0"/>
    <x v="523"/>
  </r>
  <r>
    <x v="4"/>
    <x v="5"/>
    <x v="1574"/>
    <s v=""/>
    <s v=""/>
    <s v=""/>
    <x v="1"/>
    <s v="Adobe Systems Incorporated"/>
    <x v="8"/>
    <s v=""/>
    <s v="Information Technology Services"/>
    <s v="CFIA-CFIA - 0770"/>
    <s v="In Production"/>
    <s v="desktop"/>
    <x v="0"/>
    <x v="523"/>
  </r>
  <r>
    <x v="4"/>
    <x v="5"/>
    <x v="1575"/>
    <s v=""/>
    <s v=""/>
    <s v=""/>
    <x v="1"/>
    <s v="Adobe Systems Incorporated"/>
    <x v="8"/>
    <s v=""/>
    <s v="Information Technology Services"/>
    <s v="CFIA-CFIA - 0771"/>
    <s v="In Production"/>
    <s v="desktop"/>
    <x v="0"/>
    <x v="523"/>
  </r>
  <r>
    <x v="4"/>
    <x v="5"/>
    <x v="1576"/>
    <s v=""/>
    <s v=""/>
    <s v=""/>
    <x v="1"/>
    <s v="Adobe Systems Incorporated"/>
    <x v="8"/>
    <s v=""/>
    <s v="Information Technology Services"/>
    <s v="CFIA-CFIA - 0772"/>
    <s v="In Production"/>
    <s v="desktop"/>
    <x v="0"/>
    <x v="523"/>
  </r>
  <r>
    <x v="4"/>
    <x v="5"/>
    <x v="1577"/>
    <s v=""/>
    <s v=""/>
    <s v=""/>
    <x v="1"/>
    <s v="Druide informatique inc."/>
    <x v="8"/>
    <s v=""/>
    <s v="Information Technology Services"/>
    <s v="CFIA-CFIA - 0775"/>
    <s v="In Production"/>
    <s v="desktop"/>
    <x v="0"/>
    <x v="523"/>
  </r>
  <r>
    <x v="4"/>
    <x v="5"/>
    <x v="1578"/>
    <s v=""/>
    <s v=""/>
    <s v=""/>
    <x v="1"/>
    <s v="Druide informatique inc."/>
    <x v="8"/>
    <s v=""/>
    <s v="Information Technology Services"/>
    <s v="CFIA-CFIA - 0776"/>
    <s v="In Production"/>
    <s v="desktop"/>
    <x v="0"/>
    <x v="523"/>
  </r>
  <r>
    <x v="4"/>
    <x v="5"/>
    <x v="1579"/>
    <s v=""/>
    <s v=""/>
    <s v=""/>
    <x v="1"/>
    <s v="Druide informatique inc."/>
    <x v="8"/>
    <s v=""/>
    <s v="Information Technology Services"/>
    <s v="CFIA-CFIA - 0777"/>
    <s v="In Production"/>
    <s v="desktop"/>
    <x v="0"/>
    <x v="523"/>
  </r>
  <r>
    <x v="4"/>
    <x v="5"/>
    <x v="1580"/>
    <s v=""/>
    <s v=""/>
    <s v=""/>
    <x v="1"/>
    <s v="Druide informatique inc."/>
    <x v="8"/>
    <s v=""/>
    <s v="Information Technology Services"/>
    <s v="CFIA-CFIA - 0778"/>
    <s v="In Production"/>
    <s v="desktop"/>
    <x v="0"/>
    <x v="523"/>
  </r>
  <r>
    <x v="4"/>
    <x v="5"/>
    <x v="1581"/>
    <s v=""/>
    <s v=""/>
    <s v=""/>
    <x v="1"/>
    <s v="atlassian"/>
    <x v="8"/>
    <s v=""/>
    <s v="Information Technology Services"/>
    <s v="CFIA-CFIA - 0780"/>
    <s v="In Production"/>
    <s v="desktop"/>
    <x v="0"/>
    <x v="523"/>
  </r>
  <r>
    <x v="4"/>
    <x v="5"/>
    <x v="1582"/>
    <s v=""/>
    <s v=""/>
    <s v=""/>
    <x v="1"/>
    <s v="BlackBerry Ltd."/>
    <x v="8"/>
    <s v=""/>
    <s v="Information Technology Services"/>
    <s v="CFIA-CFIA - 0781"/>
    <s v="In Production"/>
    <s v="desktop"/>
    <x v="0"/>
    <x v="523"/>
  </r>
  <r>
    <x v="4"/>
    <x v="5"/>
    <x v="1583"/>
    <s v=""/>
    <s v=""/>
    <s v=""/>
    <x v="1"/>
    <s v="TechSmith Corporation"/>
    <x v="8"/>
    <s v=""/>
    <s v="Information Technology Services"/>
    <s v="CFIA-CFIA - 0783"/>
    <s v="In Production"/>
    <s v="desktop"/>
    <x v="0"/>
    <x v="523"/>
  </r>
  <r>
    <x v="4"/>
    <x v="5"/>
    <x v="1584"/>
    <s v=""/>
    <s v=""/>
    <s v=""/>
    <x v="1"/>
    <s v="PFU LIMITED"/>
    <x v="8"/>
    <s v=""/>
    <s v="Information Technology Services"/>
    <s v="CFIA-CFIA - 0786"/>
    <s v="In Production"/>
    <s v="desktop"/>
    <x v="0"/>
    <x v="523"/>
  </r>
  <r>
    <x v="4"/>
    <x v="5"/>
    <x v="1585"/>
    <s v=""/>
    <s v=""/>
    <s v=""/>
    <x v="1"/>
    <s v="PFU LIMITED"/>
    <x v="8"/>
    <s v=""/>
    <s v="Information Technology Services"/>
    <s v="CFIA-CFIA - 0787"/>
    <s v="In Production"/>
    <s v="desktop"/>
    <x v="0"/>
    <x v="523"/>
  </r>
  <r>
    <x v="4"/>
    <x v="5"/>
    <x v="1586"/>
    <s v=""/>
    <s v=""/>
    <s v=""/>
    <x v="1"/>
    <s v="PFU LIMITED"/>
    <x v="8"/>
    <s v=""/>
    <s v="Information Technology Services"/>
    <s v="CFIA-CFIA - 0791"/>
    <s v="In Production"/>
    <s v="desktop"/>
    <x v="0"/>
    <x v="523"/>
  </r>
  <r>
    <x v="4"/>
    <x v="5"/>
    <x v="1587"/>
    <s v=""/>
    <s v=""/>
    <s v=""/>
    <x v="1"/>
    <s v="Carl Zeiss Imaging Solutions GmbH"/>
    <x v="8"/>
    <s v=""/>
    <s v="Information Technology Services"/>
    <s v="CFIA-CFIA - 0793"/>
    <s v="In Production"/>
    <s v="desktop"/>
    <x v="0"/>
    <x v="523"/>
  </r>
  <r>
    <x v="4"/>
    <x v="5"/>
    <x v="1588"/>
    <s v=""/>
    <s v=""/>
    <s v=""/>
    <x v="1"/>
    <s v="OPTIMA Research Inc."/>
    <x v="8"/>
    <s v=""/>
    <s v="Information Technology Services"/>
    <s v="CFIA-CFIA - 0794"/>
    <s v="In Production"/>
    <s v="desktop"/>
    <x v="0"/>
    <x v="523"/>
  </r>
  <r>
    <x v="4"/>
    <x v="5"/>
    <x v="1589"/>
    <s v=""/>
    <s v=""/>
    <s v=""/>
    <x v="1"/>
    <s v="Raize Software, Inc."/>
    <x v="8"/>
    <s v=""/>
    <s v="Information Technology Services"/>
    <s v="CFIA-CFIA - 0795"/>
    <s v="In Production"/>
    <s v="desktop"/>
    <x v="0"/>
    <x v="523"/>
  </r>
  <r>
    <x v="4"/>
    <x v="5"/>
    <x v="1590"/>
    <s v=""/>
    <s v=""/>
    <s v=""/>
    <x v="1"/>
    <s v="Raize Software, Inc."/>
    <x v="8"/>
    <s v=""/>
    <s v="Information Technology Services"/>
    <s v="CFIA-CFIA - 0796"/>
    <s v="In Production"/>
    <s v="desktop"/>
    <x v="0"/>
    <x v="523"/>
  </r>
  <r>
    <x v="4"/>
    <x v="5"/>
    <x v="1591"/>
    <s v=""/>
    <s v=""/>
    <s v=""/>
    <x v="1"/>
    <s v="Corel Corporation"/>
    <x v="8"/>
    <s v=""/>
    <s v="Information Technology Services"/>
    <s v="CFIA-CFIA - 0797"/>
    <s v="In Production"/>
    <s v="desktop"/>
    <x v="0"/>
    <x v="523"/>
  </r>
  <r>
    <x v="4"/>
    <x v="5"/>
    <x v="1592"/>
    <s v=""/>
    <s v=""/>
    <s v=""/>
    <x v="1"/>
    <s v="Corel Corporation"/>
    <x v="8"/>
    <s v=""/>
    <s v="Information Technology Services"/>
    <s v="CFIA-CFIA - 0798"/>
    <s v="In Production"/>
    <s v="desktop"/>
    <x v="0"/>
    <x v="523"/>
  </r>
  <r>
    <x v="4"/>
    <x v="5"/>
    <x v="1593"/>
    <s v=""/>
    <s v=""/>
    <s v=""/>
    <x v="1"/>
    <s v="Corel Corporation"/>
    <x v="8"/>
    <s v=""/>
    <s v="Information Technology Services"/>
    <s v="CFIA-CFIA - 0801"/>
    <s v="In Production"/>
    <s v="desktop"/>
    <x v="0"/>
    <x v="523"/>
  </r>
  <r>
    <x v="4"/>
    <x v="5"/>
    <x v="1594"/>
    <s v=""/>
    <s v=""/>
    <s v=""/>
    <x v="1"/>
    <s v="Canto"/>
    <x v="8"/>
    <s v=""/>
    <s v="Information Technology Services"/>
    <s v="CFIA-CFIA - 0804"/>
    <s v="In Production"/>
    <s v="desktop"/>
    <x v="0"/>
    <x v="523"/>
  </r>
  <r>
    <x v="4"/>
    <x v="5"/>
    <x v="1595"/>
    <s v=""/>
    <s v=""/>
    <s v=""/>
    <x v="1"/>
    <s v="Binary Fortress Software"/>
    <x v="8"/>
    <s v=""/>
    <s v="Information Technology Services"/>
    <s v="CFIA-CFIA - 0805"/>
    <s v="In Production"/>
    <s v="desktop"/>
    <x v="0"/>
    <x v="523"/>
  </r>
  <r>
    <x v="4"/>
    <x v="5"/>
    <x v="1596"/>
    <s v=""/>
    <s v=""/>
    <s v=""/>
    <x v="1"/>
    <s v="FileMaker, Inc."/>
    <x v="8"/>
    <s v=""/>
    <s v="Information Technology Services"/>
    <s v="CFIA-CFIA - 0810"/>
    <s v="In Production"/>
    <s v="desktop"/>
    <x v="0"/>
    <x v="523"/>
  </r>
  <r>
    <x v="4"/>
    <x v="5"/>
    <x v="1597"/>
    <s v=""/>
    <s v=""/>
    <s v=""/>
    <x v="1"/>
    <s v="Flypaper Studio, Inc."/>
    <x v="8"/>
    <s v=""/>
    <s v="Information Technology Services"/>
    <s v="CFIA-CFIA - 0811"/>
    <s v="In Production"/>
    <s v="desktop"/>
    <x v="0"/>
    <x v="523"/>
  </r>
  <r>
    <x v="4"/>
    <x v="5"/>
    <x v="1598"/>
    <s v=""/>
    <s v="The database records all details related to import, confined and unconfined release applications; inspection reports; records of decision; financial information related to applications; and requests for science advice."/>
    <s v=""/>
    <x v="1"/>
    <s v="LumaPix"/>
    <x v="8"/>
    <s v=""/>
    <s v="Information Technology Services"/>
    <s v="CFIA-CFIA - 0812"/>
    <s v="In Production"/>
    <s v="desktop"/>
    <x v="0"/>
    <x v="523"/>
  </r>
  <r>
    <x v="4"/>
    <x v="5"/>
    <x v="1599"/>
    <s v=""/>
    <s v=""/>
    <s v=""/>
    <x v="1"/>
    <s v="FTR Pty. Ltd."/>
    <x v="8"/>
    <s v=""/>
    <s v="Information Technology Services"/>
    <s v="CFIA-CFIA - 0813"/>
    <s v="In Production"/>
    <s v="desktop"/>
    <x v="0"/>
    <x v="523"/>
  </r>
  <r>
    <x v="4"/>
    <x v="5"/>
    <x v="1600"/>
    <s v=""/>
    <s v=""/>
    <s v=""/>
    <x v="1"/>
    <s v="Linoma Software"/>
    <x v="8"/>
    <s v=""/>
    <s v="Information Technology Services"/>
    <s v="CFIA-CFIA - 0814"/>
    <s v="In Production"/>
    <s v="desktop"/>
    <x v="0"/>
    <x v="523"/>
  </r>
  <r>
    <x v="4"/>
    <x v="5"/>
    <x v="1601"/>
    <s v=""/>
    <s v=""/>
    <s v=""/>
    <x v="1"/>
    <s v="GraphPad Software"/>
    <x v="8"/>
    <s v=""/>
    <s v="Information Technology Services"/>
    <s v="CFIA-CFIA - 0815"/>
    <s v="In Production"/>
    <s v="desktop"/>
    <x v="0"/>
    <x v="523"/>
  </r>
  <r>
    <x v="4"/>
    <x v="5"/>
    <x v="1602"/>
    <s v=""/>
    <s v=""/>
    <s v=""/>
    <x v="1"/>
    <s v="i2 Limited"/>
    <x v="8"/>
    <s v=""/>
    <s v="Information Technology Services"/>
    <s v="CFIA-CFIA - 0819"/>
    <s v="In Production"/>
    <s v="desktop"/>
    <x v="0"/>
    <x v="534"/>
  </r>
  <r>
    <x v="4"/>
    <x v="5"/>
    <x v="1603"/>
    <s v=""/>
    <s v=""/>
    <s v=""/>
    <x v="1"/>
    <s v="i2 Limited"/>
    <x v="8"/>
    <s v=""/>
    <s v="Information Technology Services"/>
    <s v="CFIA-CFIA - 0820"/>
    <s v="In Production"/>
    <s v="desktop"/>
    <x v="0"/>
    <x v="534"/>
  </r>
  <r>
    <x v="4"/>
    <x v="5"/>
    <x v="1604"/>
    <s v=""/>
    <s v=""/>
    <s v=""/>
    <x v="1"/>
    <s v="Reallusion Inc."/>
    <x v="8"/>
    <s v=""/>
    <s v="Information Technology Services"/>
    <s v="CFIA-CFIA - 0822"/>
    <s v="In Production"/>
    <s v="desktop"/>
    <x v="0"/>
    <x v="534"/>
  </r>
  <r>
    <x v="4"/>
    <x v="5"/>
    <x v="1605"/>
    <s v=""/>
    <s v=""/>
    <s v=""/>
    <x v="1"/>
    <s v="inkscape.org"/>
    <x v="8"/>
    <s v=""/>
    <s v="Information Technology Services"/>
    <s v="CFIA-CFIA - 0825"/>
    <s v="In Production"/>
    <s v="desktop"/>
    <x v="0"/>
    <x v="534"/>
  </r>
  <r>
    <x v="4"/>
    <x v="5"/>
    <x v="1606"/>
    <s v=""/>
    <s v=""/>
    <s v=""/>
    <x v="1"/>
    <s v="Macromedia"/>
    <x v="8"/>
    <s v=""/>
    <s v="Information Technology Services"/>
    <s v="CFIA-CFIA - 0826"/>
    <s v="In Production"/>
    <s v="desktop"/>
    <x v="0"/>
    <x v="534"/>
  </r>
  <r>
    <x v="4"/>
    <x v="5"/>
    <x v="1607"/>
    <s v=""/>
    <s v=""/>
    <s v=""/>
    <x v="1"/>
    <s v="Macromedia"/>
    <x v="8"/>
    <s v=""/>
    <s v="Information Technology Services"/>
    <s v="CFIA-CFIA - 0827"/>
    <s v="In Production"/>
    <s v="desktop"/>
    <x v="0"/>
    <x v="534"/>
  </r>
  <r>
    <x v="4"/>
    <x v="5"/>
    <x v="1608"/>
    <s v=""/>
    <s v=""/>
    <s v=""/>
    <x v="1"/>
    <s v="Mindjet"/>
    <x v="8"/>
    <s v=""/>
    <s v="Information Technology Services"/>
    <s v="CFIA-CFIA - 0833"/>
    <s v="In Production"/>
    <s v="desktop"/>
    <x v="0"/>
    <x v="534"/>
  </r>
  <r>
    <x v="4"/>
    <x v="5"/>
    <x v="1609"/>
    <s v=""/>
    <s v=""/>
    <s v=""/>
    <x v="1"/>
    <s v="Mindjet"/>
    <x v="8"/>
    <s v=""/>
    <s v="Information Technology Services"/>
    <s v="CFIA-CFIA - 0836"/>
    <s v="In Production"/>
    <s v="desktop"/>
    <x v="0"/>
    <x v="534"/>
  </r>
  <r>
    <x v="4"/>
    <x v="5"/>
    <x v="1610"/>
    <s v=""/>
    <s v=""/>
    <s v=""/>
    <x v="1"/>
    <s v="Next Generation Software"/>
    <x v="8"/>
    <s v=""/>
    <s v="Information Technology Services"/>
    <s v="CFIA-CFIA - 0838"/>
    <s v="In Production"/>
    <s v="desktop"/>
    <x v="0"/>
    <x v="534"/>
  </r>
  <r>
    <x v="4"/>
    <x v="5"/>
    <x v="1611"/>
    <s v=""/>
    <s v=""/>
    <s v=""/>
    <x v="1"/>
    <s v="NetBeans.org"/>
    <x v="8"/>
    <s v=""/>
    <s v="Information Technology Services"/>
    <s v="CFIA-CFIA - 0839"/>
    <s v="In Production"/>
    <s v="desktop"/>
    <x v="0"/>
    <x v="534"/>
  </r>
  <r>
    <x v="4"/>
    <x v="5"/>
    <x v="1612"/>
    <s v=""/>
    <s v=""/>
    <s v=""/>
    <x v="1"/>
    <s v="Visioneer Inc."/>
    <x v="8"/>
    <s v=""/>
    <s v="Information Technology Services"/>
    <s v="CFIA-CFIA - 0843"/>
    <s v="In Production"/>
    <s v="desktop"/>
    <x v="0"/>
    <x v="534"/>
  </r>
  <r>
    <x v="4"/>
    <x v="5"/>
    <x v="1613"/>
    <s v=""/>
    <s v=""/>
    <s v=""/>
    <x v="1"/>
    <s v="PlotSoft LLC"/>
    <x v="8"/>
    <s v=""/>
    <s v="Information Technology Services"/>
    <s v="CFIA-CFIA - 0846"/>
    <s v="In Production"/>
    <s v="desktop"/>
    <x v="0"/>
    <x v="534"/>
  </r>
  <r>
    <x v="4"/>
    <x v="5"/>
    <x v="1614"/>
    <s v=""/>
    <s v=""/>
    <s v=""/>
    <x v="1"/>
    <s v="PostgreSQL Global Development Group"/>
    <x v="8"/>
    <s v=""/>
    <s v="Information Technology Services"/>
    <s v="CFIA-CFIA - 0848"/>
    <s v="In Production"/>
    <s v="desktop"/>
    <x v="0"/>
    <x v="534"/>
  </r>
  <r>
    <x v="4"/>
    <x v="5"/>
    <x v="1615"/>
    <s v=""/>
    <s v=""/>
    <s v=""/>
    <x v="1"/>
    <s v="Python Software Foundation"/>
    <x v="8"/>
    <s v=""/>
    <s v="Information Technology Services"/>
    <s v="CFIA-CFIA - 0855"/>
    <s v="In Production"/>
    <s v="desktop"/>
    <x v="0"/>
    <x v="534"/>
  </r>
  <r>
    <x v="4"/>
    <x v="5"/>
    <x v="1616"/>
    <s v=""/>
    <s v=""/>
    <s v=""/>
    <x v="1"/>
    <s v="Python Software Foundation"/>
    <x v="8"/>
    <s v=""/>
    <s v="Information Technology Services"/>
    <s v="CFIA-CFIA - 0856"/>
    <s v="In Production"/>
    <s v="desktop"/>
    <x v="0"/>
    <x v="534"/>
  </r>
  <r>
    <x v="4"/>
    <x v="5"/>
    <x v="1617"/>
    <s v=""/>
    <s v=""/>
    <s v=""/>
    <x v="1"/>
    <s v="SAS Institute (Canada) Inc"/>
    <x v="8"/>
    <s v=""/>
    <s v="Information Technology Services"/>
    <s v="CFIA-CFIA - 0861"/>
    <s v="In Production"/>
    <s v="desktop"/>
    <x v="0"/>
    <x v="534"/>
  </r>
  <r>
    <x v="4"/>
    <x v="5"/>
    <x v="1618"/>
    <s v=""/>
    <s v=""/>
    <s v=""/>
    <x v="1"/>
    <s v="TechSmith Corporation"/>
    <x v="8"/>
    <s v=""/>
    <s v="Information Technology Services"/>
    <s v="CFIA-CFIA - 0869"/>
    <s v="In Production"/>
    <s v="desktop"/>
    <x v="0"/>
    <x v="534"/>
  </r>
  <r>
    <x v="4"/>
    <x v="5"/>
    <x v="1619"/>
    <s v=""/>
    <s v=""/>
    <s v=""/>
    <x v="1"/>
    <s v="TechSmith Corporation"/>
    <x v="8"/>
    <s v=""/>
    <s v="Information Technology Services"/>
    <s v="CFIA-CFIA - 0870"/>
    <s v="In Production"/>
    <s v="desktop"/>
    <x v="0"/>
    <x v="534"/>
  </r>
  <r>
    <x v="4"/>
    <x v="5"/>
    <x v="1620"/>
    <s v=""/>
    <s v=""/>
    <s v=""/>
    <x v="1"/>
    <s v="TechSmith Corporation"/>
    <x v="8"/>
    <s v=""/>
    <s v="Information Technology Services"/>
    <s v="CFIA-CFIA - 0872"/>
    <s v="In Production"/>
    <s v="desktop"/>
    <x v="0"/>
    <x v="523"/>
  </r>
  <r>
    <x v="4"/>
    <x v="5"/>
    <x v="1621"/>
    <s v=""/>
    <s v=""/>
    <s v=""/>
    <x v="1"/>
    <s v="Steema Software"/>
    <x v="8"/>
    <s v=""/>
    <s v="Information Technology Services"/>
    <s v="CFIA-CFIA - 0881"/>
    <s v="In Production"/>
    <s v="desktop"/>
    <x v="0"/>
    <x v="523"/>
  </r>
  <r>
    <x v="4"/>
    <x v="5"/>
    <x v="1622"/>
    <s v=""/>
    <s v=""/>
    <s v=""/>
    <x v="1"/>
    <s v="kinook software"/>
    <x v="8"/>
    <s v=""/>
    <s v="Information Technology Services"/>
    <s v="CFIA-CFIA - 0883"/>
    <s v="In Production"/>
    <s v="desktop"/>
    <x v="0"/>
    <x v="523"/>
  </r>
  <r>
    <x v="4"/>
    <x v="5"/>
    <x v="1623"/>
    <s v=""/>
    <s v=""/>
    <s v=""/>
    <x v="1"/>
    <s v="REL Software"/>
    <x v="8"/>
    <s v=""/>
    <s v="Information Technology Services"/>
    <s v="CFIA-CFIA - 0884"/>
    <s v="In Production"/>
    <s v="desktop"/>
    <x v="0"/>
    <x v="523"/>
  </r>
  <r>
    <x v="4"/>
    <x v="5"/>
    <x v="1624"/>
    <s v=""/>
    <s v=""/>
    <s v=""/>
    <x v="1"/>
    <s v="Corel Corporation"/>
    <x v="8"/>
    <s v=""/>
    <s v="Information Technology Services"/>
    <s v="CFIA-CFIA - 0885"/>
    <s v="In Production"/>
    <s v="desktop"/>
    <x v="0"/>
    <x v="523"/>
  </r>
  <r>
    <x v="4"/>
    <x v="5"/>
    <x v="1625"/>
    <s v=""/>
    <s v=""/>
    <s v=""/>
    <x v="1"/>
    <s v="Agnovi Corporation"/>
    <x v="8"/>
    <s v=""/>
    <s v="Information Technology Services"/>
    <s v="CFIA-CFIA - 0888"/>
    <s v="In Production"/>
    <s v="desktop"/>
    <x v="0"/>
    <x v="523"/>
  </r>
  <r>
    <x v="4"/>
    <x v="5"/>
    <x v="1626"/>
    <s v=""/>
    <s v=""/>
    <s v=""/>
    <x v="1"/>
    <s v="Telmax Teleprompters"/>
    <x v="8"/>
    <s v=""/>
    <s v="Information Technology Services"/>
    <s v="CFIA-CFIA - 0890"/>
    <s v="In Production"/>
    <s v="desktop"/>
    <x v="0"/>
    <x v="533"/>
  </r>
  <r>
    <x v="4"/>
    <x v="5"/>
    <x v="1627"/>
    <s v=""/>
    <s v=""/>
    <s v=""/>
    <x v="1"/>
    <s v="A9Tech"/>
    <x v="8"/>
    <s v=""/>
    <s v="Information Technology Services"/>
    <s v="CFIA-CFIA - 0891"/>
    <s v="In Production"/>
    <s v="desktop"/>
    <x v="0"/>
    <x v="533"/>
  </r>
  <r>
    <x v="4"/>
    <x v="5"/>
    <x v="1628"/>
    <s v=""/>
    <s v=""/>
    <s v=""/>
    <x v="1"/>
    <s v="Adobe Systems Incorporated"/>
    <x v="8"/>
    <s v=""/>
    <s v="Information Technology Services"/>
    <s v="CFIA-CFIA - 0894"/>
    <s v="In Production"/>
    <s v="desktop"/>
    <x v="0"/>
    <x v="523"/>
  </r>
  <r>
    <x v="4"/>
    <x v="5"/>
    <x v="1629"/>
    <s v=""/>
    <s v=""/>
    <s v=""/>
    <x v="1"/>
    <s v="Adobe Systems Incorporated"/>
    <x v="8"/>
    <s v=""/>
    <s v="Information Technology Services"/>
    <s v="CFIA-CFIA - 0898"/>
    <s v="In Production"/>
    <s v="desktop"/>
    <x v="0"/>
    <x v="523"/>
  </r>
  <r>
    <x v="4"/>
    <x v="5"/>
    <x v="1630"/>
    <s v=""/>
    <s v=""/>
    <s v=""/>
    <x v="1"/>
    <s v="Adobe Systems Incorporated"/>
    <x v="8"/>
    <s v=""/>
    <s v="Information Technology Services"/>
    <s v="CFIA-CFIA - 0899"/>
    <s v="In Production"/>
    <s v="desktop"/>
    <x v="0"/>
    <x v="523"/>
  </r>
  <r>
    <x v="4"/>
    <x v="5"/>
    <x v="1631"/>
    <s v=""/>
    <s v=""/>
    <s v=""/>
    <x v="1"/>
    <s v="Aqua Data Studio"/>
    <x v="8"/>
    <s v=""/>
    <s v="Information Technology Services"/>
    <s v="CFIA-CFIA - 0903"/>
    <s v="In Production"/>
    <s v="desktop"/>
    <x v="0"/>
    <x v="523"/>
  </r>
  <r>
    <x v="4"/>
    <x v="5"/>
    <x v="1632"/>
    <s v=""/>
    <s v=""/>
    <s v=""/>
    <x v="1"/>
    <s v="DNASTAR"/>
    <x v="8"/>
    <s v=""/>
    <s v="Information Technology Services"/>
    <s v="CFIA-CFIA - 0904"/>
    <s v="In Production"/>
    <s v="desktop"/>
    <x v="0"/>
    <x v="523"/>
  </r>
  <r>
    <x v="4"/>
    <x v="5"/>
    <x v="1633"/>
    <s v=""/>
    <s v=""/>
    <s v=""/>
    <x v="1"/>
    <s v="CamStudio"/>
    <x v="8"/>
    <s v=""/>
    <s v="Information Technology Services"/>
    <s v="CFIA-CFIA - 0905"/>
    <s v="In Production"/>
    <s v="desktop"/>
    <x v="0"/>
    <x v="523"/>
  </r>
  <r>
    <x v="4"/>
    <x v="5"/>
    <x v="1634"/>
    <s v=""/>
    <s v=""/>
    <s v=""/>
    <x v="1"/>
    <s v="getcomposer.org"/>
    <x v="8"/>
    <s v=""/>
    <s v="Information Technology Services"/>
    <s v="CFIA-CFIA - 0907"/>
    <s v="In Production"/>
    <s v="desktop"/>
    <x v="0"/>
    <x v="523"/>
  </r>
  <r>
    <x v="4"/>
    <x v="5"/>
    <x v="1635"/>
    <s v=""/>
    <s v=""/>
    <s v=""/>
    <x v="1"/>
    <s v="Binary Fortress Software"/>
    <x v="8"/>
    <s v=""/>
    <s v="Information Technology Services"/>
    <s v="CFIA-CFIA - 0908"/>
    <s v="In Production"/>
    <s v="desktop"/>
    <x v="0"/>
    <x v="523"/>
  </r>
  <r>
    <x v="4"/>
    <x v="5"/>
    <x v="1636"/>
    <s v=""/>
    <s v=""/>
    <s v=""/>
    <x v="1"/>
    <s v="FileMaker, Inc."/>
    <x v="8"/>
    <s v=""/>
    <s v="Information Technology Services"/>
    <s v="CFIA-CFIA - 0909"/>
    <s v="In Production"/>
    <s v="desktop"/>
    <x v="0"/>
    <x v="523"/>
  </r>
  <r>
    <x v="4"/>
    <x v="5"/>
    <x v="1637"/>
    <s v=""/>
    <s v=""/>
    <s v=""/>
    <x v="1"/>
    <s v="Macromedia"/>
    <x v="8"/>
    <s v=""/>
    <s v="Information Technology Services"/>
    <s v="CFIA-CFIA - 0910"/>
    <s v="In Production"/>
    <s v="desktop"/>
    <x v="0"/>
    <x v="523"/>
  </r>
  <r>
    <x v="4"/>
    <x v="5"/>
    <x v="1638"/>
    <s v=""/>
    <s v=""/>
    <s v=""/>
    <x v="1"/>
    <s v="PostgreSQL Global Development Group"/>
    <x v="8"/>
    <s v=""/>
    <s v="Information Technology Services"/>
    <s v="CFIA-CFIA - 0913"/>
    <s v="In Production"/>
    <s v="desktop"/>
    <x v="0"/>
    <x v="523"/>
  </r>
  <r>
    <x v="4"/>
    <x v="5"/>
    <x v="1639"/>
    <s v=""/>
    <s v=""/>
    <s v=""/>
    <x v="1"/>
    <s v="Python Software Foundation"/>
    <x v="8"/>
    <s v=""/>
    <s v="Information Technology Services"/>
    <s v="CFIA-CFIA - 0914"/>
    <s v="In Production"/>
    <s v="desktop"/>
    <x v="0"/>
    <x v="523"/>
  </r>
  <r>
    <x v="4"/>
    <x v="5"/>
    <x v="1640"/>
    <s v=""/>
    <s v=""/>
    <s v=""/>
    <x v="1"/>
    <s v="Tableau Software"/>
    <x v="8"/>
    <s v=""/>
    <s v="Information Technology Services"/>
    <s v="CFIA-CFIA - 0916"/>
    <s v="In Production"/>
    <s v="desktop"/>
    <x v="0"/>
    <x v="533"/>
  </r>
  <r>
    <x v="4"/>
    <x v="5"/>
    <x v="1641"/>
    <s v=""/>
    <s v=""/>
    <s v=""/>
    <x v="1"/>
    <s v="Autodesk"/>
    <x v="8"/>
    <s v=""/>
    <s v="Information Technology Services"/>
    <s v="CFIA-CFIA - 0919"/>
    <s v="In Production"/>
    <s v="desktop"/>
    <x v="0"/>
    <x v="533"/>
  </r>
  <r>
    <x v="4"/>
    <x v="5"/>
    <x v="1642"/>
    <s v=""/>
    <s v=""/>
    <s v=""/>
    <x v="1"/>
    <s v="Autodesk"/>
    <x v="8"/>
    <s v=""/>
    <s v="Information Technology Services"/>
    <s v="CFIA-CFIA - 0920"/>
    <s v="In Production"/>
    <s v="desktop"/>
    <x v="0"/>
    <x v="523"/>
  </r>
  <r>
    <x v="4"/>
    <x v="5"/>
    <x v="1643"/>
    <s v=""/>
    <s v=""/>
    <s v=""/>
    <x v="1"/>
    <s v="Autodesk"/>
    <x v="8"/>
    <s v=""/>
    <s v="Information Technology Services"/>
    <s v="CFIA-CFIA - 0922"/>
    <s v="In Production"/>
    <s v="desktop"/>
    <x v="0"/>
    <x v="523"/>
  </r>
  <r>
    <x v="4"/>
    <x v="5"/>
    <x v="1644"/>
    <s v=""/>
    <s v=""/>
    <s v=""/>
    <x v="1"/>
    <s v="Autodesk"/>
    <x v="8"/>
    <s v=""/>
    <s v="Information Technology Services"/>
    <s v="CFIA-CFIA - 0923"/>
    <s v="In Production"/>
    <s v="desktop"/>
    <x v="0"/>
    <x v="523"/>
  </r>
  <r>
    <x v="4"/>
    <x v="5"/>
    <x v="1645"/>
    <s v=""/>
    <s v=""/>
    <s v=""/>
    <x v="1"/>
    <s v="Autodesk"/>
    <x v="8"/>
    <s v=""/>
    <s v="Information Technology Services"/>
    <s v="CFIA-CFIA - 0924"/>
    <s v="In Production"/>
    <s v="desktop"/>
    <x v="0"/>
    <x v="523"/>
  </r>
  <r>
    <x v="4"/>
    <x v="5"/>
    <x v="1646"/>
    <s v=""/>
    <s v=""/>
    <s v=""/>
    <x v="1"/>
    <s v="Autodesk"/>
    <x v="8"/>
    <s v=""/>
    <s v="Information Technology Services"/>
    <s v="CFIA-CFIA - 0925"/>
    <s v="In Production"/>
    <s v="desktop"/>
    <x v="0"/>
    <x v="523"/>
  </r>
  <r>
    <x v="4"/>
    <x v="5"/>
    <x v="1647"/>
    <s v=""/>
    <s v=""/>
    <s v=""/>
    <x v="1"/>
    <s v="Autodesk"/>
    <x v="8"/>
    <s v=""/>
    <s v="Information Technology Services"/>
    <s v="CFIA-CFIA - 0926"/>
    <s v="In Production"/>
    <s v="desktop"/>
    <x v="0"/>
    <x v="523"/>
  </r>
  <r>
    <x v="4"/>
    <x v="5"/>
    <x v="1648"/>
    <s v=""/>
    <s v=""/>
    <s v=""/>
    <x v="1"/>
    <s v="Autodesk"/>
    <x v="8"/>
    <s v=""/>
    <s v="Information Technology Services"/>
    <s v="CFIA-CFIA - 0927"/>
    <s v="In Production"/>
    <s v="desktop"/>
    <x v="0"/>
    <x v="523"/>
  </r>
  <r>
    <x v="4"/>
    <x v="5"/>
    <x v="1649"/>
    <s v=""/>
    <s v=""/>
    <s v=""/>
    <x v="1"/>
    <s v="Autodesk"/>
    <x v="8"/>
    <s v=""/>
    <s v="Information Technology Services"/>
    <s v="CFIA-CFIA - 0930"/>
    <s v="In Production"/>
    <s v="desktop"/>
    <x v="0"/>
    <x v="523"/>
  </r>
  <r>
    <x v="4"/>
    <x v="5"/>
    <x v="1650"/>
    <s v=""/>
    <s v=""/>
    <s v=""/>
    <x v="1"/>
    <s v="Autodesk"/>
    <x v="8"/>
    <s v=""/>
    <s v="Information Technology Services"/>
    <s v="CFIA-CFIA - 0931"/>
    <s v="In Production"/>
    <s v="desktop"/>
    <x v="0"/>
    <x v="523"/>
  </r>
  <r>
    <x v="4"/>
    <x v="5"/>
    <x v="1651"/>
    <s v=""/>
    <s v=""/>
    <s v=""/>
    <x v="1"/>
    <s v="Autodesk"/>
    <x v="8"/>
    <s v=""/>
    <s v="Information Technology Services"/>
    <s v="CFIA-CFIA - 0932"/>
    <s v="In Production"/>
    <s v="desktop"/>
    <x v="0"/>
    <x v="523"/>
  </r>
  <r>
    <x v="4"/>
    <x v="5"/>
    <x v="1652"/>
    <s v=""/>
    <s v=""/>
    <s v=""/>
    <x v="1"/>
    <s v="Autodesk"/>
    <x v="8"/>
    <s v=""/>
    <s v="Information Technology Services"/>
    <s v="CFIA-CFIA - 0934"/>
    <s v="In Production"/>
    <s v="desktop"/>
    <x v="0"/>
    <x v="523"/>
  </r>
  <r>
    <x v="4"/>
    <x v="5"/>
    <x v="1653"/>
    <s v=""/>
    <s v=""/>
    <s v=""/>
    <x v="1"/>
    <s v="Autodesk"/>
    <x v="8"/>
    <s v=""/>
    <s v="Information Technology Services"/>
    <s v="CFIA-CFIA - 0935"/>
    <s v="In Production"/>
    <s v="desktop"/>
    <x v="0"/>
    <x v="523"/>
  </r>
  <r>
    <x v="4"/>
    <x v="5"/>
    <x v="1654"/>
    <s v=""/>
    <s v=""/>
    <s v=""/>
    <x v="1"/>
    <s v="Autodesk"/>
    <x v="8"/>
    <s v=""/>
    <s v="Information Technology Services"/>
    <s v="CFIA-CFIA - 0938"/>
    <s v="In Production"/>
    <s v="desktop"/>
    <x v="0"/>
    <x v="523"/>
  </r>
  <r>
    <x v="4"/>
    <x v="5"/>
    <x v="1655"/>
    <s v=""/>
    <s v=""/>
    <s v=""/>
    <x v="1"/>
    <s v="Autodesk"/>
    <x v="8"/>
    <s v=""/>
    <s v="Information Technology Services"/>
    <s v="CFIA-CFIA - 0939"/>
    <s v="In Production"/>
    <s v="desktop"/>
    <x v="0"/>
    <x v="523"/>
  </r>
  <r>
    <x v="4"/>
    <x v="5"/>
    <x v="1656"/>
    <s v=""/>
    <s v=""/>
    <s v=""/>
    <x v="1"/>
    <s v="Adobe Systems Incorporated"/>
    <x v="8"/>
    <s v=""/>
    <s v="Information Technology Services"/>
    <s v="CFIA-CFIA - 0941"/>
    <s v="In Production"/>
    <s v="desktop"/>
    <x v="0"/>
    <x v="523"/>
  </r>
  <r>
    <x v="4"/>
    <x v="5"/>
    <x v="1657"/>
    <s v=""/>
    <s v=""/>
    <s v=""/>
    <x v="1"/>
    <s v="Adobe Systems Incorporated"/>
    <x v="8"/>
    <s v=""/>
    <s v="Information Technology Services"/>
    <s v="CFIA-CFIA - 0942"/>
    <s v="In Production"/>
    <s v="desktop"/>
    <x v="0"/>
    <x v="523"/>
  </r>
  <r>
    <x v="4"/>
    <x v="5"/>
    <x v="1658"/>
    <s v=""/>
    <s v=""/>
    <s v=""/>
    <x v="1"/>
    <s v="Adobe Systems Incorporated"/>
    <x v="8"/>
    <s v=""/>
    <s v="Information Technology Services"/>
    <s v="CFIA-CFIA - 0943"/>
    <s v="In Production"/>
    <s v="desktop"/>
    <x v="0"/>
    <x v="523"/>
  </r>
  <r>
    <x v="4"/>
    <x v="5"/>
    <x v="1659"/>
    <s v=""/>
    <s v=""/>
    <s v=""/>
    <x v="1"/>
    <s v="Adobe Systems Incorporated"/>
    <x v="8"/>
    <s v=""/>
    <s v="Information Technology Services"/>
    <s v="CFIA-CFIA - 0946"/>
    <s v="In Production"/>
    <s v="desktop"/>
    <x v="0"/>
    <x v="523"/>
  </r>
  <r>
    <x v="4"/>
    <x v="5"/>
    <x v="1660"/>
    <s v=""/>
    <s v=""/>
    <s v=""/>
    <x v="1"/>
    <s v="Adobe Systems Incorporated"/>
    <x v="8"/>
    <s v=""/>
    <s v="Information Technology Services"/>
    <s v="CFIA-CFIA - 0947"/>
    <s v="In Production"/>
    <s v="desktop"/>
    <x v="0"/>
    <x v="523"/>
  </r>
  <r>
    <x v="4"/>
    <x v="5"/>
    <x v="1661"/>
    <s v=""/>
    <s v=""/>
    <s v=""/>
    <x v="1"/>
    <s v="Adobe Systems Incorporated"/>
    <x v="8"/>
    <s v=""/>
    <s v="Information Technology Services"/>
    <s v="CFIA-CFIA - 0950"/>
    <s v="In Production"/>
    <s v="desktop"/>
    <x v="0"/>
    <x v="523"/>
  </r>
  <r>
    <x v="4"/>
    <x v="5"/>
    <x v="1662"/>
    <s v=""/>
    <s v=""/>
    <s v=""/>
    <x v="1"/>
    <s v="Adobe Systems Incorporated"/>
    <x v="8"/>
    <s v=""/>
    <s v="Information Technology Services"/>
    <s v="CFIA-CFIA - 0960"/>
    <s v="In Production"/>
    <s v="desktop"/>
    <x v="0"/>
    <x v="523"/>
  </r>
  <r>
    <x v="4"/>
    <x v="5"/>
    <x v="1663"/>
    <s v=""/>
    <s v=""/>
    <s v=""/>
    <x v="1"/>
    <s v="Adobe Systems Incorporated"/>
    <x v="8"/>
    <s v=""/>
    <s v="Information Technology Services"/>
    <s v="CFIA-CFIA - 0962"/>
    <s v="In Production"/>
    <s v="desktop"/>
    <x v="0"/>
    <x v="523"/>
  </r>
  <r>
    <x v="4"/>
    <x v="5"/>
    <x v="1664"/>
    <s v=""/>
    <s v=""/>
    <s v=""/>
    <x v="1"/>
    <s v="Microsoft Corporation"/>
    <x v="8"/>
    <s v=""/>
    <s v="Information Technology Services"/>
    <s v="CFIA-CFIA - 0963"/>
    <s v="In Production"/>
    <s v="desktop"/>
    <x v="0"/>
    <x v="523"/>
  </r>
  <r>
    <x v="4"/>
    <x v="5"/>
    <x v="1665"/>
    <s v=""/>
    <s v=""/>
    <s v=""/>
    <x v="1"/>
    <s v="IBM Corporation"/>
    <x v="8"/>
    <s v=""/>
    <s v="Information Technology Services"/>
    <s v="CFIA-CFIA - 0964"/>
    <s v="In Production"/>
    <s v="desktop"/>
    <x v="0"/>
    <x v="523"/>
  </r>
  <r>
    <x v="4"/>
    <x v="5"/>
    <x v="1666"/>
    <s v=""/>
    <s v=""/>
    <s v=""/>
    <x v="1"/>
    <s v="IBM Corporation"/>
    <x v="8"/>
    <s v=""/>
    <s v="Information Technology Services"/>
    <s v="CFIA-CFIA - 0965"/>
    <s v="In Production"/>
    <s v="desktop"/>
    <x v="0"/>
    <x v="523"/>
  </r>
  <r>
    <x v="4"/>
    <x v="5"/>
    <x v="1667"/>
    <s v=""/>
    <s v=""/>
    <s v=""/>
    <x v="1"/>
    <s v="IBM Corporation"/>
    <x v="8"/>
    <s v=""/>
    <s v="Information Technology Services"/>
    <s v="CFIA-CFIA - 0966"/>
    <s v="In Production"/>
    <s v="desktop"/>
    <x v="0"/>
    <x v="523"/>
  </r>
  <r>
    <x v="4"/>
    <x v="5"/>
    <x v="1668"/>
    <s v=""/>
    <s v=""/>
    <s v=""/>
    <x v="1"/>
    <s v="IBM Corporation"/>
    <x v="8"/>
    <s v=""/>
    <s v="Information Technology Services"/>
    <s v="CFIA-CFIA - 0967"/>
    <s v="In Production"/>
    <s v="desktop"/>
    <x v="0"/>
    <x v="523"/>
  </r>
  <r>
    <x v="4"/>
    <x v="5"/>
    <x v="1669"/>
    <s v=""/>
    <s v=""/>
    <s v=""/>
    <x v="1"/>
    <s v="IBM Corporation"/>
    <x v="8"/>
    <s v=""/>
    <s v="Information Technology Services"/>
    <s v="CFIA-CFIA - 0969"/>
    <s v="In Production"/>
    <s v="desktop"/>
    <x v="0"/>
    <x v="523"/>
  </r>
  <r>
    <x v="4"/>
    <x v="5"/>
    <x v="1670"/>
    <s v=""/>
    <s v=""/>
    <s v=""/>
    <x v="1"/>
    <s v="IBM Corporation"/>
    <x v="8"/>
    <s v=""/>
    <s v="Information Technology Services"/>
    <s v="CFIA-CFIA - 0972"/>
    <s v="In Production"/>
    <s v="desktop"/>
    <x v="0"/>
    <x v="523"/>
  </r>
  <r>
    <x v="4"/>
    <x v="5"/>
    <x v="1671"/>
    <s v=""/>
    <s v=""/>
    <s v=""/>
    <x v="1"/>
    <s v="IBM Corporation"/>
    <x v="8"/>
    <s v=""/>
    <s v="Information Technology Services"/>
    <s v="CFIA-CFIA - 0978"/>
    <s v="In Production"/>
    <s v="desktop"/>
    <x v="0"/>
    <x v="523"/>
  </r>
  <r>
    <x v="4"/>
    <x v="5"/>
    <x v="1672"/>
    <s v=""/>
    <s v=""/>
    <s v=""/>
    <x v="1"/>
    <s v="IBM Corporation"/>
    <x v="8"/>
    <s v=""/>
    <s v="Information Technology Services"/>
    <s v="CFIA-CFIA - 0979"/>
    <s v="In Production"/>
    <s v="desktop"/>
    <x v="0"/>
    <x v="523"/>
  </r>
  <r>
    <x v="4"/>
    <x v="5"/>
    <x v="1673"/>
    <s v=""/>
    <s v=""/>
    <s v=""/>
    <x v="1"/>
    <s v="Microsoft Corporation"/>
    <x v="8"/>
    <s v=""/>
    <s v="Information Technology Services"/>
    <s v="CFIA-CFIA - 0982"/>
    <s v="In Production"/>
    <s v="desktop"/>
    <x v="0"/>
    <x v="145"/>
  </r>
  <r>
    <x v="4"/>
    <x v="5"/>
    <x v="1674"/>
    <s v=""/>
    <s v=""/>
    <s v=""/>
    <x v="1"/>
    <s v="Microsoft Corporation"/>
    <x v="8"/>
    <s v=""/>
    <s v="Information Technology Services"/>
    <s v="CFIA-CFIA - 0983"/>
    <s v="In Production"/>
    <s v="desktop"/>
    <x v="0"/>
    <x v="145"/>
  </r>
  <r>
    <x v="4"/>
    <x v="5"/>
    <x v="1675"/>
    <s v=""/>
    <s v=""/>
    <s v=""/>
    <x v="1"/>
    <s v="Microsoft Corporation"/>
    <x v="8"/>
    <s v=""/>
    <s v="Information Technology Services"/>
    <s v="CFIA-CFIA - 0984"/>
    <s v="In Production"/>
    <s v="desktop"/>
    <x v="0"/>
    <x v="145"/>
  </r>
  <r>
    <x v="4"/>
    <x v="5"/>
    <x v="1676"/>
    <s v=""/>
    <s v=""/>
    <s v=""/>
    <x v="1"/>
    <s v="Microsoft Corporation"/>
    <x v="8"/>
    <s v=""/>
    <s v="Information Technology Services"/>
    <s v="CFIA-CFIA - 0986"/>
    <s v="In Production"/>
    <s v="desktop"/>
    <x v="0"/>
    <x v="145"/>
  </r>
  <r>
    <x v="4"/>
    <x v="5"/>
    <x v="1677"/>
    <s v=""/>
    <s v=""/>
    <s v=""/>
    <x v="1"/>
    <s v="Microsoft Corporation"/>
    <x v="8"/>
    <s v=""/>
    <s v="Information Technology Services"/>
    <s v="CFIA-CFIA - 0988"/>
    <s v="In Production"/>
    <s v="desktop"/>
    <x v="0"/>
    <x v="145"/>
  </r>
  <r>
    <x v="4"/>
    <x v="5"/>
    <x v="1678"/>
    <s v=""/>
    <s v=""/>
    <s v=""/>
    <x v="1"/>
    <s v="Microsoft Corporation"/>
    <x v="8"/>
    <s v=""/>
    <s v="Information Technology Services"/>
    <s v="CFIA-CFIA - 0989"/>
    <s v="In Production"/>
    <s v="desktop"/>
    <x v="0"/>
    <x v="145"/>
  </r>
  <r>
    <x v="4"/>
    <x v="5"/>
    <x v="1679"/>
    <s v=""/>
    <s v=""/>
    <s v=""/>
    <x v="1"/>
    <s v="Microsoft Corporation"/>
    <x v="8"/>
    <s v=""/>
    <s v="Information Technology Services"/>
    <s v="CFIA-CFIA - 0990"/>
    <s v="In Production"/>
    <s v="desktop"/>
    <x v="0"/>
    <x v="145"/>
  </r>
  <r>
    <x v="4"/>
    <x v="5"/>
    <x v="1680"/>
    <s v=""/>
    <s v=""/>
    <s v=""/>
    <x v="1"/>
    <s v="Microsoft Corporation"/>
    <x v="8"/>
    <s v=""/>
    <s v="Information Technology Services"/>
    <s v="CFIA-CFIA - 0991"/>
    <s v="In Production"/>
    <s v="desktop"/>
    <x v="0"/>
    <x v="145"/>
  </r>
  <r>
    <x v="4"/>
    <x v="5"/>
    <x v="1681"/>
    <s v=""/>
    <s v=""/>
    <s v=""/>
    <x v="1"/>
    <s v="Microsoft Corporation"/>
    <x v="8"/>
    <s v=""/>
    <s v="Information Technology Services"/>
    <s v="CFIA-CFIA - 0993"/>
    <s v="In Production"/>
    <s v="desktop"/>
    <x v="0"/>
    <x v="145"/>
  </r>
  <r>
    <x v="4"/>
    <x v="5"/>
    <x v="1682"/>
    <s v=""/>
    <s v=""/>
    <s v=""/>
    <x v="1"/>
    <s v="Microsoft Corporation"/>
    <x v="8"/>
    <s v=""/>
    <s v="Information Technology Services"/>
    <s v="CFIA-CFIA - 0995"/>
    <s v="In Production"/>
    <s v="desktop"/>
    <x v="0"/>
    <x v="145"/>
  </r>
  <r>
    <x v="4"/>
    <x v="5"/>
    <x v="1683"/>
    <s v=""/>
    <s v=""/>
    <s v=""/>
    <x v="1"/>
    <s v="Microsoft Corporation"/>
    <x v="8"/>
    <s v=""/>
    <s v="Information Technology Services"/>
    <s v="CFIA-CFIA - 1000"/>
    <s v="In Production"/>
    <s v="desktop"/>
    <x v="0"/>
    <x v="145"/>
  </r>
  <r>
    <x v="4"/>
    <x v="5"/>
    <x v="1684"/>
    <s v=""/>
    <s v=""/>
    <s v=""/>
    <x v="1"/>
    <s v="Microsoft Corporation"/>
    <x v="8"/>
    <s v=""/>
    <s v="Information Technology Services"/>
    <s v="CFIA-CFIA - 1001"/>
    <s v="In Production"/>
    <s v="desktop"/>
    <x v="0"/>
    <x v="145"/>
  </r>
  <r>
    <x v="4"/>
    <x v="5"/>
    <x v="1685"/>
    <s v=""/>
    <s v=""/>
    <s v=""/>
    <x v="1"/>
    <s v="Microsoft Corporation"/>
    <x v="8"/>
    <s v=""/>
    <s v="Information Technology Services"/>
    <s v="CFIA-CFIA - 1002"/>
    <s v="In Production"/>
    <s v="desktop"/>
    <x v="0"/>
    <x v="145"/>
  </r>
  <r>
    <x v="4"/>
    <x v="5"/>
    <x v="1686"/>
    <s v=""/>
    <s v=""/>
    <s v=""/>
    <x v="1"/>
    <s v="Microsoft Corporation"/>
    <x v="8"/>
    <s v=""/>
    <s v="Information Technology Services"/>
    <s v="CFIA-CFIA - 1005"/>
    <s v="In Production"/>
    <s v="desktop"/>
    <x v="0"/>
    <x v="145"/>
  </r>
  <r>
    <x v="4"/>
    <x v="5"/>
    <x v="1687"/>
    <s v=""/>
    <s v=""/>
    <s v=""/>
    <x v="1"/>
    <s v="Microsoft Corporation"/>
    <x v="8"/>
    <s v=""/>
    <s v="Information Technology Services"/>
    <s v="CFIA-CFIA - 1006"/>
    <s v="In Production"/>
    <s v="desktop"/>
    <x v="0"/>
    <x v="145"/>
  </r>
  <r>
    <x v="4"/>
    <x v="5"/>
    <x v="1688"/>
    <s v=""/>
    <s v=""/>
    <s v=""/>
    <x v="1"/>
    <s v="Microsoft Corporation"/>
    <x v="8"/>
    <s v=""/>
    <s v="Information Technology Services"/>
    <s v="CFIA-CFIA - 1007"/>
    <s v="In Production"/>
    <s v="desktop"/>
    <x v="0"/>
    <x v="145"/>
  </r>
  <r>
    <x v="4"/>
    <x v="5"/>
    <x v="1689"/>
    <s v=""/>
    <s v=""/>
    <s v=""/>
    <x v="1"/>
    <s v="Microsoft Corporation"/>
    <x v="8"/>
    <s v=""/>
    <s v="Information Technology Services"/>
    <s v="CFIA-CFIA - 1008"/>
    <s v="In Production"/>
    <s v="desktop"/>
    <x v="0"/>
    <x v="145"/>
  </r>
  <r>
    <x v="4"/>
    <x v="5"/>
    <x v="1690"/>
    <s v=""/>
    <s v=""/>
    <s v=""/>
    <x v="1"/>
    <s v="Microsoft Corporation"/>
    <x v="8"/>
    <s v=""/>
    <s v="Information Technology Services"/>
    <s v="CFIA-CFIA - 1009"/>
    <s v="In Production"/>
    <s v="desktop"/>
    <x v="0"/>
    <x v="145"/>
  </r>
  <r>
    <x v="4"/>
    <x v="5"/>
    <x v="1691"/>
    <s v=""/>
    <s v=""/>
    <s v=""/>
    <x v="1"/>
    <s v="Microsoft Corporation"/>
    <x v="8"/>
    <s v=""/>
    <s v="Information Technology Services"/>
    <s v="CFIA-CFIA - 1018"/>
    <s v="In Production"/>
    <s v="desktop"/>
    <x v="0"/>
    <x v="535"/>
  </r>
  <r>
    <x v="4"/>
    <x v="5"/>
    <x v="1692"/>
    <s v=""/>
    <s v=""/>
    <s v=""/>
    <x v="1"/>
    <s v="Oracle Canada ULC"/>
    <x v="8"/>
    <s v=""/>
    <s v="Information Technology Services"/>
    <s v="CFIA-CFIA - 1024"/>
    <s v="In Production"/>
    <s v="desktop"/>
    <x v="0"/>
    <x v="523"/>
  </r>
  <r>
    <x v="4"/>
    <x v="5"/>
    <x v="1693"/>
    <s v=""/>
    <s v=""/>
    <s v=""/>
    <x v="1"/>
    <s v="Oracle Canada ULC"/>
    <x v="8"/>
    <s v=""/>
    <s v="Information Technology Services"/>
    <s v="CFIA-CFIA - 1028"/>
    <s v="In Production"/>
    <s v="desktop"/>
    <x v="0"/>
    <x v="98"/>
  </r>
  <r>
    <x v="4"/>
    <x v="5"/>
    <x v="1694"/>
    <s v=""/>
    <s v=""/>
    <s v=""/>
    <x v="1"/>
    <s v="Quest Software"/>
    <x v="8"/>
    <s v=""/>
    <s v="Information Technology Services"/>
    <s v="CFIA-CFIA - 1036"/>
    <s v="In Production"/>
    <s v="desktop"/>
    <x v="0"/>
    <x v="98"/>
  </r>
  <r>
    <x v="4"/>
    <x v="5"/>
    <x v="1695"/>
    <s v=""/>
    <s v=""/>
    <s v=""/>
    <x v="1"/>
    <s v="Quest Software"/>
    <x v="8"/>
    <s v=""/>
    <s v="Information Technology Services"/>
    <s v="CFIA-CFIA - 1037"/>
    <s v="In Production"/>
    <s v="desktop"/>
    <x v="0"/>
    <x v="98"/>
  </r>
  <r>
    <x v="4"/>
    <x v="5"/>
    <x v="1696"/>
    <s v=""/>
    <s v=""/>
    <s v=""/>
    <x v="1"/>
    <s v="Quest Software"/>
    <x v="8"/>
    <s v=""/>
    <s v="Information Technology Services"/>
    <s v="CFIA-CFIA - 1038"/>
    <s v="In Production"/>
    <s v="desktop"/>
    <x v="0"/>
    <x v="98"/>
  </r>
  <r>
    <x v="4"/>
    <x v="5"/>
    <x v="1697"/>
    <s v=""/>
    <s v=""/>
    <s v=""/>
    <x v="1"/>
    <s v="Dell Inc"/>
    <x v="8"/>
    <s v=""/>
    <s v="Information Technology Services"/>
    <s v="CFIA-CFIA - 1039"/>
    <s v="In Production"/>
    <s v="desktop"/>
    <x v="0"/>
    <x v="98"/>
  </r>
  <r>
    <x v="4"/>
    <x v="5"/>
    <x v="1698"/>
    <s v=""/>
    <s v=""/>
    <s v=""/>
    <x v="1"/>
    <s v="Dell Inc"/>
    <x v="8"/>
    <s v=""/>
    <s v="Information Technology Services"/>
    <s v="CFIA-CFIA - 1040"/>
    <s v="In Production"/>
    <s v="desktop"/>
    <x v="0"/>
    <x v="98"/>
  </r>
  <r>
    <x v="4"/>
    <x v="5"/>
    <x v="1699"/>
    <s v=""/>
    <s v=""/>
    <s v=""/>
    <x v="1"/>
    <s v="JetBrains Inc"/>
    <x v="8"/>
    <s v=""/>
    <s v="Information Technology Services"/>
    <s v="CFIA-CFIA - 1042"/>
    <s v="In Production"/>
    <s v="desktop"/>
    <x v="0"/>
    <x v="523"/>
  </r>
  <r>
    <x v="4"/>
    <x v="5"/>
    <x v="1700"/>
    <s v=""/>
    <s v=""/>
    <s v=""/>
    <x v="1"/>
    <s v="Microsoft Corporation"/>
    <x v="8"/>
    <s v=""/>
    <s v="Information Technology Services"/>
    <s v="CFIA-CFIA - 1046"/>
    <s v="In Production"/>
    <s v="desktop"/>
    <x v="0"/>
    <x v="523"/>
  </r>
  <r>
    <x v="4"/>
    <x v="5"/>
    <x v="1701"/>
    <s v=""/>
    <s v=""/>
    <s v=""/>
    <x v="1"/>
    <s v="Microsoft Corporation"/>
    <x v="8"/>
    <s v=""/>
    <s v="Information Technology Services"/>
    <s v="CFIA-CFIA - 1047"/>
    <s v="In Production"/>
    <s v="desktop"/>
    <x v="0"/>
    <x v="145"/>
  </r>
  <r>
    <x v="4"/>
    <x v="5"/>
    <x v="1702"/>
    <s v=""/>
    <s v=""/>
    <s v=""/>
    <x v="1"/>
    <s v="Microsoft Corporation"/>
    <x v="8"/>
    <s v=""/>
    <s v="Information Technology Services"/>
    <s v="CFIA-CFIA - 1049"/>
    <s v="In Production"/>
    <s v="desktop"/>
    <x v="0"/>
    <x v="145"/>
  </r>
  <r>
    <x v="4"/>
    <x v="5"/>
    <x v="1703"/>
    <s v=""/>
    <s v=""/>
    <s v=""/>
    <x v="1"/>
    <s v="Oracle Canada ULC"/>
    <x v="8"/>
    <s v=""/>
    <s v="Information Technology Services"/>
    <s v="CFIA-CFIA - 1050"/>
    <s v="In Production"/>
    <s v="desktop"/>
    <x v="0"/>
    <x v="145"/>
  </r>
  <r>
    <x v="4"/>
    <x v="5"/>
    <x v="1704"/>
    <s v=""/>
    <s v=""/>
    <s v=""/>
    <x v="1"/>
    <s v="SmartBear Software"/>
    <x v="8"/>
    <s v=""/>
    <s v="Information Technology Services"/>
    <s v="CFIA-CFIA - 1051"/>
    <s v="In Production"/>
    <s v="desktop"/>
    <x v="0"/>
    <x v="98"/>
  </r>
  <r>
    <x v="4"/>
    <x v="5"/>
    <x v="1705"/>
    <s v=""/>
    <s v=""/>
    <s v=""/>
    <x v="1"/>
    <s v="Dell Inc"/>
    <x v="8"/>
    <s v=""/>
    <s v="Information Technology Services"/>
    <s v="CFIA-CFIA - 1052"/>
    <s v="In Production"/>
    <s v="desktop"/>
    <x v="0"/>
    <x v="523"/>
  </r>
  <r>
    <x v="4"/>
    <x v="5"/>
    <x v="1706"/>
    <s v=""/>
    <s v=""/>
    <s v=""/>
    <x v="1"/>
    <s v="Dell Inc"/>
    <x v="8"/>
    <s v=""/>
    <s v="Information Technology Services"/>
    <s v="CFIA-CFIA - 1053"/>
    <s v="In Production"/>
    <s v="desktop"/>
    <x v="0"/>
    <x v="98"/>
  </r>
  <r>
    <x v="4"/>
    <x v="5"/>
    <x v="1707"/>
    <s v=""/>
    <s v=""/>
    <s v=""/>
    <x v="1"/>
    <s v="Adobe Systems Incorporated"/>
    <x v="8"/>
    <s v=""/>
    <s v="Information Technology Services"/>
    <s v="CFIA-CFIA - 1054"/>
    <s v="In Production"/>
    <s v="desktop"/>
    <x v="0"/>
    <x v="98"/>
  </r>
  <r>
    <x v="4"/>
    <x v="5"/>
    <x v="1708"/>
    <s v=""/>
    <s v=""/>
    <s v=""/>
    <x v="1"/>
    <s v="Adobe Systems Incorporated"/>
    <x v="8"/>
    <s v=""/>
    <s v="Information Technology Services"/>
    <s v="CFIA-CFIA - 1055"/>
    <s v="In Production"/>
    <s v="desktop"/>
    <x v="0"/>
    <x v="523"/>
  </r>
  <r>
    <x v="4"/>
    <x v="5"/>
    <x v="1709"/>
    <s v=""/>
    <s v=""/>
    <s v=""/>
    <x v="1"/>
    <s v="Adobe Systems Incorporated"/>
    <x v="8"/>
    <s v=""/>
    <s v="Information Technology Services"/>
    <s v="CFIA-CFIA - 1057"/>
    <s v="In Production"/>
    <s v="desktop"/>
    <x v="0"/>
    <x v="523"/>
  </r>
  <r>
    <x v="4"/>
    <x v="5"/>
    <x v="1710"/>
    <s v=""/>
    <s v=""/>
    <s v=""/>
    <x v="1"/>
    <s v="Adobe Systems Incorporated"/>
    <x v="8"/>
    <s v=""/>
    <s v="Information Technology Services"/>
    <s v="CFIA-CFIA - 1058"/>
    <s v="In Production"/>
    <s v="desktop"/>
    <x v="0"/>
    <x v="523"/>
  </r>
  <r>
    <x v="4"/>
    <x v="5"/>
    <x v="1711"/>
    <s v=""/>
    <s v=""/>
    <s v=""/>
    <x v="1"/>
    <s v="Adobe Systems Incorporated"/>
    <x v="8"/>
    <s v=""/>
    <s v="Information Technology Services"/>
    <s v="CFIA-CFIA - 1059"/>
    <s v="In Production"/>
    <s v="desktop"/>
    <x v="0"/>
    <x v="523"/>
  </r>
  <r>
    <x v="4"/>
    <x v="5"/>
    <x v="1712"/>
    <s v=""/>
    <s v=""/>
    <s v=""/>
    <x v="1"/>
    <s v="Adobe Systems Incorporated"/>
    <x v="8"/>
    <s v=""/>
    <s v="Information Technology Services"/>
    <s v="CFIA-CFIA - 1060"/>
    <s v="In Production"/>
    <s v="desktop"/>
    <x v="0"/>
    <x v="523"/>
  </r>
  <r>
    <x v="4"/>
    <x v="5"/>
    <x v="1713"/>
    <s v=""/>
    <s v=""/>
    <s v=""/>
    <x v="1"/>
    <s v="Adobe Systems Incorporated"/>
    <x v="8"/>
    <s v=""/>
    <s v="Information Technology Services"/>
    <s v="CFIA-CFIA - 1068"/>
    <s v="In Production"/>
    <s v="desktop"/>
    <x v="0"/>
    <x v="534"/>
  </r>
  <r>
    <x v="4"/>
    <x v="5"/>
    <x v="1714"/>
    <s v=""/>
    <s v=""/>
    <s v=""/>
    <x v="1"/>
    <s v="Adobe Systems Incorporated"/>
    <x v="8"/>
    <s v=""/>
    <s v="Information Technology Services"/>
    <s v="CFIA-CFIA - 1069"/>
    <s v="In Production"/>
    <s v="desktop"/>
    <x v="0"/>
    <x v="523"/>
  </r>
  <r>
    <x v="4"/>
    <x v="5"/>
    <x v="1715"/>
    <s v=""/>
    <s v=""/>
    <s v=""/>
    <x v="1"/>
    <s v="Adobe Systems Incorporated"/>
    <x v="8"/>
    <s v=""/>
    <s v="Information Technology Services"/>
    <s v="CFIA-CFIA - 1070"/>
    <s v="In Production"/>
    <s v="desktop"/>
    <x v="0"/>
    <x v="523"/>
  </r>
  <r>
    <x v="4"/>
    <x v="5"/>
    <x v="1716"/>
    <s v=""/>
    <s v=""/>
    <s v=""/>
    <x v="1"/>
    <s v="Adobe Systems Incorporated"/>
    <x v="8"/>
    <s v=""/>
    <s v="Information Technology Services"/>
    <s v="CFIA-CFIA - 1071"/>
    <s v="In Production"/>
    <s v="desktop"/>
    <x v="0"/>
    <x v="523"/>
  </r>
  <r>
    <x v="4"/>
    <x v="5"/>
    <x v="1717"/>
    <s v=""/>
    <s v=""/>
    <s v=""/>
    <x v="1"/>
    <s v="Jasc Software Inc"/>
    <x v="8"/>
    <s v=""/>
    <s v="Information Technology Services"/>
    <s v="CFIA-CFIA - 1072"/>
    <s v="In Production"/>
    <s v="desktop"/>
    <x v="0"/>
    <x v="523"/>
  </r>
  <r>
    <x v="4"/>
    <x v="5"/>
    <x v="1718"/>
    <s v=""/>
    <s v=""/>
    <s v=""/>
    <x v="1"/>
    <s v="Thomson Reuters"/>
    <x v="8"/>
    <s v=""/>
    <s v="Information Technology Services"/>
    <s v="CFIA-CFIA - 1076"/>
    <s v="In Production"/>
    <s v="desktop"/>
    <x v="0"/>
    <x v="523"/>
  </r>
  <r>
    <x v="4"/>
    <x v="5"/>
    <x v="1719"/>
    <s v=""/>
    <s v=""/>
    <s v=""/>
    <x v="1"/>
    <s v="Thomson Reuters"/>
    <x v="8"/>
    <s v=""/>
    <s v="Information Technology Services"/>
    <s v="CFIA-CFIA - 1077"/>
    <s v="In Production"/>
    <s v="desktop"/>
    <x v="0"/>
    <x v="523"/>
  </r>
  <r>
    <x v="4"/>
    <x v="5"/>
    <x v="1720"/>
    <s v=""/>
    <s v=""/>
    <s v=""/>
    <x v="1"/>
    <s v="Thomson Reuters"/>
    <x v="8"/>
    <s v=""/>
    <s v="Information Technology Services"/>
    <s v="CFIA-CFIA - 1078"/>
    <s v="In Production"/>
    <s v="desktop"/>
    <x v="0"/>
    <x v="523"/>
  </r>
  <r>
    <x v="4"/>
    <x v="5"/>
    <x v="1721"/>
    <s v=""/>
    <s v=""/>
    <s v=""/>
    <x v="1"/>
    <s v="Thomson Reuters"/>
    <x v="8"/>
    <s v=""/>
    <s v="Information Technology Services"/>
    <s v="CFIA-CFIA - 1079"/>
    <s v="In Production"/>
    <s v="desktop"/>
    <x v="0"/>
    <x v="523"/>
  </r>
  <r>
    <x v="4"/>
    <x v="5"/>
    <x v="1722"/>
    <s v=""/>
    <s v=""/>
    <s v=""/>
    <x v="1"/>
    <s v="Topaz Systems, Inc."/>
    <x v="8"/>
    <s v=""/>
    <s v="Information Technology Services"/>
    <s v="CFIA-CFIA - 1080"/>
    <s v="In Production"/>
    <s v="desktop"/>
    <x v="0"/>
    <x v="523"/>
  </r>
  <r>
    <x v="4"/>
    <x v="5"/>
    <x v="1723"/>
    <s v=""/>
    <s v=""/>
    <s v=""/>
    <x v="1"/>
    <s v="BreezeTree"/>
    <x v="8"/>
    <s v=""/>
    <s v="Information Technology Services"/>
    <s v="CFIA-CFIA - 1081"/>
    <s v="In Production"/>
    <s v="desktop"/>
    <x v="0"/>
    <x v="523"/>
  </r>
  <r>
    <x v="4"/>
    <x v="5"/>
    <x v="1724"/>
    <s v=""/>
    <s v=""/>
    <s v=""/>
    <x v="1"/>
    <s v="CaseWare IDEA Inc"/>
    <x v="8"/>
    <s v=""/>
    <s v="Information Technology Services"/>
    <s v="CFIA-CFIA - 1082"/>
    <s v="In Production"/>
    <s v="desktop"/>
    <x v="0"/>
    <x v="523"/>
  </r>
  <r>
    <x v="4"/>
    <x v="5"/>
    <x v="1725"/>
    <s v=""/>
    <s v=""/>
    <s v=""/>
    <x v="1"/>
    <s v="CaseWare IDEA Inc"/>
    <x v="8"/>
    <s v=""/>
    <s v="Information Technology Services"/>
    <s v="CFIA-CFIA - 1083"/>
    <s v="In Production"/>
    <s v="desktop"/>
    <x v="0"/>
    <x v="523"/>
  </r>
  <r>
    <x v="4"/>
    <x v="5"/>
    <x v="1726"/>
    <s v=""/>
    <s v=""/>
    <s v=""/>
    <x v="1"/>
    <s v="CaseWare IDEA Inc"/>
    <x v="8"/>
    <s v=""/>
    <s v="Information Technology Services"/>
    <s v="CFIA-CFIA - 1085"/>
    <s v="In Production"/>
    <s v="desktop"/>
    <x v="0"/>
    <x v="523"/>
  </r>
  <r>
    <x v="4"/>
    <x v="5"/>
    <x v="1727"/>
    <s v="amps"/>
    <s v="Used for tracking and reporting for the AMPS.  This database is used and managed solely by the National Accounts Receivable Service Centre."/>
    <s v=""/>
    <x v="1"/>
    <s v=""/>
    <x v="8"/>
    <s v=""/>
    <s v="Information Technology Services"/>
    <s v="CFIA-CFIA - 1091"/>
    <s v="In Production"/>
    <s v="desktop"/>
    <x v="0"/>
    <x v="523"/>
  </r>
  <r>
    <x v="4"/>
    <x v="5"/>
    <x v="1728"/>
    <s v=""/>
    <s v="Microsoft Access database used by data entry staff to process, store, and report on information related to compliance verifications at locations with animal movement (e.g. Federal and Provincial slaughter facilities, aucition markets, points of entry, etc"/>
    <s v=""/>
    <x v="1"/>
    <s v=""/>
    <x v="8"/>
    <s v=""/>
    <s v="Information Technology Services"/>
    <s v="CFIA-CFIA - 1092"/>
    <s v="In Production"/>
    <s v="desktop"/>
    <x v="0"/>
    <x v="523"/>
  </r>
  <r>
    <x v="4"/>
    <x v="5"/>
    <x v="1729"/>
    <s v="aid"/>
    <s v="Microsoft Access database used by data entry staff to process, store, and report on related to compliance verifications related to animal idenfication, traceability, and movement."/>
    <s v=""/>
    <x v="1"/>
    <s v=""/>
    <x v="8"/>
    <s v=""/>
    <s v="Information Technology Services"/>
    <s v="CFIA-CFIA - 1093"/>
    <s v="In Production"/>
    <s v="desktop"/>
    <x v="0"/>
    <x v="523"/>
  </r>
  <r>
    <x v="4"/>
    <x v="5"/>
    <x v="1730"/>
    <s v="appsr"/>
    <s v="&lt;div&gt;The objectives of the Plant Protection program within the Canadian Food Inspection Agency (CFIA) are to prevent the introduction and spread within Canada of plant pests of quarantine significance, to detect and control or eradicate designated plant pests in Canada, and to certify plants and plant products for domestic and export trade.&lt;/div&gt;  &lt;div&gt;&amp;nbsp;&lt;/div&gt;  &lt;div&gt;Surveys support the Plant Protection Program in a number of ways. They help to detect new populations of quarantine pests or potential quarantine pests being considered for regulation. Delimitation surveys are also conducted to determine the range of pest populations with limited distributions in Canada (ISPM No.08). &lt;/div&gt;"/>
    <s v=""/>
    <x v="1"/>
    <s v=""/>
    <x v="8"/>
    <s v=""/>
    <s v="Information Technology Services"/>
    <s v="CFIA-CFIA - 1094"/>
    <s v="In Production"/>
    <s v="desktop"/>
    <x v="0"/>
    <x v="523"/>
  </r>
  <r>
    <x v="4"/>
    <x v="5"/>
    <x v="1731"/>
    <s v="aibes"/>
    <s v="The Enterprise Service Bus (ESB) serves as a centralized integration point for reusable enterprise services"/>
    <s v=""/>
    <x v="1"/>
    <s v=""/>
    <x v="8"/>
    <s v=""/>
    <s v="Information Technology Services"/>
    <s v="CFIA-CFIA - 1095"/>
    <s v="In Production"/>
    <s v="desktop"/>
    <x v="0"/>
    <x v="523"/>
  </r>
  <r>
    <x v="4"/>
    <x v="5"/>
    <x v="1732"/>
    <s v="asc"/>
    <s v="audit checklist for internal inspectors auditing LSCIs"/>
    <s v=""/>
    <x v="1"/>
    <s v=""/>
    <x v="8"/>
    <s v=""/>
    <s v="Information Technology Services"/>
    <s v="CFIA-CFIA - 1096"/>
    <s v="In Production"/>
    <s v="desktop"/>
    <x v="0"/>
    <x v="523"/>
  </r>
  <r>
    <x v="4"/>
    <x v="5"/>
    <x v="1733"/>
    <s v="asd"/>
    <s v="List of applications received for alternate service crop inspectors and licensed afterwards"/>
    <s v=""/>
    <x v="1"/>
    <s v=""/>
    <x v="8"/>
    <s v=""/>
    <s v="Information Technology Services"/>
    <s v="CFIA-CFIA - 1097"/>
    <s v="In Production"/>
    <s v="desktop"/>
    <x v="0"/>
    <x v="523"/>
  </r>
  <r>
    <x v="4"/>
    <x v="5"/>
    <x v="1734"/>
    <s v="agm"/>
    <s v="&lt;div&gt;The Database tracks ocean-going vessels arriving in Canada, records vessel information, and is used to target vessels for inspection. It records inspection results which are used for work planning and negotiations with countries regulated for Asian Gypsy moth.&lt;/div&gt;"/>
    <s v=""/>
    <x v="1"/>
    <s v=""/>
    <x v="8"/>
    <s v=""/>
    <s v="Information Technology Services"/>
    <s v="CFIA-CFIA - 1098"/>
    <s v="In Production"/>
    <s v="desktop"/>
    <x v="0"/>
    <x v="523"/>
  </r>
  <r>
    <x v="4"/>
    <x v="5"/>
    <x v="1735"/>
    <s v="adl"/>
    <s v="Provides details about sites and sub-sites assessments, and configuration for devices for current and future print devices."/>
    <s v=""/>
    <x v="1"/>
    <s v=""/>
    <x v="8"/>
    <s v=""/>
    <s v="Information Technology Services"/>
    <s v="CFIA-CFIA - 1099"/>
    <s v="In Production"/>
    <s v="desktop"/>
    <x v="0"/>
    <x v="523"/>
  </r>
  <r>
    <x v="4"/>
    <x v="5"/>
    <x v="1736"/>
    <s v="bcps"/>
    <s v="Provides details on air time, the costs by users and other essential details."/>
    <s v=""/>
    <x v="1"/>
    <s v=""/>
    <x v="8"/>
    <s v=""/>
    <s v="Information Technology Services"/>
    <s v="CFIA-CFIA - 1100"/>
    <s v="In Production"/>
    <s v="desktop"/>
    <x v="0"/>
    <x v="523"/>
  </r>
  <r>
    <x v="4"/>
    <x v="5"/>
    <x v="1737"/>
    <s v="blmr"/>
    <s v="&lt;div&gt;CFIA Border Lookout is a national system used to control products at the border by the Canada Border Services Agency (CBSA). &amp;nbsp;This system includes a mechanism to inform the CFIA of the arrival of these products in Canada. Through the implementation of a lookout or target, the CBSA and the CFIA operate in partnership at a national level to control movement of food, plant, and animal products at Canadian ports of entry.&lt;/div&gt;"/>
    <s v=""/>
    <x v="1"/>
    <s v=""/>
    <x v="8"/>
    <s v=""/>
    <s v="Information Technology Services"/>
    <s v="CFIA-CFIA - 1101"/>
    <s v="In Production"/>
    <s v="desktop"/>
    <x v="0"/>
    <x v="523"/>
  </r>
  <r>
    <x v="4"/>
    <x v="5"/>
    <x v="1738"/>
    <s v="bsesp"/>
    <s v="&lt;div&gt;Surveillance is one of many BSE-related actions Canada has implemented to manage BSE. The program tests a sample of animals from the national cattle herd and focuses on higher-risk animals that are most likely to be affected by the disease. The surveillance program's objectives are to determine and monitor the level of BSE present in Canada and to confirm the effectiveness of the suite of measures Canada has implemented to protect human and animal health from the disease&lt;/div&gt;"/>
    <s v=""/>
    <x v="1"/>
    <s v=""/>
    <x v="8"/>
    <s v=""/>
    <s v="Information Technology Services"/>
    <s v="CFIA-CFIA - 1102"/>
    <s v="In Production"/>
    <s v="desktop"/>
    <x v="0"/>
    <x v="523"/>
  </r>
  <r>
    <x v="4"/>
    <x v="5"/>
    <x v="1739"/>
    <s v="ccvbii"/>
    <s v="&lt;div&gt;The spreadsheet identifies foreign exporters who have shipped veterinary biologics to Canada without a valid import permit, the source of the imformation and the response taken by CCVB (letters, Border lookouts). &amp;nbsp;Data is populated by CCVB reviewers and by VB Operations inspectors.&lt;/div&gt;"/>
    <s v=""/>
    <x v="1"/>
    <s v=""/>
    <x v="8"/>
    <s v=""/>
    <s v="Information Technology Services"/>
    <s v="CFIA-CFIA - 1103"/>
    <s v="In Production"/>
    <s v="desktop"/>
    <x v="0"/>
    <x v="523"/>
  </r>
  <r>
    <x v="4"/>
    <x v="5"/>
    <x v="1740"/>
    <s v="caoqd"/>
    <s v="The CFIA has a Complaints and Appeals process that allows stakeholders to register complaints and appeals related to quality of service, administrative errors and regulatory decisions. The Office of Complaints and Appeals was launched on April 2, 2012."/>
    <s v=""/>
    <x v="1"/>
    <s v=""/>
    <x v="8"/>
    <s v=""/>
    <s v="Information Technology Services"/>
    <s v="CFIA-CFIA - 1104"/>
    <s v="In Production"/>
    <s v="desktop"/>
    <x v="0"/>
    <x v="523"/>
  </r>
  <r>
    <x v="4"/>
    <x v="5"/>
    <x v="1741"/>
    <s v="cmdb"/>
    <s v="Provides the details of the results of the tickets and verifies the performance of the systems involved."/>
    <s v=""/>
    <x v="1"/>
    <s v=""/>
    <x v="8"/>
    <s v=""/>
    <s v="Information Technology Services"/>
    <s v="CFIA-CFIA - 1105"/>
    <s v="In Production"/>
    <s v="desktop"/>
    <x v="0"/>
    <x v="523"/>
  </r>
  <r>
    <x v="4"/>
    <x v="5"/>
    <x v="1742"/>
    <s v="cons"/>
    <s v="&lt;div&gt;Consultation is a key activity of the Canadian Food Inspection Agency (CFIA). It supports open and transparent government. It allows for discussion among Canadians, and between Canadians and government, about designing, implementing and evaluating the following government activities:&lt;/div&gt;  &lt;div&gt;&amp;nbsp;&lt;/div&gt;  &lt;div&gt;&amp;nbsp;&amp;nbsp;&amp;nbsp;&amp;nbsp;public policy,&lt;/div&gt;  &lt;div&gt;&amp;nbsp;&amp;nbsp;&amp;nbsp;&amp;nbsp;regulation,&lt;/div&gt;  &lt;div&gt;&amp;nbsp;&amp;nbsp;&amp;nbsp;&amp;nbsp;programs, and&lt;/div&gt;  &lt;div&gt;&amp;nbsp;&amp;nbsp;&amp;nbsp;&amp;nbsp;accountability.&lt;/div&gt;"/>
    <s v=""/>
    <x v="1"/>
    <s v=""/>
    <x v="8"/>
    <s v=""/>
    <s v="Information Technology Services"/>
    <s v="CFIA-CFIA - 1106"/>
    <s v="In Production"/>
    <s v="desktop"/>
    <x v="0"/>
    <x v="523"/>
  </r>
  <r>
    <x v="4"/>
    <x v="5"/>
    <x v="1743"/>
    <s v="dicp"/>
    <s v=""/>
    <s v=""/>
    <x v="1"/>
    <s v=""/>
    <x v="8"/>
    <s v=""/>
    <s v="Information Technology Services"/>
    <s v="CFIA-CFIA - 1107"/>
    <s v="In Production"/>
    <s v="desktop"/>
    <x v="0"/>
    <x v="523"/>
  </r>
  <r>
    <x v="4"/>
    <x v="5"/>
    <x v="1744"/>
    <s v="dpr"/>
    <s v="Departmental Performance Reports are individual department and agency accounts of results achieved against planned performance expectations as set out in respective Reports on Plans and Priorities"/>
    <s v=""/>
    <x v="1"/>
    <s v=""/>
    <x v="8"/>
    <s v=""/>
    <s v="Information Technology Services"/>
    <s v="CFIA-CFIA - 1108"/>
    <s v="In Production"/>
    <s v="desktop"/>
    <x v="0"/>
    <x v="523"/>
  </r>
  <r>
    <x v="4"/>
    <x v="5"/>
    <x v="1745"/>
    <s v="dcl"/>
    <s v="Tracking log for PPB designated employees"/>
    <s v=""/>
    <x v="1"/>
    <s v=""/>
    <x v="8"/>
    <s v=""/>
    <s v="Information Technology Services"/>
    <s v="CFIA-CFIA - 1109"/>
    <s v="In Production"/>
    <s v="desktop"/>
    <x v="0"/>
    <x v="523"/>
  </r>
  <r>
    <x v="4"/>
    <x v="5"/>
    <x v="1746"/>
    <s v="eis"/>
    <s v=""/>
    <s v=""/>
    <x v="1"/>
    <s v=""/>
    <x v="8"/>
    <s v=""/>
    <s v="Information Technology Services"/>
    <s v="CFIA-CFIA - 1110"/>
    <s v="In Production"/>
    <s v="desktop"/>
    <x v="0"/>
    <x v="523"/>
  </r>
  <r>
    <x v="4"/>
    <x v="5"/>
    <x v="1747"/>
    <s v="fraad"/>
    <s v="&lt;div&gt;This report lists the number of confirmed cases of a federally reportable aquatic animal disease in Canada this year. The numbers include both wild and farmed aquatic animals and are running totals, up until and including the last day of the previous months.&lt;/div&gt;"/>
    <s v=""/>
    <x v="1"/>
    <s v=""/>
    <x v="8"/>
    <s v=""/>
    <s v="Information Technology Services"/>
    <s v="CFIA-CFIA - 1111"/>
    <s v="In Production"/>
    <s v="desktop"/>
    <x v="0"/>
    <x v="523"/>
  </r>
  <r>
    <x v="4"/>
    <x v="5"/>
    <x v="1748"/>
    <s v="frdta"/>
    <s v="This report lists the number of confirmed farmed herds or flocks affected by federally reportable diseases in Canada this year. The numbers are running totals, up until and including the last day of the previous month."/>
    <s v=""/>
    <x v="1"/>
    <s v=""/>
    <x v="8"/>
    <s v=""/>
    <s v="Information Technology Services"/>
    <s v="CFIA-CFIA - 1112"/>
    <s v="In Production"/>
    <s v="desktop"/>
    <x v="0"/>
    <x v="523"/>
  </r>
  <r>
    <x v="4"/>
    <x v="5"/>
    <x v="1749"/>
    <s v="faro"/>
    <s v="Cognos report derived from PRS to provide information on the number of active applications in Animal Feed Division, assignment and status.  Used for tracking submissions, and monthly reporting."/>
    <s v=""/>
    <x v="1"/>
    <s v=""/>
    <x v="8"/>
    <s v=""/>
    <s v="Information Technology Services"/>
    <s v="CFIA-CFIA - 1113"/>
    <s v="In Production"/>
    <s v="desktop"/>
    <x v="0"/>
    <x v="523"/>
  </r>
  <r>
    <x v="4"/>
    <x v="5"/>
    <x v="1750"/>
    <s v="frp"/>
    <s v=""/>
    <s v=""/>
    <x v="1"/>
    <s v=""/>
    <x v="8"/>
    <s v=""/>
    <s v="Information Technology Services"/>
    <s v="CFIA-CFIA - 1114"/>
    <s v="In Production"/>
    <s v="desktop"/>
    <x v="0"/>
    <x v="523"/>
  </r>
  <r>
    <x v="4"/>
    <x v="5"/>
    <x v="1751"/>
    <s v="finii"/>
    <s v="This is used by the 3 regions in order to facilitate the entries of FINs. Each location has a copy of the DB and the DB with all master data is held at the AR Centre."/>
    <s v=""/>
    <x v="1"/>
    <s v=""/>
    <x v="8"/>
    <s v=""/>
    <s v="Information Technology Services"/>
    <s v="CFIA-CFIA - 1115"/>
    <s v="In Production"/>
    <s v="desktop"/>
    <x v="0"/>
    <x v="523"/>
  </r>
  <r>
    <x v="4"/>
    <x v="5"/>
    <x v="1752"/>
    <s v="fsep"/>
    <s v="Access data base. master resides on O drive and replicas in 5 locations throughout the country."/>
    <s v=""/>
    <x v="1"/>
    <s v=""/>
    <x v="8"/>
    <s v=""/>
    <s v="Information Technology Services"/>
    <s v="CFIA-CFIA - 1116"/>
    <s v="In Production"/>
    <s v="desktop"/>
    <x v="0"/>
    <x v="523"/>
  </r>
  <r>
    <x v="4"/>
    <x v="5"/>
    <x v="1753"/>
    <s v="fstr"/>
    <s v="&lt;div&gt;The Canadian Food Inspection Agency's (CFIA) priority is to protect consumers by safeguarding Canada's food supply. The Agency verifies that industry is meeting federal food safety requirements and conducts sampling and testing to detect food safety risks.&lt;/div&gt;  &lt;div&gt;&amp;nbsp;&lt;/div&gt;  &lt;div&gt;Monitoring the levels of chemical hazards, microbiological hazards, undeclared allergens, sulphites and gluten in the food supply helps the CFIA identify food safety hazards and develop risk management strategies to minimize potential risks to Canadians.&lt;/div&gt;  &lt;div&gt;&amp;nbsp;&lt;/div&gt;  &lt;div&gt;When non-compliance is found, the CFIA does not hesitate to take appropriate action. These actions may include notifying the manufacturer or importer, requesting a corrective"/>
    <s v=""/>
    <x v="1"/>
    <s v=""/>
    <x v="8"/>
    <s v=""/>
    <s v="Information Technology Services"/>
    <s v="CFIA-CFIA - 1117"/>
    <s v="In Production"/>
    <s v="desktop"/>
    <x v="0"/>
    <x v="523"/>
  </r>
  <r>
    <x v="4"/>
    <x v="5"/>
    <x v="1754"/>
    <s v="fofs"/>
    <s v="&lt;div&gt;Future oriented financial statements are intended to serve as a general overview of the CFIA's financial position and operations. These future-oriented financial statements are prepared in order to strengthen accountability and improve transparency and financial management.&lt;/div&gt;"/>
    <s v=""/>
    <x v="1"/>
    <s v=""/>
    <x v="8"/>
    <s v=""/>
    <s v="Information Technology Services"/>
    <s v="CFIA-CFIA - 1118"/>
    <s v="In Production"/>
    <s v="desktop"/>
    <x v="0"/>
    <x v="523"/>
  </r>
  <r>
    <x v="4"/>
    <x v="5"/>
    <x v="1755"/>
    <s v="ibmc"/>
    <s v="Provides data on all IBM contractors who have worked at the service desk."/>
    <s v=""/>
    <x v="1"/>
    <s v=""/>
    <x v="8"/>
    <s v=""/>
    <s v="Information Technology Services"/>
    <s v="CFIA-CFIA - 1119"/>
    <s v="In Production"/>
    <s v="desktop"/>
    <x v="0"/>
    <x v="523"/>
  </r>
  <r>
    <x v="4"/>
    <x v="5"/>
    <x v="1756"/>
    <s v="imfd"/>
    <s v="&lt;div&gt;Name, address and contacts of establishments that import or manufacture commodities inspected under IMFP Work Specifications. May include last date of inspection, status, commodity and process descriptions, etc, as appropriate to the project. Created by various Specialists as &amp;quot;National&amp;quot; databases; they are updated by all IMFP offices as required.&lt;/div&gt;"/>
    <s v=""/>
    <x v="1"/>
    <s v=""/>
    <x v="8"/>
    <s v=""/>
    <s v="Information Technology Services"/>
    <s v="CFIA-CFIA - 1120"/>
    <s v="In Production"/>
    <s v="desktop"/>
    <x v="0"/>
    <x v="523"/>
  </r>
  <r>
    <x v="4"/>
    <x v="5"/>
    <x v="1757"/>
    <s v="ints"/>
    <s v="Provides files for the software with the set-up data."/>
    <s v=""/>
    <x v="1"/>
    <s v=""/>
    <x v="8"/>
    <s v=""/>
    <s v="Information Technology Services"/>
    <s v="CFIA-CFIA - 1121"/>
    <s v="In Production"/>
    <s v="desktop"/>
    <x v="0"/>
    <x v="523"/>
  </r>
  <r>
    <x v="4"/>
    <x v="5"/>
    <x v="1386"/>
    <s v="inv"/>
    <s v="Inventory for all diagnostic/research reagents used by the Serology/Immunology department CFIA @ National Centre for Foreign Animal Disease (NCFAD) in Winnipeg. This is tracked and maintained on a daily basis."/>
    <s v=""/>
    <x v="1"/>
    <s v=""/>
    <x v="8"/>
    <s v=""/>
    <s v="Information Technology Services"/>
    <s v="CFIA-CFIA - 1122"/>
    <s v="In Production"/>
    <s v="desktop"/>
    <x v="0"/>
    <x v="523"/>
  </r>
  <r>
    <x v="4"/>
    <x v="5"/>
    <x v="1758"/>
    <s v="insy"/>
    <s v="?"/>
    <s v=""/>
    <x v="1"/>
    <s v=""/>
    <x v="8"/>
    <s v=""/>
    <s v="Information Technology Services"/>
    <s v="CFIA-CFIA - 1123"/>
    <s v="In Production"/>
    <s v="desktop"/>
    <x v="0"/>
    <x v="523"/>
  </r>
  <r>
    <x v="4"/>
    <x v="5"/>
    <x v="1759"/>
    <s v="ibs"/>
    <s v="&lt;div&gt;This database is an inventory of all bacterial isolates that were detected and identified from food, feed or fertilizer samples by the CFIA food microbiology labs. This inventory list is a biosafety requirement and must be available at all labs that have bacterial pathogens stored or in use.&lt;/div&gt;"/>
    <s v=""/>
    <x v="1"/>
    <s v=""/>
    <x v="8"/>
    <s v=""/>
    <s v="Information Technology Services"/>
    <s v="CFIA-CFIA - 1124"/>
    <s v="In Production"/>
    <s v="desktop"/>
    <x v="0"/>
    <x v="523"/>
  </r>
  <r>
    <x v="4"/>
    <x v="5"/>
    <x v="1760"/>
    <s v="iteq"/>
    <s v="Provides details on the inventory of IT equipment."/>
    <s v=""/>
    <x v="1"/>
    <s v=""/>
    <x v="8"/>
    <s v=""/>
    <s v="Information Technology Services"/>
    <s v="CFIA-CFIA - 1125"/>
    <s v="In Production"/>
    <s v="desktop"/>
    <x v="0"/>
    <x v="523"/>
  </r>
  <r>
    <x v="4"/>
    <x v="5"/>
    <x v="1761"/>
    <s v="phpkb"/>
    <s v="Provides details on solutions to fix technical problems."/>
    <s v=""/>
    <x v="1"/>
    <s v=""/>
    <x v="8"/>
    <s v=""/>
    <s v="Information Technology Services"/>
    <s v="CFIA-CFIA - 1126"/>
    <s v="In Production"/>
    <s v="desktop"/>
    <x v="0"/>
    <x v="523"/>
  </r>
  <r>
    <x v="4"/>
    <x v="5"/>
    <x v="1762"/>
    <s v="mps"/>
    <s v="Provides details on all the AAFC and CFIA leases for managed print services."/>
    <s v=""/>
    <x v="1"/>
    <s v=""/>
    <x v="8"/>
    <s v=""/>
    <s v="Information Technology Services"/>
    <s v="CFIA-CFIA - 1127"/>
    <s v="In Production"/>
    <s v="desktop"/>
    <x v="0"/>
    <x v="523"/>
  </r>
  <r>
    <x v="4"/>
    <x v="5"/>
    <x v="1763"/>
    <s v="lprc"/>
    <s v="The pests are regulated under the authority of the Plant Protection Act. Pests in this list are linked to the policy directives that are available electronically. The list may be revised at any time."/>
    <s v=""/>
    <x v="1"/>
    <s v=""/>
    <x v="8"/>
    <s v=""/>
    <s v="Information Technology Services"/>
    <s v="CFIA-CFIA - 1128"/>
    <s v="In Production"/>
    <s v="desktop"/>
    <x v="0"/>
    <x v="523"/>
  </r>
  <r>
    <x v="4"/>
    <x v="5"/>
    <x v="1764"/>
    <s v="lppm"/>
    <s v="&lt;div&gt;All products of biotechnology unapproved for unconfined release in Canada, such as plants with novel traits (including transgenic plants) and their products require a permit to import. See: D-96-13.&lt;/div&gt;  &lt;div&gt;&amp;nbsp;&lt;/div&gt;  &lt;div&gt;The prior approval process and import requirements for plants rooted in approved media (Canadian Growing Media Program) is subject to D-96-20.&lt;/div&gt;"/>
    <s v=""/>
    <x v="1"/>
    <s v=""/>
    <x v="8"/>
    <s v=""/>
    <s v="Information Technology Services"/>
    <s v="CFIA-CFIA - 1129"/>
    <s v="In Production"/>
    <s v="desktop"/>
    <x v="0"/>
    <x v="523"/>
  </r>
  <r>
    <x v="4"/>
    <x v="5"/>
    <x v="1765"/>
    <s v="mpss"/>
    <s v="Provides details on all active sites including the location and technical contacts."/>
    <s v=""/>
    <x v="1"/>
    <s v=""/>
    <x v="8"/>
    <s v=""/>
    <s v="Information Technology Services"/>
    <s v="CFIA-CFIA - 1130"/>
    <s v="In Production"/>
    <s v="desktop"/>
    <x v="0"/>
    <x v="523"/>
  </r>
  <r>
    <x v="4"/>
    <x v="5"/>
    <x v="1766"/>
    <s v="mpsd"/>
    <s v="Provides the serial number, model, location, and other related information, and allows for service requests."/>
    <s v=""/>
    <x v="1"/>
    <s v=""/>
    <x v="8"/>
    <s v=""/>
    <s v="Information Technology Services"/>
    <s v="CFIA-CFIA - 1131"/>
    <s v="In Production"/>
    <s v="desktop"/>
    <x v="0"/>
    <x v="523"/>
  </r>
  <r>
    <x v="4"/>
    <x v="5"/>
    <x v="1767"/>
    <s v="mntl"/>
    <s v="The Mandatory Tracking Log is used to record information about an aquatic animal disease notification from the public, whether an Aquatic Premises Investigation Questionnaire was generated and if the disease was confirmed or not."/>
    <s v=""/>
    <x v="1"/>
    <s v=""/>
    <x v="8"/>
    <s v=""/>
    <s v="Information Technology Services"/>
    <s v="CFIA-CFIA - 1132"/>
    <s v="In Production"/>
    <s v="desktop"/>
    <x v="0"/>
    <x v="523"/>
  </r>
  <r>
    <x v="4"/>
    <x v="5"/>
    <x v="1768"/>
    <s v="mr"/>
    <s v="&lt;div&gt;The CFIA operates a national microbiological monitoring program. The monitoring program includes the random selection and testing of samples for a wide variety of domestic and imported products. Sample tests are done every year to monitor the level of microbiological contamination in the food supply. Testing is done for a variety of high risk pathogens, including E. coli, Listeria monocytogenes, Salmonella and Shigella.&lt;/div&gt;"/>
    <s v=""/>
    <x v="1"/>
    <s v=""/>
    <x v="8"/>
    <s v=""/>
    <s v="Information Technology Services"/>
    <s v="CFIA-CFIA - 1133"/>
    <s v="In Production"/>
    <s v="desktop"/>
    <x v="0"/>
    <x v="523"/>
  </r>
  <r>
    <x v="4"/>
    <x v="5"/>
    <x v="1769"/>
    <s v="matip"/>
    <s v="The Access to Information and Privacy Office (ATIP) processes requests submitted by the public. These reports focus on subjects of public interest and may not be all-inclusive."/>
    <s v=""/>
    <x v="1"/>
    <s v=""/>
    <x v="8"/>
    <s v=""/>
    <s v="Information Technology Services"/>
    <s v="CFIA-CFIA - 1134"/>
    <s v="In Production"/>
    <s v="desktop"/>
    <x v="0"/>
    <x v="523"/>
  </r>
  <r>
    <x v="4"/>
    <x v="5"/>
    <x v="1770"/>
    <s v="mykey"/>
    <s v="Provides AAFC and CFIA the ability to validate and verify MyKey accounts for employees."/>
    <s v=""/>
    <x v="1"/>
    <s v=""/>
    <x v="8"/>
    <s v=""/>
    <s v="Information Technology Services"/>
    <s v="CFIA-CFIA - 1135"/>
    <s v="In Production"/>
    <s v="desktop"/>
    <x v="0"/>
    <x v="523"/>
  </r>
  <r>
    <x v="4"/>
    <x v="5"/>
    <x v="1771"/>
    <s v="nhp"/>
    <s v="The log contains products transitioned by Health Canada from NHP to food that have valid temporary marketing authorization."/>
    <s v=""/>
    <x v="1"/>
    <s v=""/>
    <x v="8"/>
    <s v=""/>
    <s v="Information Technology Services"/>
    <s v="CFIA-CFIA - 1136"/>
    <s v="In Production"/>
    <s v="desktop"/>
    <x v="0"/>
    <x v="523"/>
  </r>
  <r>
    <x v="4"/>
    <x v="5"/>
    <x v="1772"/>
    <s v="ntcc"/>
    <s v="A web interface to an Access backend to maintain non techincal CFIA Course Catalogue"/>
    <s v=""/>
    <x v="1"/>
    <s v=""/>
    <x v="8"/>
    <s v=""/>
    <s v="Information Technology Services"/>
    <s v="CFIA-CFIA - 1137"/>
    <s v="In Production"/>
    <s v="desktop"/>
    <x v="0"/>
    <x v="523"/>
  </r>
  <r>
    <x v="4"/>
    <x v="5"/>
    <x v="1773"/>
    <s v="nr"/>
    <s v="A web interface to an Access backend to maintain CFIA Notice of Recourse"/>
    <s v=""/>
    <x v="1"/>
    <s v=""/>
    <x v="8"/>
    <s v=""/>
    <s v="Information Technology Services"/>
    <s v="CFIA-CFIA - 1138"/>
    <s v="In Production"/>
    <s v="desktop"/>
    <x v="0"/>
    <x v="523"/>
  </r>
  <r>
    <x v="4"/>
    <x v="5"/>
    <x v="1774"/>
    <s v="ps"/>
    <s v="Provides details on how many calls were made, the number of calls dropped, the number of VIP clients calling in, and other essential details."/>
    <s v=""/>
    <x v="1"/>
    <s v=""/>
    <x v="8"/>
    <s v=""/>
    <s v="Information Technology Services"/>
    <s v="CFIA-CFIA - 1139"/>
    <s v="In Production"/>
    <s v="desktop"/>
    <x v="0"/>
    <x v="523"/>
  </r>
  <r>
    <x v="4"/>
    <x v="5"/>
    <x v="1330"/>
    <s v="Plandac2000"/>
    <s v=""/>
    <s v=""/>
    <x v="1"/>
    <s v=""/>
    <x v="8"/>
    <s v=""/>
    <s v="Information Technology Services"/>
    <s v="CFIA-CFIA - 1140"/>
    <s v="In Production"/>
    <s v="desktop"/>
    <x v="0"/>
    <x v="523"/>
  </r>
  <r>
    <x v="4"/>
    <x v="5"/>
    <x v="1775"/>
    <s v="pgpr"/>
    <s v="&lt;div&gt;The PGPR Project was designed to proactively address the anticipated increase in the submission of products containing species that have not been previously seen by the Fertilizer Section. This Excel document serves as an index or database for the project. It alphabetically lists genera and species that may be of interest and has links to documents summarizing relavent information for species that have been searched in the literaturect&lt;/div&gt;"/>
    <s v=""/>
    <x v="1"/>
    <s v=""/>
    <x v="8"/>
    <s v=""/>
    <s v="Information Technology Services"/>
    <s v="CFIA-CFIA - 1141"/>
    <s v="In Production"/>
    <s v="desktop"/>
    <x v="0"/>
    <x v="523"/>
  </r>
  <r>
    <x v="4"/>
    <x v="5"/>
    <x v="1776"/>
    <s v="pvr"/>
    <s v=""/>
    <s v=""/>
    <x v="1"/>
    <s v=""/>
    <x v="8"/>
    <s v=""/>
    <s v="Information Technology Services"/>
    <s v="CFIA-CFIA - 1142"/>
    <s v="In Production"/>
    <s v="desktop"/>
    <x v="0"/>
    <x v="523"/>
  </r>
  <r>
    <x v="4"/>
    <x v="5"/>
    <x v="1777"/>
    <s v="pnt"/>
    <s v="&lt;div&gt;This page provides access to a database listing containing information on the status of regulated plants with novel traits in Canada, including whether products have been approved for unconfined environmental release, novel livestock feed use, variety registration and novel food use.&lt;/div&gt;"/>
    <s v=""/>
    <x v="1"/>
    <s v=""/>
    <x v="8"/>
    <s v=""/>
    <s v="Information Technology Services"/>
    <s v="CFIA-CFIA - 1143"/>
    <s v="In Production"/>
    <s v="desktop"/>
    <x v="0"/>
    <x v="523"/>
  </r>
  <r>
    <x v="4"/>
    <x v="5"/>
    <x v="1195"/>
    <s v="peelfs"/>
    <s v="List of Plants Evaluated for Environmental and Livestock Feed Safety"/>
    <s v=""/>
    <x v="1"/>
    <s v=""/>
    <x v="8"/>
    <s v=""/>
    <s v="Information Technology Services"/>
    <s v="CFIA-CFIA - 1144"/>
    <s v="In Production"/>
    <s v="desktop"/>
    <x v="0"/>
    <x v="523"/>
  </r>
  <r>
    <x v="4"/>
    <x v="5"/>
    <x v="1778"/>
    <s v="ppbgo"/>
    <s v="Tracking sheet for items going through Governance that fall under Program Management Committee (PMC)."/>
    <s v=""/>
    <x v="1"/>
    <s v=""/>
    <x v="8"/>
    <s v=""/>
    <s v="Information Technology Services"/>
    <s v="CFIA-CFIA - 1145"/>
    <s v="In Production"/>
    <s v="desktop"/>
    <x v="0"/>
    <x v="523"/>
  </r>
  <r>
    <x v="4"/>
    <x v="5"/>
    <x v="1779"/>
    <s v="pdms"/>
    <s v="Provides the Check Production Integrity (CPI) usage for each device, monitors the print devices and allows for invoicing for all the leases."/>
    <s v=""/>
    <x v="1"/>
    <s v=""/>
    <x v="8"/>
    <s v=""/>
    <s v="Information Technology Services"/>
    <s v="CFIA-CFIA - 1146"/>
    <s v="In Production"/>
    <s v="desktop"/>
    <x v="0"/>
    <x v="523"/>
  </r>
  <r>
    <x v="4"/>
    <x v="5"/>
    <x v="1780"/>
    <s v="pdr"/>
    <s v=""/>
    <s v=""/>
    <x v="1"/>
    <s v=""/>
    <x v="8"/>
    <s v=""/>
    <s v="Information Technology Services"/>
    <s v="CFIA-CFIA - 1147"/>
    <s v="In Production"/>
    <s v="desktop"/>
    <x v="0"/>
    <x v="523"/>
  </r>
  <r>
    <x v="4"/>
    <x v="5"/>
    <x v="1781"/>
    <s v="pb"/>
    <s v="&lt;div&gt;The Canadian Food Inspection Agency is responsible for enforcing a number of Acts of Parliament in order to deliver inspection and related services for consumers and industry that contribute to food safety, animal health and plant protection.&lt;/div&gt;  &lt;div&gt;&amp;nbsp;&lt;/div&gt;  &lt;div&gt;As part of its ongoing effort to increase awareness of CFIA's role in encouraging compliance with the various Acts and Regulations, the CFIA issues prosecution bulletins when a conviction is obtained.&lt;/div&gt;"/>
    <s v=""/>
    <x v="1"/>
    <s v=""/>
    <x v="8"/>
    <s v=""/>
    <s v="Information Technology Services"/>
    <s v="CFIA-CFIA - 1148"/>
    <s v="In Production"/>
    <s v="desktop"/>
    <x v="0"/>
    <x v="523"/>
  </r>
  <r>
    <x v="4"/>
    <x v="5"/>
    <x v="1782"/>
    <s v="qpcl"/>
    <s v="Tracking sheet for QP writer on all CFIA QP cards prepared for the Ministers of AAFC and Health"/>
    <s v=""/>
    <x v="1"/>
    <s v=""/>
    <x v="8"/>
    <s v=""/>
    <s v="Information Technology Services"/>
    <s v="CFIA-CFIA - 1149"/>
    <s v="In Production"/>
    <s v="desktop"/>
    <x v="0"/>
    <x v="523"/>
  </r>
  <r>
    <x v="4"/>
    <x v="5"/>
    <x v="1783"/>
    <s v="qfr"/>
    <s v="&lt;div&gt;This quarterly report has been prepared by management as required by Section 65.1 of the Financial Administration Act and in the form and manner prescribed by the Treasury Board. This quarterly report should be read in conjunction with the Main Estimates, as well as the Supplementary Estimates (A).&lt;/div&gt;  &lt;div&gt;&amp;nbsp;&lt;/div&gt;  &lt;div&gt;A summary description of the Canadian Food Inspection Agency's (CFIA) program activities can be found in the CFIA's &amp;nbsp;Report on Plans and Priorities.&lt;/div&gt;  &lt;div&gt;&amp;nbsp;&lt;/div&gt;  &lt;div&gt;The quarterly report has not been subject to an external audit or review.&lt;/div&gt;"/>
    <s v=""/>
    <x v="1"/>
    <s v=""/>
    <x v="8"/>
    <s v=""/>
    <s v="Information Technology Services"/>
    <s v="CFIA-CFIA - 1150"/>
    <s v="In Production"/>
    <s v="desktop"/>
    <x v="0"/>
    <x v="523"/>
  </r>
  <r>
    <x v="4"/>
    <x v="5"/>
    <x v="1784"/>
    <s v="qramp"/>
    <s v="&lt;div&gt;Under the Agriculture and Agri-Food Administrative Monetary Penalties Act and Regulations, the Canadian Food Inspection Agency (CFIA) may issue an Administrative Monetary Penalty (AMP) as an enforcement measure to encourage compliance with the Health of Animals Act, the Plant Protection Act, the Meat Inspection Act and their associated regulations.&lt;/div&gt;"/>
    <s v=""/>
    <x v="1"/>
    <s v=""/>
    <x v="8"/>
    <s v=""/>
    <s v="Information Technology Services"/>
    <s v="CFIA-CFIA - 1151"/>
    <s v="In Production"/>
    <s v="desktop"/>
    <x v="0"/>
    <x v="523"/>
  </r>
  <r>
    <x v="4"/>
    <x v="5"/>
    <x v="1785"/>
    <s v="qrfse"/>
    <s v="&lt;div&gt;The Canada Border Services Agency (CBSA) and the Canadian Food Inspection Agency (CFIA) share responsibility for enforcing acts and regulations that govern the import, export and in-transit movement of food, agricultural inputs and agricultural products. The CFIA has the authority to refuse the entry of import shipments to Canada that are not compliant with Canadian requirements. This refusal is done prior to or on arrival at the Canadian border.&lt;/div&gt;"/>
    <s v=""/>
    <x v="1"/>
    <s v=""/>
    <x v="8"/>
    <s v=""/>
    <s v="Information Technology Services"/>
    <s v="CFIA-CFIA - 1152"/>
    <s v="In Production"/>
    <s v="desktop"/>
    <x v="0"/>
    <x v="523"/>
  </r>
  <r>
    <x v="4"/>
    <x v="5"/>
    <x v="1786"/>
    <s v="qrncdf"/>
    <s v="&lt;div&gt;The Canadian Food Inspection Agency (CFIA) has the authority to seize, detain and/or dispose of food products that do not meet Canadian requirements. All food products listed have been found to be non-compliant with one or more of our regulations. All listed food products have been removed from the food supply in a safe manner, thereby preventing their entry into the Canadian marketplace.&lt;/div&gt;"/>
    <s v=""/>
    <x v="1"/>
    <s v=""/>
    <x v="8"/>
    <s v=""/>
    <s v="Information Technology Services"/>
    <s v="CFIA-CFIA - 1153"/>
    <s v="In Production"/>
    <s v="desktop"/>
    <x v="0"/>
    <x v="523"/>
  </r>
  <r>
    <x v="4"/>
    <x v="5"/>
    <x v="1787"/>
    <s v="rabc"/>
    <s v="&lt;div&gt;Rabies is a viral disease that attacks the central nervous system of mammals, including humans. Once clinical signs appear, rabies is almost always fatal in animals and people. In Canada, the animals that most often transmit rabies are bats, skunks and foxes.&lt;/div&gt;  &lt;div&gt;&amp;nbsp;&lt;/div&gt;  &lt;div&gt;Rabies is a reportable disease under the Health of Animals Act, and all suspect cases must be reported to the Canadian Food Inspection Agency (CFIA). All suspect rabies cases are verified in a CFIA rabies laboratory.&lt;/div&gt;  &lt;div&gt;&amp;nbsp;&lt;/div&gt;  &lt;div&gt;The report lists the number of confirmed rabies cases in Canada by year and &amp;nbsp;by months.&lt;/div&gt;"/>
    <s v=""/>
    <x v="1"/>
    <s v=""/>
    <x v="8"/>
    <s v=""/>
    <s v="Information Technology Services"/>
    <s v="CFIA-CFIA - 1154"/>
    <s v="In Production"/>
    <s v="desktop"/>
    <x v="0"/>
    <x v="523"/>
  </r>
  <r>
    <x v="4"/>
    <x v="5"/>
    <x v="1788"/>
    <s v="rse"/>
    <s v="List of registered seed establishments in Canada, including name, location and scope of registration activities."/>
    <s v=""/>
    <x v="1"/>
    <s v=""/>
    <x v="8"/>
    <s v=""/>
    <s v="Information Technology Services"/>
    <s v="CFIA-CFIA - 1155"/>
    <s v="In Production"/>
    <s v="desktop"/>
    <x v="0"/>
    <x v="523"/>
  </r>
  <r>
    <x v="4"/>
    <x v="5"/>
    <x v="1789"/>
    <s v="resas"/>
    <s v="Provides tombstone data on registered clients."/>
    <s v=""/>
    <x v="1"/>
    <s v=""/>
    <x v="8"/>
    <s v=""/>
    <s v="Information Technology Services"/>
    <s v="CFIA-CFIA - 1156"/>
    <s v="In Production"/>
    <s v="desktop"/>
    <x v="0"/>
    <x v="523"/>
  </r>
  <r>
    <x v="4"/>
    <x v="5"/>
    <x v="1790"/>
    <s v="rvc"/>
    <s v="&lt;div&gt;The purpose of variety registration is to provide government oversight to ensure that health and safety requirements are met and that information related to the identity of the variety is available to regulators to prevent fraud. It also facilitates seed certification, the international trade of seed and the tracking and tracing of varieties in commercial channels. This oversight is under the authority of the Seeds Act and Seed Regulations (Part III and Schedule III).&lt;/div&gt;"/>
    <s v=""/>
    <x v="1"/>
    <s v=""/>
    <x v="8"/>
    <s v=""/>
    <s v="Information Technology Services"/>
    <s v="CFIA-CFIA - 1157"/>
    <s v="In Production"/>
    <s v="desktop"/>
    <x v="0"/>
    <x v="523"/>
  </r>
  <r>
    <x v="4"/>
    <x v="5"/>
    <x v="1791"/>
    <s v="rpp"/>
    <s v="&lt;div&gt;Reports on Plans and Priorities are individual expenditure plans for each department and agency (excluding Crown corporations). These reports provide increased levels of detail over a three-year period on an organization's main priorities by strategic outcome(s), program activity(ies) and planned/expected results, including links to related resource requirements.&lt;/div&gt;"/>
    <s v=""/>
    <x v="1"/>
    <s v=""/>
    <x v="8"/>
    <s v=""/>
    <s v="Information Technology Services"/>
    <s v="CFIA-CFIA - 1158"/>
    <s v="In Production"/>
    <s v="desktop"/>
    <x v="0"/>
    <x v="523"/>
  </r>
  <r>
    <x v="4"/>
    <x v="5"/>
    <x v="1792"/>
    <s v="sfcap"/>
    <s v="&lt;div&gt;The Government of Canada is taking further action to strengthen Canada's world-class food safety system with the launch of the Safe Food for Canadians Action Plan.&lt;/div&gt;  &lt;div&gt;&amp;nbsp;&lt;/div&gt;  &lt;div&gt;The Action Plan aims to strengthen Canada's food safety system through:&lt;/div&gt;  &lt;div&gt;&amp;nbsp;&lt;/div&gt;  &lt;div&gt;&amp;nbsp;&amp;nbsp;&amp;nbsp;&amp;nbsp;stronger food safety rules,&lt;/div&gt;  &lt;div&gt;&amp;nbsp;&amp;nbsp;&amp;nbsp;&amp;nbsp;more effective inspection,&lt;/div&gt;  &lt;div&gt;&amp;nbsp;&amp;nbsp;&amp;nbsp;&amp;nbsp;a renewed commitment to service, and&lt;/div&gt;  &lt;div&gt;&amp;nbsp;&amp;nbsp;&amp;nbsp;&amp;nbsp;more information for consumers.&lt;/div&gt;"/>
    <s v=""/>
    <x v="1"/>
    <s v=""/>
    <x v="8"/>
    <s v=""/>
    <s v="Information Technology Services"/>
    <s v="CFIA-CFIA - 1159"/>
    <s v="In Production"/>
    <s v="desktop"/>
    <x v="0"/>
    <x v="523"/>
  </r>
  <r>
    <x v="4"/>
    <x v="5"/>
    <x v="1793"/>
    <s v="rad"/>
    <s v="&lt;div&gt;RAD is a a software built on the ccmMercury platform and used as a database for the storage of metadata and document links for Science Branch's research project and arrangements management. &amp;nbsp;Metadata entered into the database is reportable via Cognos.&lt;/div&gt;"/>
    <s v=""/>
    <x v="1"/>
    <s v=""/>
    <x v="8"/>
    <s v=""/>
    <s v="Information Technology Services"/>
    <s v="CFIA-CFIA - 1160"/>
    <s v="In Production"/>
    <s v="desktop"/>
    <x v="0"/>
    <x v="523"/>
  </r>
  <r>
    <x v="4"/>
    <x v="5"/>
    <x v="1794"/>
    <s v="sig"/>
    <s v="&lt;div&gt;The IDSeed tool is a web-based taxonomy tool that was developed by the Agency to meet a 2010 Canadian commitment for the Quads Science Working Group and is part of the regulatory committment for a training tool for the new Weed Seed Order (WSO) that comes into effect Noveember 1, 2016. &amp;nbsp;The tool contains scientific information and photographs of seeds gathered through research and was built using LUCID software (Lucidcentral.org) which gives it functionality to facilitate the identification of seeds that users are unfamiliar with by using the morphologic characteristics that they can see and describe. &lt;/div&gt;"/>
    <s v=""/>
    <x v="1"/>
    <s v=""/>
    <x v="8"/>
    <s v=""/>
    <s v="Information Technology Services"/>
    <s v="CFIA-CFIA - 1161"/>
    <s v="In Production"/>
    <s v="desktop"/>
    <x v="0"/>
    <x v="523"/>
  </r>
  <r>
    <x v="4"/>
    <x v="5"/>
    <x v="1795"/>
    <s v="ssprint"/>
    <s v="&lt;div&gt;The Self-contained Personal Reporting and Inspection Tool (SPRINT) is a database management system. It is a collection of database tables containing records that are further broken down into smaller units called fields. &amp;nbsp;In a practical sense, it is a computerised inspection system which provides officers of the Canadian Food Inspection Agency (CFIA) easy access to storage and retrieval of information needed to do business. &amp;nbsp;Specifically, this information includes, but is not limited to: &amp;nbsp;inspection details, establishment .&lt;/div&gt;"/>
    <s v=""/>
    <x v="1"/>
    <s v=""/>
    <x v="8"/>
    <s v=""/>
    <s v="Information Technology Services"/>
    <s v="CFIA-CFIA - 1162"/>
    <s v="In Production"/>
    <s v="desktop"/>
    <x v="0"/>
    <x v="523"/>
  </r>
  <r>
    <x v="4"/>
    <x v="5"/>
    <x v="1796"/>
    <s v="sricd"/>
    <s v="Provides details on the number of tickets, the source, the methods that the requests were received, the severity of the issues, the resolution time and other factors."/>
    <s v=""/>
    <x v="1"/>
    <s v=""/>
    <x v="8"/>
    <s v=""/>
    <s v="Information Technology Services"/>
    <s v="CFIA-CFIA - 1163"/>
    <s v="In Production"/>
    <s v="desktop"/>
    <x v="0"/>
    <x v="523"/>
  </r>
  <r>
    <x v="4"/>
    <x v="5"/>
    <x v="1797"/>
    <s v="sevrep"/>
    <s v="Provides details on the severity of tickets and incidents."/>
    <s v=""/>
    <x v="1"/>
    <s v=""/>
    <x v="8"/>
    <s v=""/>
    <s v="Information Technology Services"/>
    <s v="CFIA-CFIA - 1164"/>
    <s v="In Production"/>
    <s v="desktop"/>
    <x v="0"/>
    <x v="523"/>
  </r>
  <r>
    <x v="4"/>
    <x v="5"/>
    <x v="1798"/>
    <s v="sal"/>
    <s v="list of persons with signing authority for feed registrations by company name"/>
    <s v=""/>
    <x v="1"/>
    <s v=""/>
    <x v="8"/>
    <s v=""/>
    <s v="Information Technology Services"/>
    <s v="CFIA-CFIA - 1165"/>
    <s v="In Production"/>
    <s v="desktop"/>
    <x v="0"/>
    <x v="523"/>
  </r>
  <r>
    <x v="4"/>
    <x v="5"/>
    <x v="1799"/>
    <s v="softl"/>
    <s v="Provides details on AAFC and CFIA licences for software."/>
    <s v=""/>
    <x v="1"/>
    <s v=""/>
    <x v="8"/>
    <s v=""/>
    <s v="Information Technology Services"/>
    <s v="CFIA-CFIA - 1166"/>
    <s v="In Production"/>
    <s v="desktop"/>
    <x v="0"/>
    <x v="523"/>
  </r>
  <r>
    <x v="4"/>
    <x v="5"/>
    <x v="1800"/>
    <s v="spol"/>
    <s v="&lt;div&gt;Tracking sheet for PPB on travel, events and other miscellaneous items.&lt;/div&gt;"/>
    <s v=""/>
    <x v="1"/>
    <s v=""/>
    <x v="8"/>
    <s v=""/>
    <s v="Information Technology Services"/>
    <s v="CFIA-CFIA - 1167"/>
    <s v="In Production"/>
    <s v="desktop"/>
    <x v="0"/>
    <x v="523"/>
  </r>
  <r>
    <x v="4"/>
    <x v="5"/>
    <x v="1801"/>
    <s v="ssaa"/>
    <s v="&lt;div&gt;Reportable and immediately notifiable diseases are of significant importance to aquatic animal health and to the Canadian economy.&lt;/div&gt;  &lt;div&gt;&amp;nbsp;&lt;/div&gt;  &lt;div&gt;Susceptibility in aquatic species is determined if the infection can be demonstrated by natural occurrence of the disease in the species, or by experimental exposure of the species to the disease agent through a pathway that mimics a natural route of infection.&lt;/div&gt;"/>
    <s v=""/>
    <x v="1"/>
    <s v=""/>
    <x v="8"/>
    <s v=""/>
    <s v="Information Technology Services"/>
    <s v="CFIA-CFIA - 1168"/>
    <s v="In Production"/>
    <s v="desktop"/>
    <x v="0"/>
    <x v="523"/>
  </r>
  <r>
    <x v="4"/>
    <x v="5"/>
    <x v="1802"/>
    <s v="scacb"/>
    <s v="&lt;div&gt;The Canadian Food Inspection Agency (CFIA) is responsible for monitoring and enforcing the Organic Products Regulations, 2009. Certification bodies are accredited by the CFIA to certify agricultural products as organic in accordance with the requirements of the Canada Organic Regime.&lt;/div&gt;  &lt;div&gt;&amp;nbsp;&lt;/div&gt;  &lt;div&gt;The CFIA has the authority to suspend the accreditation of a certification body if there is non-compliance with any provision of the Canada Agricultural Products Act (CAPA), the Organic Products Regulations, 2009, or ISO 17065 requirements.&lt;/div&gt;  &lt;div&gt;&amp;nbsp;&lt;/div&gt;  &lt;div&gt;Accreditation suspensions remain in effect until the required corrective measures are implemented and verified, or until the accreditation is cancelled.&lt;/div&gt;"/>
    <s v=""/>
    <x v="1"/>
    <s v=""/>
    <x v="8"/>
    <s v=""/>
    <s v="Information Technology Services"/>
    <s v="CFIA-CFIA - 1169"/>
    <s v="In Production"/>
    <s v="desktop"/>
    <x v="0"/>
    <x v="523"/>
  </r>
  <r>
    <x v="4"/>
    <x v="5"/>
    <x v="1803"/>
    <s v="scoc"/>
    <s v="&lt;div&gt;All organic certification holders under the Canada Organic Regime are required to comply with the Organic Products Regulations, 2009, the Canada Agricultural Products Act or the issued organic certificate.&lt;/div&gt;  &lt;div&gt;&amp;nbsp;&lt;/div&gt;  &lt;div&gt;Certification bodies accredited by the Canadian Food Inspection Agency can suspend a holder's certification if the holder has not complied with any provision of the Organic Products Regulations, 2009, the Canada Agricultural Products Act or the issued organic certificate.&lt;/div&gt;"/>
    <s v=""/>
    <x v="1"/>
    <s v=""/>
    <x v="8"/>
    <s v=""/>
    <s v="Information Technology Services"/>
    <s v="CFIA-CFIA - 1170"/>
    <s v="In Production"/>
    <s v="desktop"/>
    <x v="0"/>
    <x v="523"/>
  </r>
  <r>
    <x v="4"/>
    <x v="5"/>
    <x v="1804"/>
    <s v="te"/>
    <s v="Tracks events and potential incidents."/>
    <s v=""/>
    <x v="1"/>
    <s v=""/>
    <x v="8"/>
    <s v=""/>
    <s v="Information Technology Services"/>
    <s v="CFIA-CFIA - 1171"/>
    <s v="In Production"/>
    <s v="desktop"/>
    <x v="0"/>
    <x v="523"/>
  </r>
  <r>
    <x v="4"/>
    <x v="5"/>
    <x v="1805"/>
    <s v="tdp"/>
    <s v="Currently holds cattle, bison and sheep animal ID and movement information (limited), along with premises information from AB, SK, MB, ON &amp; PE."/>
    <s v=""/>
    <x v="1"/>
    <s v=""/>
    <x v="8"/>
    <s v=""/>
    <s v="Information Technology Services"/>
    <s v="CFIA-CFIA - 1172"/>
    <s v="In Production"/>
    <s v="desktop"/>
    <x v="0"/>
    <x v="523"/>
  </r>
  <r>
    <x v="4"/>
    <x v="5"/>
    <x v="1806"/>
    <s v="trlog"/>
    <s v="&lt;div&gt;Tracking log for PPB employees attending NTI and other training courses.&lt;/div&gt;"/>
    <s v=""/>
    <x v="1"/>
    <s v=""/>
    <x v="8"/>
    <s v=""/>
    <s v="Information Technology Services"/>
    <s v="CFIA-CFIA - 1173"/>
    <s v="In Production"/>
    <s v="desktop"/>
    <x v="0"/>
    <x v="523"/>
  </r>
  <r>
    <x v="4"/>
    <x v="5"/>
    <x v="1807"/>
    <s v="vcci"/>
    <s v="Freezerworks software program Which contains data of location and amount for cell cultures and viral cultures. These viral cultures include restricted CL-2-CL-4 agents."/>
    <s v=""/>
    <x v="1"/>
    <s v=""/>
    <x v="8"/>
    <s v=""/>
    <s v="Information Technology Services"/>
    <s v="CFIA-CFIA - 1174"/>
    <s v="In Production"/>
    <s v="desktop"/>
    <x v="0"/>
    <x v="523"/>
  </r>
  <r>
    <x v="4"/>
    <x v="5"/>
    <x v="1808"/>
    <s v="vrolc"/>
    <s v="&lt;div&gt;Lists the official names of various crop types.&lt;/div&gt;"/>
    <s v=""/>
    <x v="1"/>
    <s v=""/>
    <x v="8"/>
    <s v=""/>
    <s v="Information Technology Services"/>
    <s v="CFIA-CFIA - 1175"/>
    <s v="In Production"/>
    <s v="desktop"/>
    <x v="0"/>
    <x v="523"/>
  </r>
  <r>
    <x v="4"/>
    <x v="5"/>
    <x v="1809"/>
    <s v="vromaa"/>
    <s v="&lt;div&gt;Tracks the multiplication applications which resulted in agreements issued per year.&lt;/div&gt;"/>
    <s v=""/>
    <x v="1"/>
    <s v=""/>
    <x v="8"/>
    <s v=""/>
    <s v="Information Technology Services"/>
    <s v="CFIA-CFIA - 1176"/>
    <s v="In Production"/>
    <s v="desktop"/>
    <x v="0"/>
    <x v="523"/>
  </r>
  <r>
    <x v="4"/>
    <x v="5"/>
    <x v="1810"/>
    <s v="vroncd"/>
    <s v="&lt;div&gt;List of variety names submitted to VRO for which a name check was conducted.&lt;/div&gt;"/>
    <s v=""/>
    <x v="1"/>
    <s v=""/>
    <x v="8"/>
    <s v=""/>
    <s v="Information Technology Services"/>
    <s v="CFIA-CFIA - 1177"/>
    <s v="In Production"/>
    <s v="desktop"/>
    <x v="0"/>
    <x v="523"/>
  </r>
  <r>
    <x v="4"/>
    <x v="5"/>
    <x v="1811"/>
    <s v="vropdr"/>
    <s v="&lt;div&gt;Pedigree database of varieties that are registered.&lt;/div&gt;"/>
    <s v=""/>
    <x v="1"/>
    <s v=""/>
    <x v="8"/>
    <s v=""/>
    <s v="Information Technology Services"/>
    <s v="CFIA-CFIA - 1178"/>
    <s v="In Production"/>
    <s v="desktop"/>
    <x v="0"/>
    <x v="523"/>
  </r>
  <r>
    <x v="4"/>
    <x v="5"/>
    <x v="1812"/>
    <s v="vrorst"/>
    <s v="&lt;div&gt;Used to track seed samples submitted to VRO to eventually be send over to the lab.&lt;/div&gt;"/>
    <s v=""/>
    <x v="1"/>
    <s v=""/>
    <x v="8"/>
    <s v=""/>
    <s v="Information Technology Services"/>
    <s v="CFIA-CFIA - 1179"/>
    <s v="In Production"/>
    <s v="desktop"/>
    <x v="0"/>
    <x v="523"/>
  </r>
  <r>
    <x v="4"/>
    <x v="5"/>
    <x v="1813"/>
    <s v="vrorvl"/>
    <s v="&lt;div&gt;List of varieties registered by VRO and posted externally 5956639.&lt;/div&gt;"/>
    <s v=""/>
    <x v="1"/>
    <s v=""/>
    <x v="8"/>
    <s v=""/>
    <s v="Information Technology Services"/>
    <s v="CFIA-CFIA - 1180"/>
    <s v="In Production"/>
    <s v="desktop"/>
    <x v="0"/>
    <x v="523"/>
  </r>
  <r>
    <x v="4"/>
    <x v="5"/>
    <x v="1814"/>
    <s v="vropbl"/>
    <s v="&lt;div&gt;list of plant breeders supplied and maintained by the Canadian Seed Growers Association.&lt;/div&gt;"/>
    <s v=""/>
    <x v="1"/>
    <s v=""/>
    <x v="8"/>
    <s v=""/>
    <s v="Information Technology Services"/>
    <s v="CFIA-CFIA - 1181"/>
    <s v="In Production"/>
    <s v="desktop"/>
    <x v="0"/>
    <x v="523"/>
  </r>
  <r>
    <x v="4"/>
    <x v="5"/>
    <x v="1815"/>
    <s v="cealfse"/>
    <s v=""/>
    <s v=""/>
    <x v="1"/>
    <s v=""/>
    <x v="8"/>
    <s v=""/>
    <s v="Information Technology Services"/>
    <s v="CFIA-CFIA - 1182"/>
    <s v="In Production"/>
    <s v="desktop"/>
    <x v="0"/>
    <x v="523"/>
  </r>
  <r>
    <x v="4"/>
    <x v="5"/>
    <x v="1816"/>
    <s v="crr"/>
    <s v="&lt;div&gt;The chemical residue surveillance program of the Canadian Food Inspection Agency (CFIA) consists of three well-defined components. The first is monitoring sampling, which probes the food supply for potential contamination and is managed under the National Chemical Residue Monitoring Program (NCRMP). The second is directed sampling which focuses on identified chemical contamination issues and the third is compliance sampling, which seeks removal of food in violation of standards from the marketplace.&lt;/div&gt;"/>
    <s v=""/>
    <x v="1"/>
    <s v=""/>
    <x v="8"/>
    <s v=""/>
    <s v="Information Technology Services"/>
    <s v="CFIA-CFIA - 1183"/>
    <s v="In Production"/>
    <s v="desktop"/>
    <x v="0"/>
    <x v="523"/>
  </r>
  <r>
    <x v="4"/>
    <x v="5"/>
    <x v="1817"/>
    <s v=""/>
    <s v=""/>
    <s v=""/>
    <x v="1"/>
    <s v=""/>
    <x v="8"/>
    <s v=""/>
    <s v="Information Technology Services"/>
    <s v="CFIA-CFIA - 1184"/>
    <s v="In Production"/>
    <s v="desktop"/>
    <x v="0"/>
    <x v="523"/>
  </r>
  <r>
    <x v="4"/>
    <x v="5"/>
    <x v="1818"/>
    <s v=""/>
    <s v=""/>
    <s v=""/>
    <x v="1"/>
    <s v=""/>
    <x v="8"/>
    <s v=""/>
    <s v="Information Technology Services"/>
    <s v="CFIA-CFIA - 1185"/>
    <s v="In Production"/>
    <s v="desktop"/>
    <x v="0"/>
    <x v="523"/>
  </r>
  <r>
    <x v="4"/>
    <x v="5"/>
    <x v="1819"/>
    <s v=""/>
    <s v=""/>
    <s v=""/>
    <x v="1"/>
    <s v=""/>
    <x v="8"/>
    <s v=""/>
    <s v="Information Technology Services"/>
    <s v="CFIA-CFIA - 1186"/>
    <s v="In Production"/>
    <s v="desktop"/>
    <x v="0"/>
    <x v="523"/>
  </r>
  <r>
    <x v="4"/>
    <x v="5"/>
    <x v="1820"/>
    <s v=""/>
    <s v=""/>
    <s v=""/>
    <x v="1"/>
    <s v=""/>
    <x v="8"/>
    <s v=""/>
    <s v="Information Technology Services"/>
    <s v="CFIA-CFIA - 1187"/>
    <s v="In Production"/>
    <s v="desktop"/>
    <x v="0"/>
    <x v="523"/>
  </r>
  <r>
    <x v="4"/>
    <x v="5"/>
    <x v="1821"/>
    <s v=""/>
    <s v=""/>
    <s v=""/>
    <x v="1"/>
    <s v=""/>
    <x v="8"/>
    <s v=""/>
    <s v="Information Technology Services"/>
    <s v="CFIA-CFIA - 1189"/>
    <s v="In Production"/>
    <s v="desktop"/>
    <x v="0"/>
    <x v="523"/>
  </r>
  <r>
    <x v="4"/>
    <x v="5"/>
    <x v="1822"/>
    <s v=""/>
    <s v=""/>
    <s v=""/>
    <x v="1"/>
    <s v=""/>
    <x v="8"/>
    <s v=""/>
    <s v="Information Technology Services"/>
    <s v="CFIA-CFIA - 1190"/>
    <s v="In Production"/>
    <s v="desktop"/>
    <x v="0"/>
    <x v="523"/>
  </r>
  <r>
    <x v="4"/>
    <x v="5"/>
    <x v="1823"/>
    <s v=""/>
    <s v=""/>
    <s v=""/>
    <x v="1"/>
    <s v=""/>
    <x v="8"/>
    <s v=""/>
    <s v="Information Technology Services"/>
    <s v="CFIA-CFIA - 1196"/>
    <s v="In Production"/>
    <s v="desktop"/>
    <x v="0"/>
    <x v="523"/>
  </r>
  <r>
    <x v="4"/>
    <x v="5"/>
    <x v="1824"/>
    <s v=""/>
    <s v=""/>
    <s v=""/>
    <x v="1"/>
    <s v=""/>
    <x v="8"/>
    <s v=""/>
    <s v="Information Technology Services"/>
    <s v="CFIA-CFIA - 1197"/>
    <s v="In Production"/>
    <s v="desktop"/>
    <x v="0"/>
    <x v="523"/>
  </r>
  <r>
    <x v="4"/>
    <x v="5"/>
    <x v="1825"/>
    <s v=""/>
    <s v=""/>
    <s v=""/>
    <x v="1"/>
    <s v=""/>
    <x v="8"/>
    <s v=""/>
    <s v="Information Technology Services"/>
    <s v="CFIA-CFIA - 1198"/>
    <s v="In Production"/>
    <s v="desktop"/>
    <x v="0"/>
    <x v="523"/>
  </r>
  <r>
    <x v="4"/>
    <x v="5"/>
    <x v="1826"/>
    <s v=""/>
    <s v=""/>
    <s v=""/>
    <x v="1"/>
    <s v=""/>
    <x v="8"/>
    <s v=""/>
    <s v="Information Technology Services"/>
    <s v="CFIA-CFIA - 1199"/>
    <s v="In Production"/>
    <s v="desktop"/>
    <x v="0"/>
    <x v="523"/>
  </r>
  <r>
    <x v="4"/>
    <x v="5"/>
    <x v="1827"/>
    <s v=""/>
    <s v=""/>
    <s v=""/>
    <x v="1"/>
    <s v=""/>
    <x v="9"/>
    <s v=""/>
    <s v=""/>
    <s v="CGC-001"/>
    <s v="In Production"/>
    <s v=""/>
    <x v="1"/>
    <x v="106"/>
  </r>
  <r>
    <x v="4"/>
    <x v="5"/>
    <x v="1828"/>
    <s v=""/>
    <s v=""/>
    <s v=""/>
    <x v="1"/>
    <s v=""/>
    <x v="9"/>
    <s v=""/>
    <s v=""/>
    <s v="CGC-002"/>
    <s v="In Production"/>
    <s v=""/>
    <x v="1"/>
    <x v="106"/>
  </r>
  <r>
    <x v="4"/>
    <x v="5"/>
    <x v="1829"/>
    <s v=""/>
    <s v=""/>
    <s v=""/>
    <x v="1"/>
    <s v=""/>
    <x v="9"/>
    <s v=""/>
    <s v=""/>
    <s v="CGC-003"/>
    <s v="In Production"/>
    <s v=""/>
    <x v="1"/>
    <x v="106"/>
  </r>
  <r>
    <x v="4"/>
    <x v="5"/>
    <x v="1830"/>
    <s v=""/>
    <s v=""/>
    <s v=""/>
    <x v="1"/>
    <s v=""/>
    <x v="9"/>
    <s v=""/>
    <s v=""/>
    <s v="CGC-004"/>
    <s v="In Production"/>
    <s v=""/>
    <x v="1"/>
    <x v="106"/>
  </r>
  <r>
    <x v="4"/>
    <x v="5"/>
    <x v="1831"/>
    <s v=""/>
    <s v=""/>
    <s v=""/>
    <x v="1"/>
    <s v=""/>
    <x v="9"/>
    <s v=""/>
    <s v=""/>
    <s v="CGC-005"/>
    <s v="In Production"/>
    <s v=""/>
    <x v="1"/>
    <x v="106"/>
  </r>
  <r>
    <x v="4"/>
    <x v="5"/>
    <x v="1832"/>
    <s v=""/>
    <s v=""/>
    <s v=""/>
    <x v="1"/>
    <s v=""/>
    <x v="9"/>
    <s v=""/>
    <s v=""/>
    <s v="CGC-006"/>
    <s v="In Production"/>
    <s v=""/>
    <x v="1"/>
    <x v="106"/>
  </r>
  <r>
    <x v="4"/>
    <x v="5"/>
    <x v="1833"/>
    <s v=""/>
    <s v=""/>
    <s v=""/>
    <x v="1"/>
    <s v=""/>
    <x v="9"/>
    <s v=""/>
    <s v=""/>
    <s v="CGC-007"/>
    <s v="In Production"/>
    <s v=""/>
    <x v="1"/>
    <x v="106"/>
  </r>
  <r>
    <x v="4"/>
    <x v="5"/>
    <x v="1834"/>
    <s v=""/>
    <s v=""/>
    <s v=""/>
    <x v="1"/>
    <s v=""/>
    <x v="9"/>
    <s v=""/>
    <s v=""/>
    <s v="CGC-008"/>
    <s v="In Production"/>
    <s v=""/>
    <x v="1"/>
    <x v="106"/>
  </r>
  <r>
    <x v="4"/>
    <x v="5"/>
    <x v="1835"/>
    <s v=""/>
    <s v=""/>
    <s v=""/>
    <x v="1"/>
    <s v=""/>
    <x v="9"/>
    <s v=""/>
    <s v=""/>
    <s v="CGC-009"/>
    <s v="In Production"/>
    <s v=""/>
    <x v="1"/>
    <x v="106"/>
  </r>
  <r>
    <x v="4"/>
    <x v="5"/>
    <x v="1836"/>
    <s v=""/>
    <s v=""/>
    <s v=""/>
    <x v="1"/>
    <s v=""/>
    <x v="9"/>
    <s v=""/>
    <s v=""/>
    <s v="CGC-010"/>
    <s v="In Production"/>
    <s v=""/>
    <x v="1"/>
    <x v="106"/>
  </r>
  <r>
    <x v="4"/>
    <x v="5"/>
    <x v="1837"/>
    <s v=""/>
    <s v=""/>
    <s v=""/>
    <x v="1"/>
    <s v=""/>
    <x v="9"/>
    <s v=""/>
    <s v=""/>
    <s v="CGC-011"/>
    <s v="In Production"/>
    <s v=""/>
    <x v="1"/>
    <x v="106"/>
  </r>
  <r>
    <x v="4"/>
    <x v="5"/>
    <x v="1838"/>
    <s v=""/>
    <s v=""/>
    <s v=""/>
    <x v="1"/>
    <s v=""/>
    <x v="9"/>
    <s v=""/>
    <s v=""/>
    <s v="CGC-012"/>
    <s v="In Production"/>
    <s v=""/>
    <x v="1"/>
    <x v="106"/>
  </r>
  <r>
    <x v="4"/>
    <x v="5"/>
    <x v="1839"/>
    <s v=""/>
    <s v=""/>
    <s v=""/>
    <x v="1"/>
    <s v=""/>
    <x v="9"/>
    <s v=""/>
    <s v=""/>
    <s v="CGC-013"/>
    <s v="In Production"/>
    <s v=""/>
    <x v="1"/>
    <x v="106"/>
  </r>
  <r>
    <x v="4"/>
    <x v="5"/>
    <x v="1840"/>
    <s v=""/>
    <s v=""/>
    <s v=""/>
    <x v="1"/>
    <s v=""/>
    <x v="9"/>
    <s v=""/>
    <s v=""/>
    <s v="CGC-014"/>
    <s v="In Production"/>
    <s v=""/>
    <x v="1"/>
    <x v="106"/>
  </r>
  <r>
    <x v="4"/>
    <x v="5"/>
    <x v="1841"/>
    <s v=""/>
    <s v=""/>
    <s v=""/>
    <x v="1"/>
    <s v=""/>
    <x v="9"/>
    <s v=""/>
    <s v=""/>
    <s v="CGC-015"/>
    <s v="In Production"/>
    <s v=""/>
    <x v="1"/>
    <x v="106"/>
  </r>
  <r>
    <x v="4"/>
    <x v="5"/>
    <x v="1842"/>
    <s v=""/>
    <s v=""/>
    <s v=""/>
    <x v="1"/>
    <s v=""/>
    <x v="9"/>
    <s v=""/>
    <s v=""/>
    <s v="CGC-016"/>
    <s v="In Production"/>
    <s v=""/>
    <x v="1"/>
    <x v="106"/>
  </r>
  <r>
    <x v="4"/>
    <x v="5"/>
    <x v="1843"/>
    <s v=""/>
    <s v=""/>
    <s v=""/>
    <x v="1"/>
    <s v=""/>
    <x v="9"/>
    <s v=""/>
    <s v=""/>
    <s v="CGC-017"/>
    <s v="In Production"/>
    <s v=""/>
    <x v="1"/>
    <x v="106"/>
  </r>
  <r>
    <x v="4"/>
    <x v="5"/>
    <x v="1844"/>
    <s v=""/>
    <s v=""/>
    <s v=""/>
    <x v="1"/>
    <s v=""/>
    <x v="9"/>
    <s v=""/>
    <s v=""/>
    <s v="CGC-018"/>
    <s v="In Production"/>
    <s v=""/>
    <x v="1"/>
    <x v="106"/>
  </r>
  <r>
    <x v="4"/>
    <x v="5"/>
    <x v="1845"/>
    <s v=""/>
    <s v=""/>
    <s v=""/>
    <x v="1"/>
    <s v=""/>
    <x v="9"/>
    <s v=""/>
    <s v=""/>
    <s v="CGC-019"/>
    <s v="In Production"/>
    <s v=""/>
    <x v="1"/>
    <x v="106"/>
  </r>
  <r>
    <x v="4"/>
    <x v="5"/>
    <x v="1846"/>
    <s v=""/>
    <s v=""/>
    <s v=""/>
    <x v="1"/>
    <s v=""/>
    <x v="9"/>
    <s v=""/>
    <s v=""/>
    <s v="CGC-020"/>
    <s v="In Production"/>
    <s v=""/>
    <x v="1"/>
    <x v="106"/>
  </r>
  <r>
    <x v="4"/>
    <x v="5"/>
    <x v="1847"/>
    <s v=""/>
    <s v=""/>
    <s v=""/>
    <x v="1"/>
    <s v=""/>
    <x v="9"/>
    <s v=""/>
    <s v=""/>
    <s v="CGC-021"/>
    <s v="In Production"/>
    <s v=""/>
    <x v="1"/>
    <x v="106"/>
  </r>
  <r>
    <x v="4"/>
    <x v="5"/>
    <x v="1848"/>
    <s v=""/>
    <s v=""/>
    <s v=""/>
    <x v="1"/>
    <s v=""/>
    <x v="9"/>
    <s v=""/>
    <s v=""/>
    <s v="CGC-022"/>
    <s v="In Production"/>
    <s v=""/>
    <x v="1"/>
    <x v="106"/>
  </r>
  <r>
    <x v="4"/>
    <x v="5"/>
    <x v="1849"/>
    <s v=""/>
    <s v=""/>
    <s v=""/>
    <x v="1"/>
    <s v=""/>
    <x v="9"/>
    <s v=""/>
    <s v=""/>
    <s v="CGC-023"/>
    <s v="In Production"/>
    <s v=""/>
    <x v="1"/>
    <x v="106"/>
  </r>
  <r>
    <x v="4"/>
    <x v="5"/>
    <x v="1850"/>
    <s v=""/>
    <s v=""/>
    <s v=""/>
    <x v="1"/>
    <s v=""/>
    <x v="9"/>
    <s v=""/>
    <s v=""/>
    <s v="CGC-024"/>
    <s v="In Production"/>
    <s v=""/>
    <x v="1"/>
    <x v="106"/>
  </r>
  <r>
    <x v="4"/>
    <x v="5"/>
    <x v="1851"/>
    <s v=""/>
    <s v=""/>
    <s v=""/>
    <x v="1"/>
    <s v=""/>
    <x v="9"/>
    <s v=""/>
    <s v=""/>
    <s v="CGC-025"/>
    <s v="In Production"/>
    <s v=""/>
    <x v="1"/>
    <x v="106"/>
  </r>
  <r>
    <x v="4"/>
    <x v="5"/>
    <x v="1852"/>
    <s v=""/>
    <s v=""/>
    <s v=""/>
    <x v="1"/>
    <s v=""/>
    <x v="9"/>
    <s v=""/>
    <s v=""/>
    <s v="CGC-026"/>
    <s v="In Production"/>
    <s v=""/>
    <x v="1"/>
    <x v="106"/>
  </r>
  <r>
    <x v="4"/>
    <x v="5"/>
    <x v="1853"/>
    <s v=""/>
    <s v=""/>
    <s v=""/>
    <x v="1"/>
    <s v=""/>
    <x v="9"/>
    <s v=""/>
    <s v=""/>
    <s v="CGC-027"/>
    <s v="In Production"/>
    <s v=""/>
    <x v="1"/>
    <x v="106"/>
  </r>
  <r>
    <x v="4"/>
    <x v="5"/>
    <x v="1854"/>
    <s v=""/>
    <s v=""/>
    <s v=""/>
    <x v="1"/>
    <s v=""/>
    <x v="9"/>
    <s v=""/>
    <s v=""/>
    <s v="CGC-028"/>
    <s v="In Production"/>
    <s v=""/>
    <x v="1"/>
    <x v="106"/>
  </r>
  <r>
    <x v="4"/>
    <x v="5"/>
    <x v="1855"/>
    <s v=""/>
    <s v=""/>
    <s v=""/>
    <x v="1"/>
    <s v=""/>
    <x v="9"/>
    <s v=""/>
    <s v=""/>
    <s v="CGC-029"/>
    <s v="In Production"/>
    <s v=""/>
    <x v="1"/>
    <x v="106"/>
  </r>
  <r>
    <x v="4"/>
    <x v="5"/>
    <x v="1856"/>
    <s v=""/>
    <s v=""/>
    <s v=""/>
    <x v="1"/>
    <s v=""/>
    <x v="9"/>
    <s v=""/>
    <s v=""/>
    <s v="CGC-030"/>
    <s v="In Production"/>
    <s v=""/>
    <x v="1"/>
    <x v="106"/>
  </r>
  <r>
    <x v="4"/>
    <x v="5"/>
    <x v="1857"/>
    <s v=""/>
    <s v=""/>
    <s v=""/>
    <x v="1"/>
    <s v=""/>
    <x v="9"/>
    <s v=""/>
    <s v=""/>
    <s v="CGC-031"/>
    <s v="In Production"/>
    <s v=""/>
    <x v="1"/>
    <x v="106"/>
  </r>
  <r>
    <x v="4"/>
    <x v="5"/>
    <x v="1858"/>
    <s v=""/>
    <s v=""/>
    <s v=""/>
    <x v="1"/>
    <s v=""/>
    <x v="9"/>
    <s v=""/>
    <s v=""/>
    <s v="CGC-032"/>
    <s v="In Production"/>
    <s v=""/>
    <x v="1"/>
    <x v="106"/>
  </r>
  <r>
    <x v="4"/>
    <x v="5"/>
    <x v="1859"/>
    <s v=""/>
    <s v=""/>
    <s v=""/>
    <x v="1"/>
    <s v=""/>
    <x v="9"/>
    <s v=""/>
    <s v=""/>
    <s v="CGC-033"/>
    <s v="In Production"/>
    <s v=""/>
    <x v="1"/>
    <x v="106"/>
  </r>
  <r>
    <x v="4"/>
    <x v="5"/>
    <x v="1860"/>
    <s v=""/>
    <s v=""/>
    <s v=""/>
    <x v="1"/>
    <s v=""/>
    <x v="9"/>
    <s v=""/>
    <s v=""/>
    <s v="CGC-034"/>
    <s v="In Production"/>
    <s v=""/>
    <x v="0"/>
    <x v="106"/>
  </r>
  <r>
    <x v="4"/>
    <x v="5"/>
    <x v="1861"/>
    <s v=""/>
    <s v=""/>
    <s v=""/>
    <x v="1"/>
    <s v=""/>
    <x v="9"/>
    <s v=""/>
    <s v=""/>
    <s v="CGC-035"/>
    <s v="In Production"/>
    <s v=""/>
    <x v="1"/>
    <x v="106"/>
  </r>
  <r>
    <x v="4"/>
    <x v="5"/>
    <x v="1862"/>
    <s v=""/>
    <s v=""/>
    <s v=""/>
    <x v="1"/>
    <s v=""/>
    <x v="9"/>
    <s v=""/>
    <s v=""/>
    <s v="CGC-036"/>
    <s v="In Production"/>
    <s v=""/>
    <x v="1"/>
    <x v="106"/>
  </r>
  <r>
    <x v="4"/>
    <x v="5"/>
    <x v="1863"/>
    <s v=""/>
    <s v=""/>
    <s v=""/>
    <x v="1"/>
    <s v=""/>
    <x v="9"/>
    <s v=""/>
    <s v=""/>
    <s v="CGC-037"/>
    <s v="In Production"/>
    <s v=""/>
    <x v="0"/>
    <x v="106"/>
  </r>
  <r>
    <x v="3"/>
    <x v="4"/>
    <x v="1864"/>
    <s v=""/>
    <s v="The Aboriginal Affairs Database is a custom application conventionally known as the Treaties Database. This database supports the Government of Canada in their characteristically lengthy and on-going negotiations pertaining to self-government, comprehensive claims, and sectorial agreements"/>
    <s v="WorkDynamics_Technologies_Inc"/>
    <x v="0"/>
    <s v=""/>
    <x v="10"/>
    <s v="Heritage"/>
    <s v="Management and Oversight Services"/>
    <s v="PCH-PCH-001"/>
    <s v=""/>
    <s v="desktop"/>
    <x v="0"/>
    <x v="146"/>
  </r>
  <r>
    <x v="3"/>
    <x v="45"/>
    <x v="1865"/>
    <s v=""/>
    <s v="This MS Access database serves to register all calls received and who it was assigned to."/>
    <s v="Other"/>
    <x v="1"/>
    <s v="Microsoft Corporation, Access"/>
    <x v="10"/>
    <s v="Heritage and Celebration"/>
    <s v="Communications Services,Information Management Services"/>
    <s v="PCH-PCH-002"/>
    <s v="In Production"/>
    <s v="desktop"/>
    <x v="0"/>
    <x v="10"/>
  </r>
  <r>
    <x v="3"/>
    <x v="45"/>
    <x v="1866"/>
    <s v="CMTS - Members"/>
    <s v="The software helps monitor thes processes, and supplicments related reporting requirements such as outstanding items and upcoming events."/>
    <s v="Other"/>
    <x v="39"/>
    <s v="Microsoft Corporation, Access"/>
    <x v="10"/>
    <s v="Heritage and Celebration"/>
    <s v="Information Management Services,Other"/>
    <s v="PCH-PCH-003"/>
    <s v="In Production"/>
    <s v="desktop"/>
    <x v="0"/>
    <x v="10"/>
  </r>
  <r>
    <x v="3"/>
    <x v="92"/>
    <x v="1867"/>
    <s v=""/>
    <s v="Online registration form for museums who want to become AC Contributors   **NOTE: Online submissions are received at CHIN via email This application is part of PCH-375 PCH Online Forms."/>
    <s v="Other"/>
    <x v="1"/>
    <s v="Developed in-house"/>
    <x v="10"/>
    <s v="Heritage and Celebration"/>
    <s v="Communications Services,Information Management Services"/>
    <s v="PCH-PCH-017"/>
    <s v="In Production"/>
    <s v="web"/>
    <x v="1"/>
    <x v="536"/>
  </r>
  <r>
    <x v="6"/>
    <x v="24"/>
    <x v="1868"/>
    <s v=""/>
    <s v="Tracking System - Service request for Web"/>
    <s v="Other"/>
    <x v="1"/>
    <s v="Fog Creek Software, FogBugz"/>
    <x v="10"/>
    <s v="Internal Services"/>
    <s v="Information Technology Services,Information Technology Services"/>
    <s v="PCH-PCH-023"/>
    <s v="In Production"/>
    <s v="web"/>
    <x v="0"/>
    <x v="537"/>
  </r>
  <r>
    <x v="0"/>
    <x v="11"/>
    <x v="1869"/>
    <s v="CHIN"/>
    <s v="The PCH gateway is the application getting all requests from browsers and calling each application on an internal server. It applies homogeneously the same WET template on all applications."/>
    <s v="Other"/>
    <x v="1"/>
    <s v="Developed in-house"/>
    <x v="10"/>
    <s v="Heritage and Celebration"/>
    <s v="Communications Services,Information Management Services"/>
    <s v="PCH-PCH-025"/>
    <s v="In Production"/>
    <s v="web"/>
    <x v="1"/>
    <x v="538"/>
  </r>
  <r>
    <x v="10"/>
    <x v="55"/>
    <x v="1870"/>
    <s v="CAS"/>
    <s v="Central authentication service to support AICH (Artists in Canada) and CHIN DD"/>
    <s v="Other"/>
    <x v="1"/>
    <s v="Developed in-house"/>
    <x v="10"/>
    <s v="Heritage and Celebration"/>
    <s v="Information Technology Services"/>
    <s v="PCH-PCH-028"/>
    <s v="In Production"/>
    <s v="web"/>
    <x v="1"/>
    <x v="146"/>
  </r>
  <r>
    <x v="3"/>
    <x v="45"/>
    <x v="1871"/>
    <s v="AC"/>
    <s v="Artefacts Canada - Humanities is Canada’s national inventory of museum humanities collections; it includes approximately 4 million object records and 800,000 images contributed by hundreds of museums and galleries across Canada. It is used by national and international audiences to research and discover Canadian cultural collections."/>
    <s v="Other"/>
    <x v="1"/>
    <s v="Developed in-house"/>
    <x v="10"/>
    <s v="Heritage and Celebration"/>
    <s v="Communications Services,Information Management Services"/>
    <s v="PCH-PCH-038"/>
    <s v="In Production"/>
    <s v="web"/>
    <x v="1"/>
    <x v="119"/>
  </r>
  <r>
    <x v="3"/>
    <x v="45"/>
    <x v="1872"/>
    <s v="AC"/>
    <s v="This application allows CHIN contributing members to map their data/fields to ours and to upload/contribute their data to Artefacts Canada"/>
    <s v="Other"/>
    <x v="1"/>
    <s v="Developed in-house"/>
    <x v="10"/>
    <s v="Heritage and Celebration"/>
    <s v="Communications Services,Information Management Services"/>
    <s v="PCH-PCH-040"/>
    <s v="In Production"/>
    <s v="web"/>
    <x v="1"/>
    <x v="119"/>
  </r>
  <r>
    <x v="3"/>
    <x v="45"/>
    <x v="1873"/>
    <s v="AC"/>
    <s v="This application allows CHIN to complete the registration process for new Artefacts Canada contributors"/>
    <s v="Other"/>
    <x v="1"/>
    <s v="Developed in-house"/>
    <x v="10"/>
    <s v="Heritage and Celebration"/>
    <s v="Information Management Services,Information Technology Services"/>
    <s v="PCH-PCH-041"/>
    <s v="In Production"/>
    <s v="web"/>
    <x v="1"/>
    <x v="119"/>
  </r>
  <r>
    <x v="0"/>
    <x v="7"/>
    <x v="1874"/>
    <s v=""/>
    <s v="A document library for sharing documents and tools with regions for the new World War Commemorations Community Fund"/>
    <s v="Other"/>
    <x v="1"/>
    <s v="IBM, Lotus Notes"/>
    <x v="10"/>
    <s v="Heritage"/>
    <s v="Financial Management Services,Information Management Services"/>
    <s v="PCH-PCH-042"/>
    <s v=""/>
    <s v="desktop"/>
    <x v="0"/>
    <x v="106"/>
  </r>
  <r>
    <x v="3"/>
    <x v="45"/>
    <x v="1875"/>
    <s v="AICH"/>
    <s v="Artists in Canada is compiled and maintained by the National Gallery of Canada Library (NGC). It is a bilingual union list that identifies the location of documentation files on almost 56,000 Canadian artists. There is also a contribution tool that enables NGC to modify current records and contribute new records."/>
    <s v="Other"/>
    <x v="1"/>
    <s v="Developed in-house"/>
    <x v="10"/>
    <s v="Heritage and Celebration"/>
    <s v="Information Management Services,Information Technology Services"/>
    <s v="PCH-PCH-051"/>
    <s v="In Production"/>
    <s v="web"/>
    <x v="1"/>
    <x v="539"/>
  </r>
  <r>
    <x v="3"/>
    <x v="45"/>
    <x v="1876"/>
    <s v="CHINDD"/>
    <s v="The CHIN Data Dictionary contains a description of database fields for museum collection management and documentation"/>
    <s v="Other"/>
    <x v="1"/>
    <s v="Developed in-house"/>
    <x v="10"/>
    <s v="Heritage and Celebration"/>
    <s v="Information Management Services,Information Technology Services"/>
    <s v="PCH-PCH-053"/>
    <s v="In Production"/>
    <s v="web"/>
    <x v="1"/>
    <x v="539"/>
  </r>
  <r>
    <x v="3"/>
    <x v="45"/>
    <x v="1877"/>
    <s v="PVD"/>
    <s v="Web version of the Parks Canada Descriptive and Visual Dictionary of Objects. The Descriptive and Visual Dictionary of Objects is a bilingual museum classification system and vocabulary standard used in Canada for humanities collections."/>
    <s v="Other"/>
    <x v="1"/>
    <s v="Developed in-house"/>
    <x v="10"/>
    <s v="Heritage and Celebration"/>
    <s v="Information Management Services,Information Technology Services"/>
    <s v="PCH-PCH-055"/>
    <s v="In Production"/>
    <s v="web"/>
    <x v="1"/>
    <x v="540"/>
  </r>
  <r>
    <x v="3"/>
    <x v="45"/>
    <x v="1878"/>
    <s v="Forum"/>
    <s v="Allows CHIN to manage the Forum application.  Allows CHIN to review new content added to the Forum by any user and allows CHIN to accept, delete or archive submissions"/>
    <s v="Other"/>
    <x v="1"/>
    <s v="Developed in-house"/>
    <x v="10"/>
    <s v="Heritage"/>
    <s v="Information Management Services,Information Technology Services"/>
    <s v="PCH-PCH-059"/>
    <s v=""/>
    <s v="desktop"/>
    <x v="1"/>
    <x v="541"/>
  </r>
  <r>
    <x v="0"/>
    <x v="18"/>
    <x v="1879"/>
    <s v="Feedback"/>
    <s v="Anti-spam Feedback for the website and web applications. Administration interface."/>
    <s v="Other"/>
    <x v="1"/>
    <s v="Developed in-house"/>
    <x v="10"/>
    <s v="Heritage and Celebration"/>
    <s v="Communications Services,Information Management Services"/>
    <s v="PCH-PCH-060"/>
    <s v="In Production"/>
    <s v="web"/>
    <x v="1"/>
    <x v="540"/>
  </r>
  <r>
    <x v="0"/>
    <x v="7"/>
    <x v="1880"/>
    <s v="SVN"/>
    <s v="Internal version control tool"/>
    <s v="Other"/>
    <x v="1"/>
    <s v="Apache, SVN Version Control"/>
    <x v="10"/>
    <s v="Internal Services"/>
    <s v="Information Management Services,Information Technology Services"/>
    <s v="PCH-PCH-063"/>
    <s v="In Production"/>
    <s v="desktop"/>
    <x v="0"/>
    <x v="106"/>
  </r>
  <r>
    <x v="6"/>
    <x v="36"/>
    <x v="1881"/>
    <s v="Wordpress"/>
    <s v="Content Management for Newsletter items published on CHIN Blog"/>
    <s v="Other"/>
    <x v="1"/>
    <s v="WordPress"/>
    <x v="10"/>
    <s v="Heritage and Celebration"/>
    <s v="Communications Services,Information Technology Services"/>
    <s v="PCH-PCH-065"/>
    <s v="In Production"/>
    <s v="web"/>
    <x v="0"/>
    <x v="540"/>
  </r>
  <r>
    <x v="10"/>
    <x v="59"/>
    <x v="1882"/>
    <s v="Nagios"/>
    <s v="Nagios is a monitoring tool used to monitor the status of CHIN's applications and servers. Emails are sent to administrators to notify them of problems of the environment."/>
    <s v="Other"/>
    <x v="1"/>
    <s v="Nagios"/>
    <x v="10"/>
    <s v="Internal Services"/>
    <s v="Information Technology Services"/>
    <s v="PCH-PCH-071"/>
    <s v=""/>
    <s v=""/>
    <x v="0"/>
    <x v="106"/>
  </r>
  <r>
    <x v="0"/>
    <x v="8"/>
    <x v="1883"/>
    <s v="tikiwiki"/>
    <s v="Application holding part of our technical documentation for CHIN Environment"/>
    <s v="Other"/>
    <x v="1"/>
    <s v="Tikiwiki"/>
    <x v="10"/>
    <s v="Internal Services"/>
    <s v="Information Management Services,Information Technology Services"/>
    <s v="PCH-PCH-072"/>
    <s v=""/>
    <s v=""/>
    <x v="0"/>
    <x v="542"/>
  </r>
  <r>
    <x v="6"/>
    <x v="21"/>
    <x v="1884"/>
    <s v=""/>
    <s v="Back-end db for tracking subscribers; Sends out corporate announcements, including calls for service applications, comms/marketing messages, training event notices, etc. to clients. ; To be integrated with PIMS"/>
    <s v="Other"/>
    <x v="1"/>
    <s v="Developed in-house"/>
    <x v="10"/>
    <s v="Heritage"/>
    <s v="Communications Services"/>
    <s v="PCH-PCH-092"/>
    <s v=""/>
    <s v=""/>
    <x v="1"/>
    <x v="541"/>
  </r>
  <r>
    <x v="0"/>
    <x v="16"/>
    <x v="1105"/>
    <s v=""/>
    <s v="Issues Management System. This application mainly tracks PIM issues. It also tracks Lotus Notes issues. Application has not been maintained, last purchase was in 2009."/>
    <s v="Other"/>
    <x v="1"/>
    <s v="Gemini, Countersoft"/>
    <x v="10"/>
    <s v="Heritage and Celebration"/>
    <s v="Information Management Services"/>
    <s v="PCH-PCH-097"/>
    <s v="In Production"/>
    <s v="desktop"/>
    <x v="0"/>
    <x v="146"/>
  </r>
  <r>
    <x v="0"/>
    <x v="7"/>
    <x v="1885"/>
    <s v=""/>
    <s v="Used by Building Services and Tenants Services for moves, supplies, telecom,  chemicals, shipments, building issues, warehouse, room setup.  NOTE: AngusAnywhere Pilot Project likely to begin in December 2014 including Work Order automation for Building maintenance portion.   A part of the Tenant Services component could be addressed with Angus COTS (Work Order automation). LotusNotes will be migrated to a new platform (pending Angus Pilot Project)."/>
    <s v="Other"/>
    <x v="1"/>
    <s v="IBM, Lotus Notes"/>
    <x v="10"/>
    <s v="Internal Services"/>
    <s v="Other"/>
    <s v="PCH-PCH-099"/>
    <s v=""/>
    <s v="desktop"/>
    <x v="1"/>
    <x v="106"/>
  </r>
  <r>
    <x v="0"/>
    <x v="16"/>
    <x v="1886"/>
    <s v="PIMS"/>
    <s v="Content management system- PIMS contains and manages all projects done for clients as well as internal project. The focus is on client projects.  Agreements with $$ figure, time forms, treatment, scientific analysis, workshop lectures, client contact information, storing of all legal documentation, reports for each project are stored in PIMS. This application is also used to track revenue.  Canditate applications for migration to PCH-114 PIMS and then be retired are: PCH-352 Proteus ( CCI Book Store Purchase), PCH-103 Icarus, PCH-117 Proteus Archive, Client Database (picklist), PCH-118 Proteus Dynamic List (picklist to keep)  Destop windows application .net."/>
    <s v="Other"/>
    <x v="1"/>
    <s v="Developed in-house"/>
    <x v="10"/>
    <s v="Heritage and Celebration"/>
    <s v="Financial Management Services,Information Management Services,Management and Oversight Services,Other"/>
    <s v="PCH-PCH-114"/>
    <s v="In Production"/>
    <s v="desktop"/>
    <x v="1"/>
    <x v="146"/>
  </r>
  <r>
    <x v="0"/>
    <x v="11"/>
    <x v="1887"/>
    <s v=""/>
    <m/>
    <s v="Other"/>
    <x v="39"/>
    <s v="Microsoft Corporation, Access"/>
    <x v="10"/>
    <s v="Heritage and Celebration"/>
    <s v="Information Management Services,Other"/>
    <s v="PCH-PCH-124"/>
    <s v="In Production"/>
    <s v="desktop"/>
    <x v="0"/>
    <x v="10"/>
  </r>
  <r>
    <x v="0"/>
    <x v="13"/>
    <x v="1888"/>
    <s v=""/>
    <s v="For each shipment requests contains detailed information about the shipment.  Uses email to send a document link. Sends email notification to shipping."/>
    <s v="Other"/>
    <x v="1"/>
    <s v="IBM, Lotus Notes"/>
    <x v="10"/>
    <s v="Heritage"/>
    <s v="Information Management Services"/>
    <s v="PCH-PCH-127"/>
    <s v=""/>
    <s v="desktop"/>
    <x v="1"/>
    <x v="106"/>
  </r>
  <r>
    <x v="5"/>
    <x v="94"/>
    <x v="1889"/>
    <s v=""/>
    <s v="Scientific analysis tool, desktop installed, shared license managed by a licensing server or service. Used to produce publication quality graphics from scientific data. Used for data analysis.  Alternative to Origin."/>
    <s v="Other"/>
    <x v="1"/>
    <s v="Systat Software Inc., Sigma Plot"/>
    <x v="10"/>
    <s v="Heritage and Celebration"/>
    <s v="Other"/>
    <s v="PCH-PCH-128"/>
    <s v="In Production"/>
    <s v="desktop"/>
    <x v="0"/>
    <x v="106"/>
  </r>
  <r>
    <x v="0"/>
    <x v="16"/>
    <x v="1890"/>
    <s v=""/>
    <m/>
    <s v="Other"/>
    <x v="1"/>
    <s v="Developed in-house"/>
    <x v="10"/>
    <s v="Heritage and Celebration"/>
    <s v="Information Management Services"/>
    <s v="PCH-PCH-137"/>
    <s v="In Production"/>
    <s v="web"/>
    <x v="1"/>
    <x v="146"/>
  </r>
  <r>
    <x v="3"/>
    <x v="45"/>
    <x v="1891"/>
    <s v=""/>
    <s v="Intro email send 17 Aug 2015, requesting to meet for an assessment. MS Access application used by the Human Right Program to collect data on the publications it distributes to the public. This information is collected for performance measurement and evaluation purposes. - Service Request Tracking - Tracks Human Rights Program Publications"/>
    <s v="Other"/>
    <x v="1"/>
    <s v="Microsoft Corporation, Access"/>
    <x v="10"/>
    <s v="Diversity and Inclusion"/>
    <s v="Information Management Services"/>
    <s v="PCH-PCH-149"/>
    <s v="In Production"/>
    <s v="desktop"/>
    <x v="0"/>
    <x v="10"/>
  </r>
  <r>
    <x v="2"/>
    <x v="70"/>
    <x v="1892"/>
    <s v=""/>
    <s v="Used  by Material Systems &amp; Assets group - COTS with scanner Nov. 26 - Nicholas Neveu advised that CEP currently uses an inventory system for their Rent and Load Program and that Nicholas will be meeting with CEP next week to discuss the possibilities to use their system.  Nicholas was informed by CIOB last year that conversion of their MsAccess 2003 database would cost $12,000.  He does not wish to spend that much money on their existing database.  Follow-up with Nicholas again at the end of December 2013 to confirm if he is moving on to the CEP inventory system and if not what he wishes to do with his existing MsAccess 2003 database."/>
    <s v="Other"/>
    <x v="1"/>
    <s v="TracerPlus"/>
    <x v="10"/>
    <s v="Internal Services"/>
    <s v="Information Management Services,Materiel Services"/>
    <s v="PCH-PCH-151"/>
    <s v="In Production"/>
    <s v="desktop"/>
    <x v="0"/>
    <x v="10"/>
  </r>
  <r>
    <x v="0"/>
    <x v="16"/>
    <x v="1893"/>
    <s v="APCM_ATIP"/>
    <m/>
    <s v="Other"/>
    <x v="1"/>
    <s v="CSDC Systems, AccessPro Case Management and ReDaction"/>
    <x v="10"/>
    <s v="Internal Services"/>
    <s v="Information Management Services"/>
    <s v="PCH-PCH-152"/>
    <s v="In Production"/>
    <s v="desktop"/>
    <x v="0"/>
    <x v="543"/>
  </r>
  <r>
    <x v="0"/>
    <x v="16"/>
    <x v="1894"/>
    <s v="BIMS"/>
    <m/>
    <s v="Other"/>
    <x v="1"/>
    <s v="IBM, Lotus Notes"/>
    <x v="10"/>
    <s v="Attachment to Canada"/>
    <s v="Information Management Services"/>
    <s v="PCH-PCH-177"/>
    <s v=""/>
    <s v="desktop"/>
    <x v="0"/>
    <x v="106"/>
  </r>
  <r>
    <x v="4"/>
    <x v="5"/>
    <x v="1895"/>
    <s v=""/>
    <s v=""/>
    <s v=""/>
    <x v="1"/>
    <s v=""/>
    <x v="10"/>
    <s v=""/>
    <s v=""/>
    <s v="PCH-PCH-178"/>
    <s v=""/>
    <s v="appliance"/>
    <x v="0"/>
    <x v="146"/>
  </r>
  <r>
    <x v="3"/>
    <x v="46"/>
    <x v="1896"/>
    <s v="DGIC"/>
    <s v="Director General Cultural Industries, DGIC access tool ( icon on desktop) allows users to access all .net IMSU applications"/>
    <s v=""/>
    <x v="1"/>
    <s v=""/>
    <x v="10"/>
    <s v="Internal Services"/>
    <s v="Information Technology Services"/>
    <s v="PCH-PCH-181"/>
    <s v=""/>
    <s v=""/>
    <x v="1"/>
    <x v="146"/>
  </r>
  <r>
    <x v="2"/>
    <x v="9"/>
    <x v="1897"/>
    <s v="MEC"/>
    <m/>
    <s v="Other"/>
    <x v="1"/>
    <s v="Developed in-house"/>
    <x v="10"/>
    <s v="Creativity, Arts and Culture"/>
    <s v="Information Management Services"/>
    <s v="PCH-PCH-182"/>
    <s v="In Production"/>
    <s v="desktop"/>
    <x v="1"/>
    <x v="302"/>
  </r>
  <r>
    <x v="4"/>
    <x v="5"/>
    <x v="1898"/>
    <s v=""/>
    <s v=""/>
    <s v=""/>
    <x v="1"/>
    <s v=""/>
    <x v="10"/>
    <s v=""/>
    <s v=""/>
    <s v="PCH-PCH-183"/>
    <s v=""/>
    <s v="appliance"/>
    <x v="0"/>
    <x v="106"/>
  </r>
  <r>
    <x v="0"/>
    <x v="7"/>
    <x v="1899"/>
    <s v="SST"/>
    <s v="Software  that captures signatures for incoming  courier that need signatures"/>
    <s v="Other"/>
    <x v="1"/>
    <s v="Pitney Bowes, SendSuite Package"/>
    <x v="10"/>
    <s v="Internal Services"/>
    <s v="Travel and Other Administrative Services"/>
    <s v="PCH-PCH-185"/>
    <s v="In Production"/>
    <s v="web"/>
    <x v="0"/>
    <x v="146"/>
  </r>
  <r>
    <x v="0"/>
    <x v="7"/>
    <x v="1900"/>
    <s v="CCM Mercury"/>
    <s v="Case management system used to manage and report on Ministerial Correspondence and archives; integration with InfoCentre; 4 groups: CCM Mercury – this application assessment, CH: Line Daigle (DM’s office), COM: Luc Rouleau, Martine Fauvel, IIM: Luc Rouleau"/>
    <s v="WorkDynamics_Technologies_Inc"/>
    <x v="0"/>
    <s v=""/>
    <x v="10"/>
    <s v="Internal Services"/>
    <s v="Information Management Services"/>
    <s v="PCH-PCH-187"/>
    <s v="In Production"/>
    <s v="web"/>
    <x v="0"/>
    <x v="146"/>
  </r>
  <r>
    <x v="2"/>
    <x v="9"/>
    <x v="1901"/>
    <s v="Arts Policy DB"/>
    <s v="As the central information system for program management, this MS Access application contains performance-related data for Canada Arts Presentation Fund (CAPF), Canada Cultural Spaces Funds (CCSF) and Canada Cultural Investment Fund (CCIF) It also contains performance data from previous programs managed by the Arts Policy Branch including CIP and NATCP (now Canada Arts Training Fund). For Reference see description on Inventory numbers (PCH-191, 192,193 and 194)."/>
    <s v="Other"/>
    <x v="39"/>
    <s v="Microsoft Corporation, Access"/>
    <x v="10"/>
    <s v="Creativity, Arts and Culture"/>
    <s v="Information Management Services"/>
    <s v="PCH-PCH-197"/>
    <s v="In Production"/>
    <s v="desktop"/>
    <x v="0"/>
    <x v="146"/>
  </r>
  <r>
    <x v="0"/>
    <x v="16"/>
    <x v="1902"/>
    <s v="GCBO/CAVCO"/>
    <m/>
    <s v="Other"/>
    <x v="1"/>
    <s v="Developed in-house"/>
    <x v="10"/>
    <s v="Creativity, Arts and Culture"/>
    <s v="Financial Management Services,Management and Oversight Services"/>
    <s v="PCH-PCH-204"/>
    <s v="In Production"/>
    <s v="web"/>
    <x v="1"/>
    <x v="544"/>
  </r>
  <r>
    <x v="0"/>
    <x v="16"/>
    <x v="1903"/>
    <s v="CSIR"/>
    <m/>
    <s v="Other"/>
    <x v="1"/>
    <s v="Adobe, ColdFusion"/>
    <x v="10"/>
    <s v="Attachment to Canada"/>
    <s v="Information Management Services"/>
    <s v="PCH-PCH-209"/>
    <s v=""/>
    <s v="desktop"/>
    <x v="1"/>
    <x v="146"/>
  </r>
  <r>
    <x v="0"/>
    <x v="28"/>
    <x v="1904"/>
    <s v="WCMS"/>
    <s v="Web Content Management System for department of Canadian heritage utilized for both Internet and Intranet publishing PCH-221 and PCH-315 have merged to this application"/>
    <s v="Other"/>
    <x v="1"/>
    <s v="Hewlett Packard, Interwoven"/>
    <x v="10"/>
    <s v="Internal Services"/>
    <s v="Communications Services,Information Management Services"/>
    <s v="PCH-PCH-213"/>
    <s v="In Production"/>
    <s v="web"/>
    <x v="0"/>
    <x v="545"/>
  </r>
  <r>
    <x v="0"/>
    <x v="13"/>
    <x v="1905"/>
    <s v="Phone"/>
    <s v="Intranet phone directory, tool for employees to manage and update some of their information and, perform searches"/>
    <s v=""/>
    <x v="1"/>
    <s v=""/>
    <x v="10"/>
    <s v="Internal Services"/>
    <s v="Communications Services"/>
    <s v="PCH-PCH-215"/>
    <s v=""/>
    <s v=""/>
    <x v="1"/>
    <x v="146"/>
  </r>
  <r>
    <x v="2"/>
    <x v="3"/>
    <x v="1906"/>
    <s v=""/>
    <m/>
    <s v="Other"/>
    <x v="1"/>
    <s v="Adobe, ColdFusion"/>
    <x v="10"/>
    <s v="Internal Services"/>
    <s v="Human Resources Management Services"/>
    <s v="PCH-PCH-225"/>
    <s v=""/>
    <s v="web"/>
    <x v="1"/>
    <x v="146"/>
  </r>
  <r>
    <x v="2"/>
    <x v="3"/>
    <x v="1907"/>
    <s v="Peoplesoft"/>
    <m/>
    <s v="Oracle_Canada_ULC"/>
    <x v="12"/>
    <s v="Peoplesoft"/>
    <x v="10"/>
    <s v="Internal Services"/>
    <s v="Human Resources Management Services"/>
    <s v="PCH-PCH-230"/>
    <s v="In Production"/>
    <s v="web"/>
    <x v="0"/>
    <x v="546"/>
  </r>
  <r>
    <x v="2"/>
    <x v="32"/>
    <x v="1908"/>
    <s v="FM"/>
    <s v="Building Service and Tenant Request Management application  A pilot project will begin early 2015 to use the COTS Angus Anywhere to manage service and tenant management requests for CCI.  Angus Anywhere automates also work order management.  Angus Anywhere will replace a cloud application called OPSIS, service contracted with a company based in Montreal ending March 31, 2015. FA resulted in Angus Anywhere recommended, pilot project underway."/>
    <s v="Other"/>
    <x v="39"/>
    <s v="Microsoft Corporation, Access"/>
    <x v="10"/>
    <s v="Internal Services"/>
    <s v="Real Property Services"/>
    <s v="PCH-PCH-235"/>
    <s v="In Production"/>
    <s v="desktop"/>
    <x v="0"/>
    <x v="10"/>
  </r>
  <r>
    <x v="2"/>
    <x v="3"/>
    <x v="1909"/>
    <s v="PSMS"/>
    <s v="Site Secure is a meta-solution for enterprise security and building management.  The software, and its module-based functionality, offers an innovative, efficient and integrated approach to an array of security related problems.  For PCH, Site secure has the potential to address a large number of existing, mission critical projects and#of IBP."/>
    <s v="Other"/>
    <x v="39"/>
    <s v="Microsoft Corporation, Access"/>
    <x v="10"/>
    <s v="Internal Services"/>
    <s v="Human Resources Management Services"/>
    <s v="PCH-PCH-236"/>
    <s v="In Production"/>
    <s v="desktop"/>
    <x v="0"/>
    <x v="10"/>
  </r>
  <r>
    <x v="6"/>
    <x v="48"/>
    <x v="1910"/>
    <s v="OrgPlus"/>
    <s v="Organizational chart creation tool (independent, can make whatever org chart you want) - Create Organigrams"/>
    <s v="Other"/>
    <x v="1"/>
    <s v="Insperity, OrgPlus"/>
    <x v="10"/>
    <s v="Internal Services"/>
    <s v="Human Resources Management Services"/>
    <s v="PCH-PCH-240"/>
    <s v="In Production"/>
    <s v="desktop"/>
    <x v="0"/>
    <x v="106"/>
  </r>
  <r>
    <x v="0"/>
    <x v="11"/>
    <x v="1911"/>
    <s v=""/>
    <s v="Nakisa OrgChart Module Nakisa OrgModeler Module Organizational chart creation tool - can extract data from PeopleSoft  Org Chart:  Org Chart reader"/>
    <s v=""/>
    <x v="1"/>
    <s v=""/>
    <x v="10"/>
    <s v="Internal Services"/>
    <s v="Human Resources Management Services"/>
    <s v="PCH-PCH-243"/>
    <s v="In Production"/>
    <s v="desktop"/>
    <x v="1"/>
    <x v="146"/>
  </r>
  <r>
    <x v="0"/>
    <x v="16"/>
    <x v="1912"/>
    <s v="OTS"/>
    <m/>
    <s v="Other"/>
    <x v="1"/>
    <s v="Microsoft Corporation, CRM Dynamics"/>
    <x v="10"/>
    <s v="Internal Services"/>
    <s v="Human Resources Management Services"/>
    <s v="PCH-PCH-245"/>
    <s v="In Production"/>
    <s v="web"/>
    <x v="0"/>
    <x v="146"/>
  </r>
  <r>
    <x v="0"/>
    <x v="7"/>
    <x v="1913"/>
    <s v=""/>
    <s v="Information Sharing to Community - Document Library Life Expectancy: Until Lotus notes are transferred. May be considered as to how it can be transferred to a new system. This application was developed a few years ago for the sector but sharing with the sector was never completed."/>
    <s v="Other"/>
    <x v="1"/>
    <s v="IBM, Lotus Notes"/>
    <x v="10"/>
    <s v="Internal Services"/>
    <s v="Human Resources Management Services"/>
    <s v="PCH-PCH-247"/>
    <s v=""/>
    <s v="desktop"/>
    <x v="0"/>
    <x v="86"/>
  </r>
  <r>
    <x v="2"/>
    <x v="3"/>
    <x v="1914"/>
    <s v="GiC"/>
    <m/>
    <s v="Other"/>
    <x v="1"/>
    <s v="Microsoft Corporation, Access"/>
    <x v="10"/>
    <s v="Internal Services"/>
    <s v="Human Resources Management Services"/>
    <s v="PCH-PCH-248"/>
    <s v="In Production"/>
    <s v="desktop"/>
    <x v="0"/>
    <x v="146"/>
  </r>
  <r>
    <x v="0"/>
    <x v="16"/>
    <x v="1915"/>
    <s v="Tours_MSCRM"/>
    <m/>
    <s v="Other"/>
    <x v="1"/>
    <s v="Microsoft Corporation, CRM Dynamics"/>
    <x v="10"/>
    <s v="Heritage and Celebration"/>
    <s v="Information Management Services"/>
    <s v="PCH-PCH-253"/>
    <s v="In Production"/>
    <s v="web"/>
    <x v="0"/>
    <x v="146"/>
  </r>
  <r>
    <x v="0"/>
    <x v="16"/>
    <x v="1916"/>
    <s v="ITS"/>
    <s v="One application to manage VIP lists and track information on each events. Uses  'CAMPAIGN MONITOR' software to track invitation. … CRM Interface pour transfer les donnees pour faire le masse mailling…could have a work around"/>
    <s v="Other"/>
    <x v="46"/>
    <s v="Microsoft Corporation, CRM Dynamics"/>
    <x v="10"/>
    <s v="Heritage and Celebration"/>
    <s v="Information Management Services"/>
    <s v="PCH-PCH-254"/>
    <s v="In Production"/>
    <s v="web"/>
    <x v="0"/>
    <x v="146"/>
  </r>
  <r>
    <x v="6"/>
    <x v="61"/>
    <x v="1917"/>
    <s v=""/>
    <s v="The primary purpose of the INTELEVENT is as event rental software, however the NCC uses it more as a job event hardware tracking-scheduling tool for production celebration/event services. COTS used to manage and schedule equipment for events (audio-visual,lighting,staging,sound ….)"/>
    <s v="Other"/>
    <x v="1"/>
    <s v="Intellievent"/>
    <x v="10"/>
    <s v="Heritage and Celebration"/>
    <s v="Information Management Services"/>
    <s v="PCH-PCH-257"/>
    <s v="In Production"/>
    <s v="desktop"/>
    <x v="0"/>
    <x v="106"/>
  </r>
  <r>
    <x v="6"/>
    <x v="61"/>
    <x v="1918"/>
    <s v=""/>
    <s v="The NCC has been using Volunteer Works since 1998; this application is used to store information on volunteers and related events.  Volunteer Works is replacing their client software with a hosted service called Volgistics, as a result Volunteer Works will no longer support operating systems that are post Windows XP/2000. Under these circumstances it is in the NCC’s best interest to find a stable solution that will be compatible with future technologies."/>
    <s v="Other"/>
    <x v="1"/>
    <s v="VSYSONE"/>
    <x v="10"/>
    <s v="Attachment to Canada"/>
    <s v="Human Resources Management Services"/>
    <s v="PCH-PCH-258"/>
    <s v=""/>
    <s v="appliance"/>
    <x v="0"/>
    <x v="106"/>
  </r>
  <r>
    <x v="0"/>
    <x v="7"/>
    <x v="1919"/>
    <s v=""/>
    <s v="Information Sharing to Community - Document Library Content is a duplicate of the G drive"/>
    <s v="Other"/>
    <x v="1"/>
    <s v="IBM, Lotus Notes"/>
    <x v="10"/>
    <s v="Attachment to Canada"/>
    <s v="Communications Services"/>
    <s v="PCH-PCH-260"/>
    <s v=""/>
    <s v="desktop"/>
    <x v="0"/>
    <x v="86"/>
  </r>
  <r>
    <x v="3"/>
    <x v="45"/>
    <x v="1920"/>
    <s v=""/>
    <m/>
    <s v="Other"/>
    <x v="1"/>
    <s v="Microsoft Corporation, Access"/>
    <x v="10"/>
    <s v="Heritage and Celebration"/>
    <s v="Materiel Services"/>
    <s v="PCH-PCH-264"/>
    <s v="In Production"/>
    <s v="desktop"/>
    <x v="0"/>
    <x v="10"/>
  </r>
  <r>
    <x v="6"/>
    <x v="33"/>
    <x v="1921"/>
    <s v=""/>
    <s v="System de reservation des salles de conference et video. 5 salle a Montreal et 2 a Quebec)"/>
    <s v="Other"/>
    <x v="1"/>
    <s v="IBM, Lotus Notes"/>
    <x v="10"/>
    <s v="Internal Services"/>
    <s v="Management and Oversight Services"/>
    <s v="PCH-PCH-273"/>
    <s v=""/>
    <s v=""/>
    <x v="0"/>
    <x v="86"/>
  </r>
  <r>
    <x v="2"/>
    <x v="9"/>
    <x v="1922"/>
    <s v="AAPMIS"/>
    <s v="Grant program interacts with SAP to make payments to grant recipient. Track, manage, report, payment evaluations, documentations and schedule"/>
    <s v="Other"/>
    <x v="1"/>
    <s v="Developed in-house"/>
    <x v="10"/>
    <s v="Sport"/>
    <s v="Information Management Services"/>
    <s v="PCH-PCH-279"/>
    <s v="In Production"/>
    <s v="desktop"/>
    <x v="1"/>
    <x v="146"/>
  </r>
  <r>
    <x v="5"/>
    <x v="25"/>
    <x v="1923"/>
    <s v="STATS"/>
    <s v="The Sport Tracking, Assessment and Technical Statistics database application is a 'warehouse' of all the relevant information pertaining to National Sport Organizations (NSOs) required for processing the Sport Funding and Accountability Framework (SFAF). It is an analytical tool used to both help determine and apply the criteria used in processing the SFAF assessments of NSOs and generate assessment scores in the form of funding points. In addition, the application's data mining functionalities support Sport Canada's Sport Observatory function of providing accurate and comprehensive analytical reports."/>
    <s v="Other"/>
    <x v="1"/>
    <s v="Developed in-house"/>
    <x v="10"/>
    <s v="Sport"/>
    <s v="Information Management Services"/>
    <s v="PCH-PCH-281"/>
    <s v="In Production"/>
    <s v="web"/>
    <x v="1"/>
    <x v="146"/>
  </r>
  <r>
    <x v="2"/>
    <x v="9"/>
    <x v="1924"/>
    <s v="SCCD"/>
    <s v="This application is used to manage financial aspect of division for 2 contribution programs. Sport Canada Contributions Database is used to manage Sport Canada funding programs. (holds client information; those funded and not as well as related client such as coaches) These programs enhance our high performance sport system, advance the Canadian Sport Policy, and help Canadian Sport organizations or organizing committees to host international sport events and the Canada Games."/>
    <s v="Other"/>
    <x v="1"/>
    <s v="Developed in-house"/>
    <x v="10"/>
    <s v="Attachment to Canada"/>
    <s v="Financial Management Services,Information Management Services"/>
    <s v="PCH-PCH-282"/>
    <s v=""/>
    <s v="web"/>
    <x v="1"/>
    <x v="146"/>
  </r>
  <r>
    <x v="0"/>
    <x v="16"/>
    <x v="1925"/>
    <s v="GCIMS"/>
    <m/>
    <s v="Other"/>
    <x v="1"/>
    <s v="Developed in-house"/>
    <x v="10"/>
    <s v="Internal Services"/>
    <s v="Information Management Services"/>
    <s v="PCH-PCH-287"/>
    <s v="In Production"/>
    <s v="web"/>
    <x v="1"/>
    <x v="547"/>
  </r>
  <r>
    <x v="0"/>
    <x v="16"/>
    <x v="1926"/>
    <s v="GCLinks"/>
    <m/>
    <s v="Other"/>
    <x v="1"/>
    <s v="Developed in-house"/>
    <x v="10"/>
    <s v="Internal Services"/>
    <s v="Financial Management Services,Information Management Services"/>
    <s v="PCH-PCH-288"/>
    <s v="In Production"/>
    <s v="web"/>
    <x v="1"/>
    <x v="146"/>
  </r>
  <r>
    <x v="3"/>
    <x v="45"/>
    <x v="1927"/>
    <s v=""/>
    <s v="Administrative tool to manage PCH-215; the dashboard allows administrator to modify fields as well as add and remove employees from the db"/>
    <s v=""/>
    <x v="1"/>
    <s v=""/>
    <x v="10"/>
    <s v="Internal Services"/>
    <s v="Information Technology Services"/>
    <s v="PCH-PCH-297"/>
    <s v=""/>
    <s v=""/>
    <x v="1"/>
    <x v="541"/>
  </r>
  <r>
    <x v="0"/>
    <x v="13"/>
    <x v="1928"/>
    <s v=""/>
    <s v=""/>
    <s v="Other"/>
    <x v="1"/>
    <s v="InfoCentre"/>
    <x v="10"/>
    <s v="Internal Services"/>
    <s v="Information Management Services"/>
    <s v="PCH-PCH-304"/>
    <s v=""/>
    <s v=""/>
    <x v="0"/>
    <x v="86"/>
  </r>
  <r>
    <x v="0"/>
    <x v="16"/>
    <x v="1929"/>
    <s v="ARSystem"/>
    <s v="Remedy is an incident management system. Manages help desk, trouble tickets. It is the nerve center of the business"/>
    <s v="Other"/>
    <x v="1"/>
    <s v="BCM Software, Remedy 2"/>
    <x v="10"/>
    <s v="Internal Services"/>
    <s v="Information Technology Services,Information Technology Services"/>
    <s v="PCH-PCH-305"/>
    <s v="In Production"/>
    <s v="desktop"/>
    <x v="0"/>
    <x v="146"/>
  </r>
  <r>
    <x v="6"/>
    <x v="48"/>
    <x v="1930"/>
    <s v=""/>
    <m/>
    <s v="Other"/>
    <x v="1"/>
    <s v="Developed in-house"/>
    <x v="10"/>
    <s v="Internal Services"/>
    <s v="Information Management Services"/>
    <s v="PCH-PCH-310"/>
    <s v="In Production"/>
    <s v="web"/>
    <x v="1"/>
    <x v="106"/>
  </r>
  <r>
    <x v="0"/>
    <x v="16"/>
    <x v="1931"/>
    <s v="RDIMS/Info Centre"/>
    <s v="To manage the full life cycle of any type of electronic document, including electronic mail, correspondence, reports, manuals, images, graphics and spreadsheets. RDIMS is a Canadian Federal Government initiative that pre-defines a solution for certain information management challenges shared by many departments."/>
    <s v="Other"/>
    <x v="1"/>
    <s v="Open Text LiveLink ECM"/>
    <x v="10"/>
    <s v="Internal Services"/>
    <s v="Information Management Services"/>
    <s v="PCH-PCH-312"/>
    <s v="In Production"/>
    <s v="desktop"/>
    <x v="0"/>
    <x v="146"/>
  </r>
  <r>
    <x v="0"/>
    <x v="7"/>
    <x v="1932"/>
    <s v=""/>
    <s v="An electronic records management system that enables the PCH to manage its information holdings from creation to final disposition"/>
    <s v="Other"/>
    <x v="1"/>
    <s v="Developed in-house"/>
    <x v="10"/>
    <s v="Internal Services"/>
    <s v="Information Management Services"/>
    <s v="PCH-PCH-314"/>
    <s v="In Production"/>
    <s v="desktop"/>
    <x v="0"/>
    <x v="146"/>
  </r>
  <r>
    <x v="0"/>
    <x v="7"/>
    <x v="1933"/>
    <s v="LPDC"/>
    <s v="The distribution cheques list system is a tool to manage the distribution of the pay cheques. The main functionality of the system is to gather employee information and provide reports."/>
    <s v="Other"/>
    <x v="1"/>
    <s v="Microsoft Corporation, Access"/>
    <x v="10"/>
    <s v="Internal Services"/>
    <s v="Human Resources Management Services"/>
    <s v="PCH-PCH-318"/>
    <s v="In Production"/>
    <s v="desktop"/>
    <x v="0"/>
    <x v="10"/>
  </r>
  <r>
    <x v="2"/>
    <x v="20"/>
    <x v="1934"/>
    <s v="TCIS"/>
    <s v="The Taxi Chits information system is a tool to manage and distribute all the taxi chits through-out PCH, it also facilitates the management of the expenses of all the Taxi chits within PCH directorate."/>
    <s v="Other"/>
    <x v="39"/>
    <s v="Microsoft Corporation, Access"/>
    <x v="10"/>
    <s v="Internal Services"/>
    <s v="Financial Management Services"/>
    <s v="PCH-PCH-319"/>
    <s v="In Production"/>
    <s v="desktop"/>
    <x v="0"/>
    <x v="106"/>
  </r>
  <r>
    <x v="4"/>
    <x v="5"/>
    <x v="1935"/>
    <s v=""/>
    <s v=""/>
    <s v=""/>
    <x v="1"/>
    <s v=""/>
    <x v="10"/>
    <s v=""/>
    <s v=""/>
    <s v="PCH-PCH-321"/>
    <s v=""/>
    <s v="cloud"/>
    <x v="0"/>
    <x v="106"/>
  </r>
  <r>
    <x v="2"/>
    <x v="2"/>
    <x v="1936"/>
    <s v="STAR"/>
    <s v="Being hosted at Agriculture Canada on a Cluster server. The PCH version of SAP (Systems, Applications and Products) an enterprise management suite. PCH-250-01) SAP: ERP Transactional System PCH-250-02) SAP Business Warehouse PCH-250-03) SAP Portal"/>
    <s v="Other"/>
    <x v="1"/>
    <s v="SAP ECC"/>
    <x v="10"/>
    <s v="Internal Services"/>
    <s v="Financial Management Services,Information Management Services"/>
    <s v="PCH-PCH-321-01"/>
    <s v="In Production"/>
    <s v="desktop"/>
    <x v="0"/>
    <x v="548"/>
  </r>
  <r>
    <x v="3"/>
    <x v="31"/>
    <x v="1937"/>
    <s v="STAR"/>
    <s v="The PCH version of SAP (Systems, Applications and Products) an enterprise management suite. PCH-250-01) SAP: ERP Transactional System PCH-250-02) SAP Business Warehouse PCH-250-03) SAP Portal"/>
    <s v="Other"/>
    <x v="1"/>
    <s v="SAP ECC"/>
    <x v="10"/>
    <s v="Internal Services"/>
    <s v="Financial Management Services,Information Management Services"/>
    <s v="PCH-PCH-321-02"/>
    <s v="In Production"/>
    <s v="desktop"/>
    <x v="0"/>
    <x v="27"/>
  </r>
  <r>
    <x v="0"/>
    <x v="42"/>
    <x v="1938"/>
    <s v="STAR"/>
    <s v="The PCH version of SAP (Systems, Applications and Products) an enterprise management suite. PCH-250-01) SAP: ERP Transactional System PCH-250-02) SAP Business Warehouse PCH-250-03) SAP Portal"/>
    <s v="Other"/>
    <x v="1"/>
    <s v="Portal Netweaver 7.4, SAP ECC"/>
    <x v="10"/>
    <s v="Internal Services"/>
    <s v="Financial Management Services,Information Management Services"/>
    <s v="PCH-PCH-321-03"/>
    <s v="In Production"/>
    <s v="web"/>
    <x v="0"/>
    <x v="27"/>
  </r>
  <r>
    <x v="2"/>
    <x v="10"/>
    <x v="1939"/>
    <s v=""/>
    <s v="This application is used for inventory management and purchasing of office equipment and supplies"/>
    <s v="Other"/>
    <x v="39"/>
    <s v="Microsoft Corporation, Access"/>
    <x v="10"/>
    <s v="Internal Services"/>
    <s v="Financial Management Services,Materiel Services"/>
    <s v="PCH-PCH-322"/>
    <s v="In Production"/>
    <s v="desktop"/>
    <x v="0"/>
    <x v="106"/>
  </r>
  <r>
    <x v="0"/>
    <x v="28"/>
    <x v="1940"/>
    <s v=""/>
    <m/>
    <s v="Other"/>
    <x v="39"/>
    <s v="Microsoft Corporation, Access"/>
    <x v="10"/>
    <s v="Internal Services"/>
    <s v="Financial Management Services,Information Management Services"/>
    <s v="PCH-PCH-323"/>
    <s v="In Production"/>
    <s v="desktop"/>
    <x v="0"/>
    <x v="106"/>
  </r>
  <r>
    <x v="3"/>
    <x v="45"/>
    <x v="1941"/>
    <s v="FIS - FMD"/>
    <s v="The FIS system is a shared service between some of the federal government departments such as PWGCS and PCH.  The system has been built and is maintained by an external company.  The cost for the support and maintenance of the system is shared between the departments using the tool.  The main functionality of the system is to decode the encrypted financial information from the Receiver General.  The application is used to modify and read the content of an encrypted file before importing it to SAP production environment. To create and review flat files (readable format) key tool to test and troubleshoot"/>
    <s v="Other"/>
    <x v="39"/>
    <s v="Microsoft Corporation, Access"/>
    <x v="10"/>
    <s v="Internal Services"/>
    <s v="Financial Management Services"/>
    <s v="PCH-PCH-324"/>
    <s v="In Production"/>
    <s v="desktop"/>
    <x v="0"/>
    <x v="106"/>
  </r>
  <r>
    <x v="0"/>
    <x v="7"/>
    <x v="1942"/>
    <s v="MAP - PAM"/>
    <s v="The Museum Assistance Program (MAP) is regionally delivered so the MAP application  (a Lotus Notes Document Library) is required to provide regional office access to pertinent material, including:  terms of reference, funding application forms and policies as well as various templates and information. Lynda Dupuis /Coordonnatrice nationale | National Coordinator / Programme d'aide aux musées | Museums Assistance Program"/>
    <s v="Other"/>
    <x v="1"/>
    <s v="IBM, Lotus Notes"/>
    <x v="10"/>
    <s v="Engagement and Community Participation"/>
    <s v="Communications Services"/>
    <s v="PCH-PCH-331"/>
    <s v=""/>
    <s v="desktop"/>
    <x v="0"/>
    <x v="86"/>
  </r>
  <r>
    <x v="0"/>
    <x v="8"/>
    <x v="1943"/>
    <s v="WFFT"/>
    <s v="WFFT, kind of a WCMS, internal tool - Content management for some parts of website; application developer was Susan Dodge and others. Susan is familiar with the back end of this application; Bruce Gordon and Qiong Pei also have experience with this. Retain until GoC CMS implemented across government (recommendation to CCI from both CIOB and PCH Comms is &quot;retain business as usual approach for managing CCI website until GoC CMS implemented.”"/>
    <s v="Other"/>
    <x v="1"/>
    <s v=""/>
    <x v="10"/>
    <s v="Internal Services"/>
    <s v="Information Management Services"/>
    <s v="PCH-PCH-334"/>
    <s v=""/>
    <s v="web"/>
    <x v="1"/>
    <x v="541"/>
  </r>
  <r>
    <x v="0"/>
    <x v="16"/>
    <x v="1944"/>
    <s v="WFA"/>
    <s v="Application for tracking staff who want to alternate with someone affected - to enable switches.  Work Force Adjustments tracking system for Opting and Alternate employees. Note: Bien qu’il n’y ait plus de coupures à PCH, le ministère doit permettre aux employés optants de d’autres ministères de  trouver une opportunité à PCH. Les employées optants peuvent s’inscrire sur le site intranet de PCH grâce à un formulaire MS-Excel qui est envoyé à un courriel générique dans LotusNotes.  Un agent dans LotusNotes copie les formulaires remplis dans le répertoire partagé restreint M:."/>
    <s v=""/>
    <x v="1"/>
    <s v=""/>
    <x v="10"/>
    <s v="Internal Services"/>
    <s v="Human Resources Management Services"/>
    <s v="PCH-PCH-349"/>
    <s v=""/>
    <s v=""/>
    <x v="1"/>
    <x v="106"/>
  </r>
  <r>
    <x v="6"/>
    <x v="21"/>
    <x v="1945"/>
    <s v=""/>
    <s v="Clients signup to CCI eNewsletter"/>
    <s v="Other"/>
    <x v="1"/>
    <s v=""/>
    <x v="10"/>
    <s v="Heritage"/>
    <s v="Communications Services,Information Management Services"/>
    <s v="PCH-PCH-350"/>
    <s v=""/>
    <s v="web"/>
    <x v="1"/>
    <x v="146"/>
  </r>
  <r>
    <x v="5"/>
    <x v="94"/>
    <x v="1946"/>
    <s v=""/>
    <s v="Software to generate models starting with experimental data (equations) Logiciel pour générer des modèles à partir de données expérimentales (équations)"/>
    <s v="Other"/>
    <x v="1"/>
    <s v="Systat Software, Inc, TableCurve"/>
    <x v="10"/>
    <s v="Heritage and Celebration"/>
    <s v="Other"/>
    <s v="PCH-PCH-354"/>
    <s v="In Production"/>
    <s v="desktop"/>
    <x v="0"/>
    <x v="86"/>
  </r>
  <r>
    <x v="2"/>
    <x v="32"/>
    <x v="1947"/>
    <s v="Angus"/>
    <s v="Facilities Management initiative, Building Service and Tenant Management Software Beginning with CCI building maintenance, expected to expand to all PCH"/>
    <s v="Other"/>
    <x v="1"/>
    <s v="Angus Systems, Angus Anywhere"/>
    <x v="10"/>
    <s v="Internal Services"/>
    <s v="Real Property Services"/>
    <s v="PCH-PCH-356"/>
    <s v="In Production"/>
    <s v="web"/>
    <x v="0"/>
    <x v="86"/>
  </r>
  <r>
    <x v="5"/>
    <x v="94"/>
    <x v="1948"/>
    <s v=""/>
    <s v="MATLAB combines a desktop environment tuned for iterative analysis and design processes with a programming language that expresses matrix and array mathematics directly."/>
    <s v="Other"/>
    <x v="1"/>
    <s v="MathWorks,  MatLab"/>
    <x v="10"/>
    <s v="Heritage and Celebration"/>
    <s v="Information Management Services"/>
    <s v="PCH-PCH-359"/>
    <s v="In Production"/>
    <s v="desktop"/>
    <x v="0"/>
    <x v="86"/>
  </r>
  <r>
    <x v="5"/>
    <x v="94"/>
    <x v="1949"/>
    <s v=""/>
    <s v="HOBOware's graphing and analysis tools allow you to plot, analyze and extract key data with a few simple clicks."/>
    <s v="Other"/>
    <x v="1"/>
    <s v="Onset, HOBOware Graphing &amp; Analysis Software"/>
    <x v="10"/>
    <s v="Heritage and Celebration"/>
    <s v="Information Management Services"/>
    <s v="PCH-PCH-360"/>
    <s v="In Production"/>
    <s v="desktop"/>
    <x v="0"/>
    <x v="86"/>
  </r>
  <r>
    <x v="5"/>
    <x v="25"/>
    <x v="1950"/>
    <s v=""/>
    <s v="Analytica is a visual software package developed by Lumina Decision Systems for creating, analyzing and communicating quantitative decision models."/>
    <s v="Other"/>
    <x v="1"/>
    <s v="Lumina Decision Systems, Analytica"/>
    <x v="10"/>
    <s v="Heritage and Celebration"/>
    <s v="Information Management Services"/>
    <s v="PCH-PCH-361"/>
    <s v="In Production"/>
    <s v="desktop"/>
    <x v="0"/>
    <x v="86"/>
  </r>
  <r>
    <x v="5"/>
    <x v="95"/>
    <x v="1951"/>
    <s v=""/>
    <s v="is a 3D modeling computer program for a wide range of drawing applications such as architectural, interior design, landscape architecture, civil and mechanical engineering, film and video game design. It is available as a freeware version, SketchUp Make, and a paid version with additional functionality, SketchUp Pro."/>
    <s v="Other"/>
    <x v="1"/>
    <s v="Trimble Inc, SketchUp"/>
    <x v="10"/>
    <s v="Heritage and Celebration"/>
    <s v="Information Management Services"/>
    <s v="PCH-PCH-362"/>
    <s v="In Production"/>
    <s v="desktop"/>
    <x v="0"/>
    <x v="86"/>
  </r>
  <r>
    <x v="5"/>
    <x v="95"/>
    <x v="1952"/>
    <s v=""/>
    <s v="is a solid modeling computer-aided design (CAD) and computer-aided engineering (CAE) computer program that runs on Microsoft Windows"/>
    <s v="Other"/>
    <x v="1"/>
    <s v="Dassault Systèmes, SolidWorks"/>
    <x v="10"/>
    <s v="Heritage and Celebration"/>
    <s v="Information Management Services"/>
    <s v="PCH-PCH-363"/>
    <s v="In Production"/>
    <s v="desktop"/>
    <x v="0"/>
    <x v="86"/>
  </r>
  <r>
    <x v="5"/>
    <x v="25"/>
    <x v="1953"/>
    <s v=""/>
    <s v="WUFI® is a family of software products that allows realistic calculation of the transient coupled one- and twodimensional heat and moisture transport in walls and other multi-layer building components exposed to natural weather. WUFI® is an acronym for Wärme Und Feuchte Instationär—which, translated, means heat and moisture transiency. WUFI® software uses the latest findings regarding vapor diffusion and moisture transport in building materials. The software has been validated by detailed comparison with measurements obtained in the laboratory and on IBP’s outdoor testing field."/>
    <s v="Other"/>
    <x v="1"/>
    <s v="Fraunhofer, Wofi"/>
    <x v="10"/>
    <s v="Heritage and Celebration"/>
    <s v="Information Management Services"/>
    <s v="PCH-PCH-364"/>
    <s v="In Production"/>
    <s v="desktop"/>
    <x v="0"/>
    <x v="86"/>
  </r>
  <r>
    <x v="3"/>
    <x v="45"/>
    <x v="1954"/>
    <s v=""/>
    <s v="Online order form for publications currently including payment External Host"/>
    <s v="Other"/>
    <x v="1"/>
    <s v="Developed in-house"/>
    <x v="10"/>
    <s v="Heritage and Celebration"/>
    <s v="Other"/>
    <s v="PCH-PCH-369"/>
    <s v="In Production"/>
    <s v="web"/>
    <x v="1"/>
    <x v="146"/>
  </r>
  <r>
    <x v="0"/>
    <x v="7"/>
    <x v="1955"/>
    <s v=""/>
    <s v="Track the entire audit process, including risk assessment, planning, execution, review, reporting, trend analysis, storage and follow-up on recommendations as well as facilitate compliance with applicable Institute of Internal Auditors (IIA), and Treasury Board Secretariat (TBS) standards and guidelines."/>
    <s v="Other"/>
    <x v="1"/>
    <s v="Wolters Kluwer, TeamMate"/>
    <x v="10"/>
    <s v="Internal Services"/>
    <s v="Information Management Services"/>
    <s v="PCH-PCH-370"/>
    <s v="In Production"/>
    <s v="desktop"/>
    <x v="0"/>
    <x v="146"/>
  </r>
  <r>
    <x v="10"/>
    <x v="55"/>
    <x v="1956"/>
    <s v="Auth"/>
    <s v="Authentication apps for Jobs and Forum"/>
    <s v=""/>
    <x v="1"/>
    <s v=""/>
    <x v="10"/>
    <s v="Heritage"/>
    <s v="Information Technology Services"/>
    <s v="PCH-PCH-372"/>
    <s v=""/>
    <s v=""/>
    <x v="1"/>
    <x v="541"/>
  </r>
  <r>
    <x v="0"/>
    <x v="19"/>
    <x v="1957"/>
    <s v=""/>
    <s v="Online form designed in Java:  the list of forms is provided in the Notes. Please also be mindful that not all applications have individual inventory numbers."/>
    <s v="Other"/>
    <x v="1"/>
    <s v="Developed in-house"/>
    <x v="10"/>
    <s v="Heritage and Celebration"/>
    <s v="Communications Services,Information Management Services"/>
    <s v="PCH-PCH-375"/>
    <s v=""/>
    <s v="web"/>
    <x v="1"/>
    <x v="539"/>
  </r>
  <r>
    <x v="6"/>
    <x v="21"/>
    <x v="1958"/>
    <s v=""/>
    <s v="Assessment not required"/>
    <s v="Other"/>
    <x v="1"/>
    <s v="Developed in-house"/>
    <x v="10"/>
    <s v="Heritage"/>
    <s v="Communications Services,Information Management Services"/>
    <s v="PCH-PCH-376"/>
    <s v=""/>
    <s v="web"/>
    <x v="1"/>
    <x v="106"/>
  </r>
  <r>
    <x v="6"/>
    <x v="21"/>
    <x v="1959"/>
    <s v=""/>
    <s v="Assessment not required"/>
    <s v="Other"/>
    <x v="1"/>
    <s v="Developed in-house"/>
    <x v="10"/>
    <s v="Heritage"/>
    <s v="Communications Services,Information Management Services"/>
    <s v="PCH-PCH-377"/>
    <s v=""/>
    <s v="web"/>
    <x v="1"/>
    <x v="106"/>
  </r>
  <r>
    <x v="6"/>
    <x v="21"/>
    <x v="1960"/>
    <s v=""/>
    <s v="Assessment not required"/>
    <s v="Other"/>
    <x v="1"/>
    <s v="Developed in-house"/>
    <x v="10"/>
    <s v="Heritage"/>
    <s v="Communications Services,Information Management Services"/>
    <s v="PCH-PCH-378"/>
    <s v=""/>
    <s v="web"/>
    <x v="1"/>
    <x v="106"/>
  </r>
  <r>
    <x v="6"/>
    <x v="21"/>
    <x v="1961"/>
    <s v=""/>
    <s v="Assessment not required"/>
    <s v="Other"/>
    <x v="1"/>
    <s v="Developed in-house"/>
    <x v="10"/>
    <s v="Heritage"/>
    <s v="Communications Services,Information Management Services"/>
    <s v="PCH-PCH-379"/>
    <s v=""/>
    <s v="web"/>
    <x v="1"/>
    <x v="106"/>
  </r>
  <r>
    <x v="6"/>
    <x v="21"/>
    <x v="1962"/>
    <s v=""/>
    <s v="Assessment not required http://forms-formulaires.cci-icc.gc.ca/index-eng.aspx?formid=5 http://forms-formulaires.cci-icc.gc.ca/index-fra.aspx?formid=5"/>
    <s v="Other"/>
    <x v="1"/>
    <s v="Developed in-house"/>
    <x v="10"/>
    <s v="Heritage"/>
    <s v="Communications Services,Information Management Services"/>
    <s v="PCH-PCH-380"/>
    <s v=""/>
    <s v="web"/>
    <x v="1"/>
    <x v="106"/>
  </r>
  <r>
    <x v="6"/>
    <x v="21"/>
    <x v="1963"/>
    <s v=""/>
    <s v="Assessment not required http://forms-formulaires.cci-icc.gc.ca/index-eng.aspx?formid=6 http://forms-formulaires.cci-icc.gc.ca/index-fra.aspx?formid=6"/>
    <s v="Other"/>
    <x v="1"/>
    <s v="Developed in-house"/>
    <x v="10"/>
    <s v="Internal Services"/>
    <s v="Communications Services,Information Management Services"/>
    <s v="PCH-PCH-381"/>
    <s v=""/>
    <s v="web"/>
    <x v="1"/>
    <x v="106"/>
  </r>
  <r>
    <x v="6"/>
    <x v="21"/>
    <x v="1964"/>
    <s v=""/>
    <s v="Assessment not required"/>
    <s v="Other"/>
    <x v="1"/>
    <s v="Developed in-house"/>
    <x v="10"/>
    <s v="Heritage"/>
    <s v="Communications Services,Information Management Services"/>
    <s v="PCH-PCH-382"/>
    <s v=""/>
    <s v="web"/>
    <x v="1"/>
    <x v="106"/>
  </r>
  <r>
    <x v="6"/>
    <x v="21"/>
    <x v="1965"/>
    <s v=""/>
    <s v="Assessment not required http://forms-formulaires.cci-icc.gc.ca/index-eng.aspx?formid=11 http://forms-formulaires.cci-icc.gc.ca/index-fra.aspx?formid=11"/>
    <s v="Other"/>
    <x v="1"/>
    <s v="Developed in-house"/>
    <x v="10"/>
    <s v="Engagement and Community Participation"/>
    <s v="Communications Services,Information Management Services"/>
    <s v="PCH-PCH-383"/>
    <s v=""/>
    <s v="web"/>
    <x v="1"/>
    <x v="106"/>
  </r>
  <r>
    <x v="6"/>
    <x v="21"/>
    <x v="1966"/>
    <s v=""/>
    <s v="Assessment not required http://forms-formulaires.cci-icc.gc.ca/index-eng.aspx?formid=12 http://forms-formulaires.cci-icc.gc.ca/index-fra.aspx?formid=12"/>
    <s v="Other"/>
    <x v="1"/>
    <s v="Developed in-house"/>
    <x v="10"/>
    <s v="Engagement and Community Participation"/>
    <s v="Communications Services,Information Management Services"/>
    <s v="PCH-PCH-384"/>
    <s v=""/>
    <s v="web"/>
    <x v="1"/>
    <x v="106"/>
  </r>
  <r>
    <x v="0"/>
    <x v="19"/>
    <x v="1967"/>
    <s v=""/>
    <s v="Assessment not required"/>
    <s v="Other"/>
    <x v="1"/>
    <s v=""/>
    <x v="10"/>
    <s v="Engagement and Community Participation"/>
    <s v="Communications Services,Information Management Services"/>
    <s v="PCH-PCH-385"/>
    <s v=""/>
    <s v=""/>
    <x v="1"/>
    <x v="106"/>
  </r>
  <r>
    <x v="6"/>
    <x v="21"/>
    <x v="1968"/>
    <s v=""/>
    <s v="Assessment not required http://forms-formulaires.cci-icc.gc.ca/index-eng.aspx?formid=9 http://forms-formulaires.cci-icc.gc.ca/index-fra.aspx?formid=9"/>
    <s v="Other"/>
    <x v="1"/>
    <s v="Developed in-house"/>
    <x v="10"/>
    <s v="Engagement and Community Participation"/>
    <s v="Communications Services,Information Management Services"/>
    <s v="PCH-PCH-386"/>
    <s v=""/>
    <s v="web"/>
    <x v="1"/>
    <x v="106"/>
  </r>
  <r>
    <x v="6"/>
    <x v="21"/>
    <x v="1969"/>
    <s v=""/>
    <s v="Assessment not required http://forms-formulaires.cci-icc.gc.ca/index-eng.aspx?formid=7 http://forms-formulaires.cci-icc.gc.ca/index-fra.aspx?formid=7"/>
    <s v="Other"/>
    <x v="1"/>
    <s v="Developed in-house"/>
    <x v="10"/>
    <s v="Engagement and Community Participation"/>
    <s v="Communications Services,Information Management Services"/>
    <s v="PCH-PCH-387"/>
    <s v=""/>
    <s v="web"/>
    <x v="1"/>
    <x v="106"/>
  </r>
  <r>
    <x v="0"/>
    <x v="7"/>
    <x v="1970"/>
    <s v=""/>
    <s v="This application is used to share documents between CIOB and CCI It is a Document Library and has no email functionality or dependencies.  The application is on the PCH-NOTES-APP server It is in the folder CIOB The file name is CIOBCCI.NSF"/>
    <s v="Other"/>
    <x v="1"/>
    <s v="IBM, Lotus Notes"/>
    <x v="10"/>
    <s v="Internal Services"/>
    <s v="Information Management Services"/>
    <s v="PCH-PCH-388"/>
    <s v=""/>
    <s v=""/>
    <x v="0"/>
    <x v="106"/>
  </r>
  <r>
    <x v="0"/>
    <x v="7"/>
    <x v="1971"/>
    <s v=""/>
    <s v="Application used in conjunction with PCH-279 AAPMIS to produce reports in various formats"/>
    <s v="Other"/>
    <x v="1"/>
    <s v="SAP, Crystal Reports"/>
    <x v="10"/>
    <s v="Sport"/>
    <s v="Information Management Services"/>
    <s v="PCH-PCH-391"/>
    <s v="In Production"/>
    <s v="desktop"/>
    <x v="0"/>
    <x v="86"/>
  </r>
  <r>
    <x v="0"/>
    <x v="87"/>
    <x v="1972"/>
    <s v=""/>
    <s v="MediaScope: on-demand media retrieval, tools and resources"/>
    <s v="Other"/>
    <x v="1"/>
    <s v="Densan Consultants"/>
    <x v="10"/>
    <s v="Internal Services"/>
    <s v="Information Management Services,Other"/>
    <s v="PCH-PCH-394"/>
    <s v="In Production"/>
    <s v="cloud"/>
    <x v="0"/>
    <x v="106"/>
  </r>
  <r>
    <x v="5"/>
    <x v="90"/>
    <x v="1973"/>
    <s v="Arc GIS"/>
    <s v="ArcGIS is geographic information system, a mapping platform for interacting with geospatial data Display data in a geospatial manner; perform special calculations, key performance indicator"/>
    <s v="ESRI_Canada_Limited"/>
    <x v="5"/>
    <s v="ArcGIS"/>
    <x v="10"/>
    <s v="Official Languages"/>
    <s v="Information Technology Services"/>
    <s v="PCH-PCH-398"/>
    <s v="In Production"/>
    <s v="desktop"/>
    <x v="0"/>
    <x v="106"/>
  </r>
  <r>
    <x v="5"/>
    <x v="25"/>
    <x v="1974"/>
    <s v="SPSS"/>
    <s v="Statistical Package for Social Sciences permits the statistical analysis of quantitative data, particularly survey data and population research such as the General Social Survey and Canadian Elections Study"/>
    <s v="Other"/>
    <x v="1"/>
    <s v="IBM, SPSS"/>
    <x v="10"/>
    <s v="Official Languages"/>
    <s v="Management and Oversight Services"/>
    <s v="PCH-PCH-399"/>
    <s v="In Production"/>
    <s v="desktop"/>
    <x v="0"/>
    <x v="86"/>
  </r>
  <r>
    <x v="0"/>
    <x v="8"/>
    <x v="1975"/>
    <s v=""/>
    <s v="This recently acquired application allows for the structure and analysis of qualitative information"/>
    <s v="Other"/>
    <x v="1"/>
    <s v="Unknown"/>
    <x v="10"/>
    <s v="Internal Services"/>
    <s v="Information Management Services"/>
    <s v="PCH-PCH-400"/>
    <s v=""/>
    <s v="desktop"/>
    <x v="0"/>
    <x v="86"/>
  </r>
  <r>
    <x v="3"/>
    <x v="92"/>
    <x v="1976"/>
    <s v=""/>
    <s v="This Access database contains survey meta data such as dates, project status, descriptions and costs.  Data goes back to 2009 and is hosted on the E drive."/>
    <s v="Other"/>
    <x v="39"/>
    <s v="Microsoft Corporation, Access"/>
    <x v="10"/>
    <s v="Internal Services"/>
    <s v="Information Management Services"/>
    <s v="PCH-PCH-401"/>
    <s v="In Production"/>
    <s v="desktop"/>
    <x v="0"/>
    <x v="10"/>
  </r>
  <r>
    <x v="0"/>
    <x v="18"/>
    <x v="1977"/>
    <s v=""/>
    <s v="2017-IBP-003 To replace FluidSurvey This application is used to quickly generate and manage surveys on line"/>
    <s v="Other"/>
    <x v="1"/>
    <s v="Survey Monkey Inc., FluidSurveys"/>
    <x v="10"/>
    <s v="Internal Services"/>
    <s v="Information Management Services"/>
    <s v="PCH-PCH-402"/>
    <s v="In Production"/>
    <s v="cloud"/>
    <x v="1"/>
    <x v="540"/>
  </r>
  <r>
    <x v="3"/>
    <x v="31"/>
    <x v="1978"/>
    <s v=""/>
    <s v="MS Access used to open large data set, clean-up and use the data in combination with other tools; the data is also linked to ArcGIS software"/>
    <s v="Other"/>
    <x v="1"/>
    <s v="Microsoft Corporation, Access"/>
    <x v="10"/>
    <s v="Official Languages"/>
    <s v="Information Management Services"/>
    <s v="PCH-PCH-404"/>
    <s v="In Production"/>
    <s v="desktop"/>
    <x v="0"/>
    <x v="10"/>
  </r>
  <r>
    <x v="3"/>
    <x v="46"/>
    <x v="1979"/>
    <s v=""/>
    <s v="Data management software used to extract data from IVT files which are produced by Statistics Canada as part of their data dissemination strategy Upgrade to latest version?"/>
    <s v="Other"/>
    <x v="47"/>
    <s v="Beyond 20/20"/>
    <x v="10"/>
    <s v="Internal Services"/>
    <s v="Information Management Services"/>
    <s v="PCH-PCH-405"/>
    <s v=""/>
    <s v="appliance"/>
    <x v="0"/>
    <x v="106"/>
  </r>
  <r>
    <x v="5"/>
    <x v="25"/>
    <x v="1980"/>
    <s v="SAS"/>
    <m/>
    <s v="Other"/>
    <x v="1"/>
    <s v="SAS Inc."/>
    <x v="10"/>
    <s v="Creativity, Arts and Culture"/>
    <s v="Management and Oversight Services"/>
    <s v="PCH-PCH-406"/>
    <s v="In Production"/>
    <s v="desktop"/>
    <x v="0"/>
    <x v="106"/>
  </r>
  <r>
    <x v="3"/>
    <x v="45"/>
    <x v="1981"/>
    <s v=""/>
    <s v="This tool allows CIOB to manage all  TomCat CHIN website redirect (Excluding Apache redirects)"/>
    <s v="Other"/>
    <x v="1"/>
    <s v="Developed in-house, Smart URL Redirect Management Tool"/>
    <x v="10"/>
    <s v="Internal Services"/>
    <s v="Information Management Services"/>
    <s v="PCH-PCH-408"/>
    <s v="In Production"/>
    <s v="web"/>
    <x v="1"/>
    <x v="146"/>
  </r>
  <r>
    <x v="5"/>
    <x v="25"/>
    <x v="1982"/>
    <s v=""/>
    <m/>
    <s v="Other"/>
    <x v="1"/>
    <s v="NLogic, Infosys+"/>
    <x v="10"/>
    <s v="Creativity, Arts and Culture"/>
    <s v="Information Management Services"/>
    <s v="PCH-PCH-409"/>
    <s v="In Production"/>
    <s v="desktop"/>
    <x v="0"/>
    <x v="106"/>
  </r>
  <r>
    <x v="6"/>
    <x v="21"/>
    <x v="1983"/>
    <s v=""/>
    <s v="This application is a mass email tool for CHIN Newsletter and subscription"/>
    <s v="Other"/>
    <x v="1"/>
    <s v="INTEMA (Montreal)"/>
    <x v="10"/>
    <s v="Attachment to Canada"/>
    <s v="Communications Services,Information Management Services"/>
    <s v="PCH-PCH-410"/>
    <s v=""/>
    <s v="cloud"/>
    <x v="1"/>
    <x v="549"/>
  </r>
  <r>
    <x v="0"/>
    <x v="11"/>
    <x v="1984"/>
    <s v=""/>
    <s v="Mobile Apps that are maintained by Communications"/>
    <s v="Other"/>
    <x v="1"/>
    <s v="Developed in-house"/>
    <x v="10"/>
    <s v="Heritage and Celebration"/>
    <s v="Communications Services,Information Management Services"/>
    <s v="PCH-PCH-415"/>
    <s v="In Production"/>
    <s v="mobile"/>
    <x v="1"/>
    <x v="106"/>
  </r>
  <r>
    <x v="0"/>
    <x v="11"/>
    <x v="1985"/>
    <s v=""/>
    <s v="Mobile apps support by Communications"/>
    <s v="Other"/>
    <x v="1"/>
    <s v="Developed in-house"/>
    <x v="10"/>
    <s v="Heritage and Celebration"/>
    <s v="Communications Services,Information Management Services"/>
    <s v="PCH-PCH-416"/>
    <s v="In Production"/>
    <s v="mobile"/>
    <x v="1"/>
    <x v="106"/>
  </r>
  <r>
    <x v="0"/>
    <x v="11"/>
    <x v="1986"/>
    <s v=""/>
    <s v="Mobile apps supported by Communications"/>
    <s v="Other"/>
    <x v="1"/>
    <s v="Developed in-house"/>
    <x v="10"/>
    <s v="Heritage and Celebration"/>
    <s v="Communications Services,Information Management Services"/>
    <s v="PCH-PCH-417"/>
    <s v="In Production"/>
    <s v="mobile"/>
    <x v="1"/>
    <x v="106"/>
  </r>
  <r>
    <x v="0"/>
    <x v="11"/>
    <x v="1987"/>
    <s v=""/>
    <s v="Mobile apps supported by Communications"/>
    <s v="Other"/>
    <x v="1"/>
    <s v="Developed in-house"/>
    <x v="10"/>
    <s v="Heritage and Celebration"/>
    <s v="Communications Services"/>
    <s v="PCH-PCH-418"/>
    <s v="In Production"/>
    <s v="mobile"/>
    <x v="1"/>
    <x v="106"/>
  </r>
  <r>
    <x v="0"/>
    <x v="16"/>
    <x v="1988"/>
    <s v="PCHAI"/>
    <s v="An inventory of all PCH information systems (applications)"/>
    <s v="Other"/>
    <x v="1"/>
    <s v="Microsoft Corporation, CRM Dynamics"/>
    <x v="10"/>
    <s v="Internal Services"/>
    <s v="Information Technology Services"/>
    <s v="PCH-PCH-420"/>
    <s v="In Production"/>
    <s v="web"/>
    <x v="0"/>
    <x v="146"/>
  </r>
  <r>
    <x v="0"/>
    <x v="8"/>
    <x v="1989"/>
    <s v=""/>
    <s v="Calendar to render WET format from json feed created by mobile apps"/>
    <s v="Other"/>
    <x v="1"/>
    <s v="Developed in-house"/>
    <x v="10"/>
    <s v="Heritage and Celebration"/>
    <s v="Communications Services"/>
    <s v="PCH-PCH-421"/>
    <s v="In Production"/>
    <s v="web"/>
    <x v="1"/>
    <x v="86"/>
  </r>
  <r>
    <x v="0"/>
    <x v="8"/>
    <x v="1990"/>
    <s v=""/>
    <s v="Intranet DM Blog"/>
    <s v="Other"/>
    <x v="1"/>
    <s v="Developed in-house"/>
    <x v="10"/>
    <s v="Internal Services"/>
    <s v="Communications Services"/>
    <s v="PCH-PCH-422"/>
    <s v="In Production"/>
    <s v="web"/>
    <x v="1"/>
    <x v="540"/>
  </r>
  <r>
    <x v="6"/>
    <x v="21"/>
    <x v="1991"/>
    <s v="Listserv"/>
    <s v="List-Plex, cloud solution to email distribution list"/>
    <s v="Other"/>
    <x v="1"/>
    <s v="L-Soft, ListPlex"/>
    <x v="10"/>
    <s v="Heritage and Celebration"/>
    <s v="Information Management Services"/>
    <s v="PCH-PCH-423"/>
    <s v="In Production"/>
    <s v="cloud"/>
    <x v="0"/>
    <x v="86"/>
  </r>
  <r>
    <x v="0"/>
    <x v="11"/>
    <x v="1992"/>
    <s v=""/>
    <s v="Drupal application hosted externally (RAD) that manages the data that is used to produce the mobile app PCH-418"/>
    <s v="Other"/>
    <x v="1"/>
    <s v="Developed in-house"/>
    <x v="10"/>
    <s v="Heritage and Celebration"/>
    <s v="Communications Services"/>
    <s v="PCH-PCH-425"/>
    <s v="In Production"/>
    <s v="cloud"/>
    <x v="0"/>
    <x v="86"/>
  </r>
  <r>
    <x v="1"/>
    <x v="47"/>
    <x v="1993"/>
    <s v=""/>
    <s v="Server, application and desktop virtualization, networking, software as a service, and cloud computing technologies"/>
    <s v="Other"/>
    <x v="1"/>
    <s v="Citrix Systems, Inc., Citrix"/>
    <x v="10"/>
    <s v="Internal Services"/>
    <s v="Information Technology Services"/>
    <s v="PCH-PCH-426"/>
    <s v="In Production"/>
    <s v="web"/>
    <x v="0"/>
    <x v="146"/>
  </r>
  <r>
    <x v="2"/>
    <x v="6"/>
    <x v="1994"/>
    <s v=""/>
    <s v="PCH Library Management System. (back end) email: bib-lib@pch.gc.ca"/>
    <s v="Other"/>
    <x v="1"/>
    <s v="VUB TechTransfer, Vubis Library System"/>
    <x v="10"/>
    <s v="Internal Services"/>
    <s v="Information Management Services"/>
    <s v="PCH-PCH-427"/>
    <s v="In Production"/>
    <s v="web"/>
    <x v="0"/>
    <x v="119"/>
  </r>
  <r>
    <x v="1"/>
    <x v="47"/>
    <x v="1995"/>
    <s v="SCCM"/>
    <s v="Infrastructure tool - System Center Configuration Manager is a systems management software product developed by Microsoft for managing large groups of computers running Windows NT, Windows Embedded, macOS, Linux or UNIX, as well as Windows Phone, Symbian, iOS and Android mobile operating systems.[3] Configuration Manager provides remote control, patch management, software distribution, operating system deployment, network access protection and hardware and software inventory."/>
    <s v="Microsoft_Corporation"/>
    <x v="18"/>
    <s v=""/>
    <x v="10"/>
    <s v="Internal Services"/>
    <s v="Information Technology Services"/>
    <s v="PCH-PCH-430"/>
    <s v="In Production"/>
    <s v="rich"/>
    <x v="0"/>
    <x v="146"/>
  </r>
  <r>
    <x v="1"/>
    <x v="47"/>
    <x v="1996"/>
    <s v="MDT"/>
    <s v="Infrastructure tool - The Microsoft Deployment Toolkit (MDT) is for Windows operating system deployment."/>
    <s v="Other"/>
    <x v="1"/>
    <s v="Microsoft Corporation, Microsoft Deployment Toolkit"/>
    <x v="10"/>
    <s v="Internal Services"/>
    <s v="Information Technology Services"/>
    <s v="PCH-PCH-431"/>
    <s v="In Production"/>
    <s v="rich"/>
    <x v="0"/>
    <x v="146"/>
  </r>
  <r>
    <x v="4"/>
    <x v="5"/>
    <x v="1997"/>
    <s v="BitLocker"/>
    <s v="Microsoft BitLocker Administration and Monitoring for disk encryption"/>
    <s v="Other"/>
    <x v="1"/>
    <s v="Malwarebytes, MBAM"/>
    <x v="10"/>
    <s v="Internal Services"/>
    <s v="Information Technology Services"/>
    <s v="PCH-PCH-432"/>
    <s v="In Production"/>
    <s v="web"/>
    <x v="0"/>
    <x v="146"/>
  </r>
  <r>
    <x v="0"/>
    <x v="7"/>
    <x v="1998"/>
    <s v=""/>
    <s v="(front end web interface) Knowledge Center Library"/>
    <s v=""/>
    <x v="1"/>
    <s v=""/>
    <x v="10"/>
    <s v="Internal Services"/>
    <s v="Information Technology Services"/>
    <s v="PCH-PCH-433"/>
    <s v="In Production"/>
    <s v="web"/>
    <x v="0"/>
    <x v="540"/>
  </r>
  <r>
    <x v="10"/>
    <x v="69"/>
    <x v="1999"/>
    <s v=""/>
    <s v="FTP Toll to transfer large documents to the public."/>
    <s v="Other"/>
    <x v="1"/>
    <s v="Ipswitch, Inc., MOVEit"/>
    <x v="10"/>
    <s v="Creativity, Arts and Culture"/>
    <s v="Information Management Services"/>
    <s v="PCH-PCH-434"/>
    <s v="In Production"/>
    <s v="web"/>
    <x v="0"/>
    <x v="146"/>
  </r>
  <r>
    <x v="0"/>
    <x v="16"/>
    <x v="2000"/>
    <s v=""/>
    <s v="Tracks distribution of Canadian promotional material (e.g. paper hand flags, pins, etc) There exists 1 version of this application for HQ and 1 version for the 6 regional offices. - Asset Tracking"/>
    <s v="Other"/>
    <x v="1"/>
    <s v="Microsoft Corporation, CRM Dynamics 2013"/>
    <x v="10"/>
    <s v="Heritage and Celebration"/>
    <s v="Information Management Services"/>
    <s v="PCH-PCH-436"/>
    <s v="In Production"/>
    <s v="web"/>
    <x v="0"/>
    <x v="146"/>
  </r>
  <r>
    <x v="0"/>
    <x v="11"/>
    <x v="2001"/>
    <s v=""/>
    <m/>
    <s v="Other"/>
    <x v="1"/>
    <s v="Bespoke Software Inc. , V-Sys One"/>
    <x v="10"/>
    <s v="Heritage and Celebration"/>
    <s v="Information Management Services"/>
    <s v="PCH-PCH-437"/>
    <s v="In Production"/>
    <s v="web"/>
    <x v="0"/>
    <x v="146"/>
  </r>
  <r>
    <x v="0"/>
    <x v="11"/>
    <x v="2002"/>
    <s v="What''s Up"/>
    <s v="Purpose:  The Tracking/Reporting of Department initiatives and Activities - Transformation Timeline Tool (TTT) History: This application was developed by and is in use at PWGSC."/>
    <s v="Other"/>
    <x v="1"/>
    <s v="Developed in-house"/>
    <x v="10"/>
    <s v="Internal Services"/>
    <s v="Information Management Services"/>
    <s v="PCH-PCH-438"/>
    <s v="In Production"/>
    <s v="web"/>
    <x v="1"/>
    <x v="146"/>
  </r>
  <r>
    <x v="3"/>
    <x v="45"/>
    <x v="2003"/>
    <s v=""/>
    <s v="tool to manage the silent auction for PCH"/>
    <s v="Other"/>
    <x v="1"/>
    <s v="Developed in-house"/>
    <x v="10"/>
    <s v="Internal Services"/>
    <s v="Other"/>
    <s v="PCH-PCH-441"/>
    <s v="In Production"/>
    <s v="web"/>
    <x v="1"/>
    <x v="540"/>
  </r>
  <r>
    <x v="4"/>
    <x v="5"/>
    <x v="2004"/>
    <s v=""/>
    <s v="CIOB tool to manage and monitor the databases and the SQL servers (servers and jobs failures, server performance, sends alerts)"/>
    <s v="Other"/>
    <x v="1"/>
    <s v="Redgate 4.2"/>
    <x v="10"/>
    <s v="Internal Services"/>
    <s v=""/>
    <s v="PCH-PCH-442"/>
    <s v="In Production"/>
    <s v="web"/>
    <x v="0"/>
    <x v="146"/>
  </r>
  <r>
    <x v="0"/>
    <x v="8"/>
    <x v="2005"/>
    <s v=""/>
    <s v="Useful utility to convert Word to WET4, which we call, WordToWET (version v1.0.0.3 Released)  C# 6.0, WPF (Windows Presentation Foundation),  .Net v 4.x ; WordCleaner (API https://wordcleaner.com/), HTML Agility Pack (https://htmlagilitypack.codeplex.com/)."/>
    <s v="Other"/>
    <x v="1"/>
    <s v="Developed in-house"/>
    <x v="10"/>
    <s v="Internal Services"/>
    <s v="Information Technology Services"/>
    <s v="PCH-PCH-445"/>
    <s v="In Production"/>
    <s v="desktop"/>
    <x v="1"/>
    <x v="86"/>
  </r>
  <r>
    <x v="0"/>
    <x v="7"/>
    <x v="2006"/>
    <s v=""/>
    <s v="Inventory of dataset maintained throughout PCH.  The inventory support Open Government."/>
    <s v="Other"/>
    <x v="1"/>
    <s v="Microsoft Corporation, Access"/>
    <x v="10"/>
    <s v="Internal Services"/>
    <s v="Information Management Services,Management and Oversight Services"/>
    <s v="PCH-PCH-449"/>
    <s v="In Production"/>
    <s v="desktop"/>
    <x v="0"/>
    <x v="146"/>
  </r>
  <r>
    <x v="3"/>
    <x v="31"/>
    <x v="2007"/>
    <s v=""/>
    <s v="Business Intelligence and Analytics tool Reader for Tableau (visualization software) Service Standards Phase I, II, III, completed, IV underway"/>
    <s v="Other"/>
    <x v="1"/>
    <s v="Tableau Software"/>
    <x v="10"/>
    <s v="Internal Services"/>
    <s v="Financial Management Services,Human Resources Management Services,Management and Oversight Services"/>
    <s v="PCH-PCH-452"/>
    <s v="In Production"/>
    <s v="desktop"/>
    <x v="0"/>
    <x v="146"/>
  </r>
  <r>
    <x v="4"/>
    <x v="5"/>
    <x v="467"/>
    <s v=""/>
    <s v="Screening Request est une application qui leur ont été fourni par CSIS en 2009.  C’est une application qui lis une base de donnée Access. Le client (Carl Major) a confirmer que la base de donnée est de niveau Protégé A"/>
    <s v=""/>
    <x v="1"/>
    <s v=""/>
    <x v="10"/>
    <s v="Internal Services"/>
    <s v=""/>
    <s v="PCH-PCH-453"/>
    <s v="In Production"/>
    <s v="desktop"/>
    <x v="0"/>
    <x v="10"/>
  </r>
  <r>
    <x v="6"/>
    <x v="35"/>
    <x v="2008"/>
    <s v=""/>
    <s v="Tool developed by CCI to design packaging boxes to store and transport fragile artworks. A web version of this tool is now presented on the web."/>
    <s v="Other"/>
    <x v="1"/>
    <s v="Developed in-house"/>
    <x v="10"/>
    <s v="Heritage and Celebration"/>
    <s v="Information Management Services"/>
    <s v="PCH-PCH-454"/>
    <s v="In Production"/>
    <s v="web"/>
    <x v="1"/>
    <x v="550"/>
  </r>
  <r>
    <x v="0"/>
    <x v="7"/>
    <x v="2009"/>
    <s v="Evaluation - TeamMate"/>
    <s v="Track the entire audit process, including risk assessment, planning, execution, review, reporting, trend analysis, storage and follow-up on recommendations as well as facilitate compliance with applicable Institute of Internal Auditors (IIA), and Treasury Board Secretariat (TBS) standards and guidelines. Duplicate of PCH-370 TeamMate application"/>
    <s v="Other"/>
    <x v="1"/>
    <s v="Wolters Kluwer, TeamMate"/>
    <x v="10"/>
    <s v="Internal Services"/>
    <s v="Information Management Services"/>
    <s v="PCH-PCH-455"/>
    <s v="In Production"/>
    <s v="desktop"/>
    <x v="0"/>
    <x v="146"/>
  </r>
  <r>
    <x v="0"/>
    <x v="7"/>
    <x v="2010"/>
    <s v="Recipient Audit - TeamMate"/>
    <s v="Track the entire audit process, including risk assessment, planning, execution, review, reporting, trend analysis, storage and follow-up on recommendations as well as facilitate compliance with applicable Institute of Internal Auditors (IIA), and Treasury Board Secretariat (TBS) standards and guidelines. Duplicate of PCH-370 TeamMate"/>
    <s v="Other"/>
    <x v="1"/>
    <s v="Wolters Kluwer, TeamMate"/>
    <x v="10"/>
    <s v="Internal Services"/>
    <s v="Information Management Services"/>
    <s v="PCH-PCH-456"/>
    <s v="In Production"/>
    <s v="desktop"/>
    <x v="0"/>
    <x v="146"/>
  </r>
  <r>
    <x v="4"/>
    <x v="5"/>
    <x v="2011"/>
    <s v=""/>
    <s v="Application to manage printers"/>
    <s v="Other"/>
    <x v="1"/>
    <s v="Konica Minolta, PaperCut"/>
    <x v="10"/>
    <s v="Internal Services"/>
    <s v="Information Technology Services"/>
    <s v="PCH-PCH-457"/>
    <s v="In Production"/>
    <s v="desktop"/>
    <x v="0"/>
    <x v="146"/>
  </r>
  <r>
    <x v="1"/>
    <x v="47"/>
    <x v="2012"/>
    <s v=""/>
    <s v="To block from November 24 to February 21 to see if any complaints are received.   There are no users of this application."/>
    <s v=""/>
    <x v="1"/>
    <s v=""/>
    <x v="10"/>
    <s v="Internal Services"/>
    <s v=""/>
    <s v="PCH-PCH-458"/>
    <s v="In Production"/>
    <s v="desktop"/>
    <x v="0"/>
    <x v="86"/>
  </r>
  <r>
    <x v="0"/>
    <x v="16"/>
    <x v="2013"/>
    <s v="EOS"/>
    <s v="An online system used by Canadians to apply for 3 of the PCH Gs &amp; Cs programs."/>
    <s v="Other"/>
    <x v="1"/>
    <s v="Microsoft Corporation, CRM Dynamics"/>
    <x v="10"/>
    <s v="Internal Services"/>
    <s v=""/>
    <s v="PCH-PCH-459"/>
    <s v="In Production"/>
    <s v="desktop"/>
    <x v="0"/>
    <x v="146"/>
  </r>
  <r>
    <x v="4"/>
    <x v="5"/>
    <x v="241"/>
    <s v="TFS"/>
    <s v="Team Foundation Server (commonly abbreviated to TFS) is a Microsoft product that provides source code management (either with Team Foundation Version Control or Git), reporting, requirements management, project management (for both agile software development and waterfall teams), automated builds, lab management, testing and release management capabilities. It covers the entire application lifecycle, and enables DevOps capabilities.[1] TFS can be used as a back-end to numerous integrated development environments (IDEs) but is tailored for Microsoft Visual Studio and Eclipse on all platforms.[2]"/>
    <s v="Other"/>
    <x v="1"/>
    <s v="Microsoft Corporation, Team Foundation Server"/>
    <x v="10"/>
    <s v="Internal Services"/>
    <s v=""/>
    <s v="PCH-PCH-460"/>
    <s v="In Production"/>
    <s v="desktop"/>
    <x v="0"/>
    <x v="146"/>
  </r>
  <r>
    <x v="5"/>
    <x v="95"/>
    <x v="2014"/>
    <s v=""/>
    <s v="Industry standard product for design"/>
    <s v="Other"/>
    <x v="1"/>
    <s v="Autodesk, AutoDesk Design Review 2013"/>
    <x v="10"/>
    <s v="Internal Services"/>
    <s v="Real Property Services"/>
    <s v="PCH-PCH-467"/>
    <s v="In Production"/>
    <s v="desktop"/>
    <x v="0"/>
    <x v="106"/>
  </r>
  <r>
    <x v="5"/>
    <x v="95"/>
    <x v="2015"/>
    <s v=""/>
    <s v="Industry standard application for design"/>
    <s v="Other"/>
    <x v="1"/>
    <s v="Autodesk, Autocad LT"/>
    <x v="10"/>
    <s v="Internal Services"/>
    <s v="Real Property Services"/>
    <s v="PCH-PCH-468"/>
    <s v="In Production"/>
    <s v="desktop"/>
    <x v="0"/>
    <x v="106"/>
  </r>
  <r>
    <x v="5"/>
    <x v="95"/>
    <x v="2016"/>
    <s v="AutoDesk TrueView"/>
    <s v="Viewer utility"/>
    <s v="Other"/>
    <x v="1"/>
    <s v="Autodesk, AutoDesk DWG TrueView 2014"/>
    <x v="10"/>
    <s v="Internal Services"/>
    <s v="Real Property Services"/>
    <s v="PCH-PCH-469"/>
    <s v="In Production"/>
    <s v="desktop"/>
    <x v="0"/>
    <x v="106"/>
  </r>
  <r>
    <x v="5"/>
    <x v="95"/>
    <x v="2017"/>
    <s v=""/>
    <s v="Design software"/>
    <s v="Other"/>
    <x v="1"/>
    <s v="Autodesk"/>
    <x v="10"/>
    <s v="Internal Services"/>
    <s v="Real Property Services"/>
    <s v="PCH-PCH-470"/>
    <s v="In Production"/>
    <s v="desktop"/>
    <x v="0"/>
    <x v="106"/>
  </r>
  <r>
    <x v="2"/>
    <x v="70"/>
    <x v="2018"/>
    <s v=""/>
    <s v="Mail software for Canada post EST.  Business Application for mailing for sending packages via Canada Post"/>
    <s v="Other"/>
    <x v="1"/>
    <s v="Canada Post"/>
    <x v="10"/>
    <s v="Internal Services"/>
    <s v="Other"/>
    <s v="PCH-PCH-472"/>
    <s v="In Production"/>
    <s v="desktop"/>
    <x v="1"/>
    <x v="106"/>
  </r>
  <r>
    <x v="0"/>
    <x v="43"/>
    <x v="2019"/>
    <s v=""/>
    <s v="Web page development tool for Intranet and Internet"/>
    <s v="Adobe_Systems_Incorporated"/>
    <x v="48"/>
    <s v=""/>
    <x v="10"/>
    <s v="Internal Services"/>
    <s v="Communications Services"/>
    <s v="PCH-PCH-474"/>
    <s v="In Production"/>
    <s v="desktop"/>
    <x v="0"/>
    <x v="106"/>
  </r>
  <r>
    <x v="4"/>
    <x v="5"/>
    <x v="2020"/>
    <s v=""/>
    <s v="Ask Guy Malette"/>
    <s v=""/>
    <x v="1"/>
    <s v=""/>
    <x v="10"/>
    <s v="Internal Services"/>
    <s v=""/>
    <s v="PCH-PCH-475"/>
    <s v="In Production"/>
    <s v="desktop"/>
    <x v="0"/>
    <x v="86"/>
  </r>
  <r>
    <x v="1"/>
    <x v="12"/>
    <x v="2021"/>
    <s v=""/>
    <s v="Ask Guy Malette"/>
    <s v=""/>
    <x v="1"/>
    <s v=""/>
    <x v="10"/>
    <s v="Internal Services"/>
    <s v=""/>
    <s v="PCH-PCH-476"/>
    <s v="In Production"/>
    <s v="web"/>
    <x v="0"/>
    <x v="86"/>
  </r>
  <r>
    <x v="0"/>
    <x v="7"/>
    <x v="2022"/>
    <s v=""/>
    <s v="Software for creating Colour Labels for our Archive files."/>
    <s v="Other"/>
    <x v="1"/>
    <s v="TAB Products of Canada, TabQuik"/>
    <x v="10"/>
    <s v="Internal Services"/>
    <s v="Other"/>
    <s v="PCH-PCH-479"/>
    <s v="In Production"/>
    <s v="desktop"/>
    <x v="0"/>
    <x v="86"/>
  </r>
  <r>
    <x v="11"/>
    <x v="96"/>
    <x v="2023"/>
    <s v=""/>
    <s v="Create virtual OS"/>
    <s v="VMWare_Inc"/>
    <x v="1"/>
    <s v=""/>
    <x v="10"/>
    <s v="Internal Services"/>
    <s v="Information Technology Services"/>
    <s v="PCH-PCH-481"/>
    <s v="In Production"/>
    <s v="desktop"/>
    <x v="0"/>
    <x v="106"/>
  </r>
  <r>
    <x v="4"/>
    <x v="5"/>
    <x v="2024"/>
    <s v=""/>
    <s v="A trusted resource for audience insights as well as critical advertising intelligence with ads tracking for TV, radio and newspaper."/>
    <s v="Other"/>
    <x v="1"/>
    <s v="nLogic, nLogic MicroPPM"/>
    <x v="10"/>
    <s v="Internal Services"/>
    <s v=""/>
    <s v="PCH-PCH-482"/>
    <s v="In Production"/>
    <s v="desktop"/>
    <x v="0"/>
    <x v="86"/>
  </r>
  <r>
    <x v="4"/>
    <x v="5"/>
    <x v="2025"/>
    <s v=""/>
    <s v="Ask Guy Malette"/>
    <s v="Other"/>
    <x v="1"/>
    <s v="nLogic, nLogic Infosys+ Meter"/>
    <x v="10"/>
    <s v="Internal Services"/>
    <s v=""/>
    <s v="PCH-PCH-483"/>
    <s v="In Production"/>
    <s v="desktop"/>
    <x v="0"/>
    <x v="86"/>
  </r>
  <r>
    <x v="4"/>
    <x v="5"/>
    <x v="2026"/>
    <s v=""/>
    <s v="Ask Guy Malette"/>
    <s v="Other"/>
    <x v="1"/>
    <s v="nLogic, nLogic MicroBBM"/>
    <x v="10"/>
    <s v="Internal Services"/>
    <s v=""/>
    <s v="PCH-PCH-484"/>
    <s v="In Production"/>
    <s v="desktop"/>
    <x v="0"/>
    <x v="86"/>
  </r>
  <r>
    <x v="4"/>
    <x v="5"/>
    <x v="2027"/>
    <s v=""/>
    <s v="Ask Guy Malette"/>
    <s v="Other"/>
    <x v="1"/>
    <s v="nLogic, nLogic Infosys+ Diary"/>
    <x v="10"/>
    <s v="Internal Services"/>
    <s v=""/>
    <s v="PCH-PCH-485"/>
    <s v="In Production"/>
    <s v="desktop"/>
    <x v="0"/>
    <x v="86"/>
  </r>
  <r>
    <x v="0"/>
    <x v="0"/>
    <x v="2028"/>
    <s v=""/>
    <s v="SharePoint site Main C150 Site acting as the parent site for various C150 activities"/>
    <s v="Microsoft_Corporation"/>
    <x v="49"/>
    <s v=""/>
    <x v="10"/>
    <s v="Sport"/>
    <s v="Communications Services"/>
    <s v="PCH-PCH-487"/>
    <s v="In Production"/>
    <s v="cloud"/>
    <x v="0"/>
    <x v="146"/>
  </r>
  <r>
    <x v="1"/>
    <x v="47"/>
    <x v="2029"/>
    <s v=""/>
    <s v="Application used to control the output of the screens located outside of The Zone (25 Eddy, 4th floor)"/>
    <s v="Other"/>
    <x v="1"/>
    <s v="Gensis"/>
    <x v="10"/>
    <s v="Internal Services"/>
    <s v="Information Technology Services"/>
    <s v="PCH-PCH-515"/>
    <s v="In Production"/>
    <s v="desktop"/>
    <x v="0"/>
    <x v="146"/>
  </r>
  <r>
    <x v="3"/>
    <x v="45"/>
    <x v="2030"/>
    <s v=""/>
    <s v="MS Access is used  monthly for proactive disclosures to combine reports provided to us by CIOB for programs and Athlete Assistance Program (AAP)  The database is also used for some « Ad-hoc » reports that we have to produce for certain requests."/>
    <s v="Other"/>
    <x v="1"/>
    <s v="Microsoft Corporation, Access"/>
    <x v="10"/>
    <s v="Internal Services"/>
    <s v="Information Technology Services"/>
    <s v="PCH-PCH-520"/>
    <s v="In Production"/>
    <s v="desktop"/>
    <x v="0"/>
    <x v="10"/>
  </r>
  <r>
    <x v="0"/>
    <x v="42"/>
    <x v="2031"/>
    <s v=""/>
    <s v="Cloud service to send mass emails MailChimp is a marketing automation platform and an email marketing service and a trading name of its operator, Rocket Science Group, an American company founded in 2001. MailChimp began as a paid service and added a freemium option in 2009"/>
    <s v="Other"/>
    <x v="1"/>
    <s v="Rocket Science Group, MailChimp"/>
    <x v="10"/>
    <s v="Heritage and Celebration"/>
    <s v="Communications Services"/>
    <s v="PCH-PCH-526"/>
    <s v="In Production"/>
    <s v="cloud"/>
    <x v="0"/>
    <x v="86"/>
  </r>
  <r>
    <x v="5"/>
    <x v="25"/>
    <x v="2032"/>
    <s v=""/>
    <s v="Statistical computing and graphic The goal is to replace SPSS if R proves itself to be a suitable replacement."/>
    <s v="Other"/>
    <x v="1"/>
    <s v="The R Foundation, R"/>
    <x v="10"/>
    <s v="Internal Services"/>
    <s v="Management and Oversight Services"/>
    <s v="PCH-PCH-532"/>
    <s v="In Production"/>
    <s v="desktop"/>
    <x v="0"/>
    <x v="86"/>
  </r>
  <r>
    <x v="0"/>
    <x v="16"/>
    <x v="2033"/>
    <s v=""/>
    <s v="Tacking System: a CRM solution that will only live until Christmas"/>
    <s v="Other"/>
    <x v="1"/>
    <s v="Microsoft Corporation, CRM Dynamics"/>
    <x v="10"/>
    <s v="Heritage and Celebration"/>
    <s v="Information Management Services"/>
    <s v="PCH-PCH-534"/>
    <s v="In Production"/>
    <s v="web"/>
    <x v="0"/>
    <x v="146"/>
  </r>
  <r>
    <x v="0"/>
    <x v="11"/>
    <x v="2034"/>
    <s v="CAMP"/>
    <s v="These Canadian Artists Materials Databases contain physical, chemical and other identifying information (Title, Creation date, dimensions and ref to pictures) of various Canadian artists’ artworks.   They have been created from a common database template. They are very similar in structure and type of content except for few artwork attributes that may differ among artists.  Database Name Subject Matter Expert  MorriseauProject Elizabeth Moffatt  Riopelle,   Marie-Claude Corbeil  Fortin,   Marie-Claude Corbeil  Dulongpré,   Kate Helwig   Icepatch,   Kate Helwig         MacDonald  Kate Helwig"/>
    <s v=""/>
    <x v="1"/>
    <s v=""/>
    <x v="10"/>
    <s v="Heritage"/>
    <s v="Information Management Services"/>
    <s v="PCH-27"/>
    <s v=""/>
    <s v=""/>
    <x v="1"/>
    <x v="86"/>
  </r>
  <r>
    <x v="0"/>
    <x v="11"/>
    <x v="2035"/>
    <s v="CAMP"/>
    <s v="These Canadian Artists Materials Databases contain physical, chemical and other identifying information (Title, Creation date, dimensions and ref to pictures) of various Canadian artists’ artworks.    They have been created from a common database template. They are very similar in structure and type of content except for few artwork attributes that may differ among artists.  Database Name Subject Matter Expert  MorriseauProject Elizabeth Moffatt  Riopelle,   Marie-Claude Corbeil  Fortin,   Marie-Claude Corbeil  Dulongpré,   Kate Helwig   Icepatch,   Kate Helwig         MacDonald  Kate Helwig"/>
    <s v=""/>
    <x v="1"/>
    <s v=""/>
    <x v="10"/>
    <s v="Heritage"/>
    <s v="Information Management Services"/>
    <s v="PCH-30"/>
    <s v=""/>
    <s v=""/>
    <x v="1"/>
    <x v="86"/>
  </r>
  <r>
    <x v="4"/>
    <x v="5"/>
    <x v="2036"/>
    <s v=""/>
    <s v=""/>
    <s v=""/>
    <x v="1"/>
    <s v=""/>
    <x v="11"/>
    <s v=""/>
    <s v=""/>
    <s v="APP-03794"/>
    <s v="In Production"/>
    <s v="web"/>
    <x v="1"/>
    <x v="106"/>
  </r>
  <r>
    <x v="4"/>
    <x v="5"/>
    <x v="2037"/>
    <s v="GX MSFT"/>
    <s v="GX AND MSFT"/>
    <s v=""/>
    <x v="1"/>
    <s v=""/>
    <x v="12"/>
    <s v=""/>
    <s v=""/>
    <s v="APP-01841"/>
    <s v="In Production"/>
    <s v=""/>
    <x v="0"/>
    <x v="106"/>
  </r>
  <r>
    <x v="2"/>
    <x v="51"/>
    <x v="2038"/>
    <s v="ACR"/>
    <m/>
    <s v=""/>
    <x v="1"/>
    <s v=""/>
    <x v="13"/>
    <s v="Regulatory Framework Program"/>
    <s v="Management and Oversight Services"/>
    <s v="APP-01407"/>
    <s v="In Production"/>
    <s v=""/>
    <x v="1"/>
    <x v="551"/>
  </r>
  <r>
    <x v="9"/>
    <x v="97"/>
    <x v="2039"/>
    <s v="Access Pro"/>
    <m/>
    <s v="PrivaSoft"/>
    <x v="14"/>
    <s v="Access Pro Case Management"/>
    <x v="13"/>
    <s v="Internal Services"/>
    <s v="Legal Services"/>
    <s v="APP-01445"/>
    <s v="In Production"/>
    <s v=""/>
    <x v="0"/>
    <x v="145"/>
  </r>
  <r>
    <x v="2"/>
    <x v="22"/>
    <x v="2040"/>
    <s v="ATS"/>
    <s v=""/>
    <s v="NJoyn"/>
    <x v="14"/>
    <s v="Applicant Tracking System (ATS)"/>
    <x v="13"/>
    <s v="Internal Services"/>
    <s v="Human Resources Management Services"/>
    <s v="APP-01447"/>
    <s v="In Production"/>
    <s v=""/>
    <x v="0"/>
    <x v="106"/>
  </r>
  <r>
    <x v="0"/>
    <x v="43"/>
    <x v="2041"/>
    <s v="BORIS"/>
    <m/>
    <s v="Microsoft Corp"/>
    <x v="15"/>
    <s v=""/>
    <x v="13"/>
    <s v="Internal Services"/>
    <s v="Communications Services"/>
    <s v="APP-01449"/>
    <s v="In Production"/>
    <s v=""/>
    <x v="0"/>
    <x v="552"/>
  </r>
  <r>
    <x v="0"/>
    <x v="43"/>
    <x v="2042"/>
    <s v="Calendar of Events"/>
    <m/>
    <s v="Microsoft Corp."/>
    <x v="14"/>
    <s v="Sharepoint 2007"/>
    <x v="13"/>
    <s v="Internal Services"/>
    <s v="Communications Services"/>
    <s v="APP-01451"/>
    <s v="In Production"/>
    <s v=""/>
    <x v="0"/>
    <x v="88"/>
  </r>
  <r>
    <x v="6"/>
    <x v="24"/>
    <x v="2043"/>
    <s v="CA PPM"/>
    <s v=""/>
    <s v="Computer Associates (CA)"/>
    <x v="1"/>
    <s v="Portfolio Management (PPM)"/>
    <x v="13"/>
    <s v=""/>
    <s v=""/>
    <s v="APP-01561"/>
    <s v="In Production"/>
    <s v=""/>
    <x v="0"/>
    <x v="86"/>
  </r>
  <r>
    <x v="2"/>
    <x v="51"/>
    <x v="2044"/>
    <s v="Case Management"/>
    <m/>
    <s v=""/>
    <x v="50"/>
    <s v=""/>
    <x v="13"/>
    <s v="Regulatory Framework Program"/>
    <s v="Management and Oversight Services"/>
    <s v="APP-01092"/>
    <s v="In Production"/>
    <s v=""/>
    <x v="0"/>
    <x v="553"/>
  </r>
  <r>
    <x v="0"/>
    <x v="13"/>
    <x v="2045"/>
    <s v="CCM Mercury"/>
    <m/>
    <s v="WorkDynamic Technologies Inc."/>
    <x v="0"/>
    <s v=""/>
    <x v="13"/>
    <s v="Internal Services"/>
    <s v="Information Management Services"/>
    <s v="APP-01453"/>
    <s v="In Production"/>
    <s v=""/>
    <x v="0"/>
    <x v="145"/>
  </r>
  <r>
    <x v="2"/>
    <x v="51"/>
    <x v="2046"/>
    <s v="CERTS"/>
    <m/>
    <s v=""/>
    <x v="1"/>
    <s v=""/>
    <x v="13"/>
    <s v="Regulatory Framework Program"/>
    <s v="Management and Oversight Services"/>
    <s v="APP-01409"/>
    <s v="In Production"/>
    <s v=""/>
    <x v="1"/>
    <x v="88"/>
  </r>
  <r>
    <x v="2"/>
    <x v="2"/>
    <x v="2047"/>
    <s v="CPMRS"/>
    <m/>
    <s v="IBM"/>
    <x v="14"/>
    <s v="Cognos Enterprise Planning &amp; Cognos Business Intel"/>
    <x v="13"/>
    <s v="Internal Services"/>
    <s v="Financial Management Services"/>
    <s v="APP-01457"/>
    <s v="In Production"/>
    <s v=""/>
    <x v="0"/>
    <x v="554"/>
  </r>
  <r>
    <x v="3"/>
    <x v="45"/>
    <x v="2048"/>
    <s v="Crystal Reports"/>
    <m/>
    <s v="SAP Crystal Solutions"/>
    <x v="14"/>
    <s v="Crystal Reports"/>
    <x v="13"/>
    <s v="Internal Services"/>
    <s v="Information Management Services"/>
    <s v="APP-01459"/>
    <s v="In Production"/>
    <s v=""/>
    <x v="0"/>
    <x v="145"/>
  </r>
  <r>
    <x v="2"/>
    <x v="6"/>
    <x v="2049"/>
    <s v="CURIE"/>
    <m/>
    <s v="SirsiDynix"/>
    <x v="14"/>
    <s v="Horizon"/>
    <x v="13"/>
    <s v="Internal Services"/>
    <s v="Information Management Services"/>
    <s v="APP-01461"/>
    <s v="In Production"/>
    <s v=""/>
    <x v="0"/>
    <x v="145"/>
  </r>
  <r>
    <x v="6"/>
    <x v="61"/>
    <x v="2050"/>
    <s v="OSH / DITS"/>
    <m/>
    <s v=""/>
    <x v="1"/>
    <s v=""/>
    <x v="13"/>
    <s v="Regulatory Framework Program"/>
    <s v="Human Resources Management Services"/>
    <s v="APP-01433"/>
    <s v="In Production"/>
    <s v=""/>
    <x v="1"/>
    <x v="555"/>
  </r>
  <r>
    <x v="0"/>
    <x v="19"/>
    <x v="2051"/>
    <s v="Document Consultation System"/>
    <s v=""/>
    <s v=""/>
    <x v="1"/>
    <s v=""/>
    <x v="13"/>
    <s v="Regulatory Framework Program"/>
    <s v="Communications Services"/>
    <s v="APP-01463"/>
    <s v="In Production"/>
    <s v=""/>
    <x v="1"/>
    <x v="106"/>
  </r>
  <r>
    <x v="0"/>
    <x v="7"/>
    <x v="2052"/>
    <s v="e-Access"/>
    <m/>
    <s v="Hummingbird"/>
    <x v="14"/>
    <s v="RDMIS"/>
    <x v="13"/>
    <s v="Regulatory Framework Program"/>
    <s v="Information Management Services"/>
    <s v="APP-01413"/>
    <s v="In Production"/>
    <s v=""/>
    <x v="0"/>
    <x v="145"/>
  </r>
  <r>
    <x v="6"/>
    <x v="57"/>
    <x v="2053"/>
    <s v="eILP"/>
    <m/>
    <s v="Microsoft Corp."/>
    <x v="14"/>
    <s v="Sharepoint 2007"/>
    <x v="13"/>
    <s v="Internal Services"/>
    <s v="Human Resources Management Services"/>
    <s v="APP-01469"/>
    <s v="In Production"/>
    <s v=""/>
    <x v="0"/>
    <x v="556"/>
  </r>
  <r>
    <x v="2"/>
    <x v="51"/>
    <x v="2054"/>
    <s v="EITS"/>
    <m/>
    <s v=""/>
    <x v="1"/>
    <s v=""/>
    <x v="13"/>
    <s v="Regulatory Framework Program"/>
    <s v="Management and Oversight Services"/>
    <s v="APP-01415"/>
    <s v="In Production"/>
    <s v=""/>
    <x v="1"/>
    <x v="88"/>
  </r>
  <r>
    <x v="6"/>
    <x v="57"/>
    <x v="2055"/>
    <s v="New Employee Orientation"/>
    <m/>
    <s v="Microsoft Corp."/>
    <x v="14"/>
    <s v="SharePoint 2007"/>
    <x v="13"/>
    <s v="Internal Services"/>
    <s v="Human Resources Management Services"/>
    <s v="APP-01523"/>
    <s v="In Production"/>
    <s v=""/>
    <x v="0"/>
    <x v="556"/>
  </r>
  <r>
    <x v="0"/>
    <x v="13"/>
    <x v="2056"/>
    <s v="ETT"/>
    <m/>
    <s v="Microsoft Corp."/>
    <x v="14"/>
    <s v="Sharepoint 2007"/>
    <x v="13"/>
    <s v="Internal Services"/>
    <s v="Travel and Other Administrative Services"/>
    <s v="APP-01473"/>
    <s v="In Production"/>
    <s v=""/>
    <x v="0"/>
    <x v="557"/>
  </r>
  <r>
    <x v="2"/>
    <x v="2"/>
    <x v="2057"/>
    <s v="FMS"/>
    <m/>
    <s v="FreeBalance"/>
    <x v="14"/>
    <s v="Accountability Suite: Public Financials Management"/>
    <x v="13"/>
    <s v="Internal Services"/>
    <s v="Financial Management Services"/>
    <s v="APP-01477"/>
    <s v="In Production"/>
    <s v=""/>
    <x v="0"/>
    <x v="145"/>
  </r>
  <r>
    <x v="5"/>
    <x v="98"/>
    <x v="2058"/>
    <s v="Google Maps"/>
    <s v=""/>
    <s v=""/>
    <x v="1"/>
    <s v=""/>
    <x v="13"/>
    <s v="Internal Services"/>
    <s v="Communications Services"/>
    <s v="APP-01479"/>
    <s v="In Production"/>
    <s v=""/>
    <x v="1"/>
    <x v="106"/>
  </r>
  <r>
    <x v="1"/>
    <x v="12"/>
    <x v="2059"/>
    <s v="HP Service Manager"/>
    <m/>
    <s v="Hewlitt-Packard Canada"/>
    <x v="14"/>
    <s v="HP Service Manager"/>
    <x v="13"/>
    <s v="Internal Services"/>
    <s v="Information Technology Services"/>
    <s v="APP-01483"/>
    <s v="In Production"/>
    <s v=""/>
    <x v="0"/>
    <x v="554"/>
  </r>
  <r>
    <x v="2"/>
    <x v="3"/>
    <x v="2060"/>
    <s v="HRIS"/>
    <m/>
    <s v=""/>
    <x v="1"/>
    <s v=""/>
    <x v="13"/>
    <s v="Internal Services"/>
    <s v="Human Resources Management Services"/>
    <s v="APP-01485"/>
    <s v="In Production"/>
    <s v=""/>
    <x v="1"/>
    <x v="558"/>
  </r>
  <r>
    <x v="6"/>
    <x v="57"/>
    <x v="2061"/>
    <s v="Health and Safety Orientation"/>
    <m/>
    <s v="Microsoft Corp"/>
    <x v="7"/>
    <s v=""/>
    <x v="13"/>
    <s v="Internal Services"/>
    <s v="Human Resources Management Services"/>
    <s v="APP-01481"/>
    <s v="In Production"/>
    <s v=""/>
    <x v="0"/>
    <x v="145"/>
  </r>
  <r>
    <x v="0"/>
    <x v="43"/>
    <x v="2062"/>
    <s v="Internet Content Admin Modules"/>
    <s v="Used to drive various parts of external website"/>
    <s v=""/>
    <x v="1"/>
    <s v=""/>
    <x v="13"/>
    <s v="Internal Services"/>
    <s v="Communications Services"/>
    <s v="APP-01487"/>
    <s v="In Production"/>
    <s v=""/>
    <x v="1"/>
    <x v="146"/>
  </r>
  <r>
    <x v="0"/>
    <x v="19"/>
    <x v="2063"/>
    <s v="Internet Site Subscription Service"/>
    <s v=""/>
    <s v=""/>
    <x v="1"/>
    <s v=""/>
    <x v="13"/>
    <s v="Regulatory Framework Program"/>
    <s v="Communications Services"/>
    <s v="APP-01511"/>
    <s v="In Production"/>
    <s v=""/>
    <x v="1"/>
    <x v="146"/>
  </r>
  <r>
    <x v="0"/>
    <x v="13"/>
    <x v="2064"/>
    <s v="iRims"/>
    <m/>
    <s v="OpenText"/>
    <x v="14"/>
    <s v="iRims"/>
    <x v="13"/>
    <s v="Internal Services"/>
    <s v="Information Management Services"/>
    <s v="APP-01513"/>
    <s v="In Production"/>
    <s v=""/>
    <x v="0"/>
    <x v="145"/>
  </r>
  <r>
    <x v="2"/>
    <x v="3"/>
    <x v="2065"/>
    <s v="ITAS"/>
    <m/>
    <s v=""/>
    <x v="1"/>
    <s v=""/>
    <x v="13"/>
    <s v="Internal Services"/>
    <s v="Human Resources Management Services"/>
    <s v="APP-01515"/>
    <s v="In Production"/>
    <s v=""/>
    <x v="1"/>
    <x v="559"/>
  </r>
  <r>
    <x v="2"/>
    <x v="51"/>
    <x v="2066"/>
    <s v="JMS"/>
    <m/>
    <s v=""/>
    <x v="1"/>
    <s v=""/>
    <x v="13"/>
    <s v="Regulatory Framework Program"/>
    <s v="Management and Oversight Services"/>
    <s v="APP-01419"/>
    <s v="In Production"/>
    <s v=""/>
    <x v="1"/>
    <x v="560"/>
  </r>
  <r>
    <x v="5"/>
    <x v="99"/>
    <x v="2067"/>
    <s v="LIMS"/>
    <s v=""/>
    <s v=""/>
    <x v="1"/>
    <s v=""/>
    <x v="13"/>
    <s v="Compliance Program"/>
    <s v="Information Management Services"/>
    <s v="APP-01087"/>
    <s v="In Production"/>
    <s v=""/>
    <x v="0"/>
    <x v="561"/>
  </r>
  <r>
    <x v="2"/>
    <x v="51"/>
    <x v="2068"/>
    <s v="LISE"/>
    <m/>
    <s v=""/>
    <x v="1"/>
    <s v=""/>
    <x v="13"/>
    <s v="Licensing and Certification Program"/>
    <s v="Management and Oversight Services"/>
    <s v="APP-01421"/>
    <s v="In Production"/>
    <s v=""/>
    <x v="1"/>
    <x v="99"/>
  </r>
  <r>
    <x v="6"/>
    <x v="57"/>
    <x v="2069"/>
    <s v="LMS"/>
    <m/>
    <s v="OpenText"/>
    <x v="14"/>
    <s v="LearnFlex"/>
    <x v="13"/>
    <s v="Internal Services"/>
    <s v="Human Resources Management Services"/>
    <s v="APP-01519"/>
    <s v="In Production"/>
    <s v=""/>
    <x v="0"/>
    <x v="99"/>
  </r>
  <r>
    <x v="2"/>
    <x v="51"/>
    <x v="2070"/>
    <s v="LOUIS"/>
    <m/>
    <s v=""/>
    <x v="1"/>
    <s v=""/>
    <x v="13"/>
    <s v="Regulatory Framework Program"/>
    <s v="Management and Oversight Services"/>
    <s v="APP-01425"/>
    <s v="In Production"/>
    <s v=""/>
    <x v="1"/>
    <x v="562"/>
  </r>
  <r>
    <x v="0"/>
    <x v="13"/>
    <x v="2071"/>
    <s v="LS iRims"/>
    <m/>
    <s v="OpenText"/>
    <x v="14"/>
    <s v="iRims"/>
    <x v="13"/>
    <s v="Internal Services"/>
    <s v="Information Management Services"/>
    <s v="APP-01521"/>
    <s v="In Production"/>
    <s v=""/>
    <x v="0"/>
    <x v="145"/>
  </r>
  <r>
    <x v="0"/>
    <x v="43"/>
    <x v="2072"/>
    <s v="Licence Search"/>
    <m/>
    <s v=""/>
    <x v="1"/>
    <s v=""/>
    <x v="13"/>
    <s v="Internal Services"/>
    <s v="Communications Services"/>
    <s v="APP-01525"/>
    <s v="In Production"/>
    <s v=""/>
    <x v="1"/>
    <x v="145"/>
  </r>
  <r>
    <x v="2"/>
    <x v="51"/>
    <x v="2073"/>
    <s v="MIK"/>
    <s v=""/>
    <s v=""/>
    <x v="1"/>
    <s v=""/>
    <x v="13"/>
    <s v="Regulatory Framework Program"/>
    <s v="Management and Oversight Services"/>
    <s v="APP-01085"/>
    <s v="In Production"/>
    <s v=""/>
    <x v="1"/>
    <x v="563"/>
  </r>
  <r>
    <x v="2"/>
    <x v="51"/>
    <x v="2074"/>
    <s v="NMAR"/>
    <m/>
    <s v=""/>
    <x v="1"/>
    <s v=""/>
    <x v="13"/>
    <s v="Regulatory Framework Program"/>
    <s v="Management and Oversight Services"/>
    <s v="APP-01429"/>
    <s v="In Production"/>
    <s v=""/>
    <x v="1"/>
    <x v="564"/>
  </r>
  <r>
    <x v="2"/>
    <x v="51"/>
    <x v="2075"/>
    <s v="NMAS"/>
    <m/>
    <s v=""/>
    <x v="1"/>
    <s v=""/>
    <x v="13"/>
    <s v="Regulatory Framework Program"/>
    <s v="Management and Oversight Services"/>
    <s v="APP-01431"/>
    <s v="In Production"/>
    <s v=""/>
    <x v="1"/>
    <x v="88"/>
  </r>
  <r>
    <x v="0"/>
    <x v="42"/>
    <x v="2076"/>
    <s v="CNSC Online"/>
    <s v=""/>
    <s v=""/>
    <x v="1"/>
    <s v=""/>
    <x v="13"/>
    <s v="Internal Services"/>
    <s v="Communications Services"/>
    <s v="APP-01455"/>
    <s v="In Production"/>
    <s v=""/>
    <x v="1"/>
    <x v="106"/>
  </r>
  <r>
    <x v="2"/>
    <x v="3"/>
    <x v="2077"/>
    <s v="OPRT"/>
    <m/>
    <s v=""/>
    <x v="1"/>
    <s v=""/>
    <x v="13"/>
    <s v="Internal Services"/>
    <s v="Management and Oversight Services"/>
    <s v="APP-01527"/>
    <s v="In Production"/>
    <s v=""/>
    <x v="1"/>
    <x v="555"/>
  </r>
  <r>
    <x v="2"/>
    <x v="3"/>
    <x v="2078"/>
    <s v="OrgPublisher"/>
    <m/>
    <s v="Aquire"/>
    <x v="14"/>
    <s v="OrgPublisher"/>
    <x v="13"/>
    <s v="Internal Services"/>
    <s v="Human Resources Management Services"/>
    <s v="APP-01529"/>
    <s v="In Production"/>
    <s v=""/>
    <x v="0"/>
    <x v="555"/>
  </r>
  <r>
    <x v="6"/>
    <x v="61"/>
    <x v="2079"/>
    <s v="PAL"/>
    <m/>
    <s v=""/>
    <x v="1"/>
    <s v=""/>
    <x v="13"/>
    <s v="Internal Services"/>
    <s v="Human Resources Management Services"/>
    <s v="APP-01531"/>
    <s v="In Production"/>
    <s v=""/>
    <x v="1"/>
    <x v="555"/>
  </r>
  <r>
    <x v="2"/>
    <x v="64"/>
    <x v="431"/>
    <s v="PBHC"/>
    <m/>
    <s v="FreeBalance"/>
    <x v="14"/>
    <s v="PBHC"/>
    <x v="13"/>
    <s v="Internal Services"/>
    <s v="Financial Management Services"/>
    <s v="APP-01533"/>
    <s v="In Production"/>
    <s v=""/>
    <x v="0"/>
    <x v="565"/>
  </r>
  <r>
    <x v="2"/>
    <x v="3"/>
    <x v="2080"/>
    <s v="PIP"/>
    <m/>
    <s v=""/>
    <x v="1"/>
    <s v=""/>
    <x v="13"/>
    <s v="Internal Services"/>
    <s v="Human Resources Management Services"/>
    <s v="APP-01537"/>
    <s v="In Production"/>
    <s v=""/>
    <x v="1"/>
    <x v="566"/>
  </r>
  <r>
    <x v="0"/>
    <x v="42"/>
    <x v="2081"/>
    <s v="e-business Portal"/>
    <s v=""/>
    <s v=""/>
    <x v="1"/>
    <s v=""/>
    <x v="13"/>
    <s v="Regulatory Framework Program"/>
    <s v="Management and Oversight Services"/>
    <s v="APP-01417"/>
    <s v="In Production"/>
    <s v=""/>
    <x v="1"/>
    <x v="567"/>
  </r>
  <r>
    <x v="2"/>
    <x v="51"/>
    <x v="2082"/>
    <s v="RIB"/>
    <m/>
    <s v=""/>
    <x v="1"/>
    <s v=""/>
    <x v="13"/>
    <s v="Regulatory Framework Program"/>
    <s v="Management and Oversight Services"/>
    <s v="APP-01437"/>
    <s v="In Production"/>
    <s v=""/>
    <x v="1"/>
    <x v="568"/>
  </r>
  <r>
    <x v="6"/>
    <x v="57"/>
    <x v="2083"/>
    <s v="RPO"/>
    <m/>
    <s v=""/>
    <x v="1"/>
    <s v=""/>
    <x v="13"/>
    <s v="Internal Services"/>
    <s v="Human Resources Management Services"/>
    <s v="APP-01547"/>
    <s v="In Production"/>
    <s v=""/>
    <x v="1"/>
    <x v="556"/>
  </r>
  <r>
    <x v="2"/>
    <x v="51"/>
    <x v="2084"/>
    <s v="RSPD"/>
    <m/>
    <s v=""/>
    <x v="1"/>
    <s v=""/>
    <x v="13"/>
    <s v="Internal Services"/>
    <s v="Management and Oversight Services"/>
    <s v="APP-01549"/>
    <s v="In Production"/>
    <s v=""/>
    <x v="1"/>
    <x v="99"/>
  </r>
  <r>
    <x v="2"/>
    <x v="51"/>
    <x v="2085"/>
    <s v="SPIES"/>
    <m/>
    <s v=""/>
    <x v="1"/>
    <s v=""/>
    <x v="13"/>
    <s v="Regulatory Framework Program"/>
    <s v="Management and Oversight Services"/>
    <s v="APP-01439"/>
    <s v="In Production"/>
    <s v=""/>
    <x v="1"/>
    <x v="88"/>
  </r>
  <r>
    <x v="2"/>
    <x v="51"/>
    <x v="2086"/>
    <s v="SSTS"/>
    <m/>
    <s v=""/>
    <x v="1"/>
    <s v=""/>
    <x v="13"/>
    <s v="Regulatory Framework Program"/>
    <s v="Management and Oversight Services"/>
    <s v="APP-01441"/>
    <s v="In Production"/>
    <s v=""/>
    <x v="1"/>
    <x v="569"/>
  </r>
  <r>
    <x v="5"/>
    <x v="25"/>
    <x v="2087"/>
    <s v="SSTS statistics"/>
    <m/>
    <s v=""/>
    <x v="1"/>
    <s v=""/>
    <x v="13"/>
    <s v="Internal Services"/>
    <s v="Information Technology Services"/>
    <s v="APP-01551"/>
    <s v="In Production"/>
    <s v=""/>
    <x v="1"/>
    <x v="555"/>
  </r>
  <r>
    <x v="4"/>
    <x v="5"/>
    <x v="2088"/>
    <s v="SWI"/>
    <s v=""/>
    <s v=""/>
    <x v="1"/>
    <s v=""/>
    <x v="13"/>
    <s v=""/>
    <s v=""/>
    <s v="APP-01094"/>
    <s v="In Production"/>
    <s v=""/>
    <x v="1"/>
    <x v="570"/>
  </r>
  <r>
    <x v="8"/>
    <x v="29"/>
    <x v="241"/>
    <s v="TFS"/>
    <m/>
    <s v="Microsoft Corp."/>
    <x v="14"/>
    <s v="Team Foundation Server 2012"/>
    <x v="13"/>
    <s v="Internal Services"/>
    <s v="Information Technology Services"/>
    <s v="APP-01555"/>
    <s v="In Production"/>
    <s v=""/>
    <x v="0"/>
    <x v="145"/>
  </r>
  <r>
    <x v="2"/>
    <x v="51"/>
    <x v="2089"/>
    <s v="Transport"/>
    <m/>
    <s v=""/>
    <x v="1"/>
    <s v=""/>
    <x v="13"/>
    <s v="Licensing and Certification Program"/>
    <s v="Management and Oversight Services"/>
    <s v="APP-01443"/>
    <s v="In Production"/>
    <s v=""/>
    <x v="1"/>
    <x v="560"/>
  </r>
  <r>
    <x v="3"/>
    <x v="17"/>
    <x v="2090"/>
    <s v="Webtrends"/>
    <m/>
    <s v="Webtrends"/>
    <x v="14"/>
    <s v="Webtrends Analytics On Premises"/>
    <x v="13"/>
    <s v="Internal Services"/>
    <s v="Information Technology Services"/>
    <s v="APP-01559"/>
    <s v="In Production"/>
    <s v=""/>
    <x v="0"/>
    <x v="99"/>
  </r>
  <r>
    <x v="4"/>
    <x v="5"/>
    <x v="2091"/>
    <s v=""/>
    <s v="Application for public hearing documents access portal."/>
    <s v=""/>
    <x v="1"/>
    <s v=""/>
    <x v="14"/>
    <s v=""/>
    <s v=""/>
    <s v="APP-02410"/>
    <s v="In Production"/>
    <s v=""/>
    <x v="1"/>
    <x v="106"/>
  </r>
  <r>
    <x v="4"/>
    <x v="5"/>
    <x v="2092"/>
    <s v=""/>
    <s v="Web site search engine"/>
    <s v=""/>
    <x v="1"/>
    <s v=""/>
    <x v="14"/>
    <s v=""/>
    <s v=""/>
    <s v="APP-02415"/>
    <s v="In Production"/>
    <s v=""/>
    <x v="0"/>
    <x v="106"/>
  </r>
  <r>
    <x v="4"/>
    <x v="5"/>
    <x v="2093"/>
    <s v=""/>
    <s v="Convert files to PDF for internal custom applications."/>
    <s v=""/>
    <x v="1"/>
    <s v=""/>
    <x v="14"/>
    <s v=""/>
    <s v=""/>
    <s v="APP-02420"/>
    <s v="In Production"/>
    <s v=""/>
    <x v="0"/>
    <x v="106"/>
  </r>
  <r>
    <x v="4"/>
    <x v="5"/>
    <x v="2094"/>
    <s v=""/>
    <s v="Host intranet web site and internal in house applications."/>
    <s v=""/>
    <x v="1"/>
    <s v=""/>
    <x v="14"/>
    <s v=""/>
    <s v=""/>
    <s v="APP-02430"/>
    <s v="In Production"/>
    <s v=""/>
    <x v="1"/>
    <x v="106"/>
  </r>
  <r>
    <x v="4"/>
    <x v="5"/>
    <x v="2095"/>
    <s v=""/>
    <s v="Server who host external web site and in house web applications."/>
    <s v=""/>
    <x v="1"/>
    <s v=""/>
    <x v="14"/>
    <s v=""/>
    <s v=""/>
    <s v="APP-02428"/>
    <s v="In Production"/>
    <s v=""/>
    <x v="1"/>
    <x v="106"/>
  </r>
  <r>
    <x v="6"/>
    <x v="61"/>
    <x v="2096"/>
    <s v="RCA"/>
    <s v="Used at the reception to register all the visitors when they arrive and when they leave and the cards loaned."/>
    <s v=""/>
    <x v="1"/>
    <s v=""/>
    <x v="15"/>
    <s v="Services de gestion des ressources"/>
    <s v="Other"/>
    <s v="APP-00585"/>
    <s v="In Production"/>
    <s v="web"/>
    <x v="1"/>
    <x v="571"/>
  </r>
  <r>
    <x v="5"/>
    <x v="100"/>
    <x v="2097"/>
    <s v="CMStat"/>
    <s v="Application Used To Manage The Configuration Management Documents And Parts of some space projects such as Radarsat"/>
    <s v="CMStat Corporation"/>
    <x v="44"/>
    <s v="CMStat"/>
    <x v="15"/>
    <s v="Données, informations et services spatiaux"/>
    <s v="Information Management Services,Other"/>
    <s v="APP-00679"/>
    <s v="In Production"/>
    <s v="rich"/>
    <x v="0"/>
    <x v="545"/>
  </r>
  <r>
    <x v="1"/>
    <x v="75"/>
    <x v="2098"/>
    <s v="SARI"/>
    <m/>
    <s v=""/>
    <x v="1"/>
    <s v=""/>
    <x v="15"/>
    <s v="Services de gestion des ressources"/>
    <s v="Information Technology Services"/>
    <s v="APP-00631"/>
    <s v="In Production"/>
    <s v="web"/>
    <x v="1"/>
    <x v="571"/>
  </r>
  <r>
    <x v="1"/>
    <x v="1"/>
    <x v="2099"/>
    <s v="RDA"/>
    <s v="This is the registry of our applications."/>
    <s v=""/>
    <x v="1"/>
    <s v=""/>
    <x v="15"/>
    <s v="Services de gestion des ressources"/>
    <s v="Information Technology Services"/>
    <s v="APP-00604"/>
    <s v="In Production"/>
    <s v="web"/>
    <x v="1"/>
    <x v="571"/>
  </r>
  <r>
    <x v="5"/>
    <x v="100"/>
    <x v="2100"/>
    <s v="DOORS"/>
    <s v="DOORS is a requirements management tool for traceability of the requirements from the senior specification to the final specification. Used for the traceability for the Canadarm, MBS an now SPDM."/>
    <s v="IBM"/>
    <x v="44"/>
    <s v="Doors"/>
    <x v="15"/>
    <s v="Exploration spatiale"/>
    <s v="Other"/>
    <s v="APP-00683"/>
    <s v="In Production"/>
    <s v="desktop"/>
    <x v="0"/>
    <x v="368"/>
  </r>
  <r>
    <x v="2"/>
    <x v="3"/>
    <x v="2101"/>
    <s v="SD"/>
    <s v="Ce système envoie des rappels par courriel aux personnes enregistrées dans le systeme de la sécurité de l'ASC (SIA) dont la date de départ approche. Les rappels sont aussi envoyés au superviseur ou autorité contractuelle des personnes ainsi qu'à divers secteurs de l'ASC qui ont besoin de connaître cette information (e.g. la bibliothèque, la gestion de l'information, etc.)."/>
    <s v=""/>
    <x v="1"/>
    <s v=""/>
    <x v="15"/>
    <s v="Services de gestion des ressources"/>
    <s v="Financial Management Services,Human Resources Management Services"/>
    <s v="APP-00633"/>
    <s v="In Production"/>
    <s v="mini_main_super"/>
    <x v="1"/>
    <x v="545"/>
  </r>
  <r>
    <x v="0"/>
    <x v="7"/>
    <x v="2102"/>
    <s v="EDRAdmin"/>
    <s v="Application to manage electronically the release of documents related to Canadian Arm, Space Station, Etc."/>
    <s v=""/>
    <x v="1"/>
    <s v=""/>
    <x v="15"/>
    <s v="Services de gestion des ressources"/>
    <s v="Information Management Services,Other"/>
    <s v="APP-00547"/>
    <s v="In Production"/>
    <s v="desktop"/>
    <x v="1"/>
    <x v="545"/>
  </r>
  <r>
    <x v="2"/>
    <x v="2"/>
    <x v="207"/>
    <s v="SAP"/>
    <s v="System composed of various modules for a variety of operations such as accountability, assets management, purchasing of goods and services and financial operations. CSA is part of a cluster the Agriculture Canada Cluster."/>
    <s v="SAP"/>
    <x v="44"/>
    <s v="SAP"/>
    <x v="15"/>
    <s v="Internal services"/>
    <s v="Financial Management Services"/>
    <s v="APP-00735"/>
    <s v="In Production"/>
    <s v="desktop"/>
    <x v="0"/>
    <x v="572"/>
  </r>
  <r>
    <x v="0"/>
    <x v="62"/>
    <x v="2103"/>
    <s v="GI"/>
    <m/>
    <s v=""/>
    <x v="1"/>
    <s v=""/>
    <x v="15"/>
    <s v="Services de gestion des ressources"/>
    <s v="Other"/>
    <s v="APP-00561"/>
    <s v="In Production"/>
    <s v="web"/>
    <x v="1"/>
    <x v="573"/>
  </r>
  <r>
    <x v="4"/>
    <x v="66"/>
    <x v="2104"/>
    <s v="Nucleus"/>
    <s v="System used to manage the intellectual property."/>
    <s v="FuturePath"/>
    <x v="44"/>
    <s v="Nucleus"/>
    <x v="15"/>
    <s v="Soutien à la gouvernance et à la gestion"/>
    <s v="Other"/>
    <s v="APP-00695"/>
    <s v="In Production"/>
    <s v="web"/>
    <x v="0"/>
    <x v="574"/>
  </r>
  <r>
    <x v="2"/>
    <x v="2"/>
    <x v="2105"/>
    <s v="IPS"/>
    <s v="Permet de faire la planification financière pour toute l'Agence."/>
    <s v=""/>
    <x v="1"/>
    <s v=""/>
    <x v="15"/>
    <s v="Soutien à la gouvernance et à la gestion"/>
    <s v="Financial Management Services"/>
    <s v="APP-00563"/>
    <s v="In Production"/>
    <s v="web"/>
    <x v="1"/>
    <x v="571"/>
  </r>
  <r>
    <x v="5"/>
    <x v="100"/>
    <x v="2106"/>
    <s v="Jeeves"/>
    <s v="MD Robotics System accessed by CSA's personnel. A replication of the system is at the Agency and the data is refreshed periodically. The system is owned by NASA. It was developed by MD Robotics."/>
    <s v="MDR Robotics"/>
    <x v="14"/>
    <s v="Jeeves"/>
    <x v="15"/>
    <s v="Space Station Program"/>
    <s v="Information Management Services,Other"/>
    <s v="APP-00687"/>
    <s v="In Production"/>
    <s v="rich"/>
    <x v="1"/>
    <x v="146"/>
  </r>
  <r>
    <x v="2"/>
    <x v="32"/>
    <x v="2107"/>
    <s v="GC"/>
    <s v="The Security Office is responsible for the control of office and cabinet.  This system allows the management of the specimens of keys, the management of the loans of key ring and individual keys, the management of the specimen of keys inventory, to visualize the keys being able to open a specific door, and to visualize all the keys and key ring which a person has."/>
    <s v=""/>
    <x v="1"/>
    <s v=""/>
    <x v="15"/>
    <s v="Services de gestion des biens"/>
    <s v="Materiel Services"/>
    <s v="APP-00559"/>
    <s v="In Production"/>
    <s v="web"/>
    <x v="1"/>
    <x v="571"/>
  </r>
  <r>
    <x v="0"/>
    <x v="7"/>
    <x v="2108"/>
    <s v="Livelink"/>
    <m/>
    <s v="OpenText Corporation"/>
    <x v="44"/>
    <s v="Content Server 2010 (alias Livelink alias GCDOCS)"/>
    <x v="15"/>
    <s v="Services de gestion des ressources"/>
    <s v="Information Management Services"/>
    <s v="APP-00689"/>
    <s v="In Production"/>
    <s v="web"/>
    <x v="0"/>
    <x v="575"/>
  </r>
  <r>
    <x v="5"/>
    <x v="100"/>
    <x v="2109"/>
    <s v="MPP"/>
    <s v="System used to gather information on materials, parts and procedures related to Space Mission."/>
    <s v=""/>
    <x v="1"/>
    <s v=""/>
    <x v="15"/>
    <s v="Programme canadien de la station spatiale"/>
    <s v="Other"/>
    <s v="APP-00571"/>
    <s v="In Production"/>
    <s v="web"/>
    <x v="1"/>
    <x v="575"/>
  </r>
  <r>
    <x v="2"/>
    <x v="32"/>
    <x v="2110"/>
    <s v="PlannExpert"/>
    <s v="Software for monitoring mechanical and electric equipment of the John H. Chapman Space centre.  System composed of 4 modules: Asset Management, Preventive Module, Corrective Module and Parts Follow-up."/>
    <s v="PlannSoft"/>
    <x v="44"/>
    <s v="PlannExpert"/>
    <x v="15"/>
    <s v="Services de gestion des biens"/>
    <s v="Real Property Services"/>
    <s v="APP-00697"/>
    <s v="In Production"/>
    <s v="rich"/>
    <x v="0"/>
    <x v="146"/>
  </r>
  <r>
    <x v="2"/>
    <x v="10"/>
    <x v="2111"/>
    <s v="RED"/>
    <s v="System used by the Logistics Unit employees to manage the reception and expedition of merchandises and the customs related."/>
    <s v=""/>
    <x v="1"/>
    <s v=""/>
    <x v="15"/>
    <s v="Services de gestion des biens"/>
    <s v="Materiel Services"/>
    <s v="APP-00610"/>
    <s v="In Production"/>
    <s v="web"/>
    <x v="1"/>
    <x v="575"/>
  </r>
  <r>
    <x v="2"/>
    <x v="32"/>
    <x v="2112"/>
    <s v="SIA"/>
    <s v="Système utilisé pour gérer les bureaux, le personnel, la téléphonie et la sécurité pour toute l'Agence. Contient 2 systèmes: Sécurité (utilisé pour la gestion des informations de sécurité du personnel de l'ASC) et Installations (Gestion de l'occupation des espaces-bureaux à l'ASC ainsi que de l'équipement téléphonique)"/>
    <s v=""/>
    <x v="1"/>
    <s v=""/>
    <x v="15"/>
    <s v="Services de gestion des ressources"/>
    <s v="Human Resources Management Services,Other,Real Property Services"/>
    <s v="APP-00646"/>
    <s v="In Production"/>
    <s v="web"/>
    <x v="1"/>
    <x v="571"/>
  </r>
  <r>
    <x v="4"/>
    <x v="66"/>
    <x v="2113"/>
    <s v="SES"/>
    <m/>
    <s v=""/>
    <x v="1"/>
    <s v=""/>
    <x v="15"/>
    <s v="Services de gestion des ressources"/>
    <s v="Other"/>
    <s v="APP-00639"/>
    <s v="In Production"/>
    <s v="web"/>
    <x v="1"/>
    <x v="571"/>
  </r>
  <r>
    <x v="2"/>
    <x v="3"/>
    <x v="2114"/>
    <s v="TIPS"/>
    <s v="System used to manage the Human Resources processes: classification, official languages, staffing, employment equity, staff relations, etc."/>
    <s v="Transport Canada"/>
    <x v="44"/>
    <s v="TIPS"/>
    <x v="15"/>
    <s v="Services de gestion des ressources"/>
    <s v="Human Resources Management Services"/>
    <s v="APP-00737"/>
    <s v="In Production"/>
    <s v="rich"/>
    <x v="0"/>
    <x v="576"/>
  </r>
  <r>
    <x v="2"/>
    <x v="6"/>
    <x v="2115"/>
    <s v="Symphony"/>
    <s v="Système utilisé par le personnel de la bibliothèque pour gérer la collection et la rendre disponible aux clients internes (intranet) et externes (site Web)."/>
    <s v="SirsiDynix"/>
    <x v="44"/>
    <s v="Symphony (previously Unicorn)"/>
    <x v="15"/>
    <s v="Services de gestion des ressources"/>
    <s v="Information Management Services"/>
    <s v="APP-00739"/>
    <s v="In Production"/>
    <s v="web"/>
    <x v="0"/>
    <x v="577"/>
  </r>
  <r>
    <x v="2"/>
    <x v="32"/>
    <x v="2116"/>
    <s v="Tracer ES"/>
    <s v="Logiciel installé sur un poste de travail servant à gérer la machinerie du système de refroidissement et de l'ASC"/>
    <s v="Trane"/>
    <x v="44"/>
    <s v="Tracer Summit"/>
    <x v="15"/>
    <s v="Services de gestion des biens"/>
    <s v="Other"/>
    <s v="APP-00741"/>
    <s v="In Production"/>
    <s v="web"/>
    <x v="0"/>
    <x v="145"/>
  </r>
  <r>
    <x v="0"/>
    <x v="43"/>
    <x v="2117"/>
    <s v="PDS"/>
    <s v="The Government of Canada has adopted a series of measures to further strengthen transparency, supervision, accountability and management across the public sector. Among these measures, the government has introduced a proactive disclosure policy that requires the mandatory quarterly publication of travel and hospitality expenses; contracts of more than $ 10,000; reclassifications; grants and contributions and requests for access to information."/>
    <s v=""/>
    <x v="1"/>
    <s v=""/>
    <x v="15"/>
    <s v="Soutien à la gouvernance et à la gestion"/>
    <s v="Communications Services"/>
    <s v="APP-00581"/>
    <s v="In Production"/>
    <s v="web"/>
    <x v="1"/>
    <x v="575"/>
  </r>
  <r>
    <x v="2"/>
    <x v="51"/>
    <x v="2118"/>
    <s v="eWP"/>
    <s v="Applications that assist the conception of CSA Work Plans (Summary Work Plan and Operational Work Plan)."/>
    <s v=""/>
    <x v="1"/>
    <s v=""/>
    <x v="15"/>
    <s v="Soutien à la gouvernance et à la gestion"/>
    <s v="Management and Oversight Services,Other"/>
    <s v="APP-00553"/>
    <s v="In Production"/>
    <s v="web"/>
    <x v="1"/>
    <x v="571"/>
  </r>
  <r>
    <x v="2"/>
    <x v="3"/>
    <x v="2119"/>
    <s v="eRAM"/>
    <s v="System used to plan the allocation of human resources on the various projects especially those that are assigned on a matrix basis"/>
    <s v=""/>
    <x v="1"/>
    <s v=""/>
    <x v="15"/>
    <s v="Services de gestion des ressources"/>
    <s v="Financial Management Services,Human Resources Management Services,Management and Oversight Services"/>
    <s v="APP-00551"/>
    <s v="In Production"/>
    <s v="web"/>
    <x v="1"/>
    <x v="571"/>
  </r>
  <r>
    <x v="5"/>
    <x v="100"/>
    <x v="2120"/>
    <s v="Artisan"/>
    <s v="Modeling application"/>
    <s v="PTC - Atego"/>
    <x v="14"/>
    <s v=""/>
    <x v="15"/>
    <s v=""/>
    <s v=""/>
    <s v="APP-01355"/>
    <s v="In Production"/>
    <s v="desktop"/>
    <x v="0"/>
    <x v="368"/>
  </r>
  <r>
    <x v="1"/>
    <x v="101"/>
    <x v="2121"/>
    <s v="ITAMS"/>
    <s v="System used to ask for IT approval before purchasing software or hardware. Also used by IT Asset team to manage the list of standards products."/>
    <s v=""/>
    <x v="1"/>
    <s v=""/>
    <x v="15"/>
    <s v="Services de gestion des ressources"/>
    <s v="Information Technology Services,Materiel Services"/>
    <s v="APP-00565"/>
    <s v="In Production"/>
    <s v="web"/>
    <x v="1"/>
    <x v="575"/>
  </r>
  <r>
    <x v="5"/>
    <x v="100"/>
    <x v="2122"/>
    <s v="CoFR"/>
    <s v="Système pour maintenir le statut des produits pour les vols du MSS et la mission de l'équipage. Permet aux usagers de soumettre les preuves de conformité aux exigences et fournir une image concrète pour savoir à quel point le vol est prêt."/>
    <s v=""/>
    <x v="1"/>
    <s v=""/>
    <x v="15"/>
    <s v="Programme canadien de la station spatiale"/>
    <s v="Other"/>
    <s v="APP-00532"/>
    <s v="In Production"/>
    <s v="web"/>
    <x v="1"/>
    <x v="575"/>
  </r>
  <r>
    <x v="1"/>
    <x v="12"/>
    <x v="2123"/>
    <s v="DSI"/>
    <s v="Application to manage requests for security and facilities"/>
    <s v=""/>
    <x v="1"/>
    <s v=""/>
    <x v="15"/>
    <s v="Services de gestion des biens"/>
    <s v="Materiel Services,Real Property Services"/>
    <s v="APP-00545"/>
    <s v="In Production"/>
    <s v="web"/>
    <x v="1"/>
    <x v="575"/>
  </r>
  <r>
    <x v="9"/>
    <x v="54"/>
    <x v="2124"/>
    <s v="ADUser"/>
    <s v="Generic system used to maintain the different AD Groups used in systems using the Windows Authentication"/>
    <s v=""/>
    <x v="1"/>
    <s v=""/>
    <x v="15"/>
    <s v="Services internes"/>
    <s v="Information Technology Services"/>
    <s v="APP-00830"/>
    <s v="In Production"/>
    <s v="web"/>
    <x v="1"/>
    <x v="575"/>
  </r>
  <r>
    <x v="2"/>
    <x v="9"/>
    <x v="2125"/>
    <s v="SOAR"/>
    <m/>
    <s v=""/>
    <x v="1"/>
    <s v=""/>
    <x v="15"/>
    <s v="Recherche sur les applications scientifiques et opérationnelles (SOAR)"/>
    <s v="Other"/>
    <s v="APP-00653"/>
    <s v="In Production"/>
    <s v="web"/>
    <x v="1"/>
    <x v="575"/>
  </r>
  <r>
    <x v="2"/>
    <x v="3"/>
    <x v="2126"/>
    <s v="LEX"/>
    <s v="Portail des RH rendant disponibles diverses applications: organigrammes, Leave and extra duty, demandes de service en RH, etc."/>
    <s v="Transport Canada"/>
    <x v="44"/>
    <s v="Portail des RH et LEX"/>
    <x v="15"/>
    <s v="Services de gestion des ressources"/>
    <s v="Human Resources Management Services"/>
    <s v="APP-00743"/>
    <s v="In Production"/>
    <s v="web"/>
    <x v="0"/>
    <x v="575"/>
  </r>
  <r>
    <x v="2"/>
    <x v="102"/>
    <x v="2127"/>
    <s v="Retos"/>
    <s v="Retos calculation system"/>
    <s v="PWGSC"/>
    <x v="14"/>
    <s v="Retos"/>
    <x v="15"/>
    <s v=""/>
    <s v="Human Resources Management Services"/>
    <s v="APP-01348"/>
    <s v="In Production"/>
    <s v="desktop"/>
    <x v="1"/>
    <x v="368"/>
  </r>
  <r>
    <x v="4"/>
    <x v="5"/>
    <x v="2128"/>
    <s v="CAED-DECA"/>
    <s v="Canadian Automated Export Declaration"/>
    <s v="Statistics Canada"/>
    <x v="14"/>
    <s v="Canadian Automated Export Declaration"/>
    <x v="15"/>
    <s v=""/>
    <s v="Financial Management Services,Materiel Services"/>
    <s v="APP-01353"/>
    <s v="In Production"/>
    <s v="desktop"/>
    <x v="0"/>
    <x v="10"/>
  </r>
  <r>
    <x v="4"/>
    <x v="5"/>
    <x v="1105"/>
    <s v="Gemini"/>
    <s v="bug tracking system"/>
    <s v="countersoft"/>
    <x v="1"/>
    <s v=""/>
    <x v="15"/>
    <s v=""/>
    <s v=""/>
    <s v="APP-03600"/>
    <s v="In Production"/>
    <s v="web"/>
    <x v="0"/>
    <x v="578"/>
  </r>
  <r>
    <x v="2"/>
    <x v="70"/>
    <x v="2129"/>
    <s v="WM"/>
    <s v="Système qui permet l'utilisation du Wifi pour les lecteurs Motorola.  TracerPlus est le relais qui écrit sur une table Oracle.  Les données sont ensuite exporté en fichier texte tabulé pour être importé sous SAP."/>
    <s v="Portable Technology Solutions"/>
    <x v="44"/>
    <s v="TracerPlus Wireless Server"/>
    <x v="15"/>
    <s v="Services de gestion des biens"/>
    <s v="Materiel Services,Other"/>
    <s v="APP-00824"/>
    <s v="In Production"/>
    <s v="mobile"/>
    <x v="0"/>
    <x v="571"/>
  </r>
  <r>
    <x v="3"/>
    <x v="31"/>
    <x v="2130"/>
    <s v="BI"/>
    <s v="Entrepôt de données pour les données des RH et des finances."/>
    <s v=""/>
    <x v="1"/>
    <s v=""/>
    <x v="15"/>
    <s v="Services de gestion des ressources"/>
    <s v="Information Management Services"/>
    <s v="APP-00936"/>
    <s v="In Production"/>
    <s v="web"/>
    <x v="0"/>
    <x v="579"/>
  </r>
  <r>
    <x v="2"/>
    <x v="2"/>
    <x v="2131"/>
    <s v="EORR"/>
    <s v="Système permettant de sauvegarder dans une base de données Oracle les acquisitions et l'utilisation du crédit de Radarsat-2 à partir des factures mensuelles fournies par le partenaire privée. Le système comprend aussi de l'information sur les images satellitaires traités.  Il contient toutes les transactions facturées au crédit du Gouvernement du Canada depuis le lancement de Radarsat-2. Les rapports officiels de consommation du crédit sont faits à partir de ce système."/>
    <s v=""/>
    <x v="1"/>
    <s v=""/>
    <x v="15"/>
    <s v="Données, informations et services spatiaux"/>
    <s v="Other"/>
    <s v="APP-00745"/>
    <s v="In Production"/>
    <s v="web"/>
    <x v="1"/>
    <x v="575"/>
  </r>
  <r>
    <x v="2"/>
    <x v="52"/>
    <x v="2132"/>
    <s v="SIDC"/>
    <s v="Catalogue en ligne des produits de communication."/>
    <s v=""/>
    <x v="1"/>
    <s v=""/>
    <x v="15"/>
    <s v="Soutien à la gouvernance et à la gestion"/>
    <s v="Communications Services"/>
    <s v="APP-00944"/>
    <s v="In Production"/>
    <s v="web"/>
    <x v="1"/>
    <x v="575"/>
  </r>
  <r>
    <x v="2"/>
    <x v="52"/>
    <x v="2133"/>
    <s v="UNITAS"/>
    <m/>
    <s v=""/>
    <x v="1"/>
    <s v=""/>
    <x v="15"/>
    <s v="Données, informations et services spatiaux"/>
    <s v="Financial Management Services,Other"/>
    <s v="APP-00747"/>
    <s v="In Production"/>
    <s v="web"/>
    <x v="1"/>
    <x v="575"/>
  </r>
  <r>
    <x v="2"/>
    <x v="2"/>
    <x v="2134"/>
    <s v="ESAPA"/>
    <s v="Le Programme de contribution ESA (european Space Agency) était dépourvu d'outils intégrés visant à appuyer une saine gestion, à faciliter les communications, l'analyse et la reddition de comptes._x000a_Compte tenu des particularités propres à la gestion du programme ESA, une base de données programmatique est indispensable. Elle minimisera les risques d'erreur, automatisera certaines tâches et simplifiera par le fait même l'analyse et la reddition de comptes. De plus, elle facilitera la communication avec tous les intervenants (ex : ESA, ASC, Gouvernement du Canada et secteur spatial canadien)."/>
    <s v=""/>
    <x v="1"/>
    <s v=""/>
    <x v="15"/>
    <s v="Soutien à la gouvernance et à la gestion"/>
    <s v="Financial Management Services"/>
    <s v="APP-00834"/>
    <s v="In Production"/>
    <s v="web"/>
    <x v="1"/>
    <x v="571"/>
  </r>
  <r>
    <x v="5"/>
    <x v="99"/>
    <x v="2135"/>
    <s v="AIT"/>
    <s v="Permet de rechercher des capacités pour des laboratoires principalement au Laboratoire David Florida"/>
    <s v=""/>
    <x v="1"/>
    <s v=""/>
    <x v="15"/>
    <s v="Données, informations et services spatiaux"/>
    <s v="Materiel Services,Other"/>
    <s v="APP-00832"/>
    <s v="In Production"/>
    <s v="web"/>
    <x v="1"/>
    <x v="575"/>
  </r>
  <r>
    <x v="2"/>
    <x v="32"/>
    <x v="2136"/>
    <s v="MAPSERVER"/>
    <s v="Application servant à générer des plans de bureaux à partir de fichiers Autocad et à les publier sur un site Web."/>
    <s v="Le Groupe BusCom (revendeur pour AutoDesk)"/>
    <x v="44"/>
    <s v="MapServer"/>
    <x v="15"/>
    <s v="Services de gestion des biens"/>
    <s v="Real Property Services"/>
    <s v="APP-00924"/>
    <s v="In Production"/>
    <s v="web"/>
    <x v="0"/>
    <x v="580"/>
  </r>
  <r>
    <x v="2"/>
    <x v="3"/>
    <x v="2137"/>
    <s v="ACE"/>
    <s v="Système de soumission, de contrôle et d'approbation des demandes de formation et de participation à des conférences et événements. Intègre le contrôle des coûts. _x000a__x000a_C'est probablement une des meilleures applications du genre du gouvernement fédéral!"/>
    <s v=""/>
    <x v="1"/>
    <s v=""/>
    <x v="15"/>
    <s v="Services internes"/>
    <s v="Human Resources Management Services"/>
    <s v="APP-00524"/>
    <s v="In Production"/>
    <s v="web"/>
    <x v="1"/>
    <x v="577"/>
  </r>
  <r>
    <x v="6"/>
    <x v="33"/>
    <x v="2138"/>
    <s v="XC"/>
    <s v="Ce système permet de soumettre des demandes de présentation au CE. Il permet au secrétariat du CE de gérer les demandes, créer l'ordre du jour, etc."/>
    <s v=""/>
    <x v="1"/>
    <s v=""/>
    <x v="15"/>
    <s v="Soutien à la gouvernance et à la gestion"/>
    <s v="Other"/>
    <s v="APP-00826"/>
    <s v="In Production"/>
    <s v="web"/>
    <x v="1"/>
    <x v="577"/>
  </r>
  <r>
    <x v="2"/>
    <x v="3"/>
    <x v="2139"/>
    <s v="SEC"/>
    <s v="System used to define the security level needed for a person working at CSA."/>
    <s v=""/>
    <x v="1"/>
    <s v=""/>
    <x v="15"/>
    <s v="Services de gestion des ressources"/>
    <s v="Other"/>
    <s v="APP-00828"/>
    <s v="In Production"/>
    <s v="web"/>
    <x v="1"/>
    <x v="581"/>
  </r>
  <r>
    <x v="5"/>
    <x v="100"/>
    <x v="2140"/>
    <s v="APL"/>
    <s v="System used to manage the parts that have been approved to be part of material sent in space."/>
    <s v=""/>
    <x v="1"/>
    <s v=""/>
    <x v="15"/>
    <s v="Exploration spatiale"/>
    <s v="Other"/>
    <s v="APP-00867"/>
    <s v="In Production"/>
    <s v="web"/>
    <x v="1"/>
    <x v="575"/>
  </r>
  <r>
    <x v="0"/>
    <x v="7"/>
    <x v="2141"/>
    <s v="PLATO"/>
    <s v="Système utilisé pour gérer les formations pour les astronautes."/>
    <s v=""/>
    <x v="1"/>
    <s v=""/>
    <x v="15"/>
    <s v="Canadian Space Station Program"/>
    <s v="Information Management Services,Other"/>
    <s v="APP-00987"/>
    <s v="In Production"/>
    <s v="rich"/>
    <x v="1"/>
    <x v="582"/>
  </r>
  <r>
    <x v="6"/>
    <x v="24"/>
    <x v="2142"/>
    <s v="PSRS"/>
    <s v="System used to make periodical Status Reports on projects."/>
    <s v=""/>
    <x v="1"/>
    <s v=""/>
    <x v="15"/>
    <s v="Services de gestion des ressources"/>
    <s v="Management and Oversight Services"/>
    <s v="APP-00989"/>
    <s v="In Production"/>
    <s v="web"/>
    <x v="1"/>
    <x v="297"/>
  </r>
  <r>
    <x v="0"/>
    <x v="43"/>
    <x v="2143"/>
    <s v="DRUPAL"/>
    <s v="Content management System used for the intranet."/>
    <s v="Drupal.org"/>
    <x v="44"/>
    <s v="Drupal"/>
    <x v="15"/>
    <s v="Soutien à la gouvernance et à la gestion"/>
    <s v="Communications Services"/>
    <s v="APP-00981"/>
    <s v="In Production"/>
    <s v="web"/>
    <x v="0"/>
    <x v="550"/>
  </r>
  <r>
    <x v="2"/>
    <x v="32"/>
    <x v="2144"/>
    <s v="TARGET"/>
    <s v="System used by the security for the Business Continuity Plan."/>
    <s v="ICO"/>
    <x v="44"/>
    <s v="BeeOn Urgence"/>
    <x v="15"/>
    <s v="Services de gestion des biens"/>
    <s v="Other"/>
    <s v="APP-00983"/>
    <s v="In Production"/>
    <s v="desktop"/>
    <x v="0"/>
    <x v="583"/>
  </r>
  <r>
    <x v="5"/>
    <x v="100"/>
    <x v="2145"/>
    <s v="REQTIFY"/>
    <s v="System used to manage requirements"/>
    <s v="Dassault Systèmes"/>
    <x v="44"/>
    <s v="Reqtify"/>
    <x v="15"/>
    <s v="Données, informations et services spatiaux"/>
    <s v="Other"/>
    <s v="APP-00965"/>
    <s v="In Production"/>
    <s v="rich"/>
    <x v="0"/>
    <x v="106"/>
  </r>
  <r>
    <x v="0"/>
    <x v="7"/>
    <x v="2146"/>
    <s v="SFILER"/>
    <m/>
    <s v="Okiok Data ltd"/>
    <x v="44"/>
    <s v="S-Filer"/>
    <x v="15"/>
    <s v="Services de gestion des ressources"/>
    <s v="Communications Services,Information Management Services"/>
    <s v="APP-00969"/>
    <s v="In Production"/>
    <s v="web"/>
    <x v="0"/>
    <x v="584"/>
  </r>
  <r>
    <x v="2"/>
    <x v="23"/>
    <x v="125"/>
    <s v="TEAMMATE"/>
    <m/>
    <s v="Wolters Kluwer(CCH Canadian Limited)"/>
    <x v="44"/>
    <s v="TeamMate"/>
    <x v="15"/>
    <s v="Soutien à la gouvernance et à la gestion"/>
    <s v="Management and Oversight Services"/>
    <s v="APP-00974"/>
    <s v="In Production"/>
    <s v="desktop"/>
    <x v="0"/>
    <x v="145"/>
  </r>
  <r>
    <x v="1"/>
    <x v="12"/>
    <x v="1929"/>
    <s v="REMEDY"/>
    <s v="System used by IMIT for the ITIL Processes (incidents, changes, problems management, etc)."/>
    <s v="BMC Software"/>
    <x v="44"/>
    <s v="Remedy"/>
    <x v="15"/>
    <s v="Internal Services"/>
    <s v="Information Technology Services"/>
    <s v="APP-00979"/>
    <s v="In Production"/>
    <s v="web"/>
    <x v="0"/>
    <x v="584"/>
  </r>
  <r>
    <x v="6"/>
    <x v="33"/>
    <x v="2147"/>
    <s v="MEC"/>
    <s v="Permet de faire la gestion des entrevues faites avec les médias par les employés de l'ASC."/>
    <s v=""/>
    <x v="1"/>
    <s v=""/>
    <x v="15"/>
    <s v=""/>
    <s v="Communications Services"/>
    <s v="APP-03921"/>
    <s v="In Production"/>
    <s v="web"/>
    <x v="1"/>
    <x v="585"/>
  </r>
  <r>
    <x v="9"/>
    <x v="54"/>
    <x v="2148"/>
    <s v="SND"/>
    <s v="Système de gestion des accès au réseau sécurisé ainsi que du matériel informatique dédié au réseau informatique (DTU, imprimantes, cartes d'accès)."/>
    <s v=""/>
    <x v="1"/>
    <s v=""/>
    <x v="15"/>
    <s v=""/>
    <s v="Information Technology Services"/>
    <s v="APP-01164"/>
    <s v="In Production"/>
    <s v="web"/>
    <x v="1"/>
    <x v="545"/>
  </r>
  <r>
    <x v="6"/>
    <x v="21"/>
    <x v="2149"/>
    <s v="Lyris"/>
    <s v="Logiciel de listes de courriel utilisé par les gens des communications principalement"/>
    <s v="Lyris"/>
    <x v="14"/>
    <s v=""/>
    <x v="15"/>
    <s v=""/>
    <s v="Communications Services"/>
    <s v="APP-01220"/>
    <s v="In Production"/>
    <s v="web"/>
    <x v="0"/>
    <x v="586"/>
  </r>
  <r>
    <x v="0"/>
    <x v="18"/>
    <x v="2150"/>
    <s v="Snap"/>
    <s v="Système permettant de faire des questionnaires et des sondages en ligne à l'externe ou à l'interne qui ne demandent pas de persistance des informations récoltées."/>
    <s v="Snap Survey"/>
    <x v="1"/>
    <s v=""/>
    <x v="15"/>
    <s v=""/>
    <s v="Other"/>
    <s v="APP-01366"/>
    <s v="In Production"/>
    <s v="web"/>
    <x v="0"/>
    <x v="587"/>
  </r>
  <r>
    <x v="0"/>
    <x v="28"/>
    <x v="2151"/>
    <s v="Laserfiche"/>
    <m/>
    <s v="Ricoh"/>
    <x v="1"/>
    <s v=""/>
    <x v="15"/>
    <s v=""/>
    <s v="Information Management Services"/>
    <s v="APP-01362"/>
    <s v="In Production"/>
    <s v="desktop"/>
    <x v="0"/>
    <x v="146"/>
  </r>
  <r>
    <x v="5"/>
    <x v="91"/>
    <x v="2152"/>
    <s v="Enteliweb"/>
    <s v="Logiciel pour contrôler les salles mécanique de l'ASC"/>
    <s v="Regulvar"/>
    <x v="14"/>
    <s v="Enteliweb"/>
    <x v="15"/>
    <s v=""/>
    <s v="Real Property Services"/>
    <s v="APP-01360"/>
    <s v="In Production"/>
    <s v="web"/>
    <x v="0"/>
    <x v="88"/>
  </r>
  <r>
    <x v="5"/>
    <x v="95"/>
    <x v="2153"/>
    <s v="Autocad Vault"/>
    <s v="permet de stocker des dessins CAD, la gestion de versions et facilite la collaboration en environnement multi-utilisateur. Il consiste d’un COTS, voûte documents et DB SQL 2008. Ces composantes sont installées sur un serveur physique (celeno) Win 2008 R2 à Ottawa"/>
    <s v="Autodesk"/>
    <x v="14"/>
    <s v="autodesk Vault"/>
    <x v="15"/>
    <s v=""/>
    <s v="Information Technology Services"/>
    <s v="APP-01357"/>
    <s v="In Production"/>
    <s v="web"/>
    <x v="0"/>
    <x v="146"/>
  </r>
  <r>
    <x v="10"/>
    <x v="69"/>
    <x v="477"/>
    <s v="MSFT"/>
    <m/>
    <s v=""/>
    <x v="1"/>
    <s v=""/>
    <x v="15"/>
    <s v=""/>
    <s v="Financial Management Services,Human Resources Management Services"/>
    <s v="APP-01364"/>
    <s v="In Production"/>
    <s v="web"/>
    <x v="1"/>
    <x v="106"/>
  </r>
  <r>
    <x v="4"/>
    <x v="66"/>
    <x v="2154"/>
    <s v="CAD"/>
    <s v="Permet de faire des fiches de cadenassage"/>
    <s v=""/>
    <x v="1"/>
    <s v=""/>
    <x v="15"/>
    <s v=""/>
    <s v="Other"/>
    <s v="APP-03919"/>
    <s v="In Production"/>
    <s v="web"/>
    <x v="1"/>
    <x v="585"/>
  </r>
  <r>
    <x v="5"/>
    <x v="100"/>
    <x v="2155"/>
    <s v="CADMS2"/>
    <s v="System to assist the configuration and data management of the projects. The database contains the metadata. The documents are located in Livelink (GCDOC)."/>
    <s v=""/>
    <x v="1"/>
    <s v=""/>
    <x v="15"/>
    <s v="Données, informations et services spatiaux"/>
    <s v="Information Management Services,Other"/>
    <s v="APP-02205"/>
    <s v="In Production"/>
    <s v="web"/>
    <x v="1"/>
    <x v="545"/>
  </r>
  <r>
    <x v="4"/>
    <x v="66"/>
    <x v="2156"/>
    <s v="BC"/>
    <s v="Permet au publique canadien de demander des conférenciers tel que les astronautes et autres scientifiques pour des événements situés à travers le monde."/>
    <s v=""/>
    <x v="1"/>
    <s v=""/>
    <x v="15"/>
    <s v=""/>
    <s v="Communications Services"/>
    <s v="APP-03917"/>
    <s v="In Production"/>
    <s v="web"/>
    <x v="1"/>
    <x v="575"/>
  </r>
  <r>
    <x v="5"/>
    <x v="100"/>
    <x v="2157"/>
    <s v="GTDM"/>
    <m/>
    <s v=""/>
    <x v="1"/>
    <s v=""/>
    <x v="15"/>
    <s v=""/>
    <s v="Other"/>
    <s v="APP-03915"/>
    <s v="In Production"/>
    <s v="web"/>
    <x v="1"/>
    <x v="575"/>
  </r>
  <r>
    <x v="2"/>
    <x v="32"/>
    <x v="2158"/>
    <s v="VCR"/>
    <s v="Demande de Permis de visite au LDF"/>
    <s v=""/>
    <x v="1"/>
    <s v=""/>
    <x v="15"/>
    <s v=""/>
    <s v="Real Property Services"/>
    <s v="APP-03913"/>
    <s v="In Production"/>
    <s v="web"/>
    <x v="1"/>
    <x v="585"/>
  </r>
  <r>
    <x v="9"/>
    <x v="54"/>
    <x v="2159"/>
    <s v="GACR"/>
    <m/>
    <s v=""/>
    <x v="1"/>
    <s v=""/>
    <x v="15"/>
    <s v=""/>
    <s v="Information Technology Services"/>
    <s v="APP-03911"/>
    <s v="In Production"/>
    <s v="web"/>
    <x v="1"/>
    <x v="588"/>
  </r>
  <r>
    <x v="0"/>
    <x v="0"/>
    <x v="1038"/>
    <s v="CCM"/>
    <m/>
    <s v=""/>
    <x v="43"/>
    <s v=""/>
    <x v="15"/>
    <s v=""/>
    <s v="Information Management Services,Travel and Other Administrative Services"/>
    <s v="APP-03331"/>
    <s v="In Production"/>
    <s v="web"/>
    <x v="0"/>
    <x v="584"/>
  </r>
  <r>
    <x v="2"/>
    <x v="32"/>
    <x v="2160"/>
    <s v="MGE"/>
    <s v="System that permits centralized monitoring of networked UPS devices"/>
    <s v="MGE UPS Systems"/>
    <x v="1"/>
    <s v="MGE Enterprise Power Manager"/>
    <x v="15"/>
    <s v=""/>
    <s v="Real Property Services"/>
    <s v="APP-03321"/>
    <s v="In Production"/>
    <s v="web"/>
    <x v="0"/>
    <x v="523"/>
  </r>
  <r>
    <x v="5"/>
    <x v="90"/>
    <x v="2161"/>
    <s v="BCR2"/>
    <s v="Application pour la gestion des demandes d'images de Radarsat 1 et 2 (Service de données RADARSAT pour le gouvernement (SDRG))"/>
    <s v=""/>
    <x v="1"/>
    <s v=""/>
    <x v="15"/>
    <s v=""/>
    <s v="Other"/>
    <s v="APP-03907"/>
    <s v="In Production"/>
    <s v="web"/>
    <x v="1"/>
    <x v="575"/>
  </r>
  <r>
    <x v="4"/>
    <x v="66"/>
    <x v="2162"/>
    <s v="SIDDI"/>
    <s v="Le système administré par l'équipe du gouvernement ouvert, sert à répertorier et analyser les ensembles de données de l'ASC."/>
    <s v=""/>
    <x v="1"/>
    <s v=""/>
    <x v="15"/>
    <s v=""/>
    <s v="Information Management Services"/>
    <s v="APP-03909"/>
    <s v="In Production"/>
    <s v="web"/>
    <x v="1"/>
    <x v="545"/>
  </r>
  <r>
    <x v="5"/>
    <x v="100"/>
    <x v="2163"/>
    <s v="BOB"/>
    <s v="BoB is the software management tool used to manage MSS product baselines and software CIs, to support software documents generation (MSS software Baseline report CSA-SS-Rpr-0294) and NASA Integrated Flight Load (IFL) Build Specification Requirements (BSR) reviews. It also supports CSA Mission Planning documents generation."/>
    <s v=""/>
    <x v="1"/>
    <s v=""/>
    <x v="15"/>
    <s v="Programme canadien de la station spatiale"/>
    <s v="Other"/>
    <s v="APP-00528"/>
    <s v="In Production"/>
    <s v="web"/>
    <x v="1"/>
    <x v="577"/>
  </r>
  <r>
    <x v="0"/>
    <x v="7"/>
    <x v="2164"/>
    <s v="COLDS"/>
    <s v="Web Site used to share documents and configuration files between CSA and NASA._x000a_Only documents having been previously approved by the Canadian Space Station Program (CSSP) Control Board are available."/>
    <s v=""/>
    <x v="1"/>
    <s v=""/>
    <x v="15"/>
    <s v="Programme canadien de la station spatiale"/>
    <s v="Information Management Services,Other"/>
    <s v="APP-00537"/>
    <s v="In Production"/>
    <s v="web"/>
    <x v="1"/>
    <x v="589"/>
  </r>
  <r>
    <x v="10"/>
    <x v="69"/>
    <x v="2165"/>
    <s v="DMA"/>
    <s v="Application used to provide the capability to store, update, retrieve data and exchange CSSP specific files with external NASA, ESA, and internal SOSC users."/>
    <s v=""/>
    <x v="1"/>
    <s v=""/>
    <x v="15"/>
    <s v="Programme canadien de la station spatiale"/>
    <s v="Information Management Services,Other"/>
    <s v="APP-00543"/>
    <s v="In Production"/>
    <s v="web"/>
    <x v="1"/>
    <x v="590"/>
  </r>
  <r>
    <x v="5"/>
    <x v="91"/>
    <x v="2166"/>
    <s v="MPT"/>
    <s v="Manage MSS configuration files. Generate report for Combined Robotics Team. Generate GUI configuration files to provide overview of all files."/>
    <s v=""/>
    <x v="1"/>
    <s v=""/>
    <x v="15"/>
    <s v="Programme canadien de la station spatiale"/>
    <s v="Other"/>
    <s v="APP-00573"/>
    <s v="In Production"/>
    <s v="web"/>
    <x v="1"/>
    <x v="591"/>
  </r>
  <r>
    <x v="1"/>
    <x v="1"/>
    <x v="2167"/>
    <s v="ISARP"/>
    <s v="Anomaly tracking and problem resolution for Ground Segment systems.  Also provides systems and configuration status through the System Status Tracking Application (SSTA) functionality required for COFR (Certification of Flight Readiness) concurrence."/>
    <s v=""/>
    <x v="1"/>
    <s v=""/>
    <x v="15"/>
    <s v="Programme canadien de la station spatiale"/>
    <s v="Information Technology Services"/>
    <s v="APP-00629"/>
    <s v="In Production"/>
    <s v="web"/>
    <x v="1"/>
    <x v="592"/>
  </r>
  <r>
    <x v="4"/>
    <x v="66"/>
    <x v="2168"/>
    <s v="Activity Manager"/>
    <s v=""/>
    <s v=""/>
    <x v="1"/>
    <s v=""/>
    <x v="15"/>
    <s v="Programme canadien de la station spatiale"/>
    <s v="Other"/>
    <s v="APP-01753"/>
    <s v="In Production"/>
    <s v="web"/>
    <x v="1"/>
    <x v="577"/>
  </r>
  <r>
    <x v="0"/>
    <x v="7"/>
    <x v="2169"/>
    <s v="COCPIT"/>
    <s v="Provides the capability for the CSA OEC and other CSSP personnel to maintain awareness and track the status of various mission documents (in Real-Time or Near Real-Time) necessary to perform the duties of the CSA OEC console positions"/>
    <s v=""/>
    <x v="1"/>
    <s v=""/>
    <x v="15"/>
    <s v="Programme canadien de la station spatiale"/>
    <s v="Information Management Services,Other"/>
    <s v="APP-01756"/>
    <s v="In Production"/>
    <s v="web"/>
    <x v="1"/>
    <x v="593"/>
  </r>
  <r>
    <x v="9"/>
    <x v="54"/>
    <x v="2170"/>
    <s v="ESAP"/>
    <s v="ESAP eases the accounts management  and CSSP tool access approval for internal and external NASA, MDA users."/>
    <s v=""/>
    <x v="1"/>
    <s v=""/>
    <x v="15"/>
    <s v="Programme canadien de la station spatiale"/>
    <s v="Other"/>
    <s v="APP-01758"/>
    <s v="In Production"/>
    <s v="web"/>
    <x v="1"/>
    <x v="594"/>
  </r>
  <r>
    <x v="5"/>
    <x v="100"/>
    <x v="2171"/>
    <s v="Q*BERT"/>
    <s v="Provides the capability for the Mission Operations MSS FSW support personnel to maintain cognisance of the MSS technical details, from data in the CSSP and National Aeronautics and Space Administration (NASA) International Space Station (ISS) program official database (CSA Configuration Management (CM) EDR Admin, NASA/Boeing Polytron Version Control S/W (PVCS) and MacDonald Dettwiler Robotics (MDR) Jeeves)."/>
    <s v=""/>
    <x v="1"/>
    <s v=""/>
    <x v="15"/>
    <s v="Programme canadien de la station spatiale"/>
    <s v="Information Management Services,Other"/>
    <s v="APP-01760"/>
    <s v="In Production"/>
    <s v="web"/>
    <x v="1"/>
    <x v="595"/>
  </r>
  <r>
    <x v="0"/>
    <x v="28"/>
    <x v="2172"/>
    <s v="SOS"/>
    <s v="Provides the capability for the Mission Operations Mobile Servicing System (MSS) Flight Software support personnel to view any International Space Station (ISS) signal (telemetry and command signals) definition from the Standard Out IPCL files provided by NASA."/>
    <s v=""/>
    <x v="1"/>
    <s v=""/>
    <x v="15"/>
    <s v="Programme canadien de la station spatiale"/>
    <s v="Other"/>
    <s v="APP-01764"/>
    <s v="In Production"/>
    <s v="web"/>
    <x v="1"/>
    <x v="593"/>
  </r>
  <r>
    <x v="5"/>
    <x v="100"/>
    <x v="2173"/>
    <s v="MOWA"/>
    <s v="Provides the capability for MPS personnel to keep Q*BERT up-to-date and is necessary to perform the duties of the CSA OEC console positions."/>
    <s v=""/>
    <x v="1"/>
    <s v=""/>
    <x v="15"/>
    <s v="Programme canadien de la station spatiale"/>
    <s v="Other"/>
    <s v="APP-01762"/>
    <s v="In Production"/>
    <s v="web"/>
    <x v="1"/>
    <x v="593"/>
  </r>
  <r>
    <x v="5"/>
    <x v="100"/>
    <x v="2174"/>
    <s v="GSDRS"/>
    <s v="Extranet - Distribution of &quot;live&quot; and historical data on exploration projects and some experiences regarding the International Space Station. _x000a_Includes the following projects: Greenhouse, mvis, vascular, msrtd, Telemedecine, gsdrs. Will become an internal website."/>
    <s v=""/>
    <x v="1"/>
    <s v=""/>
    <x v="15"/>
    <s v="Exploration spatiale"/>
    <s v="Information Management Services,Other"/>
    <s v="APP-00873"/>
    <s v="In Production"/>
    <s v="web"/>
    <x v="1"/>
    <x v="596"/>
  </r>
  <r>
    <x v="4"/>
    <x v="66"/>
    <x v="2175"/>
    <s v="SETED"/>
    <s v=""/>
    <s v=""/>
    <x v="1"/>
    <s v=""/>
    <x v="15"/>
    <s v="Données, informations et services spatiaux"/>
    <s v=""/>
    <s v="APP-00942"/>
    <s v="In Production"/>
    <s v="web"/>
    <x v="1"/>
    <x v="597"/>
  </r>
  <r>
    <x v="4"/>
    <x v="5"/>
    <x v="2176"/>
    <s v="RCM OHS"/>
    <s v="Supports the RADARSAT Constellation Mission satellites._x000a_The Order Handling Subsystem (OHS) provides an interface for external Order Clients to query the Catalogue of archived RCM Science Data and place Orders for RCM Products to be generated either from archived Science Data or from Science Data to be acquired. It also provides for delivery of the Products to the Product Recipients."/>
    <s v=""/>
    <x v="1"/>
    <s v=""/>
    <x v="15"/>
    <s v=""/>
    <s v=""/>
    <s v="APP-04166"/>
    <s v="In Production"/>
    <s v="web"/>
    <x v="1"/>
    <x v="106"/>
  </r>
  <r>
    <x v="4"/>
    <x v="5"/>
    <x v="2177"/>
    <s v="RCM RAS"/>
    <s v="Subsystem that supports the RADARSAT Constellation Mission satellites.  _x000a_The Restoration and Archiving Subsystem (RAS) coordinates restoration (decryption, space packet demultiplexing) and archival of this data, and provision of the Science Data to the Product Generation Subsystem."/>
    <s v=""/>
    <x v="1"/>
    <s v=""/>
    <x v="15"/>
    <s v=""/>
    <s v=""/>
    <s v="APP-04173"/>
    <s v="In Production"/>
    <s v="appliance"/>
    <x v="1"/>
    <x v="106"/>
  </r>
  <r>
    <x v="3"/>
    <x v="30"/>
    <x v="2178"/>
    <s v=""/>
    <m/>
    <s v="Oracle"/>
    <x v="51"/>
    <s v=""/>
    <x v="16"/>
    <s v=""/>
    <s v="Information Technology Services"/>
    <s v="APP-02640"/>
    <s v="In Production"/>
    <s v=""/>
    <x v="0"/>
    <x v="106"/>
  </r>
  <r>
    <x v="0"/>
    <x v="16"/>
    <x v="2179"/>
    <s v="APCM CSC"/>
    <m/>
    <s v="Other"/>
    <x v="14"/>
    <s v="Access Pro Case Management"/>
    <x v="17"/>
    <s v="4.0 Internal Services"/>
    <s v="Information Management Services"/>
    <s v="CSC-A002"/>
    <s v="In Production"/>
    <s v="web"/>
    <x v="0"/>
    <x v="598"/>
  </r>
  <r>
    <x v="0"/>
    <x v="16"/>
    <x v="2180"/>
    <s v="APCM PBC"/>
    <m/>
    <s v="Other"/>
    <x v="14"/>
    <s v="Access Pro Case Management"/>
    <x v="17"/>
    <s v="PBC 1.4 Internal Services"/>
    <s v="Information Management Services"/>
    <s v="CSC-A003"/>
    <s v="In Production"/>
    <s v="web"/>
    <x v="0"/>
    <x v="599"/>
  </r>
  <r>
    <x v="0"/>
    <x v="16"/>
    <x v="2181"/>
    <s v="Angus"/>
    <s v="Angus for Windows is a comprehensive computerized maintenance system that ensures that necessary maintenance work is performed when needed and that all historical information, including labour and materials, are collected for further analysis. It is used for the Chief of Plant Maintenance and their employees all across the regions to create work orders."/>
    <s v="Other"/>
    <x v="14"/>
    <s v="Angus Systems Group Inc."/>
    <x v="17"/>
    <s v="4.0 Internal Services"/>
    <s v="Real Property Services"/>
    <s v="CSC-A007"/>
    <s v="In Production"/>
    <s v="rich"/>
    <x v="0"/>
    <x v="600"/>
  </r>
  <r>
    <x v="0"/>
    <x v="7"/>
    <x v="2182"/>
    <s v="AFMS"/>
    <m/>
    <s v="Other"/>
    <x v="1"/>
    <s v=""/>
    <x v="17"/>
    <s v="4.0 Internal Services"/>
    <s v="Information Management Services"/>
    <s v="CSC-A010"/>
    <s v="In Production"/>
    <s v="desktop"/>
    <x v="1"/>
    <x v="601"/>
  </r>
  <r>
    <x v="2"/>
    <x v="103"/>
    <x v="2183"/>
    <s v=""/>
    <s v="This is application provides an internal tracking and delivery management system for CSC mailroom and Records Office.  It provides real-time status of any item- who has it now, previously, when they had and where it is located.  **To be replaced by PWGSC Web App"/>
    <s v="Other"/>
    <x v="1"/>
    <s v="Arrival XE (Pitney Bowes) CSC"/>
    <x v="17"/>
    <s v="4.0 Internal Services"/>
    <s v="Information Management Services"/>
    <s v="CSC-A013"/>
    <s v="In Production"/>
    <s v="rich"/>
    <x v="0"/>
    <x v="602"/>
  </r>
  <r>
    <x v="2"/>
    <x v="51"/>
    <x v="2184"/>
    <s v="SMiT"/>
    <m/>
    <s v="Other"/>
    <x v="14"/>
    <s v="Axios System"/>
    <x v="17"/>
    <s v="4.0 Internal Services"/>
    <s v="Information Technology Services"/>
    <s v="CSC-A017"/>
    <s v="In Production"/>
    <s v="web"/>
    <x v="0"/>
    <x v="603"/>
  </r>
  <r>
    <x v="0"/>
    <x v="13"/>
    <x v="2185"/>
    <s v=""/>
    <m/>
    <s v="Other"/>
    <x v="1"/>
    <s v=""/>
    <x v="17"/>
    <s v="4.0 Internal Services"/>
    <s v="Human Resources Management Services"/>
    <s v="CSC-A020"/>
    <s v="In Production"/>
    <s v="rich"/>
    <x v="1"/>
    <x v="604"/>
  </r>
  <r>
    <x v="6"/>
    <x v="61"/>
    <x v="2186"/>
    <s v=""/>
    <s v="Excel workbook with Macros  Allows a phone listing to be displayed in a different format"/>
    <s v="Other"/>
    <x v="1"/>
    <s v=""/>
    <x v="17"/>
    <s v="4.0 Internal Services"/>
    <s v="Communications Services"/>
    <s v="CSC-A023"/>
    <s v="In Production"/>
    <s v="web"/>
    <x v="1"/>
    <x v="605"/>
  </r>
  <r>
    <x v="0"/>
    <x v="28"/>
    <x v="2187"/>
    <s v="CPIC MOM"/>
    <m/>
    <s v="Other"/>
    <x v="1"/>
    <s v=""/>
    <x v="17"/>
    <s v="3.0 Community Supervision"/>
    <s v="Other"/>
    <s v="CSC-A027"/>
    <s v="In Production"/>
    <s v="web"/>
    <x v="1"/>
    <x v="606"/>
  </r>
  <r>
    <x v="6"/>
    <x v="57"/>
    <x v="2188"/>
    <s v="F10 - CBT"/>
    <m/>
    <s v="Other"/>
    <x v="1"/>
    <s v="IBM / Force Ten"/>
    <x v="17"/>
    <s v="4.0 Internal Services"/>
    <s v=""/>
    <s v="CSC-A045"/>
    <s v="In Production"/>
    <s v="web"/>
    <x v="0"/>
    <x v="607"/>
  </r>
  <r>
    <x v="6"/>
    <x v="21"/>
    <x v="1209"/>
    <s v="CCM Exchan"/>
    <m/>
    <s v="Other"/>
    <x v="52"/>
    <s v="CCM Exchange"/>
    <x v="17"/>
    <s v="4.0 Internal Services"/>
    <s v="Communications Services"/>
    <s v="CSC-A092"/>
    <s v="In Production"/>
    <s v="rich"/>
    <x v="0"/>
    <x v="608"/>
  </r>
  <r>
    <x v="2"/>
    <x v="20"/>
    <x v="2189"/>
    <s v="CSMS"/>
    <m/>
    <s v="Other"/>
    <x v="1"/>
    <s v="CCM enterprise"/>
    <x v="17"/>
    <s v="4.0 Internal Services"/>
    <s v="Financial Management Services"/>
    <s v="CSC-A104"/>
    <s v="In Production"/>
    <s v="web"/>
    <x v="0"/>
    <x v="609"/>
  </r>
  <r>
    <x v="0"/>
    <x v="16"/>
    <x v="2190"/>
    <s v="CASA/QIT"/>
    <m/>
    <s v="Other"/>
    <x v="1"/>
    <s v=""/>
    <x v="17"/>
    <s v="2.0 Correctional Interventions"/>
    <s v="Other"/>
    <s v="CSC-A114"/>
    <s v="In Production"/>
    <s v="web"/>
    <x v="1"/>
    <x v="598"/>
  </r>
  <r>
    <x v="0"/>
    <x v="16"/>
    <x v="2191"/>
    <s v="COMHISS SI"/>
    <m/>
    <s v="Other"/>
    <x v="1"/>
    <s v=""/>
    <x v="17"/>
    <s v="1.0 Custody"/>
    <s v="Other"/>
    <s v="CSC-A116"/>
    <s v="In Production"/>
    <s v="web"/>
    <x v="1"/>
    <x v="610"/>
  </r>
  <r>
    <x v="2"/>
    <x v="58"/>
    <x v="2192"/>
    <s v="CRIMS / SG"/>
    <m/>
    <s v="Other"/>
    <x v="1"/>
    <s v=""/>
    <x v="17"/>
    <s v="PBC 1.1 Conditional Release Decisions"/>
    <s v="Information Management Services"/>
    <s v="CSC-A118"/>
    <s v="In Production"/>
    <s v="web"/>
    <x v="1"/>
    <x v="611"/>
  </r>
  <r>
    <x v="6"/>
    <x v="61"/>
    <x v="2193"/>
    <s v="CIM/GDC"/>
    <s v="This web national application allow an employee to change his personal information Outlook / Active Directory (division, title, phone number, fax, cell).    C’est une application web nationale qui permet à un employé de modifier ses informations personnelles Outlook/Active Directory (division, titre, numéro de téléphone, fax, cell)."/>
    <s v="Other"/>
    <x v="1"/>
    <s v=""/>
    <x v="17"/>
    <s v="4.0 Internal Services"/>
    <s v="Management and Oversight Services"/>
    <s v="CSC-A120"/>
    <s v="In Production"/>
    <s v="web"/>
    <x v="1"/>
    <x v="612"/>
  </r>
  <r>
    <x v="8"/>
    <x v="39"/>
    <x v="2194"/>
    <s v=""/>
    <m/>
    <s v="Other"/>
    <x v="14"/>
    <s v="AST Inc"/>
    <x v="17"/>
    <s v="4.0 Internal Services"/>
    <s v="Management and Oversight Services"/>
    <s v="CSC-A121"/>
    <s v="In Production"/>
    <s v="web"/>
    <x v="0"/>
    <x v="613"/>
  </r>
  <r>
    <x v="2"/>
    <x v="10"/>
    <x v="2195"/>
    <s v="WMS"/>
    <s v="SAGE Data - It is used to manage inventory and related activities in the Kingston warehouse. It is a training tool for offenders. Four (4) interfaces between WMS and IFMMS were developed in-house.  "/>
    <s v="Other"/>
    <x v="14"/>
    <s v="CORCAN Warehouse Management System"/>
    <x v="17"/>
    <s v="2.0 Correctional Interventions"/>
    <s v="Materiel Services"/>
    <s v="CSC-A127"/>
    <s v="In Production"/>
    <s v="cloud"/>
    <x v="0"/>
    <x v="10"/>
  </r>
  <r>
    <x v="3"/>
    <x v="31"/>
    <x v="2196"/>
    <s v="CIMS"/>
    <m/>
    <s v="Other"/>
    <x v="14"/>
    <s v="IBM i2 iBase and Analyst Notebook"/>
    <x v="17"/>
    <s v="1.0 Custody"/>
    <s v="Other"/>
    <s v="CSC-A130"/>
    <s v="In Production"/>
    <s v="web"/>
    <x v="0"/>
    <x v="614"/>
  </r>
  <r>
    <x v="0"/>
    <x v="62"/>
    <x v="2197"/>
    <s v="CRSIMS / SGIURS"/>
    <m/>
    <s v="Other"/>
    <x v="1"/>
    <s v=""/>
    <x v="17"/>
    <s v="4.0 Internal Services"/>
    <s v="Other"/>
    <s v="CSC-A136"/>
    <s v="In Production"/>
    <s v="web"/>
    <x v="1"/>
    <x v="615"/>
  </r>
  <r>
    <x v="10"/>
    <x v="53"/>
    <x v="2198"/>
    <s v=""/>
    <s v="A national online uniform ordering system managed by Logistik Unicorp. It replaced the national depot’s national manual process."/>
    <s v="Other"/>
    <x v="14"/>
    <s v="Logistik Unicorp"/>
    <x v="17"/>
    <s v="4.0 Internal Services"/>
    <s v="Materiel Services"/>
    <s v="CSC-A140"/>
    <s v="In Production"/>
    <s v="cloud"/>
    <x v="0"/>
    <x v="106"/>
  </r>
  <r>
    <x v="3"/>
    <x v="4"/>
    <x v="2199"/>
    <s v="DWS MCINT"/>
    <m/>
    <s v="Other"/>
    <x v="1"/>
    <s v=""/>
    <x v="17"/>
    <s v="4.0 Internal Services"/>
    <s v="Information Management Services"/>
    <s v="CSC-A143"/>
    <s v="In Production"/>
    <s v="rich"/>
    <x v="1"/>
    <x v="616"/>
  </r>
  <r>
    <x v="5"/>
    <x v="98"/>
    <x v="2200"/>
    <s v=""/>
    <m/>
    <s v="Other"/>
    <x v="14"/>
    <s v="DBX Geomatics"/>
    <x v="17"/>
    <s v="4.0 Internal Services"/>
    <s v="Other"/>
    <s v="CSC-A144"/>
    <s v="In Production"/>
    <s v="web"/>
    <x v="0"/>
    <x v="617"/>
  </r>
  <r>
    <x v="2"/>
    <x v="40"/>
    <x v="2201"/>
    <s v="DDSE"/>
    <s v="Une application pour généré les demandes de services en établissement, utilisé par plusieurs établissements."/>
    <s v="Other"/>
    <x v="1"/>
    <s v=""/>
    <x v="17"/>
    <s v="4.0 Internal Services"/>
    <s v="Real Property Services"/>
    <s v="CSC-A147"/>
    <s v="In Production"/>
    <s v="rich"/>
    <x v="1"/>
    <x v="618"/>
  </r>
  <r>
    <x v="0"/>
    <x v="7"/>
    <x v="2202"/>
    <s v="DRM"/>
    <m/>
    <s v="Other"/>
    <x v="1"/>
    <s v="Documentum 6.7"/>
    <x v="17"/>
    <s v="PBC 1.4 Internal Services"/>
    <s v="Information Management Services"/>
    <s v="CSC-A155"/>
    <s v="In Production"/>
    <s v="web"/>
    <x v="0"/>
    <x v="619"/>
  </r>
  <r>
    <x v="10"/>
    <x v="55"/>
    <x v="2203"/>
    <s v=""/>
    <s v="Email Web Service is a Web based application to provide email functionality for other applications."/>
    <s v="Other"/>
    <x v="1"/>
    <s v=""/>
    <x v="17"/>
    <s v="4.0 Internal Services"/>
    <s v="Information Technology Services"/>
    <s v="CSC-A160"/>
    <s v="In Production"/>
    <s v="web"/>
    <x v="1"/>
    <x v="605"/>
  </r>
  <r>
    <x v="1"/>
    <x v="12"/>
    <x v="2204"/>
    <s v="ALGO"/>
    <m/>
    <s v="Other"/>
    <x v="14"/>
    <s v="ALGO - Enterprise Recording System"/>
    <x v="17"/>
    <s v="1.0 Custody"/>
    <s v="Communications Services"/>
    <s v="CSC-A162"/>
    <s v="In Production"/>
    <s v="rich"/>
    <x v="0"/>
    <x v="620"/>
  </r>
  <r>
    <x v="1"/>
    <x v="12"/>
    <x v="2205"/>
    <s v="NMC - EPAS"/>
    <s v="Management of calls to and from the National Monitoring Centre. Saas - Bell Enhanced Per Agent Service. includes IceBar, iceAdmin, IceMonitor.  IceBar Agent component on desktop."/>
    <s v="Other"/>
    <x v="14"/>
    <s v="Computer Talk / EPAS Suite"/>
    <x v="17"/>
    <s v="4.0 Internal Services"/>
    <s v="Communications Services"/>
    <s v="CSC-A164"/>
    <s v="In Production"/>
    <s v="cloud"/>
    <x v="0"/>
    <x v="621"/>
  </r>
  <r>
    <x v="6"/>
    <x v="24"/>
    <x v="2206"/>
    <s v="EPMS"/>
    <m/>
    <s v="Other"/>
    <x v="1"/>
    <s v="Microsoft / Project Server"/>
    <x v="17"/>
    <s v="4.0 Internal Services"/>
    <s v="Management and Oversight Services"/>
    <s v="CSC-A165"/>
    <s v="In Production"/>
    <s v="web"/>
    <x v="0"/>
    <x v="622"/>
  </r>
  <r>
    <x v="2"/>
    <x v="22"/>
    <x v="2207"/>
    <s v="ELS"/>
    <m/>
    <s v="Other"/>
    <x v="1"/>
    <s v=""/>
    <x v="17"/>
    <s v="4.0 Internal Services"/>
    <s v="Human Resources Management Services"/>
    <s v="CSC-A168"/>
    <s v="In Production"/>
    <s v="web"/>
    <x v="1"/>
    <x v="623"/>
  </r>
  <r>
    <x v="0"/>
    <x v="28"/>
    <x v="2208"/>
    <s v=""/>
    <m/>
    <s v="Other"/>
    <x v="1"/>
    <s v=""/>
    <x v="17"/>
    <s v="1.0 Custody"/>
    <s v="Other"/>
    <s v="CSC-A171"/>
    <s v="In Production"/>
    <s v="web"/>
    <x v="1"/>
    <x v="624"/>
  </r>
  <r>
    <x v="0"/>
    <x v="7"/>
    <x v="2209"/>
    <s v="Foremost"/>
    <m/>
    <s v="Other"/>
    <x v="14"/>
    <s v="Documentum"/>
    <x v="17"/>
    <s v="4.0 Internal Services"/>
    <s v="Information Management Services"/>
    <s v="CSC-A178"/>
    <s v="In Production"/>
    <s v="web"/>
    <x v="0"/>
    <x v="625"/>
  </r>
  <r>
    <x v="2"/>
    <x v="2"/>
    <x v="2210"/>
    <s v="Freebalance PBC"/>
    <m/>
    <s v="Other"/>
    <x v="14"/>
    <s v="FreeBalance Financials"/>
    <x v="17"/>
    <s v="PBC 1.4 Internal Services"/>
    <s v="Financial Management Services"/>
    <s v="CSC-A184"/>
    <s v="In Production"/>
    <s v="web"/>
    <x v="0"/>
    <x v="626"/>
  </r>
  <r>
    <x v="2"/>
    <x v="2"/>
    <x v="2211"/>
    <s v="GERD"/>
    <m/>
    <s v="Other"/>
    <x v="1"/>
    <s v=""/>
    <x v="17"/>
    <s v="1.0 Custody"/>
    <s v="Financial Management Services"/>
    <s v="CSC-A190"/>
    <s v="In Production"/>
    <s v="rich"/>
    <x v="1"/>
    <x v="627"/>
  </r>
  <r>
    <x v="9"/>
    <x v="54"/>
    <x v="2212"/>
    <s v="CSIS"/>
    <m/>
    <s v="Other"/>
    <x v="1"/>
    <s v="CSIS Canadian Security Information Service Screening Request"/>
    <x v="17"/>
    <s v="4.0 Internal Services"/>
    <s v="Management and Oversight Services"/>
    <s v="CSC-A203"/>
    <s v="In Production"/>
    <s v="web"/>
    <x v="0"/>
    <x v="605"/>
  </r>
  <r>
    <x v="5"/>
    <x v="99"/>
    <x v="2213"/>
    <s v=""/>
    <m/>
    <s v="Other"/>
    <x v="14"/>
    <s v="Eclipsys, Healthvision version 4.9_A"/>
    <x v="17"/>
    <s v="1.0 Custody"/>
    <s v="Other"/>
    <s v="CSC-A206"/>
    <s v="In Production"/>
    <s v="rich"/>
    <x v="0"/>
    <x v="628"/>
  </r>
  <r>
    <x v="6"/>
    <x v="33"/>
    <x v="2214"/>
    <s v=""/>
    <m/>
    <s v="Other"/>
    <x v="1"/>
    <s v=""/>
    <x v="17"/>
    <s v="1.0 Custody"/>
    <s v="Other"/>
    <s v="CSC-A208"/>
    <s v="In Production"/>
    <s v="web"/>
    <x v="1"/>
    <x v="629"/>
  </r>
  <r>
    <x v="2"/>
    <x v="3"/>
    <x v="2215"/>
    <s v="HRMS / SGR"/>
    <m/>
    <s v="Other"/>
    <x v="1"/>
    <s v="PeopleSoft / PeopleTools"/>
    <x v="17"/>
    <s v="4.0 Internal Services"/>
    <s v="Human Resources Management Services"/>
    <s v="CSC-A213"/>
    <s v="In Production"/>
    <s v="web"/>
    <x v="0"/>
    <x v="630"/>
  </r>
  <r>
    <x v="0"/>
    <x v="28"/>
    <x v="2216"/>
    <s v="InfoPol"/>
    <m/>
    <s v="Other"/>
    <x v="1"/>
    <s v=""/>
    <x v="17"/>
    <s v="2.0 Correctional Interventions"/>
    <s v="Other"/>
    <s v="CSC-A230"/>
    <s v="In Production"/>
    <s v="web"/>
    <x v="1"/>
    <x v="631"/>
  </r>
  <r>
    <x v="2"/>
    <x v="3"/>
    <x v="2217"/>
    <s v="INICS"/>
    <m/>
    <s v="Other"/>
    <x v="1"/>
    <s v="Internet New Injury Compensation System"/>
    <x v="17"/>
    <s v="4.0 Internal Services"/>
    <s v="Financial Management Services,Human Resources Management Services"/>
    <s v="CSC-A231"/>
    <s v="In Production"/>
    <s v="cloud"/>
    <x v="0"/>
    <x v="86"/>
  </r>
  <r>
    <x v="2"/>
    <x v="2"/>
    <x v="2218"/>
    <s v="IAB"/>
    <m/>
    <s v="Other"/>
    <x v="1"/>
    <s v=""/>
    <x v="17"/>
    <s v="4.0 Internal Services"/>
    <s v="Financial Management Services"/>
    <s v="CSC-A232"/>
    <s v="In Production"/>
    <s v="web"/>
    <x v="1"/>
    <x v="632"/>
  </r>
  <r>
    <x v="0"/>
    <x v="13"/>
    <x v="2219"/>
    <s v=""/>
    <s v="Records management tracking program.     Inmate Bank is a DOS based Records management tracking program. It is not used on the network but is still used at some sites in Ontario. It is used to track Offender Releases, Transfers and where the offender’s paper based records are located.    "/>
    <s v="Other"/>
    <x v="1"/>
    <s v=""/>
    <x v="17"/>
    <s v="4.0 Internal Services"/>
    <s v="Information Management Services"/>
    <s v="CSC-A234"/>
    <s v="In Production"/>
    <s v="rich"/>
    <x v="1"/>
    <x v="633"/>
  </r>
  <r>
    <x v="0"/>
    <x v="16"/>
    <x v="2220"/>
    <s v=""/>
    <m/>
    <s v="Other"/>
    <x v="1"/>
    <s v=""/>
    <x v="17"/>
    <s v="1.0 Custody"/>
    <s v="Other"/>
    <s v="CSC-A236"/>
    <s v="In Production"/>
    <s v="rich"/>
    <x v="1"/>
    <x v="601"/>
  </r>
  <r>
    <x v="2"/>
    <x v="2"/>
    <x v="2221"/>
    <s v="IFMMS/SIGF"/>
    <m/>
    <s v="Other"/>
    <x v="1"/>
    <s v="Integrated Financial and Materiel Management System"/>
    <x v="17"/>
    <s v="4.0 Internal Services"/>
    <s v="Acquisition Services,Financial Management Services,Materiel Services"/>
    <s v="CSC-A242"/>
    <s v="In Production"/>
    <s v="web"/>
    <x v="0"/>
    <x v="634"/>
  </r>
  <r>
    <x v="0"/>
    <x v="16"/>
    <x v="2222"/>
    <s v="ITS"/>
    <m/>
    <s v="Other"/>
    <x v="1"/>
    <s v=""/>
    <x v="17"/>
    <s v="2.0 Correctional Interventions"/>
    <s v="Other"/>
    <s v="CSC-A250"/>
    <s v="In Production"/>
    <s v="web"/>
    <x v="1"/>
    <x v="635"/>
  </r>
  <r>
    <x v="6"/>
    <x v="61"/>
    <x v="2223"/>
    <s v=""/>
    <s v="Application owned by Justice for lawyers to keep track of their billing.  Would be used by lawyers for CSC as well as PBC. This is used by Legal Services through a Citrix Client to a remote service from Department of Justice Canada."/>
    <s v="Other"/>
    <x v="1"/>
    <s v="Justice Time Keeping System"/>
    <x v="17"/>
    <s v="PBC 1.4 Internal Services"/>
    <s v="Financial Management Services"/>
    <s v="CSC-A259"/>
    <s v="In Production"/>
    <s v="cloud"/>
    <x v="0"/>
    <x v="86"/>
  </r>
  <r>
    <x v="6"/>
    <x v="27"/>
    <x v="2224"/>
    <s v="Logiterm"/>
    <m/>
    <s v="Other"/>
    <x v="14"/>
    <s v="Logiterm"/>
    <x v="17"/>
    <s v="4.0 Internal Services"/>
    <s v="Travel and Other Administrative Services"/>
    <s v="CSC-A262"/>
    <s v="In Production"/>
    <s v="rich"/>
    <x v="0"/>
    <x v="636"/>
  </r>
  <r>
    <x v="2"/>
    <x v="58"/>
    <x v="2225"/>
    <s v="CORR/RCRO  CMF"/>
    <m/>
    <s v="Other"/>
    <x v="1"/>
    <s v=""/>
    <x v="17"/>
    <s v="4.0 Internal Services"/>
    <s v="Management and Oversight Services"/>
    <s v="CSC-A264"/>
    <s v="In Production"/>
    <s v="web"/>
    <x v="1"/>
    <x v="637"/>
  </r>
  <r>
    <x v="2"/>
    <x v="10"/>
    <x v="2226"/>
    <s v="MEK"/>
    <m/>
    <s v="Other"/>
    <x v="1"/>
    <s v=""/>
    <x v="17"/>
    <s v="4.0 Internal Services"/>
    <s v="Materiel Services"/>
    <s v="CSC-A265"/>
    <s v="In Production"/>
    <s v="rich"/>
    <x v="1"/>
    <x v="638"/>
  </r>
  <r>
    <x v="2"/>
    <x v="10"/>
    <x v="2227"/>
    <s v="FSIMS"/>
    <m/>
    <s v="Other"/>
    <x v="1"/>
    <s v="Food Services Information Management System"/>
    <x v="17"/>
    <s v="1.0 Custody"/>
    <s v="Materiel Services"/>
    <s v="CSC-A280"/>
    <s v="In Production"/>
    <s v="web"/>
    <x v="0"/>
    <x v="639"/>
  </r>
  <r>
    <x v="0"/>
    <x v="8"/>
    <x v="2228"/>
    <s v="OBCM"/>
    <m/>
    <s v="Other"/>
    <x v="1"/>
    <s v=""/>
    <x v="17"/>
    <s v="4.0 Internal Services"/>
    <s v="Information Management Services"/>
    <s v="CSC-A282"/>
    <s v="In Production"/>
    <s v="web"/>
    <x v="1"/>
    <x v="640"/>
  </r>
  <r>
    <x v="0"/>
    <x v="16"/>
    <x v="2229"/>
    <s v="OMSM, OMS-M"/>
    <m/>
    <s v="Other"/>
    <x v="1"/>
    <s v=""/>
    <x v="17"/>
    <s v="2.0 Correctional Interventions"/>
    <s v="Other"/>
    <s v="CSC-A284"/>
    <s v="In Production"/>
    <s v="web"/>
    <x v="1"/>
    <x v="641"/>
  </r>
  <r>
    <x v="0"/>
    <x v="16"/>
    <x v="2230"/>
    <s v="OMS-R"/>
    <m/>
    <s v="Other"/>
    <x v="1"/>
    <s v=""/>
    <x v="17"/>
    <s v="2.0 Correctional Interventions"/>
    <s v="Other"/>
    <s v="CSC-A285"/>
    <s v="In Production"/>
    <s v="rich"/>
    <x v="1"/>
    <x v="642"/>
  </r>
  <r>
    <x v="0"/>
    <x v="16"/>
    <x v="2231"/>
    <s v="OPIC"/>
    <m/>
    <s v="Other"/>
    <x v="14"/>
    <s v="Offender Placement and Institutional Counts"/>
    <x v="17"/>
    <s v="1.0 Custody"/>
    <s v="Other"/>
    <s v="CSC-A286"/>
    <s v="In Production"/>
    <s v="rich"/>
    <x v="0"/>
    <x v="604"/>
  </r>
  <r>
    <x v="2"/>
    <x v="64"/>
    <x v="2232"/>
    <s v="RMT / OGR"/>
    <s v="RMT is CSC’s financial reporting and forecasting tool. It provides you with the relevant financial information for your area of responsibility.  The RMT is made up of several workbooks, each of which is tailored to a different user community.      "/>
    <s v="Other"/>
    <x v="1"/>
    <s v=""/>
    <x v="17"/>
    <s v="4.0 Internal Services"/>
    <s v="Financial Management Services"/>
    <s v="CSC-A296"/>
    <s v="In Production"/>
    <s v="rich"/>
    <x v="1"/>
    <x v="643"/>
  </r>
  <r>
    <x v="0"/>
    <x v="16"/>
    <x v="2233"/>
    <s v="PARSS/SSPE"/>
    <m/>
    <s v="Other"/>
    <x v="1"/>
    <s v=""/>
    <x v="17"/>
    <s v="PBC 1.3 Record Suspension Decisions/Clemency Recommendations"/>
    <s v="Other"/>
    <s v="CSC-A298"/>
    <s v="In Production"/>
    <s v="web"/>
    <x v="1"/>
    <x v="644"/>
  </r>
  <r>
    <x v="1"/>
    <x v="12"/>
    <x v="2234"/>
    <s v="EPAS"/>
    <s v="Management of calls to and from PBC, IMS Helpdesk, HR Helpdesk and Victims. Saas - Bell Enhanced Per Agent Service. includes IceBar, iceAdmin, IceMonitor.  IceBar Agent component on desktop.   "/>
    <s v="Other"/>
    <x v="14"/>
    <s v="Computer Talk / EPAS Suite"/>
    <x v="17"/>
    <s v="PBC 1.4 Internal Services"/>
    <s v="Information Technology Services"/>
    <s v="CSC-A305"/>
    <s v="In Production"/>
    <s v="cloud"/>
    <x v="0"/>
    <x v="645"/>
  </r>
  <r>
    <x v="2"/>
    <x v="3"/>
    <x v="2235"/>
    <s v="PSS/VSP"/>
    <m/>
    <s v="Other"/>
    <x v="1"/>
    <s v=""/>
    <x v="17"/>
    <s v="4.0 Internal Services"/>
    <s v="Management and Oversight Services"/>
    <s v="CSC-A309"/>
    <s v="In Production"/>
    <s v="web"/>
    <x v="1"/>
    <x v="646"/>
  </r>
  <r>
    <x v="2"/>
    <x v="20"/>
    <x v="2236"/>
    <s v="POS"/>
    <m/>
    <s v="Other"/>
    <x v="1"/>
    <s v=""/>
    <x v="17"/>
    <s v="1.0 Custody"/>
    <s v="Financial Management Services"/>
    <s v="CSC-A311"/>
    <s v="In Production"/>
    <s v="rich"/>
    <x v="1"/>
    <x v="647"/>
  </r>
  <r>
    <x v="0"/>
    <x v="7"/>
    <x v="2237"/>
    <s v="PCIMM"/>
    <m/>
    <s v="Other"/>
    <x v="1"/>
    <s v=""/>
    <x v="17"/>
    <s v="2.0 Correctional Interventions"/>
    <s v="Other"/>
    <s v="CSC-A312"/>
    <s v="In Production"/>
    <s v="web"/>
    <x v="1"/>
    <x v="648"/>
  </r>
  <r>
    <x v="2"/>
    <x v="3"/>
    <x v="2238"/>
    <s v="PES"/>
    <m/>
    <s v="Other"/>
    <x v="1"/>
    <s v="Position Exclusion System"/>
    <x v="17"/>
    <s v="4.0 Internal Services"/>
    <s v="Human Resources Management Services"/>
    <s v="CSC-A313"/>
    <s v="In Production"/>
    <s v="cloud"/>
    <x v="0"/>
    <x v="86"/>
  </r>
  <r>
    <x v="4"/>
    <x v="5"/>
    <x v="2239"/>
    <s v="PAII"/>
    <m/>
    <s v="Other"/>
    <x v="1"/>
    <s v=""/>
    <x v="17"/>
    <s v="2.0 Correctional Interventions"/>
    <s v="Other"/>
    <s v="CSC-A315"/>
    <s v="In Production"/>
    <s v="web"/>
    <x v="1"/>
    <x v="649"/>
  </r>
  <r>
    <x v="0"/>
    <x v="13"/>
    <x v="2240"/>
    <s v="RDIMS/eDoc"/>
    <m/>
    <s v="Other"/>
    <x v="1"/>
    <s v="OpenText eDocs"/>
    <x v="17"/>
    <s v="4.0 Internal Services"/>
    <s v="Information Management Services"/>
    <s v="CSC-A316"/>
    <s v="In Production"/>
    <s v="rich"/>
    <x v="0"/>
    <x v="650"/>
  </r>
  <r>
    <x v="2"/>
    <x v="22"/>
    <x v="2241"/>
    <s v="RTID"/>
    <m/>
    <s v="Other"/>
    <x v="14"/>
    <s v="RCMP"/>
    <x v="17"/>
    <s v="4.0 Internal Services"/>
    <s v="Management and Oversight Services"/>
    <s v="CSC-A317"/>
    <s v="In Production"/>
    <s v="rich"/>
    <x v="0"/>
    <x v="599"/>
  </r>
  <r>
    <x v="2"/>
    <x v="51"/>
    <x v="2242"/>
    <s v="RADAR"/>
    <m/>
    <s v="Other"/>
    <x v="1"/>
    <s v=""/>
    <x v="17"/>
    <s v="4.0 Internal Services"/>
    <s v="Management and Oversight Services"/>
    <s v="CSC-A326"/>
    <s v="In Production"/>
    <s v="web"/>
    <x v="1"/>
    <x v="651"/>
  </r>
  <r>
    <x v="6"/>
    <x v="33"/>
    <x v="2243"/>
    <s v=""/>
    <s v="The Reservations System is designed to allow staff to reserve items from a reservation category like Boardrooms, Computers, Audio/Visual, Vehicles and Videoconference.  The categories can be regional or local. A local category will display items from a site and only at that site (i.e. Vehicles). A regional category will display items from all sites in the region for that category (i.e. Videoconference). Only categories with 1 or more items are displayed.  "/>
    <s v="Other"/>
    <x v="1"/>
    <s v=""/>
    <x v="17"/>
    <s v="4.0 Internal Services"/>
    <s v="Management and Oversight Services"/>
    <s v="CSC-A328"/>
    <s v="In Production"/>
    <s v="web"/>
    <x v="1"/>
    <x v="632"/>
  </r>
  <r>
    <x v="2"/>
    <x v="65"/>
    <x v="2244"/>
    <s v="SMS - CSC"/>
    <m/>
    <s v="Other"/>
    <x v="14"/>
    <s v="Freebalance"/>
    <x v="17"/>
    <s v="4.0 Internal Services"/>
    <s v="Financial Management Services"/>
    <s v="CSC-A337"/>
    <s v="In Production"/>
    <s v="web"/>
    <x v="0"/>
    <x v="652"/>
  </r>
  <r>
    <x v="2"/>
    <x v="65"/>
    <x v="2245"/>
    <s v="Freebalanc"/>
    <m/>
    <s v="Other"/>
    <x v="14"/>
    <s v="Freebalance"/>
    <x v="17"/>
    <s v="PBC 1.4 Internal Services"/>
    <s v="Financial Management Services"/>
    <s v="CSC-A338"/>
    <s v="In Production"/>
    <s v="rich"/>
    <x v="0"/>
    <x v="653"/>
  </r>
  <r>
    <x v="2"/>
    <x v="3"/>
    <x v="2246"/>
    <s v="SDS"/>
    <m/>
    <s v="Other"/>
    <x v="1"/>
    <s v=""/>
    <x v="17"/>
    <s v="1.0 Custody"/>
    <s v="Financial Management Services,Human Resources Management Services"/>
    <s v="CSC-A339"/>
    <s v="In Production"/>
    <s v="web"/>
    <x v="1"/>
    <x v="654"/>
  </r>
  <r>
    <x v="0"/>
    <x v="28"/>
    <x v="2247"/>
    <s v="SCS/SAS"/>
    <m/>
    <s v="Other"/>
    <x v="1"/>
    <s v=""/>
    <x v="17"/>
    <s v="4.0 Internal Services"/>
    <s v="Management and Oversight Services"/>
    <s v="CSC-A345"/>
    <s v="In Production"/>
    <s v="web"/>
    <x v="1"/>
    <x v="623"/>
  </r>
  <r>
    <x v="0"/>
    <x v="16"/>
    <x v="2248"/>
    <s v=""/>
    <m/>
    <s v="Other"/>
    <x v="1"/>
    <s v=""/>
    <x v="17"/>
    <s v="2.0 Correctional Interventions"/>
    <s v="Other"/>
    <s v="CSC-A352"/>
    <s v="In Production"/>
    <s v="rich"/>
    <x v="1"/>
    <x v="655"/>
  </r>
  <r>
    <x v="0"/>
    <x v="0"/>
    <x v="2249"/>
    <s v=""/>
    <m/>
    <s v="Other"/>
    <x v="1"/>
    <s v=""/>
    <x v="17"/>
    <s v="4.0 Internal Services"/>
    <s v="Management and Oversight Services"/>
    <s v="CSC-A362"/>
    <s v="In Production"/>
    <s v="web"/>
    <x v="1"/>
    <x v="656"/>
  </r>
  <r>
    <x v="0"/>
    <x v="16"/>
    <x v="2250"/>
    <s v=""/>
    <m/>
    <s v="Other"/>
    <x v="14"/>
    <s v="Site Secure"/>
    <x v="17"/>
    <s v="4.0 Internal Services"/>
    <s v="Management and Oversight Services"/>
    <s v="CSC-A363"/>
    <s v="In Production"/>
    <s v="web"/>
    <x v="0"/>
    <x v="657"/>
  </r>
  <r>
    <x v="0"/>
    <x v="28"/>
    <x v="2251"/>
    <s v="SB"/>
    <s v="The SB is a web App with a database designed to help connect members of the public to search the database against certain criteria to return a list of relevant speakers and their contact information who can speak to their community, organization or school about corrections in Canada."/>
    <s v="Other"/>
    <x v="1"/>
    <s v=""/>
    <x v="17"/>
    <s v="4.0 Internal Services"/>
    <s v="Communications Services,Information Management Services"/>
    <s v="CSC-A365"/>
    <s v="In Production"/>
    <s v="web"/>
    <x v="1"/>
    <x v="658"/>
  </r>
  <r>
    <x v="0"/>
    <x v="28"/>
    <x v="2252"/>
    <s v=""/>
    <s v=""/>
    <s v="Other"/>
    <x v="1"/>
    <s v=""/>
    <x v="17"/>
    <s v="4.0 Internal Services"/>
    <s v="Human Resources Management Services"/>
    <s v="CSC-A369"/>
    <s v="In Production"/>
    <s v="rich"/>
    <x v="1"/>
    <x v="659"/>
  </r>
  <r>
    <x v="0"/>
    <x v="28"/>
    <x v="2253"/>
    <s v="SAS-SCS"/>
    <m/>
    <s v="Other"/>
    <x v="1"/>
    <s v=""/>
    <x v="17"/>
    <s v="1.0 Custody"/>
    <s v="Management and Oversight Services"/>
    <s v="CSC-A370"/>
    <s v="In Production"/>
    <s v="rich"/>
    <x v="1"/>
    <x v="605"/>
  </r>
  <r>
    <x v="0"/>
    <x v="7"/>
    <x v="2254"/>
    <s v="SGDC"/>
    <m/>
    <s v="Other"/>
    <x v="1"/>
    <s v=""/>
    <x v="17"/>
    <s v="2.0 Correctional Interventions"/>
    <s v="Information Management Services"/>
    <s v="CSC-A377"/>
    <s v="In Production"/>
    <s v="rich"/>
    <x v="1"/>
    <x v="660"/>
  </r>
  <r>
    <x v="0"/>
    <x v="16"/>
    <x v="2255"/>
    <s v="Afficheur"/>
    <s v="Système pour générer les permis de sortie individuel et en groupe à l'établissement CFF uniquement."/>
    <s v="Other"/>
    <x v="1"/>
    <s v=""/>
    <x v="17"/>
    <s v="1.0 Custody"/>
    <s v="Other"/>
    <s v="CSC-A378"/>
    <s v="In Production"/>
    <s v="rich"/>
    <x v="1"/>
    <x v="661"/>
  </r>
  <r>
    <x v="2"/>
    <x v="22"/>
    <x v="2256"/>
    <s v="Geo Talent"/>
    <s v="This is a training and development administration/management system."/>
    <s v="Other"/>
    <x v="14"/>
    <s v="Geometrix Data Systems Inc."/>
    <x v="17"/>
    <s v="4.0 Internal Services"/>
    <s v="Human Resources Management Services"/>
    <s v="CSC-A385"/>
    <s v="In Production"/>
    <s v="rich"/>
    <x v="0"/>
    <x v="662"/>
  </r>
  <r>
    <x v="0"/>
    <x v="16"/>
    <x v="2257"/>
    <s v="Web IDSS"/>
    <m/>
    <s v="Other"/>
    <x v="1"/>
    <s v=""/>
    <x v="17"/>
    <s v="1.0 Custody"/>
    <s v="Other"/>
    <s v="CSC-A396"/>
    <s v="In Production"/>
    <s v="web"/>
    <x v="1"/>
    <x v="663"/>
  </r>
  <r>
    <x v="6"/>
    <x v="57"/>
    <x v="2258"/>
    <s v="F10 - CBT"/>
    <m/>
    <s v="Other"/>
    <x v="1"/>
    <s v="IBM / Force Ten"/>
    <x v="17"/>
    <s v="4.0 Internal Services"/>
    <s v="Human Resources Management Services,Management and Oversight Services"/>
    <s v="CSC-A402"/>
    <s v="In Production"/>
    <s v="web"/>
    <x v="0"/>
    <x v="607"/>
  </r>
  <r>
    <x v="2"/>
    <x v="2"/>
    <x v="2259"/>
    <s v="IPS"/>
    <m/>
    <s v="Other"/>
    <x v="1"/>
    <s v=""/>
    <x v="17"/>
    <s v="1.0 Custody"/>
    <s v="Financial Management Services"/>
    <s v="CSC-A408"/>
    <s v="In Production"/>
    <s v="web"/>
    <x v="1"/>
    <x v="632"/>
  </r>
  <r>
    <x v="2"/>
    <x v="10"/>
    <x v="2260"/>
    <s v="ISS"/>
    <s v="This application is used for institutional supplies inventory &amp; distribution (i.e. clothing, etc...). Will be replaced by FSIMS."/>
    <s v="Other"/>
    <x v="1"/>
    <s v=""/>
    <x v="17"/>
    <s v="1.0 Custody"/>
    <s v="Materiel Services"/>
    <s v="CSC-A410"/>
    <s v="In Production"/>
    <s v="rich"/>
    <x v="1"/>
    <x v="664"/>
  </r>
  <r>
    <x v="0"/>
    <x v="0"/>
    <x v="2261"/>
    <s v="Infopoint"/>
    <m/>
    <s v="Other"/>
    <x v="1"/>
    <s v="InfoPoint"/>
    <x v="17"/>
    <s v="4.0 Internal Services"/>
    <s v="Information Management Services"/>
    <s v="CSC-A413"/>
    <s v="In Production"/>
    <s v="web"/>
    <x v="0"/>
    <x v="665"/>
  </r>
  <r>
    <x v="0"/>
    <x v="19"/>
    <x v="2262"/>
    <s v="intranet"/>
    <s v="Forms management Infonet site (search, etc, …) - Part of InfoNet  The Offical Government CSC Forms are maintained by Information Management- Forms Management.  The current file types are PDF and Word.  INET team facilitates the uploading of new and updated forms to the internal facing CSC Intranet Website.  Access to view the forms are through the use of Internet Explorer and Adobe and Microsoft word to open the form.  "/>
    <s v="Other"/>
    <x v="1"/>
    <s v=""/>
    <x v="17"/>
    <s v="4.0 Internal Services"/>
    <s v="Information Management Services"/>
    <s v="CSC-A414"/>
    <s v="In Production"/>
    <s v="web"/>
    <x v="1"/>
    <x v="666"/>
  </r>
  <r>
    <x v="2"/>
    <x v="10"/>
    <x v="2263"/>
    <s v="COGZ CMMS"/>
    <m/>
    <s v="Other"/>
    <x v="14"/>
    <s v="Vendor: COGZ Systems (Product: COGZ CMMS 5.1)"/>
    <x v="17"/>
    <s v="4.0 Internal Services"/>
    <s v="Real Property Services"/>
    <s v="CSC-A419"/>
    <s v="In Production"/>
    <s v="rich"/>
    <x v="0"/>
    <x v="667"/>
  </r>
  <r>
    <x v="2"/>
    <x v="20"/>
    <x v="2264"/>
    <s v=""/>
    <m/>
    <s v="Other"/>
    <x v="14"/>
    <s v="McKesson Canada’s Pharmacy Technology Solutions / PharmaClik Rx"/>
    <x v="17"/>
    <s v="1.0 Custody"/>
    <s v="Other"/>
    <s v="CSC-A421"/>
    <s v="In Production"/>
    <s v="rich"/>
    <x v="0"/>
    <x v="668"/>
  </r>
  <r>
    <x v="0"/>
    <x v="13"/>
    <x v="2265"/>
    <s v=""/>
    <m/>
    <s v="Other"/>
    <x v="1"/>
    <s v=""/>
    <x v="17"/>
    <s v="1.0 Custody"/>
    <s v="Information Management Services"/>
    <s v="CSC-A422"/>
    <s v="In Production"/>
    <s v="rich"/>
    <x v="1"/>
    <x v="669"/>
  </r>
  <r>
    <x v="6"/>
    <x v="33"/>
    <x v="2266"/>
    <s v=""/>
    <m/>
    <s v="Other"/>
    <x v="1"/>
    <s v=""/>
    <x v="17"/>
    <s v="1.0 Custody"/>
    <s v="Other"/>
    <s v="CSC-A423"/>
    <s v="In Production"/>
    <s v="rich"/>
    <x v="1"/>
    <x v="670"/>
  </r>
  <r>
    <x v="1"/>
    <x v="86"/>
    <x v="2267"/>
    <s v=""/>
    <s v="http://apps-que/sir/DispoDesApplications/Default.aspx"/>
    <s v="Other"/>
    <x v="1"/>
    <s v=""/>
    <x v="17"/>
    <s v="4.0 Internal Services"/>
    <s v="Information Technology Services"/>
    <s v="CSC-A424"/>
    <s v="In Production"/>
    <s v="web"/>
    <x v="1"/>
    <x v="629"/>
  </r>
  <r>
    <x v="0"/>
    <x v="16"/>
    <x v="2268"/>
    <s v=""/>
    <m/>
    <s v="Other"/>
    <x v="1"/>
    <s v=""/>
    <x v="17"/>
    <s v="1.0 Custody"/>
    <s v="Other"/>
    <s v="CSC-A426"/>
    <s v="In Production"/>
    <s v="rich"/>
    <x v="1"/>
    <x v="671"/>
  </r>
  <r>
    <x v="5"/>
    <x v="91"/>
    <x v="2269"/>
    <s v="ePass"/>
    <m/>
    <s v="Other"/>
    <x v="1"/>
    <s v=""/>
    <x v="17"/>
    <s v="4.0 Internal Services"/>
    <s v="Other"/>
    <s v="CSC-A439"/>
    <s v="In Production"/>
    <s v="rich"/>
    <x v="1"/>
    <x v="672"/>
  </r>
  <r>
    <x v="0"/>
    <x v="16"/>
    <x v="2270"/>
    <s v=""/>
    <m/>
    <s v="Other"/>
    <x v="1"/>
    <s v=""/>
    <x v="17"/>
    <s v="1.0 Custody"/>
    <s v="Other"/>
    <s v="CSC-A442"/>
    <s v="In Production"/>
    <s v="rich"/>
    <x v="1"/>
    <x v="655"/>
  </r>
  <r>
    <x v="0"/>
    <x v="7"/>
    <x v="2271"/>
    <s v=""/>
    <m/>
    <s v="Other"/>
    <x v="1"/>
    <s v=""/>
    <x v="17"/>
    <s v="4.0 Internal Services"/>
    <s v="Information Management Services"/>
    <s v="CSC-A443"/>
    <s v="In Production"/>
    <s v="rich"/>
    <x v="1"/>
    <x v="673"/>
  </r>
  <r>
    <x v="6"/>
    <x v="21"/>
    <x v="2272"/>
    <s v=""/>
    <m/>
    <s v="Other"/>
    <x v="1"/>
    <s v=""/>
    <x v="17"/>
    <s v="1.0 Custody"/>
    <s v="Other"/>
    <s v="CSC-A446"/>
    <s v="In Production"/>
    <s v="rich"/>
    <x v="1"/>
    <x v="674"/>
  </r>
  <r>
    <x v="2"/>
    <x v="58"/>
    <x v="2273"/>
    <s v="PRIME"/>
    <m/>
    <s v="Other"/>
    <x v="1"/>
    <s v=""/>
    <x v="17"/>
    <s v="4.0 Internal Services"/>
    <s v="Management and Oversight Services"/>
    <s v="CSC-A448"/>
    <s v="In Production"/>
    <s v="web"/>
    <x v="1"/>
    <x v="675"/>
  </r>
  <r>
    <x v="2"/>
    <x v="58"/>
    <x v="2274"/>
    <s v="PD/PMF"/>
    <m/>
    <s v="Other"/>
    <x v="1"/>
    <s v=""/>
    <x v="17"/>
    <s v="4.0 Internal Services"/>
    <s v="Management and Oversight Services"/>
    <s v="CSC-A449"/>
    <s v="In Production"/>
    <s v="web"/>
    <x v="1"/>
    <x v="675"/>
  </r>
  <r>
    <x v="0"/>
    <x v="16"/>
    <x v="2275"/>
    <s v=""/>
    <m/>
    <s v="Other"/>
    <x v="1"/>
    <s v=""/>
    <x v="17"/>
    <s v="1.0 Custody"/>
    <s v="Other"/>
    <s v="CSC-A450"/>
    <s v="In Production"/>
    <s v="rich"/>
    <x v="1"/>
    <x v="676"/>
  </r>
  <r>
    <x v="0"/>
    <x v="42"/>
    <x v="2276"/>
    <s v="Victims"/>
    <m/>
    <s v="Other"/>
    <x v="1"/>
    <s v=""/>
    <x v="17"/>
    <s v="4.0 Internal Services"/>
    <s v="Other"/>
    <s v="CSC-A451"/>
    <s v="In Production"/>
    <s v="web"/>
    <x v="1"/>
    <x v="677"/>
  </r>
  <r>
    <x v="0"/>
    <x v="7"/>
    <x v="2277"/>
    <s v=""/>
    <s v="Cette application locale permet au département des archives de faire la gestion des documents entreposés aux Archives Nationales..      "/>
    <s v="Other"/>
    <x v="1"/>
    <s v=""/>
    <x v="17"/>
    <s v="4.0 Internal Services"/>
    <s v="Information Management Services"/>
    <s v="CSC-A452"/>
    <s v="In Production"/>
    <s v="rich"/>
    <x v="1"/>
    <x v="678"/>
  </r>
  <r>
    <x v="0"/>
    <x v="43"/>
    <x v="2278"/>
    <s v=""/>
    <s v="Internet Site for CSC. Hosted at PWGSC Moving to Canada.gc.ca"/>
    <s v="Other"/>
    <x v="1"/>
    <s v=""/>
    <x v="17"/>
    <s v="4.0 Internal Services"/>
    <s v="Information Management Services"/>
    <s v="CSC-A454"/>
    <s v="In Production"/>
    <s v="web"/>
    <x v="1"/>
    <x v="679"/>
  </r>
  <r>
    <x v="0"/>
    <x v="16"/>
    <x v="2279"/>
    <s v="TeamMate"/>
    <m/>
    <s v="Other"/>
    <x v="14"/>
    <s v="Wolters Kluwer - CCH TeamMate"/>
    <x v="17"/>
    <s v="4.0 Internal Services"/>
    <s v="Management and Oversight Services"/>
    <s v="CSC-A456"/>
    <s v="In Production"/>
    <s v="web"/>
    <x v="0"/>
    <x v="636"/>
  </r>
  <r>
    <x v="0"/>
    <x v="16"/>
    <x v="2280"/>
    <s v="DATIS"/>
    <m/>
    <s v="Other"/>
    <x v="1"/>
    <s v=""/>
    <x v="17"/>
    <s v="OCI Office of the Correctional Investigator"/>
    <s v="Information Management Services"/>
    <s v="CSC-A457"/>
    <s v="In Production"/>
    <s v="web"/>
    <x v="1"/>
    <x v="680"/>
  </r>
  <r>
    <x v="0"/>
    <x v="87"/>
    <x v="2281"/>
    <s v=""/>
    <s v="The Grapevine is a message board for staff to post messages for other staff members.   "/>
    <s v="Other"/>
    <x v="1"/>
    <s v=""/>
    <x v="17"/>
    <s v="4.0 Internal Services"/>
    <s v="Information Management Services"/>
    <s v="CSC-A459"/>
    <s v="In Production"/>
    <s v="web"/>
    <x v="1"/>
    <x v="632"/>
  </r>
  <r>
    <x v="0"/>
    <x v="16"/>
    <x v="2282"/>
    <s v="EM"/>
    <s v="SaaSThis will be an externally provided service"/>
    <s v="Other"/>
    <x v="1"/>
    <s v=""/>
    <x v="17"/>
    <s v="3.0 Community Supervision"/>
    <s v="Other"/>
    <s v="CSC-A470"/>
    <s v="In Production"/>
    <s v="cloud"/>
    <x v="0"/>
    <x v="86"/>
  </r>
  <r>
    <x v="2"/>
    <x v="3"/>
    <x v="2283"/>
    <s v="CSC-HRRS"/>
    <m/>
    <s v="Other"/>
    <x v="1"/>
    <s v=""/>
    <x v="17"/>
    <s v="4.0 Internal Services"/>
    <s v="Human Resources Management Services"/>
    <s v="CSC-A476"/>
    <s v="In Production"/>
    <s v="web"/>
    <x v="1"/>
    <x v="681"/>
  </r>
  <r>
    <x v="0"/>
    <x v="28"/>
    <x v="2284"/>
    <s v="ISEP"/>
    <m/>
    <s v="Other"/>
    <x v="1"/>
    <s v=""/>
    <x v="17"/>
    <s v="2.0 Correctional Interventions"/>
    <s v="Information Management Services"/>
    <s v="CSC-A478"/>
    <s v="In Production"/>
    <s v="web"/>
    <x v="1"/>
    <x v="682"/>
  </r>
  <r>
    <x v="2"/>
    <x v="2"/>
    <x v="2285"/>
    <s v="IASR"/>
    <m/>
    <s v="Other"/>
    <x v="1"/>
    <s v=""/>
    <x v="17"/>
    <s v="2.0 Correctional Interventions"/>
    <s v="Financial Management Services"/>
    <s v="CSC-A479"/>
    <s v="In Production"/>
    <s v="web"/>
    <x v="0"/>
    <x v="683"/>
  </r>
  <r>
    <x v="0"/>
    <x v="16"/>
    <x v="2286"/>
    <s v=""/>
    <m/>
    <s v="Other"/>
    <x v="1"/>
    <s v="L''ordonnance - Services LogiPharm"/>
    <x v="17"/>
    <s v="1.0 Custody"/>
    <s v="Other"/>
    <s v="CSC-A484"/>
    <s v="In Production"/>
    <s v="web"/>
    <x v="0"/>
    <x v="684"/>
  </r>
  <r>
    <x v="0"/>
    <x v="16"/>
    <x v="2287"/>
    <s v="PBC-IDS"/>
    <m/>
    <s v="Other"/>
    <x v="1"/>
    <s v=""/>
    <x v="17"/>
    <s v="PBC 1.1 Conditional Release Decisions"/>
    <s v="Information Management Services"/>
    <s v="CSC-A490"/>
    <s v="In Production"/>
    <s v="web"/>
    <x v="1"/>
    <x v="650"/>
  </r>
  <r>
    <x v="0"/>
    <x v="16"/>
    <x v="2288"/>
    <s v=""/>
    <s v="Prairies Regional Pharmacy System"/>
    <s v="Other"/>
    <x v="1"/>
    <s v="Telus Simplicity"/>
    <x v="17"/>
    <s v="1.0 Custody"/>
    <s v="Other"/>
    <s v="CSC-A499"/>
    <s v="In Production"/>
    <s v="rich"/>
    <x v="0"/>
    <x v="685"/>
  </r>
  <r>
    <x v="0"/>
    <x v="13"/>
    <x v="2289"/>
    <s v="TRRS"/>
    <m/>
    <s v="Other"/>
    <x v="1"/>
    <s v="Microsoft / Access"/>
    <x v="17"/>
    <s v="4.0 Internal Services"/>
    <s v="Travel and Other Administrative Services"/>
    <s v="CSC-A502"/>
    <s v="In Production"/>
    <s v="rich"/>
    <x v="1"/>
    <x v="686"/>
  </r>
  <r>
    <x v="3"/>
    <x v="30"/>
    <x v="2290"/>
    <s v="RSA"/>
    <s v="IBM® Rational® System Architect is an enterprise architecture solution for visualizing, analyzing, and communicating enterprise architecture and business process analysis. This solution provides decision support, process optimization, and integration into solution delivery. Rational System Architect addresses all aspects of your organization’s enterprise architecture, including modeling, publishing, analysis, and execution."/>
    <s v="Other"/>
    <x v="1"/>
    <s v="IBM Rational System Architect"/>
    <x v="17"/>
    <s v="4.0 Internal Services"/>
    <s v="Information Management Services,Information Technology Services"/>
    <s v="CSC-A505"/>
    <s v="In Production"/>
    <s v="rich"/>
    <x v="0"/>
    <x v="687"/>
  </r>
  <r>
    <x v="6"/>
    <x v="48"/>
    <x v="2291"/>
    <s v="SWIFT"/>
    <m/>
    <s v="Other"/>
    <x v="1"/>
    <s v=""/>
    <x v="17"/>
    <s v="4.0 Internal Services"/>
    <s v="Information Management Services,Information Technology Services"/>
    <s v="CSC-A506"/>
    <s v="In Production"/>
    <s v="rich"/>
    <x v="1"/>
    <x v="687"/>
  </r>
  <r>
    <x v="0"/>
    <x v="16"/>
    <x v="2292"/>
    <s v=""/>
    <m/>
    <s v="Other"/>
    <x v="1"/>
    <s v=""/>
    <x v="17"/>
    <s v="1.0 Custody"/>
    <s v="Information Management Services"/>
    <s v="CSC-A551"/>
    <s v="In Production"/>
    <s v="web"/>
    <x v="1"/>
    <x v="688"/>
  </r>
  <r>
    <x v="0"/>
    <x v="16"/>
    <x v="2293"/>
    <s v=""/>
    <m/>
    <s v="Other"/>
    <x v="1"/>
    <s v=""/>
    <x v="17"/>
    <s v="1.0 Custody"/>
    <s v="Information Management Services"/>
    <s v="CSC-A552"/>
    <s v="In Production"/>
    <s v="web"/>
    <x v="1"/>
    <x v="689"/>
  </r>
  <r>
    <x v="0"/>
    <x v="16"/>
    <x v="2294"/>
    <s v=""/>
    <m/>
    <s v="Other"/>
    <x v="1"/>
    <s v=""/>
    <x v="17"/>
    <s v="1.0 Custody"/>
    <s v="Information Management Services"/>
    <s v="CSC-A553"/>
    <s v="In Production"/>
    <s v="web"/>
    <x v="1"/>
    <x v="689"/>
  </r>
  <r>
    <x v="0"/>
    <x v="16"/>
    <x v="2295"/>
    <s v="OCI-APCM"/>
    <m/>
    <s v="Other"/>
    <x v="1"/>
    <s v="Access Pro Case Management"/>
    <x v="17"/>
    <s v="4.0 Internal Services"/>
    <s v="Information Management Services"/>
    <s v="CSC-A554"/>
    <s v="In Production"/>
    <s v="web"/>
    <x v="0"/>
    <x v="690"/>
  </r>
  <r>
    <x v="9"/>
    <x v="50"/>
    <x v="2296"/>
    <s v="MBAM"/>
    <m/>
    <s v="Other"/>
    <x v="1"/>
    <s v="Microsoft / MBAM"/>
    <x v="17"/>
    <s v="4.0 Internal Services"/>
    <s v="Information Technology Services"/>
    <s v="CSC-A557"/>
    <s v="In Production"/>
    <s v="web"/>
    <x v="0"/>
    <x v="690"/>
  </r>
  <r>
    <x v="9"/>
    <x v="104"/>
    <x v="2297"/>
    <s v="Blanco"/>
    <s v="data erasure software, has a server components as it counts usage of the software and is also available to deploy images of the software to be used.  The internal website to access the App is http://blancco"/>
    <s v="Other"/>
    <x v="1"/>
    <s v="Blancco"/>
    <x v="17"/>
    <s v="4.0 Internal Services"/>
    <s v="Information Technology Services"/>
    <s v="CSC-A558"/>
    <s v="In Production"/>
    <s v="rich"/>
    <x v="0"/>
    <x v="691"/>
  </r>
  <r>
    <x v="5"/>
    <x v="95"/>
    <x v="2298"/>
    <s v=""/>
    <s v=""/>
    <s v="Other"/>
    <x v="1"/>
    <s v="AutoCad License Server"/>
    <x v="17"/>
    <s v="4.0 Internal Services"/>
    <s v="Information Technology Services"/>
    <s v="CSC-A561"/>
    <s v="In Production"/>
    <s v="rich"/>
    <x v="0"/>
    <x v="624"/>
  </r>
  <r>
    <x v="0"/>
    <x v="16"/>
    <x v="2299"/>
    <s v="OHIS-OSCAR"/>
    <m/>
    <s v="Other"/>
    <x v="1"/>
    <s v="OSCAR"/>
    <x v="17"/>
    <s v="1.0 Custody"/>
    <s v="Other"/>
    <s v="CSC-A566"/>
    <s v="In Production"/>
    <s v="web"/>
    <x v="0"/>
    <x v="692"/>
  </r>
  <r>
    <x v="8"/>
    <x v="29"/>
    <x v="2300"/>
    <s v=""/>
    <m/>
    <s v="Other"/>
    <x v="1"/>
    <s v="IBM Rational ClearQuest"/>
    <x v="17"/>
    <s v="4.0 Internal Services"/>
    <s v="Information Technology Services"/>
    <s v="CSC-A574"/>
    <s v="In Production"/>
    <s v="rich"/>
    <x v="0"/>
    <x v="693"/>
  </r>
  <r>
    <x v="8"/>
    <x v="29"/>
    <x v="2301"/>
    <s v="JAZZ"/>
    <m/>
    <s v="Other"/>
    <x v="1"/>
    <s v="IBM / Rational Jazz"/>
    <x v="17"/>
    <s v="4.0 Internal Services"/>
    <s v="Information Technology Services"/>
    <s v="CSC-A575"/>
    <s v="In Production"/>
    <s v="rich"/>
    <x v="0"/>
    <x v="694"/>
  </r>
  <r>
    <x v="3"/>
    <x v="63"/>
    <x v="542"/>
    <s v=""/>
    <s v="Data analysis tool designed to help auditors, accountants and other finance professionals perform data analysis quickly to help improve audits and identify control breakdown  http://www.casewareanalytics.com/products/idea-data-analysis  "/>
    <s v="Other"/>
    <x v="1"/>
    <s v="IDEA"/>
    <x v="17"/>
    <s v="4.0 Internal Services"/>
    <s v="Information Technology Services"/>
    <s v="CSC-A578"/>
    <s v="In Production"/>
    <s v="rich"/>
    <x v="0"/>
    <x v="695"/>
  </r>
  <r>
    <x v="4"/>
    <x v="5"/>
    <x v="2302"/>
    <s v="ISB"/>
    <s v="The Information Screen Board (ISB) is an application/system which has the capability to cycle through powerpoint presentations, currently, up to 3 levels (NAT, REG, and LOC); the process is configurable to only display slides from one level, ie. NHQ.  It will display each slide for a configurable period of time, close the slide and than display the next slide in sequence and loop forever.  Newer versions of the PPT files are downloaded in the background; only changed PPT files will be downloaded.  The remote server the ISB system connects to can have the users open the files directly on the remote server (ie.\\s000103\grpreg$;  whenever the files are saved the ISB will pull down the updated copies, if the user leaves the file open then robocopy will no"/>
    <s v="Other"/>
    <x v="1"/>
    <s v=""/>
    <x v="17"/>
    <s v="4.0 Internal Services"/>
    <s v="Information Technology Services"/>
    <s v="CSC-A581"/>
    <s v="In Production"/>
    <s v="rich"/>
    <x v="1"/>
    <x v="605"/>
  </r>
  <r>
    <x v="6"/>
    <x v="21"/>
    <x v="2303"/>
    <s v=""/>
    <s v=""/>
    <s v="Other"/>
    <x v="1"/>
    <s v=""/>
    <x v="17"/>
    <s v="4.0 Internal Services"/>
    <s v="Information Management Services"/>
    <s v="CSC-A584"/>
    <s v="In Production"/>
    <s v="rich"/>
    <x v="1"/>
    <x v="659"/>
  </r>
  <r>
    <x v="10"/>
    <x v="69"/>
    <x v="477"/>
    <s v="MSFT"/>
    <m/>
    <s v="Other"/>
    <x v="1"/>
    <s v="Managed Secure File Transfer"/>
    <x v="17"/>
    <s v="4.0 Internal Services"/>
    <s v="Information Technology Services"/>
    <s v="CSC-A586"/>
    <s v="In Production"/>
    <s v="rich"/>
    <x v="0"/>
    <x v="605"/>
  </r>
  <r>
    <x v="1"/>
    <x v="47"/>
    <x v="1996"/>
    <s v="MDT"/>
    <m/>
    <s v="Other"/>
    <x v="1"/>
    <s v="Microsoft Deployment Toolkit"/>
    <x v="17"/>
    <s v="4.0 Internal Services"/>
    <s v="Information Technology Services"/>
    <s v="CSC-A587"/>
    <s v="In Production"/>
    <s v="rich"/>
    <x v="0"/>
    <x v="605"/>
  </r>
  <r>
    <x v="3"/>
    <x v="45"/>
    <x v="2304"/>
    <s v="OEM"/>
    <s v="Set of web-based tools aimed at managing sofware and hardware produced by Oracle Corporation as well as by some non-Oracle entities"/>
    <s v="Other"/>
    <x v="1"/>
    <s v="Oracle Enterprise Manager"/>
    <x v="17"/>
    <s v="4.0 Internal Services"/>
    <s v="Information Technology Services"/>
    <s v="CSC-A588"/>
    <s v="In Production"/>
    <s v="web"/>
    <x v="0"/>
    <x v="696"/>
  </r>
  <r>
    <x v="3"/>
    <x v="45"/>
    <x v="2305"/>
    <s v="HRMS-UPK"/>
    <s v="Oracle UPK is an easy-to-use and comprehensive content development, deployment, and maintenance platform for increasing project, program, and user productivity. With Oracle UPK, project teams can mitigate risk through all phases of any project lifecycle, dramatically reduce the time to deployment, and ensure end user adoption. This instance of UPK is associated with the HRMS application."/>
    <s v="Other"/>
    <x v="1"/>
    <s v="Oracle / User Productivity Kit"/>
    <x v="17"/>
    <s v="4.0 Internal Services"/>
    <s v=""/>
    <s v="CSC-A589"/>
    <s v="In Production"/>
    <s v="rich"/>
    <x v="0"/>
    <x v="697"/>
  </r>
  <r>
    <x v="0"/>
    <x v="28"/>
    <x v="2306"/>
    <s v="POD"/>
    <m/>
    <s v="Other"/>
    <x v="1"/>
    <s v=""/>
    <x v="17"/>
    <s v="3.0 Community Supervision"/>
    <s v="Other"/>
    <s v="CSC-A590"/>
    <s v="In Production"/>
    <s v="web"/>
    <x v="1"/>
    <x v="698"/>
  </r>
  <r>
    <x v="2"/>
    <x v="22"/>
    <x v="2307"/>
    <s v="RITA"/>
    <m/>
    <s v="Other"/>
    <x v="1"/>
    <s v=""/>
    <x v="17"/>
    <s v="4.0 Internal Services"/>
    <s v="Human Resources Management Services"/>
    <s v="CSC-A592"/>
    <s v="In Production"/>
    <s v="rich"/>
    <x v="1"/>
    <x v="699"/>
  </r>
  <r>
    <x v="2"/>
    <x v="58"/>
    <x v="2308"/>
    <s v="SP BI"/>
    <m/>
    <s v="Other"/>
    <x v="1"/>
    <s v="Corporate Reporting System - Modernization SharePoint Business Intelligence"/>
    <x v="17"/>
    <s v="4.0 Internal Services"/>
    <s v="Management and Oversight Services"/>
    <s v="CSC-A594"/>
    <s v="In Production"/>
    <s v="web"/>
    <x v="0"/>
    <x v="700"/>
  </r>
  <r>
    <x v="7"/>
    <x v="26"/>
    <x v="2309"/>
    <s v=""/>
    <s v=""/>
    <s v="Other"/>
    <x v="1"/>
    <s v="Snap Survey License Server"/>
    <x v="17"/>
    <s v="4.0 Internal Services"/>
    <s v="Information Technology Services"/>
    <s v="CSC-A596"/>
    <s v="In Production"/>
    <s v="rich"/>
    <x v="0"/>
    <x v="701"/>
  </r>
  <r>
    <x v="1"/>
    <x v="105"/>
    <x v="2310"/>
    <s v=""/>
    <s v="Source control software package"/>
    <s v="Other"/>
    <x v="1"/>
    <s v="SourceSafe"/>
    <x v="17"/>
    <s v="4.0 Internal Services"/>
    <s v="Information Technology Services"/>
    <s v="CSC-A597"/>
    <s v="In Production"/>
    <s v="web"/>
    <x v="0"/>
    <x v="623"/>
  </r>
  <r>
    <x v="0"/>
    <x v="0"/>
    <x v="2311"/>
    <s v=""/>
    <s v="To track special requests for hardware typically or some other form of a solution that the sites need?  It is a vetting format where a request from a site goes in and all the other sites (AWMS') can comment on it in relation to how it may be perceived from an overall expansion perspective."/>
    <s v="Other"/>
    <x v="1"/>
    <s v=""/>
    <x v="17"/>
    <s v="4.0 Internal Services"/>
    <s v="Management and Oversight Services"/>
    <s v="CSC-A598"/>
    <s v="In Production"/>
    <s v="web"/>
    <x v="1"/>
    <x v="702"/>
  </r>
  <r>
    <x v="7"/>
    <x v="26"/>
    <x v="2312"/>
    <s v=""/>
    <s v=""/>
    <s v="Other"/>
    <x v="1"/>
    <s v="SPSS License Server"/>
    <x v="17"/>
    <s v="4.0 Internal Services"/>
    <s v="Information Technology Services"/>
    <s v="CSC-A599"/>
    <s v="In Production"/>
    <s v="rich"/>
    <x v="0"/>
    <x v="624"/>
  </r>
  <r>
    <x v="7"/>
    <x v="26"/>
    <x v="241"/>
    <s v="TFS"/>
    <s v="Source control and project requirement gathering tool from Microsoft which integrated with Visual Studio"/>
    <s v="Other"/>
    <x v="1"/>
    <s v="Microsoft Team Foundation Server"/>
    <x v="17"/>
    <s v="4.0 Internal Services"/>
    <s v="Information Technology Services"/>
    <s v="CSC-A600"/>
    <s v="In Production"/>
    <s v="web"/>
    <x v="0"/>
    <x v="623"/>
  </r>
  <r>
    <x v="5"/>
    <x v="98"/>
    <x v="2313"/>
    <s v=""/>
    <s v="desktop mapping and geographic analysis application designed to show the relationship between data and geography in a more visual way"/>
    <s v="Other"/>
    <x v="1"/>
    <s v="MapInfo Professional"/>
    <x v="17"/>
    <s v="4.0 Internal Services"/>
    <s v="Travel and Other Administrative Services"/>
    <s v="CSC-A604"/>
    <s v="In Production"/>
    <s v="rich"/>
    <x v="0"/>
    <x v="605"/>
  </r>
  <r>
    <x v="2"/>
    <x v="10"/>
    <x v="2314"/>
    <s v=""/>
    <s v="The MasterCook application is a COTS recipe management application that provides users with a pre-built list of recipes and the ability to add additional recipes. Being used with Cookchill."/>
    <s v="Other"/>
    <x v="1"/>
    <s v="MasterCook"/>
    <x v="17"/>
    <s v="1.0 Custody"/>
    <s v="Other"/>
    <s v="CSC-A606"/>
    <s v="In Production"/>
    <s v="rich"/>
    <x v="0"/>
    <x v="703"/>
  </r>
  <r>
    <x v="0"/>
    <x v="7"/>
    <x v="2315"/>
    <s v="CCU"/>
    <m/>
    <s v="Other"/>
    <x v="1"/>
    <s v="CCM Enterprise-CCU (Correspondence Control Manager )"/>
    <x v="17"/>
    <s v="4.0 Internal Services"/>
    <s v="Management and Oversight Services"/>
    <s v="CSC-A624"/>
    <s v="In Production"/>
    <s v="web"/>
    <x v="0"/>
    <x v="639"/>
  </r>
  <r>
    <x v="1"/>
    <x v="101"/>
    <x v="2316"/>
    <s v=""/>
    <s v="SharePoint site to publish installation instructions for all Solutions."/>
    <s v="Other"/>
    <x v="1"/>
    <s v="Microsoft SharePoint"/>
    <x v="17"/>
    <s v="4.0 Internal Services"/>
    <s v="Information Technology Services"/>
    <s v="CSC-A636"/>
    <s v="In Production"/>
    <s v="web"/>
    <x v="0"/>
    <x v="632"/>
  </r>
  <r>
    <x v="4"/>
    <x v="5"/>
    <x v="2317"/>
    <s v=""/>
    <m/>
    <s v="Other"/>
    <x v="1"/>
    <s v="ipMonitor"/>
    <x v="17"/>
    <s v="4.0 Internal Services"/>
    <s v="Information Technology Services"/>
    <s v="CSC-A638"/>
    <s v="In Production"/>
    <s v="rich"/>
    <x v="0"/>
    <x v="704"/>
  </r>
  <r>
    <x v="1"/>
    <x v="1"/>
    <x v="2318"/>
    <s v="IMSIS"/>
    <s v="The CMDB, Notification and Outage website."/>
    <s v="Other"/>
    <x v="1"/>
    <s v=""/>
    <x v="17"/>
    <s v="4.0 Internal Services"/>
    <s v="Information Technology Services"/>
    <s v="CSC-A639"/>
    <s v="In Production"/>
    <s v="web"/>
    <x v="1"/>
    <x v="705"/>
  </r>
  <r>
    <x v="0"/>
    <x v="16"/>
    <x v="2319"/>
    <s v=""/>
    <m/>
    <s v="Other"/>
    <x v="1"/>
    <s v="Medinet"/>
    <x v="17"/>
    <s v="1.0 Custody"/>
    <s v="Other"/>
    <s v="CSC-A643"/>
    <s v="In Production"/>
    <s v="cloud"/>
    <x v="0"/>
    <x v="706"/>
  </r>
  <r>
    <x v="0"/>
    <x v="28"/>
    <x v="2320"/>
    <s v="Infonet"/>
    <s v="This is the infonet and Hub, running under Sharepoint 2013"/>
    <s v="Other"/>
    <x v="1"/>
    <s v="Infonet CSC/PBC on SP2013"/>
    <x v="17"/>
    <s v="4.0 Internal Services"/>
    <s v="Information Technology Services"/>
    <s v="CSC-A657"/>
    <s v="In Production"/>
    <s v="web"/>
    <x v="0"/>
    <x v="707"/>
  </r>
  <r>
    <x v="3"/>
    <x v="45"/>
    <x v="2321"/>
    <s v="IFMMS-UPK"/>
    <s v="Oracle UPK is an easy-to-use and comprehensive content development, deployment, and maintenance platform for increasing project, program, and user productivity. With Oracle UPK, project teams can mitigate risk through all phases of any project lifecycle, dramatically reduce the time to deployment, and ensure end user adoption. This instance of UPK is associated with the IFMMS application."/>
    <s v="Other"/>
    <x v="1"/>
    <s v="Oracle / User Productivity Kit"/>
    <x v="17"/>
    <s v="4.0 Internal Services"/>
    <s v=""/>
    <s v="CSC-A658"/>
    <s v="In Production"/>
    <s v="rich"/>
    <x v="0"/>
    <x v="708"/>
  </r>
  <r>
    <x v="0"/>
    <x v="87"/>
    <x v="2322"/>
    <s v="POpedia - ALCpedia"/>
    <s v="Wiki for Parole Officers."/>
    <s v="Other"/>
    <x v="1"/>
    <s v="MediaWiki"/>
    <x v="17"/>
    <s v="3.0 Community Supervision"/>
    <s v="Other"/>
    <s v="CSC-A659"/>
    <s v="In Production"/>
    <s v="web"/>
    <x v="0"/>
    <x v="709"/>
  </r>
  <r>
    <x v="0"/>
    <x v="28"/>
    <x v="2323"/>
    <s v="CSCDD"/>
    <m/>
    <s v="Other"/>
    <x v="1"/>
    <s v=""/>
    <x v="17"/>
    <s v="4.0 Internal Services"/>
    <s v="Information Technology Services"/>
    <s v="CSC-A660"/>
    <s v="In Production"/>
    <s v="web"/>
    <x v="1"/>
    <x v="710"/>
  </r>
  <r>
    <x v="2"/>
    <x v="58"/>
    <x v="2324"/>
    <s v="Corridor"/>
    <m/>
    <s v="Other"/>
    <x v="1"/>
    <s v=""/>
    <x v="17"/>
    <s v="4.0 Internal Services"/>
    <s v=""/>
    <s v="CSC-A666"/>
    <s v="In Production"/>
    <s v="web"/>
    <x v="1"/>
    <x v="623"/>
  </r>
  <r>
    <x v="0"/>
    <x v="7"/>
    <x v="442"/>
    <s v="GCDOCS"/>
    <m/>
    <s v="Other"/>
    <x v="1"/>
    <s v="Opentext / Content server"/>
    <x v="17"/>
    <s v="4.0 Internal Services"/>
    <s v=""/>
    <s v="CSC-A667"/>
    <s v="In Production"/>
    <s v="cloud"/>
    <x v="0"/>
    <x v="86"/>
  </r>
  <r>
    <x v="2"/>
    <x v="10"/>
    <x v="2325"/>
    <s v="CMMS"/>
    <m/>
    <s v=""/>
    <x v="1"/>
    <s v=""/>
    <x v="17"/>
    <s v=""/>
    <s v=""/>
    <s v="APP-04278"/>
    <s v="In Production"/>
    <s v="cloud"/>
    <x v="0"/>
    <x v="106"/>
  </r>
  <r>
    <x v="0"/>
    <x v="42"/>
    <x v="2326"/>
    <s v="HR Services Portal"/>
    <s v="The HR Service Centre Project - 1 is the first phase of the overall HR Service Centre. This project is to create an HR Service Desk, similar to the existing IMS Service desk, that will be staffed by existing HR staff in each region including NHQ. This is envisioned as the first point of contact for CSC management for staffing request initiation and enquiries, and for CSC staff for all HR related questions."/>
    <s v="Other"/>
    <x v="1"/>
    <s v=""/>
    <x v="17"/>
    <s v="4.0 Internal Services"/>
    <s v="Human Resources Management Services"/>
    <s v="CSC-A671"/>
    <s v="In Production"/>
    <s v="web"/>
    <x v="1"/>
    <x v="711"/>
  </r>
  <r>
    <x v="0"/>
    <x v="16"/>
    <x v="2327"/>
    <s v=""/>
    <m/>
    <s v="Other"/>
    <x v="1"/>
    <s v=""/>
    <x v="17"/>
    <s v="3.0 Community Supervision"/>
    <s v="Other"/>
    <s v="CSC-A686"/>
    <s v="In Production"/>
    <s v="rich"/>
    <x v="1"/>
    <x v="605"/>
  </r>
  <r>
    <x v="2"/>
    <x v="10"/>
    <x v="2328"/>
    <s v=""/>
    <s v="The MasterCook application is a COTS recipe management application that provides users with a pre-built list of recipes and the ability to add additional recipes. Being used with Cookchill."/>
    <s v="Other"/>
    <x v="1"/>
    <s v="MasterCook"/>
    <x v="17"/>
    <s v="1.0 Custody"/>
    <s v="Other"/>
    <s v="CSC-A703"/>
    <s v="In Production"/>
    <s v="rich"/>
    <x v="0"/>
    <x v="703"/>
  </r>
  <r>
    <x v="2"/>
    <x v="65"/>
    <x v="2329"/>
    <s v="OTRS"/>
    <s v=""/>
    <s v="Other"/>
    <x v="1"/>
    <s v=""/>
    <x v="17"/>
    <s v="4.0 Internal Services"/>
    <s v="Human Resources Management Services"/>
    <s v="CSC-A708"/>
    <s v="In Production"/>
    <s v="web"/>
    <x v="1"/>
    <x v="632"/>
  </r>
  <r>
    <x v="2"/>
    <x v="58"/>
    <x v="2330"/>
    <s v="iRequest"/>
    <m/>
    <s v="Other"/>
    <x v="1"/>
    <s v=""/>
    <x v="17"/>
    <s v="4.0 Internal Services"/>
    <s v="Information Technology Services"/>
    <s v="CSC-A711"/>
    <s v="In Production"/>
    <s v="web"/>
    <x v="1"/>
    <x v="607"/>
  </r>
  <r>
    <x v="6"/>
    <x v="61"/>
    <x v="2331"/>
    <s v=""/>
    <s v="Telephone listing is a web application with a MySQL database fed by Contact information Manager"/>
    <s v="Other"/>
    <x v="1"/>
    <s v=""/>
    <x v="17"/>
    <s v="4.0 Internal Services"/>
    <s v="Information Management Services"/>
    <s v="CSC-A716"/>
    <s v="In Production"/>
    <s v="web"/>
    <x v="1"/>
    <x v="618"/>
  </r>
  <r>
    <x v="6"/>
    <x v="67"/>
    <x v="2332"/>
    <s v=""/>
    <m/>
    <s v="Other"/>
    <x v="1"/>
    <s v=""/>
    <x v="17"/>
    <s v="4.0 Internal Services"/>
    <s v="Communications Services"/>
    <s v="CSC-A726"/>
    <s v="In Production"/>
    <s v="web"/>
    <x v="1"/>
    <x v="712"/>
  </r>
  <r>
    <x v="6"/>
    <x v="21"/>
    <x v="2333"/>
    <s v=""/>
    <m/>
    <s v="Other"/>
    <x v="1"/>
    <s v="Epost Connect"/>
    <x v="17"/>
    <s v="4.0 Internal Services"/>
    <s v="Travel and Other Administrative Services"/>
    <s v="CSC-A727"/>
    <s v="In Production"/>
    <s v="cloud"/>
    <x v="0"/>
    <x v="86"/>
  </r>
  <r>
    <x v="2"/>
    <x v="58"/>
    <x v="2334"/>
    <s v="RRS"/>
    <s v="RRS a custom SharePoint site for IMS weekly reporting"/>
    <s v="Other"/>
    <x v="1"/>
    <s v=""/>
    <x v="17"/>
    <s v="4.0 Internal Services"/>
    <s v="Human Resources Management Services"/>
    <s v="CSC-A732"/>
    <s v="In Production"/>
    <s v="web"/>
    <x v="1"/>
    <x v="713"/>
  </r>
  <r>
    <x v="6"/>
    <x v="21"/>
    <x v="2335"/>
    <s v="e-Vault"/>
    <m/>
    <s v="Other"/>
    <x v="1"/>
    <s v="Symantec Evault"/>
    <x v="17"/>
    <s v="4.0 Internal Services"/>
    <s v="Information Technology Services"/>
    <s v="CSC-A739"/>
    <s v="In Production"/>
    <s v="web"/>
    <x v="0"/>
    <x v="714"/>
  </r>
  <r>
    <x v="8"/>
    <x v="29"/>
    <x v="2336"/>
    <s v="PVCS"/>
    <s v="PVCS is a software package by Serena Software Inc. for revision control of files, in particular source code files."/>
    <s v="Other"/>
    <x v="1"/>
    <s v="Serena / PVCS"/>
    <x v="17"/>
    <s v="4.0 Internal Services"/>
    <s v="Information Technology Services"/>
    <s v="CSC-A741"/>
    <s v="In Production"/>
    <s v="rich"/>
    <x v="0"/>
    <x v="605"/>
  </r>
  <r>
    <x v="8"/>
    <x v="29"/>
    <x v="2337"/>
    <s v=""/>
    <s v="   Database modeling tool"/>
    <s v="Other"/>
    <x v="1"/>
    <s v="Oracle"/>
    <x v="17"/>
    <s v="4.0 Internal Services"/>
    <s v="Information Technology Services"/>
    <s v="CSC-A743"/>
    <s v="In Production"/>
    <s v="rich"/>
    <x v="0"/>
    <x v="715"/>
  </r>
  <r>
    <x v="0"/>
    <x v="0"/>
    <x v="2338"/>
    <s v="AW"/>
    <s v="Use to control the Staffing and Financial authorization workflow."/>
    <s v="Other"/>
    <x v="1"/>
    <s v=""/>
    <x v="17"/>
    <s v="4.0 Internal Services"/>
    <s v="Information Technology Services"/>
    <s v="CSC-A744"/>
    <s v="In Production"/>
    <s v="web"/>
    <x v="1"/>
    <x v="632"/>
  </r>
  <r>
    <x v="0"/>
    <x v="16"/>
    <x v="2339"/>
    <s v="IA-EI"/>
    <m/>
    <s v="Other"/>
    <x v="1"/>
    <s v=""/>
    <x v="17"/>
    <s v="4.0 Internal Services"/>
    <s v="Other"/>
    <s v="CSC-A747"/>
    <s v="In Production"/>
    <s v="web"/>
    <x v="1"/>
    <x v="716"/>
  </r>
  <r>
    <x v="4"/>
    <x v="5"/>
    <x v="2340"/>
    <s v="MAPIT"/>
    <m/>
    <s v=""/>
    <x v="1"/>
    <s v=""/>
    <x v="17"/>
    <s v=""/>
    <s v=""/>
    <s v="APP-04120"/>
    <s v="In Production"/>
    <s v="web"/>
    <x v="0"/>
    <x v="717"/>
  </r>
  <r>
    <x v="4"/>
    <x v="5"/>
    <x v="2341"/>
    <s v="Corcan Uniform"/>
    <s v="CORCAN presently have 2 MoUs with other Government Agencies to provide them with their uniforms.  These MoUs provide 250+ Offenders with workplace skills and employment."/>
    <s v=""/>
    <x v="1"/>
    <s v=""/>
    <x v="17"/>
    <s v=""/>
    <s v=""/>
    <s v="APP-04157"/>
    <s v="In Production"/>
    <s v="cloud"/>
    <x v="1"/>
    <x v="106"/>
  </r>
  <r>
    <x v="8"/>
    <x v="39"/>
    <x v="2342"/>
    <s v="Blueworks"/>
    <s v="This is a tool to gather business requirement and create BPMN diagrams - it is a SAAS"/>
    <s v="Other"/>
    <x v="1"/>
    <s v="IBM"/>
    <x v="17"/>
    <s v="4.0 Internal Services"/>
    <s v="Information Technology Services"/>
    <s v="CSC-A755"/>
    <s v="In Production"/>
    <s v="cloud"/>
    <x v="0"/>
    <x v="718"/>
  </r>
  <r>
    <x v="4"/>
    <x v="5"/>
    <x v="2343"/>
    <s v="PathHome"/>
    <m/>
    <s v=""/>
    <x v="1"/>
    <s v=""/>
    <x v="17"/>
    <s v=""/>
    <s v=""/>
    <s v="APP-03928"/>
    <s v="In Production"/>
    <s v="web"/>
    <x v="1"/>
    <x v="695"/>
  </r>
  <r>
    <x v="8"/>
    <x v="5"/>
    <x v="2344"/>
    <s v="VB 6"/>
    <s v="To develop/maintain COM+ in OMSM"/>
    <s v="Other"/>
    <x v="1"/>
    <s v="Microsoft"/>
    <x v="17"/>
    <s v="4.0 Internal Services"/>
    <s v=""/>
    <s v="CSC-D0001"/>
    <s v="In Production"/>
    <s v="desktop"/>
    <x v="0"/>
    <x v="106"/>
  </r>
  <r>
    <x v="8"/>
    <x v="5"/>
    <x v="2345"/>
    <s v="VS 2010"/>
    <s v="To develop Web pages"/>
    <s v="Other"/>
    <x v="1"/>
    <s v="Microsoft"/>
    <x v="17"/>
    <s v="4.0 Internal Services"/>
    <s v=""/>
    <s v="CSC-D0002"/>
    <s v="In Production"/>
    <s v="desktop"/>
    <x v="0"/>
    <x v="106"/>
  </r>
  <r>
    <x v="8"/>
    <x v="5"/>
    <x v="110"/>
    <s v="Eclipse - Kepler"/>
    <s v="To develop Web pages"/>
    <s v="Other"/>
    <x v="1"/>
    <s v="Eclipse"/>
    <x v="17"/>
    <s v="4.0 Internal Services"/>
    <s v=""/>
    <s v="CSC-D0003"/>
    <s v="In Production"/>
    <s v="desktop"/>
    <x v="0"/>
    <x v="106"/>
  </r>
  <r>
    <x v="8"/>
    <x v="5"/>
    <x v="2345"/>
    <s v="VS 2012"/>
    <s v="Development /Maintenance  of PARSS"/>
    <s v="Other"/>
    <x v="1"/>
    <s v="Microsoft"/>
    <x v="17"/>
    <s v="4.0 Internal Services"/>
    <s v=""/>
    <s v="CSC-D0004"/>
    <s v="In Production"/>
    <s v="desktop"/>
    <x v="0"/>
    <x v="106"/>
  </r>
  <r>
    <x v="8"/>
    <x v="5"/>
    <x v="165"/>
    <s v="MySQL WB"/>
    <s v="To Create and Optimize SQL Queries"/>
    <s v="Other"/>
    <x v="1"/>
    <s v="MySQL"/>
    <x v="17"/>
    <s v="4.0 Internal Services"/>
    <s v=""/>
    <s v="CSC-D0005"/>
    <s v="In Production"/>
    <s v="desktop"/>
    <x v="0"/>
    <x v="106"/>
  </r>
  <r>
    <x v="8"/>
    <x v="5"/>
    <x v="2346"/>
    <s v="SQL Server 2012"/>
    <s v="DBMS"/>
    <s v="Other"/>
    <x v="1"/>
    <s v="Microsoft"/>
    <x v="17"/>
    <s v="4.0 Internal Services"/>
    <s v=""/>
    <s v="CSC-D0006"/>
    <s v="In Production"/>
    <s v="desktop"/>
    <x v="0"/>
    <x v="106"/>
  </r>
  <r>
    <x v="8"/>
    <x v="5"/>
    <x v="2347"/>
    <s v="iReport - Jasper Reports"/>
    <s v="To design and create layout / template for reports and PDF"/>
    <s v="Other"/>
    <x v="1"/>
    <s v="Jaspersoft"/>
    <x v="17"/>
    <s v="4.0 Internal Services"/>
    <s v=""/>
    <s v="CSC-D0007"/>
    <s v="In Production"/>
    <s v="desktop"/>
    <x v="0"/>
    <x v="106"/>
  </r>
  <r>
    <x v="8"/>
    <x v="5"/>
    <x v="2348"/>
    <s v="Open XML"/>
    <s v="Development /Maintenance&amp;nbsp; of PARSS - The SDK is built on the System.IO.Packaging API and provides strongly-typed classes to manipulate documents that adhere to the Office Open XML File Formats Specification."/>
    <s v="Other"/>
    <x v="1"/>
    <s v="Microsoft"/>
    <x v="17"/>
    <s v="4.0 Internal Services"/>
    <s v=""/>
    <s v="CSC-D0008"/>
    <s v="In Production"/>
    <s v="desktop"/>
    <x v="0"/>
    <x v="106"/>
  </r>
  <r>
    <x v="8"/>
    <x v="5"/>
    <x v="2349"/>
    <s v=""/>
    <s v="Third party component used in PARSS(text editor)"/>
    <s v="Other"/>
    <x v="1"/>
    <s v="TextControl GmbH"/>
    <x v="17"/>
    <s v="4.0 Internal Services"/>
    <s v=""/>
    <s v="CSC-D0009"/>
    <s v="In Production"/>
    <s v="desktop"/>
    <x v="0"/>
    <x v="106"/>
  </r>
  <r>
    <x v="8"/>
    <x v="5"/>
    <x v="486"/>
    <s v=""/>
    <s v="To access DB, Create and query tables, and objects"/>
    <s v="Other"/>
    <x v="1"/>
    <s v="Oracle"/>
    <x v="17"/>
    <s v="4.0 Internal Services"/>
    <s v=""/>
    <s v="CSC-D0010"/>
    <s v="In Production"/>
    <s v="desktop"/>
    <x v="0"/>
    <x v="106"/>
  </r>
  <r>
    <x v="8"/>
    <x v="5"/>
    <x v="2350"/>
    <s v=""/>
    <s v="Third party component used in PARSS(text editor)"/>
    <s v="Other"/>
    <x v="1"/>
    <s v="TextControl GmbH"/>
    <x v="17"/>
    <s v="4.0 Internal Services"/>
    <s v=""/>
    <s v="CSC-D0011"/>
    <s v="In Production"/>
    <s v="desktop"/>
    <x v="0"/>
    <x v="106"/>
  </r>
  <r>
    <x v="8"/>
    <x v="5"/>
    <x v="531"/>
    <s v="Crystal 2013"/>
    <s v="Custom report development tool"/>
    <s v="Other"/>
    <x v="1"/>
    <s v="SAP"/>
    <x v="17"/>
    <s v="4.0 Internal Services"/>
    <s v=""/>
    <s v="CSC-D0012"/>
    <s v="In Production"/>
    <s v="desktop"/>
    <x v="0"/>
    <x v="106"/>
  </r>
  <r>
    <x v="8"/>
    <x v="5"/>
    <x v="2351"/>
    <s v="DotImage"/>
    <s v="Third party component used in PARSS(Scanning) - talasoft's core .NET document imaging SDK provides functionality and adapters for common use cases involving scanned documents. Read, convert, edit, annotate, and transform paper and electronic documents int"/>
    <s v="Other"/>
    <x v="1"/>
    <s v="AtalSoft"/>
    <x v="17"/>
    <s v="4.0 Internal Services"/>
    <s v=""/>
    <s v="CSC-D0013"/>
    <s v="In Production"/>
    <s v="desktop"/>
    <x v="0"/>
    <x v="106"/>
  </r>
  <r>
    <x v="8"/>
    <x v="5"/>
    <x v="2352"/>
    <s v="DotTwain"/>
    <s v="Third party component used in PARSS(Scanning)"/>
    <s v="Other"/>
    <x v="1"/>
    <s v="AtalSoft"/>
    <x v="17"/>
    <s v="4.0 Internal Services"/>
    <s v=""/>
    <s v="CSC-D0014"/>
    <s v="In Production"/>
    <s v="desktop"/>
    <x v="0"/>
    <x v="106"/>
  </r>
  <r>
    <x v="8"/>
    <x v="5"/>
    <x v="2353"/>
    <s v=""/>
    <s v="Third party component used in PARSS"/>
    <s v="Other"/>
    <x v="1"/>
    <s v=""/>
    <x v="17"/>
    <s v="4.0 Internal Services"/>
    <s v=""/>
    <s v="CSC-D0015"/>
    <s v="In Production"/>
    <s v="desktop"/>
    <x v="0"/>
    <x v="106"/>
  </r>
  <r>
    <x v="8"/>
    <x v="5"/>
    <x v="2354"/>
    <s v="DiffMerge"/>
    <s v="Development /Maintenance of PARSS - DiffMerge is an application to visually compare and merge files on Windows, OS X and Linux"/>
    <s v="Other"/>
    <x v="1"/>
    <s v="SourceGear"/>
    <x v="17"/>
    <s v="4.0 Internal Services"/>
    <s v=""/>
    <s v="CSC-D0016"/>
    <s v="In Production"/>
    <s v="desktop"/>
    <x v="0"/>
    <x v="106"/>
  </r>
  <r>
    <x v="8"/>
    <x v="5"/>
    <x v="2355"/>
    <s v=""/>
    <s v="Oracle forms to develop and make changes to forms &amp; reports"/>
    <s v="Other"/>
    <x v="1"/>
    <s v="Oracle"/>
    <x v="17"/>
    <s v="4.0 Internal Services"/>
    <s v=""/>
    <s v="CSC-D0017"/>
    <s v="In Production"/>
    <s v="desktop"/>
    <x v="0"/>
    <x v="106"/>
  </r>
  <r>
    <x v="8"/>
    <x v="5"/>
    <x v="2356"/>
    <s v=""/>
    <s v="App Server"/>
    <s v="Other"/>
    <x v="1"/>
    <s v="Apache"/>
    <x v="17"/>
    <s v="4.0 Internal Services"/>
    <s v=""/>
    <s v="CSC-D0018"/>
    <s v="In Production"/>
    <s v="desktop"/>
    <x v="0"/>
    <x v="106"/>
  </r>
  <r>
    <x v="8"/>
    <x v="5"/>
    <x v="2357"/>
    <s v=""/>
    <s v="App Server for PSS"/>
    <s v="Other"/>
    <x v="1"/>
    <s v="Apache"/>
    <x v="17"/>
    <s v="4.0 Internal Services"/>
    <s v=""/>
    <s v="CSC-D0019"/>
    <s v="In Production"/>
    <s v="desktop"/>
    <x v="0"/>
    <x v="106"/>
  </r>
  <r>
    <x v="8"/>
    <x v="5"/>
    <x v="2358"/>
    <s v=""/>
    <s v="Client tool to connect to different type of DBs"/>
    <s v="Other"/>
    <x v="1"/>
    <s v="Squirrel"/>
    <x v="17"/>
    <s v="4.0 Internal Services"/>
    <s v=""/>
    <s v="CSC-D0020"/>
    <s v="In Production"/>
    <s v="desktop"/>
    <x v="0"/>
    <x v="106"/>
  </r>
  <r>
    <x v="8"/>
    <x v="5"/>
    <x v="2359"/>
    <s v=""/>
    <s v="Library for Java App Development"/>
    <s v="Other"/>
    <x v="1"/>
    <s v="Oracle"/>
    <x v="17"/>
    <s v="4.0 Internal Services"/>
    <s v=""/>
    <s v="CSC-D0021"/>
    <s v="In Production"/>
    <s v="desktop"/>
    <x v="0"/>
    <x v="106"/>
  </r>
  <r>
    <x v="8"/>
    <x v="5"/>
    <x v="2360"/>
    <s v=""/>
    <s v="Label Printer interface for IDS"/>
    <s v="Other"/>
    <x v="1"/>
    <s v="Seiko"/>
    <x v="17"/>
    <s v="4.0 Internal Services"/>
    <s v=""/>
    <s v="CSC-D0022"/>
    <s v="In Production"/>
    <s v="desktop"/>
    <x v="0"/>
    <x v="106"/>
  </r>
  <r>
    <x v="8"/>
    <x v="5"/>
    <x v="2361"/>
    <s v=""/>
    <s v="To create builds for OMSM"/>
    <s v="Other"/>
    <x v="1"/>
    <s v=""/>
    <x v="17"/>
    <s v="4.0 Internal Services"/>
    <s v=""/>
    <s v="CSC-D0023"/>
    <s v="In Production"/>
    <s v="desktop"/>
    <x v="0"/>
    <x v="106"/>
  </r>
  <r>
    <x v="8"/>
    <x v="5"/>
    <x v="2362"/>
    <s v="AR2"/>
    <s v="Tools to create reports in OMSM"/>
    <s v="Other"/>
    <x v="1"/>
    <s v="GrapeCity/Data Dynamics"/>
    <x v="17"/>
    <s v="4.0 Internal Services"/>
    <s v=""/>
    <s v="CSC-D0024"/>
    <s v="In Production"/>
    <s v="desktop"/>
    <x v="0"/>
    <x v="106"/>
  </r>
  <r>
    <x v="8"/>
    <x v="5"/>
    <x v="2363"/>
    <s v=""/>
    <s v="Component to print PDF files"/>
    <s v="Other"/>
    <x v="1"/>
    <s v="Glyph &amp; Cog"/>
    <x v="17"/>
    <s v="4.0 Internal Services"/>
    <s v=""/>
    <s v="CSC-D0025"/>
    <s v="In Production"/>
    <s v="desktop"/>
    <x v="0"/>
    <x v="106"/>
  </r>
  <r>
    <x v="8"/>
    <x v="5"/>
    <x v="2364"/>
    <s v=""/>
    <s v="Change and Configuration Management"/>
    <s v="Other"/>
    <x v="1"/>
    <s v="IBM"/>
    <x v="17"/>
    <s v="4.0 Internal Services"/>
    <s v=""/>
    <s v="CSC-D0026"/>
    <s v="In Production"/>
    <s v="desktop"/>
    <x v="0"/>
    <x v="106"/>
  </r>
  <r>
    <x v="8"/>
    <x v="5"/>
    <x v="2365"/>
    <s v=""/>
    <s v="Oracle Database query tool"/>
    <s v="Other"/>
    <x v="1"/>
    <s v="Oracle"/>
    <x v="17"/>
    <s v="4.0 Internal Services"/>
    <s v=""/>
    <s v="CSC-D0027"/>
    <s v="In Production"/>
    <s v="desktop"/>
    <x v="0"/>
    <x v="106"/>
  </r>
  <r>
    <x v="8"/>
    <x v="5"/>
    <x v="2366"/>
    <s v=""/>
    <s v=""/>
    <s v="Other"/>
    <x v="1"/>
    <s v=""/>
    <x v="17"/>
    <s v="4.0 Internal Services"/>
    <s v=""/>
    <s v="CSC-D0028"/>
    <s v="In Production"/>
    <s v="desktop"/>
    <x v="0"/>
    <x v="106"/>
  </r>
  <r>
    <x v="8"/>
    <x v="5"/>
    <x v="2367"/>
    <s v=""/>
    <s v=""/>
    <s v="Other"/>
    <x v="1"/>
    <s v=""/>
    <x v="17"/>
    <s v="4.0 Internal Services"/>
    <s v=""/>
    <s v="CSC-D0029"/>
    <s v="In Production"/>
    <s v="desktop"/>
    <x v="0"/>
    <x v="106"/>
  </r>
  <r>
    <x v="8"/>
    <x v="5"/>
    <x v="2368"/>
    <s v="JDK"/>
    <s v="(Java SE Development Kit). For Java Developers. Includes a complete JRE plus tools for developing, debugging, and monitoring Java applications."/>
    <s v="Other"/>
    <x v="1"/>
    <s v="Oracle"/>
    <x v="17"/>
    <s v="4.0 Internal Services"/>
    <s v=""/>
    <s v="CSC-D0030"/>
    <s v="In Production"/>
    <s v="desktop"/>
    <x v="0"/>
    <x v="106"/>
  </r>
  <r>
    <x v="8"/>
    <x v="5"/>
    <x v="2369"/>
    <s v=""/>
    <s v=""/>
    <s v="Other"/>
    <x v="1"/>
    <s v=""/>
    <x v="17"/>
    <s v="4.0 Internal Services"/>
    <s v=""/>
    <s v="CSC-D0031"/>
    <s v="In Production"/>
    <s v="desktop"/>
    <x v="0"/>
    <x v="106"/>
  </r>
  <r>
    <x v="8"/>
    <x v="5"/>
    <x v="2370"/>
    <s v="Ant"/>
    <s v="Apache Ant is a Java library and command-line tool whose mission is to drive processes described in build files as targets and extension points dependent upon each other. The main known usage of Ant is the build of Java applications. Ant supplies a number"/>
    <s v="Other"/>
    <x v="1"/>
    <s v="http://ant.apache.org/"/>
    <x v="17"/>
    <s v="4.0 Internal Services"/>
    <s v=""/>
    <s v="CSC-D0032"/>
    <s v="In Production"/>
    <s v="desktop"/>
    <x v="0"/>
    <x v="106"/>
  </r>
  <r>
    <x v="8"/>
    <x v="5"/>
    <x v="2371"/>
    <s v="Spring"/>
    <s v="Spring helps development teams everywhere build simple, portable,  fast and flexible JVM-based systems and applications."/>
    <s v="Other"/>
    <x v="1"/>
    <s v="spring.io"/>
    <x v="17"/>
    <s v="4.0 Internal Services"/>
    <s v=""/>
    <s v="CSC-D0033"/>
    <s v="In Production"/>
    <s v="desktop"/>
    <x v="0"/>
    <x v="106"/>
  </r>
  <r>
    <x v="8"/>
    <x v="5"/>
    <x v="2372"/>
    <s v=""/>
    <s v=""/>
    <s v="Other"/>
    <x v="1"/>
    <s v=""/>
    <x v="17"/>
    <s v="4.0 Internal Services"/>
    <s v=""/>
    <s v="CSC-D0034"/>
    <s v="In Production"/>
    <s v="desktop"/>
    <x v="0"/>
    <x v="106"/>
  </r>
  <r>
    <x v="8"/>
    <x v="5"/>
    <x v="2310"/>
    <s v="SF"/>
    <s v="Code and development team collaboration tool"/>
    <s v="Other"/>
    <x v="1"/>
    <s v="Microsoft"/>
    <x v="17"/>
    <s v="4.0 Internal Services"/>
    <s v=""/>
    <s v="CSC-D0035"/>
    <s v="In Production"/>
    <s v="desktop"/>
    <x v="0"/>
    <x v="106"/>
  </r>
  <r>
    <x v="8"/>
    <x v="5"/>
    <x v="2373"/>
    <s v="MySQL"/>
    <s v="DBMS"/>
    <s v="Other"/>
    <x v="1"/>
    <s v="MySQL"/>
    <x v="17"/>
    <s v="4.0 Internal Services"/>
    <s v=""/>
    <s v="CSC-D0036"/>
    <s v="In Production"/>
    <s v="desktop"/>
    <x v="0"/>
    <x v="106"/>
  </r>
  <r>
    <x v="8"/>
    <x v="5"/>
    <x v="2374"/>
    <s v=""/>
    <s v="reate forms with embedded logic, integrate live data, and distribute by printing, faxing, emailing, and saving as PDFs. http://www8.hp.com/us/en/solutions/software/teleform.html"/>
    <s v="Other"/>
    <x v="1"/>
    <s v="HP"/>
    <x v="17"/>
    <s v="4.0 Internal Services"/>
    <s v=""/>
    <s v="CSC-D0037"/>
    <s v="In Production"/>
    <s v="desktop"/>
    <x v="0"/>
    <x v="106"/>
  </r>
  <r>
    <x v="8"/>
    <x v="5"/>
    <x v="2375"/>
    <s v=""/>
    <s v="File Editing"/>
    <s v="Other"/>
    <x v="1"/>
    <s v=""/>
    <x v="17"/>
    <s v="4.0 Internal Services"/>
    <s v=""/>
    <s v="CSC-D0038"/>
    <s v="In Production"/>
    <s v="desktop"/>
    <x v="0"/>
    <x v="106"/>
  </r>
  <r>
    <x v="8"/>
    <x v="5"/>
    <x v="254"/>
    <s v=""/>
    <s v="SQL tool"/>
    <s v="Other"/>
    <x v="1"/>
    <s v="Dell"/>
    <x v="17"/>
    <s v="4.0 Internal Services"/>
    <s v=""/>
    <s v="CSC-D0039"/>
    <s v="In Production"/>
    <s v="desktop"/>
    <x v="0"/>
    <x v="106"/>
  </r>
  <r>
    <x v="8"/>
    <x v="5"/>
    <x v="486"/>
    <s v=""/>
    <s v="To access DB, Create and query tables, and objects"/>
    <s v="Other"/>
    <x v="1"/>
    <s v="Oracle"/>
    <x v="17"/>
    <s v="4.0 Internal Services"/>
    <s v=""/>
    <s v="CSC-D0040"/>
    <s v="In Production"/>
    <s v="desktop"/>
    <x v="0"/>
    <x v="106"/>
  </r>
  <r>
    <x v="8"/>
    <x v="5"/>
    <x v="96"/>
    <s v="BC"/>
    <s v="Text Compare"/>
    <s v="Other"/>
    <x v="1"/>
    <s v="scootersoftware"/>
    <x v="17"/>
    <s v="4.0 Internal Services"/>
    <s v=""/>
    <s v="CSC-D0041"/>
    <s v="In Production"/>
    <s v="desktop"/>
    <x v="0"/>
    <x v="106"/>
  </r>
  <r>
    <x v="8"/>
    <x v="5"/>
    <x v="531"/>
    <s v="Crystal 2008"/>
    <s v="Custom report development tool"/>
    <s v="Other"/>
    <x v="1"/>
    <s v="SAP"/>
    <x v="17"/>
    <s v="4.0 Internal Services"/>
    <s v=""/>
    <s v="CSC-D0042"/>
    <s v="In Production"/>
    <s v="desktop"/>
    <x v="0"/>
    <x v="106"/>
  </r>
  <r>
    <x v="8"/>
    <x v="5"/>
    <x v="2376"/>
    <s v="SPD"/>
    <s v="Document sharing tool - harePoint Designer 2013 is the tool of choice for the rapid development of SharePoint applications. Using SharePoint Designer, advanced users and developers alike can rapidly create SharePoint solutions in response to business need"/>
    <s v="Other"/>
    <x v="1"/>
    <s v="Microsoft"/>
    <x v="17"/>
    <s v="4.0 Internal Services"/>
    <s v=""/>
    <s v="CSC-D0043"/>
    <s v="In Production"/>
    <s v="desktop"/>
    <x v="0"/>
    <x v="106"/>
  </r>
  <r>
    <x v="8"/>
    <x v="5"/>
    <x v="2345"/>
    <s v="VS 2015"/>
    <s v="Software development tool"/>
    <s v="Other"/>
    <x v="1"/>
    <s v="Mircosoft"/>
    <x v="17"/>
    <s v="4.0 Internal Services"/>
    <s v=""/>
    <s v="CSC-D0044"/>
    <s v="In Production"/>
    <s v="desktop"/>
    <x v="0"/>
    <x v="106"/>
  </r>
  <r>
    <x v="8"/>
    <x v="5"/>
    <x v="2377"/>
    <s v=""/>
    <s v="Software Development tools"/>
    <s v="Other"/>
    <x v="1"/>
    <s v="Microsoft"/>
    <x v="17"/>
    <s v="4.0 Internal Services"/>
    <s v=""/>
    <s v="CSC-D0045"/>
    <s v="In Production"/>
    <s v="desktop"/>
    <x v="0"/>
    <x v="106"/>
  </r>
  <r>
    <x v="8"/>
    <x v="5"/>
    <x v="2378"/>
    <s v=""/>
    <s v="Software Development Tools"/>
    <s v="Other"/>
    <x v="1"/>
    <s v="MSCRM Tools"/>
    <x v="17"/>
    <s v="4.0 Internal Services"/>
    <s v=""/>
    <s v="CSC-D0046"/>
    <s v="In Production"/>
    <s v="desktop"/>
    <x v="0"/>
    <x v="106"/>
  </r>
  <r>
    <x v="8"/>
    <x v="5"/>
    <x v="2379"/>
    <s v="SSMS"/>
    <s v="SQL Server Management Studio (SSMS) is an integrated environment for accessing, configuring, managing, administering, and developing all components of SQL Server. SSMS combines a broad group of graphical tools with a number of rich script editors to provi"/>
    <s v="Other"/>
    <x v="1"/>
    <s v="Mircosoft"/>
    <x v="17"/>
    <s v="4.0 Internal Services"/>
    <s v=""/>
    <s v="CSC-D0047"/>
    <s v="In Production"/>
    <s v="desktop"/>
    <x v="0"/>
    <x v="106"/>
  </r>
  <r>
    <x v="8"/>
    <x v="5"/>
    <x v="2380"/>
    <s v="SSRB"/>
    <s v="Report Builder - eport Builder provides a productive report-authoring environment for IT professionals and power users. Report Builder provides data visualizations that include charts, maps, sparklines, and data bars that can help produce new insights wel"/>
    <s v="Other"/>
    <x v="1"/>
    <s v="Microsoft"/>
    <x v="17"/>
    <s v="4.0 Internal Services"/>
    <s v=""/>
    <s v="CSC-D0048"/>
    <s v="In Production"/>
    <s v="desktop"/>
    <x v="0"/>
    <x v="106"/>
  </r>
  <r>
    <x v="8"/>
    <x v="5"/>
    <x v="110"/>
    <s v="Eclipse - Juno"/>
    <s v="To develop Java application"/>
    <s v="Other"/>
    <x v="1"/>
    <s v="Eclipse"/>
    <x v="17"/>
    <s v="4.0 Internal Services"/>
    <s v=""/>
    <s v="CSC-D0049"/>
    <s v="In Production"/>
    <s v="desktop"/>
    <x v="0"/>
    <x v="106"/>
  </r>
  <r>
    <x v="8"/>
    <x v="5"/>
    <x v="169"/>
    <s v="Putty"/>
    <s v="Server access tool - PuTTY is a free implementation of SSH and Telnet for Windows and Unix platforms, along with an xterm terminal emulator"/>
    <s v="Other"/>
    <x v="1"/>
    <s v="http://www.chiark.greenend.org.uk/~sgtatham/putty/"/>
    <x v="17"/>
    <s v="4.0 Internal Services"/>
    <s v=""/>
    <s v="CSC-D0050"/>
    <s v="In Production"/>
    <s v="desktop"/>
    <x v="0"/>
    <x v="106"/>
  </r>
  <r>
    <x v="8"/>
    <x v="5"/>
    <x v="2381"/>
    <s v=""/>
    <s v="Software compression tool"/>
    <s v="Other"/>
    <x v="1"/>
    <s v="Microsoft"/>
    <x v="17"/>
    <s v="4.0 Internal Services"/>
    <s v=""/>
    <s v="CSC-D0051"/>
    <s v="In Production"/>
    <s v="desktop"/>
    <x v="0"/>
    <x v="106"/>
  </r>
  <r>
    <x v="8"/>
    <x v="5"/>
    <x v="485"/>
    <s v=""/>
    <s v="Database tool"/>
    <s v="Other"/>
    <x v="1"/>
    <s v="Quest Software"/>
    <x v="17"/>
    <s v="4.0 Internal Services"/>
    <s v=""/>
    <s v="CSC-D0052"/>
    <s v="In Production"/>
    <s v="desktop"/>
    <x v="0"/>
    <x v="106"/>
  </r>
  <r>
    <x v="8"/>
    <x v="5"/>
    <x v="168"/>
    <s v=""/>
    <s v="Custom Oracle reports development"/>
    <s v="Other"/>
    <x v="1"/>
    <s v="Oracle"/>
    <x v="17"/>
    <s v="4.0 Internal Services"/>
    <s v=""/>
    <s v="CSC-D0053"/>
    <s v="In Production"/>
    <s v="desktop"/>
    <x v="0"/>
    <x v="106"/>
  </r>
  <r>
    <x v="8"/>
    <x v="5"/>
    <x v="2382"/>
    <s v="JDeveloper"/>
    <s v="Software development"/>
    <s v="Other"/>
    <x v="1"/>
    <s v="Oracle"/>
    <x v="17"/>
    <s v="4.0 Internal Services"/>
    <s v=""/>
    <s v="CSC-D0054"/>
    <s v="In Production"/>
    <s v="desktop"/>
    <x v="0"/>
    <x v="106"/>
  </r>
  <r>
    <x v="8"/>
    <x v="5"/>
    <x v="254"/>
    <s v=""/>
    <s v="Database tool"/>
    <s v="Other"/>
    <x v="1"/>
    <s v="Dell"/>
    <x v="17"/>
    <s v="4.0 Internal Services"/>
    <s v=""/>
    <s v="CSC-D0055"/>
    <s v="In Production"/>
    <s v="desktop"/>
    <x v="0"/>
    <x v="106"/>
  </r>
  <r>
    <x v="8"/>
    <x v="5"/>
    <x v="2383"/>
    <s v=""/>
    <s v="Software development"/>
    <s v="Other"/>
    <x v="1"/>
    <s v=""/>
    <x v="17"/>
    <s v="4.0 Internal Services"/>
    <s v=""/>
    <s v="CSC-D0056"/>
    <s v="In Production"/>
    <s v="desktop"/>
    <x v="0"/>
    <x v="106"/>
  </r>
  <r>
    <x v="8"/>
    <x v="5"/>
    <x v="2384"/>
    <s v=""/>
    <s v="Software development tool"/>
    <s v="Other"/>
    <x v="1"/>
    <s v=""/>
    <x v="17"/>
    <s v="4.0 Internal Services"/>
    <s v=""/>
    <s v="CSC-D0057"/>
    <s v="In Production"/>
    <s v="desktop"/>
    <x v="0"/>
    <x v="106"/>
  </r>
  <r>
    <x v="8"/>
    <x v="5"/>
    <x v="189"/>
    <s v=""/>
    <s v="Software development"/>
    <s v="Other"/>
    <x v="1"/>
    <s v=""/>
    <x v="17"/>
    <s v="4.0 Internal Services"/>
    <s v=""/>
    <s v="CSC-D0058"/>
    <s v="In Production"/>
    <s v="desktop"/>
    <x v="0"/>
    <x v="106"/>
  </r>
  <r>
    <x v="8"/>
    <x v="5"/>
    <x v="100"/>
    <s v="Notepad++"/>
    <s v="Source code editor - otepad++ is a free (as in &quot;free speech&quot; and also as in &quot;free beer&quot;) source code editor and Notepad replacement that supports several languages. Running in the MS Windows environment, its use is governed by GPL License."/>
    <s v="Other"/>
    <x v="1"/>
    <s v="notepad-plus-plus.org"/>
    <x v="17"/>
    <s v="4.0 Internal Services"/>
    <s v=""/>
    <s v="CSC-D0059"/>
    <s v="In Production"/>
    <s v="desktop"/>
    <x v="0"/>
    <x v="106"/>
  </r>
  <r>
    <x v="8"/>
    <x v="5"/>
    <x v="2385"/>
    <s v=""/>
    <s v="Networking tool"/>
    <s v="Other"/>
    <x v="1"/>
    <s v="VMware"/>
    <x v="17"/>
    <s v="4.0 Internal Services"/>
    <s v=""/>
    <s v="CSC-D0060"/>
    <s v="In Production"/>
    <s v="desktop"/>
    <x v="0"/>
    <x v="106"/>
  </r>
  <r>
    <x v="8"/>
    <x v="5"/>
    <x v="2386"/>
    <s v="Activiti"/>
    <s v="Workflow BPMN Engine"/>
    <s v="Other"/>
    <x v="1"/>
    <s v="Activiti.org"/>
    <x v="17"/>
    <s v="4.0 Internal Services"/>
    <s v=""/>
    <s v="CSC-D0061"/>
    <s v="In Production"/>
    <s v="desktop"/>
    <x v="0"/>
    <x v="106"/>
  </r>
  <r>
    <x v="8"/>
    <x v="5"/>
    <x v="2387"/>
    <s v="Eclipse"/>
    <s v="Integrated Development Environment"/>
    <s v="Other"/>
    <x v="1"/>
    <s v="Eclipse Org"/>
    <x v="17"/>
    <s v="4.0 Internal Services"/>
    <s v=""/>
    <s v="CSC-D0062"/>
    <s v="In Production"/>
    <s v="desktop"/>
    <x v="0"/>
    <x v="106"/>
  </r>
  <r>
    <x v="8"/>
    <x v="5"/>
    <x v="2388"/>
    <s v="NetBean"/>
    <s v="Integrated Development Environment"/>
    <s v="Other"/>
    <x v="1"/>
    <s v="NetBeans.org"/>
    <x v="17"/>
    <s v="4.0 Internal Services"/>
    <s v=""/>
    <s v="CSC-D0063"/>
    <s v="In Production"/>
    <s v="desktop"/>
    <x v="0"/>
    <x v="106"/>
  </r>
  <r>
    <x v="8"/>
    <x v="5"/>
    <x v="486"/>
    <s v=""/>
    <s v="To access DB, Create and query tables, and objects"/>
    <s v="Other"/>
    <x v="1"/>
    <s v="Oracle"/>
    <x v="17"/>
    <s v="4.0 Internal Services"/>
    <s v=""/>
    <s v="CSC-D0064"/>
    <s v="In Production"/>
    <s v="desktop"/>
    <x v="0"/>
    <x v="106"/>
  </r>
  <r>
    <x v="8"/>
    <x v="5"/>
    <x v="2389"/>
    <s v=""/>
    <s v="Repository, build, work item, etc."/>
    <s v="Other"/>
    <x v="1"/>
    <s v="IBM"/>
    <x v="17"/>
    <s v="4.0 Internal Services"/>
    <s v=""/>
    <s v="CSC-D0065"/>
    <s v="In Production"/>
    <s v="desktop"/>
    <x v="0"/>
    <x v="106"/>
  </r>
  <r>
    <x v="8"/>
    <x v="5"/>
    <x v="2347"/>
    <s v="iReport - Jasper Reports"/>
    <s v="Jasper Report Builder"/>
    <s v="Other"/>
    <x v="1"/>
    <s v="IBM"/>
    <x v="17"/>
    <s v="4.0 Internal Services"/>
    <s v=""/>
    <s v="CSC-D0066"/>
    <s v="In Production"/>
    <s v="desktop"/>
    <x v="0"/>
    <x v="106"/>
  </r>
  <r>
    <x v="8"/>
    <x v="5"/>
    <x v="2390"/>
    <s v="VidCoder"/>
    <s v="Video processing / transfering"/>
    <s v="Other"/>
    <x v="1"/>
    <s v="VidCoder.net"/>
    <x v="17"/>
    <s v="4.0 Internal Services"/>
    <s v=""/>
    <s v="CSC-D0067"/>
    <s v="In Production"/>
    <s v="desktop"/>
    <x v="0"/>
    <x v="106"/>
  </r>
  <r>
    <x v="8"/>
    <x v="5"/>
    <x v="2391"/>
    <s v="Java JDK"/>
    <s v="Programming Software"/>
    <s v="Other"/>
    <x v="1"/>
    <s v="Oracle"/>
    <x v="17"/>
    <s v="4.0 Internal Services"/>
    <s v=""/>
    <s v="CSC-D0068"/>
    <s v="In Production"/>
    <s v="desktop"/>
    <x v="0"/>
    <x v="106"/>
  </r>
  <r>
    <x v="8"/>
    <x v="5"/>
    <x v="180"/>
    <s v="Soap UI"/>
    <s v="Soap web service testing software"/>
    <s v="Other"/>
    <x v="1"/>
    <s v="Smartbear.com"/>
    <x v="17"/>
    <s v="4.0 Internal Services"/>
    <s v=""/>
    <s v="CSC-D0069"/>
    <s v="In Production"/>
    <s v="desktop"/>
    <x v="0"/>
    <x v="106"/>
  </r>
  <r>
    <x v="8"/>
    <x v="5"/>
    <x v="2392"/>
    <s v="Software Architect"/>
    <s v="Software Architect Design Tool"/>
    <s v="Other"/>
    <x v="1"/>
    <s v="IBM"/>
    <x v="17"/>
    <s v="4.0 Internal Services"/>
    <s v=""/>
    <s v="CSC-D0070"/>
    <s v="In Production"/>
    <s v="desktop"/>
    <x v="0"/>
    <x v="106"/>
  </r>
  <r>
    <x v="8"/>
    <x v="5"/>
    <x v="100"/>
    <s v="Notepad++"/>
    <s v="Source code editor - otepad++ is a free (as in &quot;free speech&quot; and also as in &quot;free beer&quot;) source code editor and Notepad replacement that supports several languages. Running in the MS Windows environment, its use is governed by GPL License."/>
    <s v="Other"/>
    <x v="1"/>
    <s v="notepad-plus-plus.org"/>
    <x v="17"/>
    <s v="4.0 Internal Services"/>
    <s v=""/>
    <s v="CSC-D0071"/>
    <s v="In Production"/>
    <s v="desktop"/>
    <x v="0"/>
    <x v="106"/>
  </r>
  <r>
    <x v="8"/>
    <x v="5"/>
    <x v="2393"/>
    <s v=""/>
    <s v="Database tool"/>
    <s v="Other"/>
    <x v="1"/>
    <s v="Quest Software"/>
    <x v="17"/>
    <s v="4.0 Internal Services"/>
    <s v=""/>
    <s v="CSC-D0072"/>
    <s v="In Production"/>
    <s v="desktop"/>
    <x v="0"/>
    <x v="106"/>
  </r>
  <r>
    <x v="8"/>
    <x v="5"/>
    <x v="158"/>
    <s v=""/>
    <s v="Flat file editing tool"/>
    <s v="Other"/>
    <x v="1"/>
    <s v="textpad.com"/>
    <x v="17"/>
    <s v="4.0 Internal Services"/>
    <s v=""/>
    <s v="CSC-D0073"/>
    <s v="In Production"/>
    <s v="desktop"/>
    <x v="0"/>
    <x v="106"/>
  </r>
  <r>
    <x v="8"/>
    <x v="5"/>
    <x v="169"/>
    <s v="Putty"/>
    <s v="Server access tool - PuTTY is a free implementation of SSH and Telnet for Windows and Unix platforms, along with an xterm terminal emulator"/>
    <s v="Other"/>
    <x v="1"/>
    <s v="http://www.chiark.greenend.org.uk/~sgtatham/putty/"/>
    <x v="17"/>
    <s v="4.0 Internal Services"/>
    <s v=""/>
    <s v="CSC-D0074"/>
    <s v="In Production"/>
    <s v="desktop"/>
    <x v="0"/>
    <x v="106"/>
  </r>
  <r>
    <x v="8"/>
    <x v="5"/>
    <x v="2394"/>
    <s v="BOE"/>
    <s v="Information management and analysis tool"/>
    <s v="Other"/>
    <x v="1"/>
    <s v="SAP"/>
    <x v="17"/>
    <s v="4.0 Internal Services"/>
    <s v=""/>
    <s v="CSC-D0075"/>
    <s v="In Production"/>
    <s v="desktop"/>
    <x v="0"/>
    <x v="106"/>
  </r>
  <r>
    <x v="8"/>
    <x v="5"/>
    <x v="486"/>
    <s v=""/>
    <s v="To access DB, Create and query tables, and objects"/>
    <s v="Other"/>
    <x v="1"/>
    <s v="Oracle"/>
    <x v="17"/>
    <s v="4.0 Internal Services"/>
    <s v=""/>
    <s v="CSC-D0076"/>
    <s v="In Production"/>
    <s v="desktop"/>
    <x v="0"/>
    <x v="106"/>
  </r>
  <r>
    <x v="8"/>
    <x v="5"/>
    <x v="486"/>
    <s v=""/>
    <s v="To access DB, Create and query tables, and objects"/>
    <s v="Other"/>
    <x v="1"/>
    <s v="Oracle"/>
    <x v="17"/>
    <s v="4.0 Internal Services"/>
    <s v=""/>
    <s v="CSC-D0077"/>
    <s v="In Production"/>
    <s v="desktop"/>
    <x v="0"/>
    <x v="106"/>
  </r>
  <r>
    <x v="8"/>
    <x v="5"/>
    <x v="2362"/>
    <s v="AR7"/>
    <s v="Report generating plug-in for IDS"/>
    <s v="Other"/>
    <x v="1"/>
    <s v="GrapeCity/Data Dynamics"/>
    <x v="17"/>
    <s v="4.0 Internal Services"/>
    <s v=""/>
    <s v="CSC-D0078"/>
    <s v="In Production"/>
    <s v="desktop"/>
    <x v="0"/>
    <x v="106"/>
  </r>
  <r>
    <x v="4"/>
    <x v="66"/>
    <x v="2395"/>
    <s v="AUP"/>
    <s v="Pop-up that displays at logon every 90 days the PANDU. User must acknowledge the pop-up before the login can complete."/>
    <s v=""/>
    <x v="1"/>
    <s v=""/>
    <x v="18"/>
    <s v="No"/>
    <s v="Management and Oversight Services"/>
    <s v="APP-02631"/>
    <s v="In Production"/>
    <s v="desktop"/>
    <x v="1"/>
    <x v="541"/>
  </r>
  <r>
    <x v="0"/>
    <x v="28"/>
    <x v="2396"/>
    <s v="Access Pro"/>
    <m/>
    <s v="Other"/>
    <x v="1"/>
    <s v="Privasoft"/>
    <x v="18"/>
    <s v="Yes"/>
    <s v="Legal Services"/>
    <s v="FIN-AccessPro"/>
    <s v="In Production"/>
    <s v="web"/>
    <x v="0"/>
    <x v="145"/>
  </r>
  <r>
    <x v="4"/>
    <x v="5"/>
    <x v="2397"/>
    <s v="ACL Analytics"/>
    <s v="Application designed to assist in assessing and managing risks, addressing compliance requirements and providing assurance over Financial controls."/>
    <s v="ACL"/>
    <x v="1"/>
    <s v="ACL Analytics"/>
    <x v="18"/>
    <s v="Yes"/>
    <s v="Financial Management Services,Management and Oversight Services"/>
    <s v="APP-02901"/>
    <s v="In Production"/>
    <s v="desktop"/>
    <x v="0"/>
    <x v="86"/>
  </r>
  <r>
    <x v="6"/>
    <x v="71"/>
    <x v="2398"/>
    <s v="Acrobat Pro"/>
    <s v="Application to create and modify PDF documents."/>
    <s v="Adobe Systems Incorporated"/>
    <x v="30"/>
    <s v=""/>
    <x v="18"/>
    <s v="Yes"/>
    <s v="Information Technology Services"/>
    <s v="APP-02903"/>
    <s v="In Production"/>
    <s v="desktop"/>
    <x v="0"/>
    <x v="86"/>
  </r>
  <r>
    <x v="6"/>
    <x v="106"/>
    <x v="2399"/>
    <s v="Acrobat Reader"/>
    <s v="An application designed to view, print and annotate PDF documents."/>
    <s v="Adobe Systems Incorporated"/>
    <x v="1"/>
    <s v="Reader"/>
    <x v="18"/>
    <s v="Yes"/>
    <s v="Information Technology Services"/>
    <s v="APP-03923"/>
    <s v="In Production"/>
    <s v="desktop"/>
    <x v="0"/>
    <x v="86"/>
  </r>
  <r>
    <x v="6"/>
    <x v="71"/>
    <x v="2400"/>
    <s v="Acrobat Stnd"/>
    <s v="Application to create and modify PDF documents."/>
    <s v="Adobe Systems Incorporated"/>
    <x v="53"/>
    <s v=""/>
    <x v="18"/>
    <s v="Yes"/>
    <s v="Information Technology Services"/>
    <s v="APP-02905"/>
    <s v="In Production"/>
    <s v="desktop"/>
    <x v="0"/>
    <x v="86"/>
  </r>
  <r>
    <x v="0"/>
    <x v="19"/>
    <x v="2401"/>
    <s v="Adobe AcroForm"/>
    <s v="PDF currently supports two different methods for integrating data and PDF forms, One is to use AcroForm.  In short this is interactive forms."/>
    <s v="Adobe Systems Incorporated"/>
    <x v="1"/>
    <s v="Acrobat Forms"/>
    <x v="18"/>
    <s v="No"/>
    <s v="Information Technology Services"/>
    <s v="APP-03017"/>
    <s v="In Production"/>
    <s v="desktop"/>
    <x v="0"/>
    <x v="86"/>
  </r>
  <r>
    <x v="8"/>
    <x v="83"/>
    <x v="2402"/>
    <s v="Adobe CS Suite"/>
    <s v="Suite of software for Web designers and developers that includes full-version upgrades of Adobe Flash® Professional, Adobe Dreamweaver®, Adobe Photoshop® Extended, Adobe Illustrator®, Adobe Fireworks®, and now Adobe Flash Catalyst™ and Flash Builder™. In addition to a complete Flash family of tools, Web Premium CS5 also features support for the most popular open source content management systems, access to Omniture® SiteCatalyst® and Omniture Test&amp;Target™ from within Flash Professional and Dreamweaver and integration with new Adobe CS Live online services."/>
    <s v="Adobe Systems Incorporated"/>
    <x v="1"/>
    <s v="Adobe Creative Suite Web Premium"/>
    <x v="18"/>
    <s v="Yes"/>
    <s v="Information Technology Services"/>
    <s v="APP-02907"/>
    <s v="In Production"/>
    <s v="desktop"/>
    <x v="0"/>
    <x v="86"/>
  </r>
  <r>
    <x v="4"/>
    <x v="5"/>
    <x v="2403"/>
    <s v="Adobe Flash"/>
    <s v="Adobe Flash Player (aka Shockwave Flash in Internet Explorer and Firefox) is software for using content created on the Adobe Flash platform, including viewing multimedia, executing rich Internet applications, and streaming video and audio"/>
    <s v="Adobe Systems Incorporated"/>
    <x v="1"/>
    <s v="Flash Player"/>
    <x v="18"/>
    <s v="No"/>
    <s v="Information Technology Services"/>
    <s v="APP-02969"/>
    <s v="In Production"/>
    <s v="desktop"/>
    <x v="0"/>
    <x v="86"/>
  </r>
  <r>
    <x v="6"/>
    <x v="48"/>
    <x v="487"/>
    <s v="Antidote"/>
    <s v="An advanced grammar checker with smart filters, a rich collection of dictionaries, and a set of interactive language guides."/>
    <s v="Druide informatique inc."/>
    <x v="1"/>
    <s v="Antidote"/>
    <x v="18"/>
    <s v="Yes"/>
    <s v="Communications Services"/>
    <s v="APP-02962"/>
    <s v="In Production"/>
    <s v="desktop"/>
    <x v="0"/>
    <x v="86"/>
  </r>
  <r>
    <x v="4"/>
    <x v="5"/>
    <x v="2404"/>
    <s v="Aspera"/>
    <s v="Is a High-Speed File Transfer software utility used to upload and download files from Aspera sites. Used for Federal Budget uploading upon Budget release. Software enables rapidly transferring many small or verry large files and data sets, whether structured or unstructured, over an existing WAN infrastructure with predictable, reliable and secure delivery regardless of file size, transfer distance and network conditions."/>
    <s v="IBM"/>
    <x v="1"/>
    <s v="Aspera"/>
    <x v="18"/>
    <s v="Yes"/>
    <s v="Information Technology Services"/>
    <s v="APP-03286"/>
    <s v="In Production"/>
    <s v="rich"/>
    <x v="0"/>
    <x v="106"/>
  </r>
  <r>
    <x v="4"/>
    <x v="5"/>
    <x v="2405"/>
    <s v="ATIPOnline"/>
    <m/>
    <s v=""/>
    <x v="1"/>
    <s v=""/>
    <x v="18"/>
    <s v="No"/>
    <s v="Communications Services,Legal Services"/>
    <s v="APP-03200"/>
    <s v="In Production"/>
    <s v="desktop"/>
    <x v="1"/>
    <x v="301"/>
  </r>
  <r>
    <x v="6"/>
    <x v="35"/>
    <x v="2406"/>
    <s v="AutoCAD"/>
    <s v="AutoCAD is a commercial software application for 2D and 3D computer-aided design (CAD) and drafting."/>
    <s v="Autodesk, Inc."/>
    <x v="1"/>
    <s v="AutoCAD"/>
    <x v="18"/>
    <s v="No"/>
    <s v="Other"/>
    <s v="APP-02960"/>
    <s v="In Production"/>
    <s v="desktop"/>
    <x v="0"/>
    <x v="86"/>
  </r>
  <r>
    <x v="6"/>
    <x v="35"/>
    <x v="2015"/>
    <s v="AutoCAD LT"/>
    <s v="AutoCAD LT is a commercial software application for 2D computer-aided design (CAD) and drafting."/>
    <s v="Autodesk, Inc."/>
    <x v="1"/>
    <s v="AutoCAD LT"/>
    <x v="18"/>
    <s v="No"/>
    <s v="Real Property Services"/>
    <s v="APP-02966"/>
    <s v="In Production"/>
    <s v="desktop"/>
    <x v="0"/>
    <x v="86"/>
  </r>
  <r>
    <x v="6"/>
    <x v="48"/>
    <x v="2407"/>
    <s v="Avery DesignPro"/>
    <s v="Design &amp; Print software makes it easy to customize all your Avery products in minutes, without an Internet connection. Used to produce Budget lockup access badges."/>
    <s v="Avery Products Corporation (Canada)"/>
    <x v="1"/>
    <s v="Avery DesignPro"/>
    <x v="18"/>
    <s v="No"/>
    <s v="Communications Services"/>
    <s v="APP-03158"/>
    <s v="In Production"/>
    <s v="desktop"/>
    <x v="0"/>
    <x v="86"/>
  </r>
  <r>
    <x v="4"/>
    <x v="5"/>
    <x v="1979"/>
    <s v="Beyond 20/20"/>
    <s v="Software that presents data in a friendly, easy-to-understand format and enables data users to view, chart, map, analyze, export, print, and save data, quickly and easily. Multi-dimensional data and micro-data files can be analyzed on the desktop using Professional Browser, and disseminated on CD-ROM"/>
    <s v="Beyond 20/20 Inc."/>
    <x v="1"/>
    <s v="Beyond 20/20"/>
    <x v="18"/>
    <s v="No"/>
    <s v="Information Technology Services"/>
    <s v="APP-03024"/>
    <s v="In Production"/>
    <s v="desktop"/>
    <x v="0"/>
    <x v="86"/>
  </r>
  <r>
    <x v="9"/>
    <x v="89"/>
    <x v="2408"/>
    <s v="BurpPro Suite"/>
    <s v="Burp Suite is an integrated platform for performing security testing of web applications. Its various tools work seamlessly together to support the entire testing process, from initial mapping and analysis of an application's attack surface, through to finding and exploiting security vulnerabilities."/>
    <s v="PortSwigger Web Security Ltd."/>
    <x v="1"/>
    <s v="BurpPro Suite"/>
    <x v="18"/>
    <s v="No"/>
    <s v="Information Technology Services"/>
    <s v="APP-03093"/>
    <s v="In Production"/>
    <s v="desktop"/>
    <x v="0"/>
    <x v="86"/>
  </r>
  <r>
    <x v="4"/>
    <x v="5"/>
    <x v="2409"/>
    <s v="CANSIM Download"/>
    <s v="CANSIM Download is a Batch application consisting of scripts that retrieve and process CANSIM Time Series data. Data is retrieved and rendered available for users."/>
    <s v=""/>
    <x v="1"/>
    <s v=""/>
    <x v="18"/>
    <s v=""/>
    <s v="Information Technology Services"/>
    <s v="APP-03242"/>
    <s v="In Production"/>
    <s v="desktop"/>
    <x v="1"/>
    <x v="301"/>
  </r>
  <r>
    <x v="2"/>
    <x v="2"/>
    <x v="2410"/>
    <s v="Caseware"/>
    <s v="A balance sheet application use by financial management for end of the year reporting."/>
    <s v="Other"/>
    <x v="1"/>
    <s v="Caseware"/>
    <x v="18"/>
    <s v="Yes"/>
    <s v="Other"/>
    <s v="FIN-Caseware"/>
    <s v="In Production"/>
    <s v="desktop"/>
    <x v="0"/>
    <x v="10"/>
  </r>
  <r>
    <x v="4"/>
    <x v="5"/>
    <x v="2411"/>
    <s v="CFMRS Trial Balance"/>
    <s v="Financial transactions of departments and agencies should be accurately recorded in the Accounts of Canada. For the most part, this occurs through the entry by departments of financial transactions into their departmental financial management system from which the trial balance is submitted to the Central Financial Management Reporting System (CFMRS)."/>
    <s v="PWGSC"/>
    <x v="1"/>
    <s v="Central Financial Management Reporting System (CFMRS)"/>
    <x v="18"/>
    <s v="No"/>
    <s v="Financial Management Services"/>
    <s v="APP-03173"/>
    <s v="In Production"/>
    <s v="desktop"/>
    <x v="0"/>
    <x v="86"/>
  </r>
  <r>
    <x v="4"/>
    <x v="5"/>
    <x v="2412"/>
    <s v="Chrome"/>
    <s v="Google Chrome is a freeware web browser."/>
    <s v="Google"/>
    <x v="1"/>
    <s v="Google Chrome"/>
    <x v="18"/>
    <s v="No"/>
    <s v="Information Technology Services"/>
    <s v="APP-02933"/>
    <s v="In Production"/>
    <s v="desktop"/>
    <x v="0"/>
    <x v="86"/>
  </r>
  <r>
    <x v="9"/>
    <x v="107"/>
    <x v="2413"/>
    <s v="Cisco AnyConnect Mobility Client"/>
    <s v="Cisco AnyConnect Secure Mobility Client provides a secure mechanism to access the network remotely."/>
    <s v="Cisco Systems, Inc."/>
    <x v="1"/>
    <s v="Cisco AnyConnect Mobility Client"/>
    <x v="18"/>
    <s v="No"/>
    <s v="Information Technology Services"/>
    <s v="APP-02956"/>
    <s v="In Production"/>
    <s v="desktop"/>
    <x v="0"/>
    <x v="86"/>
  </r>
  <r>
    <x v="9"/>
    <x v="107"/>
    <x v="2414"/>
    <s v="Citrix"/>
    <s v="Citrix XenApp is a product that extends Microsoft Remote Desktop Session Host (aka: “Terminal Services”) desktop sessions and applications to users through the Citrix HDX protocol."/>
    <s v="Citrix Systems"/>
    <x v="1"/>
    <s v="Citrix XenApp"/>
    <x v="18"/>
    <s v="Yes"/>
    <s v="Information Technology Services"/>
    <s v="APP-02943"/>
    <s v="In Production"/>
    <s v="desktop"/>
    <x v="0"/>
    <x v="146"/>
  </r>
  <r>
    <x v="4"/>
    <x v="5"/>
    <x v="2415"/>
    <s v="Color Contrast Analyser"/>
    <m/>
    <s v="TBS (Web Renewal Office)"/>
    <x v="1"/>
    <s v="Color Contrast Analyser"/>
    <x v="18"/>
    <s v="Yes"/>
    <s v="Communications Services"/>
    <s v="APP-03976"/>
    <s v="In Production"/>
    <s v="desktop"/>
    <x v="0"/>
    <x v="86"/>
  </r>
  <r>
    <x v="4"/>
    <x v="66"/>
    <x v="2416"/>
    <s v="Contracts"/>
    <s v="Takes a list of contracts from Excel and publishes to the Proactive Disclosure - Contracts section on the Finance web site."/>
    <s v=""/>
    <x v="1"/>
    <s v=""/>
    <x v="18"/>
    <s v="Yes"/>
    <s v="Financial Management Services"/>
    <s v="FIN-Contracts"/>
    <s v="In Production"/>
    <s v="web"/>
    <x v="1"/>
    <x v="88"/>
  </r>
  <r>
    <x v="4"/>
    <x v="5"/>
    <x v="2417"/>
    <s v="Corporate Templates"/>
    <s v="Microsoft Office product Finance custom developed templates."/>
    <s v=""/>
    <x v="1"/>
    <s v=""/>
    <x v="18"/>
    <s v="No"/>
    <s v="Information Technology Services"/>
    <s v="APP-03182"/>
    <s v="In Production"/>
    <s v="desktop"/>
    <x v="1"/>
    <x v="86"/>
  </r>
  <r>
    <x v="4"/>
    <x v="5"/>
    <x v="2418"/>
    <s v="CutePDF"/>
    <s v="CutePDF is software used for creating PDF files.  With CutePDF, you can take any type of files, open it, and print it in a PDF format."/>
    <s v="ACRO SOFTWARE Inc."/>
    <x v="1"/>
    <s v="CutePDF"/>
    <x v="18"/>
    <s v="No"/>
    <s v="Communications Services,Information Technology Services"/>
    <s v="APP-02988"/>
    <s v="In Production"/>
    <s v="desktop"/>
    <x v="0"/>
    <x v="86"/>
  </r>
  <r>
    <x v="4"/>
    <x v="5"/>
    <x v="2419"/>
    <s v="Cyclic"/>
    <m/>
    <s v=""/>
    <x v="1"/>
    <s v=""/>
    <x v="18"/>
    <s v="Yes"/>
    <s v="Other"/>
    <s v="APP-03091"/>
    <s v="In Production"/>
    <s v="web"/>
    <x v="1"/>
    <x v="86"/>
  </r>
  <r>
    <x v="4"/>
    <x v="5"/>
    <x v="2420"/>
    <s v="Daniel's XL Toolbox"/>
    <s v="Is and add-in for the Microsoft Excel spreadsheet software that helps you to analyze and present data to increase productivity. It is open source."/>
    <s v="Daniel Kraus. (Deutsches Impressum.)"/>
    <x v="1"/>
    <s v="Daniel's XL Toolbox"/>
    <x v="18"/>
    <s v="No"/>
    <s v="Information Technology Services"/>
    <s v="APP-03048"/>
    <s v="In Production"/>
    <s v="desktop"/>
    <x v="0"/>
    <x v="86"/>
  </r>
  <r>
    <x v="4"/>
    <x v="5"/>
    <x v="2421"/>
    <s v="DCU Standard Response"/>
    <s v="Application used to generate a list of documents on a Web page. Documents are mostly Microsoft Word and contain vetted responses to be used by DCU."/>
    <s v=""/>
    <x v="1"/>
    <s v=""/>
    <x v="18"/>
    <s v="No"/>
    <s v="Communications Services"/>
    <s v="APP-03184"/>
    <s v="In Production"/>
    <s v="web"/>
    <x v="1"/>
    <x v="86"/>
  </r>
  <r>
    <x v="10"/>
    <x v="59"/>
    <x v="2422"/>
    <s v="DocAve  (for SharePoint)"/>
    <s v="DocAve is a Backup and Restore product for SharePoint that provides full-fidelity backup and recovery – from individual content items to entire SharePoint environments and all of their farm-level components – maintaining all metadata, security settings, and version histories."/>
    <s v="AvePoint, Inc."/>
    <x v="1"/>
    <s v="DocAve"/>
    <x v="18"/>
    <s v="Yes"/>
    <s v="Information Technology Services"/>
    <s v="APP-03925"/>
    <s v="In Production"/>
    <s v="web"/>
    <x v="0"/>
    <x v="88"/>
  </r>
  <r>
    <x v="4"/>
    <x v="66"/>
    <x v="2423"/>
    <s v="Double-Take (for SharePoint)"/>
    <s v="Double-Take is a high availability, disaster recovery and migration solution suite offering agentless and agent-based protection options for physical, virtual or cloud servers. Used for SharePoint SQL Failover."/>
    <s v="Vision Solutions, Inc."/>
    <x v="1"/>
    <s v="Double-Take"/>
    <x v="18"/>
    <s v="Yes"/>
    <s v="Information Technology Services"/>
    <s v="APP-03936"/>
    <s v="In Production"/>
    <s v="web"/>
    <x v="0"/>
    <x v="719"/>
  </r>
  <r>
    <x v="6"/>
    <x v="82"/>
    <x v="2424"/>
    <s v="Dragon Naturally Speaking"/>
    <s v="Software is a speech recognition software package. Also known as Dragon for PC."/>
    <s v="Nuance Communications"/>
    <x v="1"/>
    <s v="Dragon Naturally Speaking"/>
    <x v="18"/>
    <s v="No"/>
    <s v="Communications Services"/>
    <s v="APP-03026"/>
    <s v="In Production"/>
    <s v="desktop"/>
    <x v="0"/>
    <x v="86"/>
  </r>
  <r>
    <x v="4"/>
    <x v="5"/>
    <x v="2425"/>
    <s v="DYMO Label Printer"/>
    <s v="Label printer desktop user management software."/>
    <s v="DYMO Corporation"/>
    <x v="1"/>
    <s v="DYMO Label Printer"/>
    <x v="18"/>
    <s v="No"/>
    <s v="Information Technology Services"/>
    <s v="APP-02990"/>
    <s v="In Production"/>
    <s v="desktop"/>
    <x v="0"/>
    <x v="86"/>
  </r>
  <r>
    <x v="8"/>
    <x v="29"/>
    <x v="2426"/>
    <s v="Eclipse IDE"/>
    <s v="Java based integrated development environment."/>
    <s v="The Eclipse Foundation"/>
    <x v="1"/>
    <s v="Eclipse IDE"/>
    <x v="18"/>
    <s v="No"/>
    <s v="Information Technology Services"/>
    <s v="APP-03963"/>
    <s v="In Production"/>
    <s v="desktop"/>
    <x v="0"/>
    <x v="86"/>
  </r>
  <r>
    <x v="4"/>
    <x v="66"/>
    <x v="2427"/>
    <s v="eCopy ShareScan"/>
    <s v="eCopy document imaging solutions connect Konica Minolta bizhub systems to enterprise applications for instant capturing, distribution and management of paper-based information. Allows users to scan documents securely and seamlessly into business applications that support electronic business processes."/>
    <s v="Konica Minolta Business Solutions (Canada) Ltd."/>
    <x v="1"/>
    <s v="eCopy ShareScan"/>
    <x v="18"/>
    <s v="No"/>
    <s v="Information Technology Services"/>
    <s v="APP-03003"/>
    <s v="In Production"/>
    <s v="web"/>
    <x v="0"/>
    <x v="587"/>
  </r>
  <r>
    <x v="6"/>
    <x v="21"/>
    <x v="2428"/>
    <s v="Email Alert"/>
    <s v="This application allows users to subscribe to mailouts from the Finance website based on content type.  Whenever a new document is posted to the website meeting the criteria, an emails is sent to all subscribers with a link to the new pages."/>
    <s v=""/>
    <x v="1"/>
    <s v=""/>
    <x v="18"/>
    <s v="Yes"/>
    <s v="Communications Services"/>
    <s v="FIN-Email Alert"/>
    <s v="In Production"/>
    <s v="rich"/>
    <x v="1"/>
    <x v="145"/>
  </r>
  <r>
    <x v="9"/>
    <x v="50"/>
    <x v="2429"/>
    <s v="ESP for Windows"/>
    <s v="Entrust encryption software add-in for Microsoft Windows used to encrrypt files / documents as well as email messages (including BlackBerry)."/>
    <s v="Entrust"/>
    <x v="1"/>
    <s v="Entrust Security Provider"/>
    <x v="18"/>
    <s v="No"/>
    <s v="Information Technology Services"/>
    <s v="APP-02939"/>
    <s v="In Production"/>
    <s v="desktop"/>
    <x v="0"/>
    <x v="86"/>
  </r>
  <r>
    <x v="4"/>
    <x v="66"/>
    <x v="2430"/>
    <s v="Equitrac Office"/>
    <s v="The EquitracOffice solution provides advanced print/copy management for multiple networked devices – to capture, allocate and accurately bill document output."/>
    <s v="Konica Minolta Business Solutions (Canada) Ltd."/>
    <x v="1"/>
    <s v="Equitrac Office"/>
    <x v="18"/>
    <s v="No"/>
    <s v="Information Technology Services"/>
    <s v="APP-03005"/>
    <s v="In Production"/>
    <s v="web"/>
    <x v="0"/>
    <x v="587"/>
  </r>
  <r>
    <x v="8"/>
    <x v="29"/>
    <x v="540"/>
    <s v="Eviews"/>
    <s v="Application that offers powerful statistical, forecasting, and modeling tools through an innovative, easy-to-use interface."/>
    <s v="IHS Global Inc."/>
    <x v="1"/>
    <s v="Eviews"/>
    <x v="18"/>
    <s v="Yes"/>
    <s v="Information Technology Services"/>
    <s v="APP-02973"/>
    <s v="In Production"/>
    <s v="desktop"/>
    <x v="0"/>
    <x v="86"/>
  </r>
  <r>
    <x v="0"/>
    <x v="43"/>
    <x v="2431"/>
    <s v="File Open (PDF) client"/>
    <s v="One of two required plug-ins to access the Intralinks web site service which is an online cloud service used to securely share and collaborate on high-value content. Service is from an external private sector partner and is used as part of Finance's due diligence process."/>
    <s v="File Open Systems Inc."/>
    <x v="1"/>
    <s v="File Open (PDF) client"/>
    <x v="18"/>
    <s v="Yes"/>
    <s v="Information Management Services,Management and Oversight Services"/>
    <s v="APP-03170"/>
    <s v="In Production"/>
    <s v="cloud"/>
    <x v="0"/>
    <x v="86"/>
  </r>
  <r>
    <x v="4"/>
    <x v="66"/>
    <x v="2432"/>
    <s v="Filezilla"/>
    <s v="FTP client software utility used to upload and download files from FTP sites. Used for Federal Budget uploading upon Budget release."/>
    <s v="Open Source"/>
    <x v="1"/>
    <s v="Filezilla Client"/>
    <x v="18"/>
    <s v="Yes"/>
    <s v="Information Technology Services"/>
    <s v="APP-03022"/>
    <s v="In Production"/>
    <s v="desktop"/>
    <x v="0"/>
    <x v="86"/>
  </r>
  <r>
    <x v="2"/>
    <x v="2"/>
    <x v="2433"/>
    <s v="FCM"/>
    <s v="This application only shows information about the financial coding manual."/>
    <s v=""/>
    <x v="1"/>
    <s v=""/>
    <x v="18"/>
    <s v="Yes"/>
    <s v="Financial Management Services"/>
    <s v="FIN-Financial Coding"/>
    <s v="In Production"/>
    <s v="web"/>
    <x v="1"/>
    <x v="88"/>
  </r>
  <r>
    <x v="4"/>
    <x v="5"/>
    <x v="2434"/>
    <s v="Firefox"/>
    <s v="Mozilla Firefox is a free and open-source web browser."/>
    <s v="Mozilla Corporation"/>
    <x v="1"/>
    <s v="Mozilla Firefox"/>
    <x v="18"/>
    <s v="No"/>
    <s v="Information Technology Services"/>
    <s v="APP-02935"/>
    <s v="In Production"/>
    <s v="desktop"/>
    <x v="0"/>
    <x v="86"/>
  </r>
  <r>
    <x v="9"/>
    <x v="89"/>
    <x v="2435"/>
    <s v="Forensic Toolkit (FTK)"/>
    <s v="FTK is a digital forensic investigation tookit solutions."/>
    <s v="AccessData Group"/>
    <x v="1"/>
    <s v="Forensic Toolkit (FTK)"/>
    <x v="18"/>
    <s v="No"/>
    <s v="Information Technology Services"/>
    <s v="APP-03007"/>
    <s v="In Production"/>
    <s v="desktop"/>
    <x v="0"/>
    <x v="86"/>
  </r>
  <r>
    <x v="9"/>
    <x v="89"/>
    <x v="2436"/>
    <s v="F-Response Tactical"/>
    <s v="A  special software product for remote computer forensics and incident response..F-Response is an easy to use, vendor neutral, patented software utility that enables an investigator to conduct live Forensics, Data Recovery, and eDiscovery over an IP network using their tool(s) of choice. F-Response is not another analysis tool."/>
    <s v="Agile Risk Management, LLC."/>
    <x v="1"/>
    <s v="F-Response Tactical"/>
    <x v="18"/>
    <s v="No"/>
    <s v="Information Technology Services"/>
    <s v="APP-03009"/>
    <s v="In Production"/>
    <s v="desktop"/>
    <x v="0"/>
    <x v="86"/>
  </r>
  <r>
    <x v="5"/>
    <x v="25"/>
    <x v="2437"/>
    <s v="GAMS"/>
    <s v="Is a high-level modeling system for mathematical programming and optimization. It consists of a language compiler and a stable of integrated high-performance solvers. GAMS is tailored for complex, large scale modeling applications, and allows you to build large maintainable models that can be adapted quickly to new situations"/>
    <s v="GAMS Development Corporation"/>
    <x v="1"/>
    <s v="General Algebraic Modeling System (GAMS)"/>
    <x v="18"/>
    <s v="Yes"/>
    <s v="Information Technology Services"/>
    <s v="APP-03050"/>
    <s v="In Production"/>
    <s v="desktop"/>
    <x v="0"/>
    <x v="86"/>
  </r>
  <r>
    <x v="5"/>
    <x v="25"/>
    <x v="2438"/>
    <s v="GAUSS"/>
    <s v="GAUSS is a matrix programming language for mathematics and statistics, developed and marketed by Aptech Systems. Its primary purpose is the solution of numerical problems in statistics, econometrics, time-series, optimization and 2D- and 3D-visualization"/>
    <s v="Aptech Systems, Inc."/>
    <x v="1"/>
    <s v="GAUSS"/>
    <x v="18"/>
    <s v="Yes"/>
    <s v="Information Technology Services"/>
    <s v="APP-03052"/>
    <s v="In Production"/>
    <s v="desktop"/>
    <x v="0"/>
    <x v="86"/>
  </r>
  <r>
    <x v="4"/>
    <x v="5"/>
    <x v="2439"/>
    <s v="Global Economic"/>
    <s v="Global Economic Model provides advanced decision support that can be used to address strategic questions related to a wide range of economic topics, such as the impact on global growth of oil-price spikes, the economic and financial fallout of countries leaving the Eurozone, and how a decline in China’s growth would hurt the global economy."/>
    <s v="Oxford Economics"/>
    <x v="1"/>
    <s v="Global Economic"/>
    <x v="18"/>
    <s v="Yes"/>
    <s v="Other"/>
    <s v="APP-02994"/>
    <s v="In Production"/>
    <s v="desktop"/>
    <x v="0"/>
    <x v="86"/>
  </r>
  <r>
    <x v="9"/>
    <x v="107"/>
    <x v="2440"/>
    <s v="G/On"/>
    <s v="G/On is a software solution that_x000a_delivers managed access to_x000a_Finance's applications giving_x000a_users maximum mobility, flexibility,_x000a_and security to work from anywhere using departmental equipment."/>
    <s v="Giritech"/>
    <x v="1"/>
    <s v="G/On"/>
    <x v="18"/>
    <s v="Yes"/>
    <s v="Information Technology Services"/>
    <s v="APP-02945"/>
    <s v="In Production"/>
    <s v="desktop"/>
    <x v="0"/>
    <x v="106"/>
  </r>
  <r>
    <x v="4"/>
    <x v="66"/>
    <x v="2441"/>
    <s v="Grants and Contributions"/>
    <s v="Takes an excel spreadsheet of the Grants and Contributions and published to the Proactive Disclosure section to the Finance website."/>
    <s v=""/>
    <x v="1"/>
    <s v=""/>
    <x v="18"/>
    <s v="Yes"/>
    <s v="Financial Management Services"/>
    <s v="FIN-Grants and Contr"/>
    <s v="In Production"/>
    <s v="web"/>
    <x v="1"/>
    <x v="88"/>
  </r>
  <r>
    <x v="4"/>
    <x v="66"/>
    <x v="2442"/>
    <s v="GST Partner"/>
    <s v="GST Partner is your exclusive source for section-by-section annotations of the legislation and régulations."/>
    <s v="Carswell, a Thomson Reuters business"/>
    <x v="1"/>
    <s v="GST Partner"/>
    <x v="18"/>
    <s v="Yes"/>
    <s v="Other"/>
    <s v="APP-03060"/>
    <s v="In Production"/>
    <s v="desktop"/>
    <x v="0"/>
    <x v="10"/>
  </r>
  <r>
    <x v="10"/>
    <x v="59"/>
    <x v="2443"/>
    <s v="Harmon.ie (for SharePoint)"/>
    <s v="An Outlook plug-in that supports uploading documents, email attachments, and email messages to SharePoint."/>
    <s v="Harmon.ie Corporation"/>
    <x v="1"/>
    <s v="Harmon.ie"/>
    <x v="18"/>
    <s v="Yes"/>
    <s v="Information Technology Services"/>
    <s v="APP-03960"/>
    <s v="In Production"/>
    <s v="web"/>
    <x v="0"/>
    <x v="86"/>
  </r>
  <r>
    <x v="6"/>
    <x v="82"/>
    <x v="2444"/>
    <s v="Haver"/>
    <m/>
    <s v="Haver Analytics"/>
    <x v="1"/>
    <s v="Haver DLX"/>
    <x v="18"/>
    <s v="Yes"/>
    <s v="Other"/>
    <s v="FIN-Haver"/>
    <s v="In Production"/>
    <s v="web"/>
    <x v="0"/>
    <x v="10"/>
  </r>
  <r>
    <x v="4"/>
    <x v="5"/>
    <x v="2445"/>
    <s v="IATI Data Converter"/>
    <s v="Application that converts Excel data tables into XML format to be published to the Department of Finance Web site as part of International Aid Transparency Initiative (IATI)"/>
    <s v=""/>
    <x v="1"/>
    <s v=""/>
    <x v="18"/>
    <s v="No"/>
    <s v="Other"/>
    <s v="APP-03175"/>
    <s v="In Production"/>
    <s v="desktop"/>
    <x v="1"/>
    <x v="86"/>
  </r>
  <r>
    <x v="4"/>
    <x v="5"/>
    <x v="2446"/>
    <s v="ICO"/>
    <s v="Is the most authoritative and comprehensive source of information available on corporate ownership; a unique directory of &quot;who owns what&quot; in Canada. It provides up-to-date information reflecting recent corporate takeovers and other substantial changes. Ultimate corporate control is determined through a careful study of holdings by corporations, the effects of options, insider holdings, convertible shares and interlocking directorships. The number of corporations that make up the hierarchy of structures totals approximately 45,000."/>
    <s v="Statistics Canada"/>
    <x v="1"/>
    <s v="Inter-Corporate Ownership (ICO)"/>
    <x v="18"/>
    <s v="Yes"/>
    <s v="Other"/>
    <s v="APP-03164"/>
    <s v="In Production"/>
    <s v="desktop"/>
    <x v="0"/>
    <x v="86"/>
  </r>
  <r>
    <x v="4"/>
    <x v="5"/>
    <x v="2447"/>
    <s v="IMIT Banner"/>
    <s v="Ticker type banner deployed to Finance desktops  used to communicate with Finance users on service interuptions, etc."/>
    <s v=""/>
    <x v="1"/>
    <s v=""/>
    <x v="18"/>
    <s v="No"/>
    <s v="Information Technology Services"/>
    <s v="APP-02986"/>
    <s v="In Production"/>
    <s v="desktop"/>
    <x v="1"/>
    <x v="86"/>
  </r>
  <r>
    <x v="0"/>
    <x v="43"/>
    <x v="2448"/>
    <s v="IRM Office Client"/>
    <s v="One of two required plug-ins to access the Intralinks web site service which is an online cloud service used to securely share and collaborate on high-value content. Service is from an external private sector partner and is used as part of Finance's due diligence process."/>
    <s v="EMC Corporation"/>
    <x v="1"/>
    <s v="IRM Office Client"/>
    <x v="18"/>
    <s v="Yes"/>
    <s v="Information Management Services,Management and Oversight Services"/>
    <s v="APP-03168"/>
    <s v="In Production"/>
    <s v="cloud"/>
    <x v="0"/>
    <x v="86"/>
  </r>
  <r>
    <x v="4"/>
    <x v="5"/>
    <x v="2449"/>
    <s v="Java"/>
    <s v="The Java Runtime Environment (JRE) is a Virtual Machine (JVM), Java platform core classes, and supporting Java platform libraries needed to run Java applets in Web browsers."/>
    <s v="Oracle Canada ULC"/>
    <x v="10"/>
    <s v=""/>
    <x v="18"/>
    <s v="No"/>
    <s v="Information Technology Services"/>
    <s v="APP-02971"/>
    <s v="In Production"/>
    <s v="desktop"/>
    <x v="0"/>
    <x v="86"/>
  </r>
  <r>
    <x v="4"/>
    <x v="5"/>
    <x v="2450"/>
    <s v="Kaola"/>
    <s v="Koala is a multiplatform application to compile the following dynamic languages: Less, Sass, Compass and CoffeeScript. It is a GUI application."/>
    <s v="Ethan Lai"/>
    <x v="1"/>
    <s v="Kaola"/>
    <x v="18"/>
    <s v="No"/>
    <s v="Information Technology Services"/>
    <s v="APP-03028"/>
    <s v="In Production"/>
    <s v="desktop"/>
    <x v="0"/>
    <x v="86"/>
  </r>
  <r>
    <x v="4"/>
    <x v="5"/>
    <x v="2451"/>
    <s v="Lending Rates"/>
    <m/>
    <s v=""/>
    <x v="1"/>
    <s v=""/>
    <x v="18"/>
    <s v="Yes"/>
    <s v="Other"/>
    <s v="FIN-Lending Rates"/>
    <s v="In Production"/>
    <s v="web"/>
    <x v="1"/>
    <x v="145"/>
  </r>
  <r>
    <x v="0"/>
    <x v="13"/>
    <x v="2108"/>
    <s v="LiveLink"/>
    <m/>
    <s v="Other"/>
    <x v="1"/>
    <s v="Open Text Corporation"/>
    <x v="18"/>
    <s v="Yes"/>
    <s v="Information Management Services"/>
    <s v="FIN-LiveLink"/>
    <s v="In Production"/>
    <s v="rich"/>
    <x v="0"/>
    <x v="146"/>
  </r>
  <r>
    <x v="6"/>
    <x v="27"/>
    <x v="2224"/>
    <s v="Logiterm"/>
    <m/>
    <s v="Other"/>
    <x v="1"/>
    <s v="Terminotix Logiterm Web"/>
    <x v="18"/>
    <s v="Yes"/>
    <s v="Communications Services"/>
    <s v="FIN-Logiterm"/>
    <s v="In Production"/>
    <s v="web"/>
    <x v="0"/>
    <x v="145"/>
  </r>
  <r>
    <x v="4"/>
    <x v="5"/>
    <x v="2452"/>
    <s v="MSM Integrated IT Service Management (ITSM)"/>
    <m/>
    <s v="Marval North America"/>
    <x v="1"/>
    <s v="MSM Integrated IT Service Management (ITSM)"/>
    <x v="18"/>
    <s v=""/>
    <s v=""/>
    <s v="APP-04008"/>
    <s v="InDevelopment"/>
    <s v="web"/>
    <x v="0"/>
    <x v="88"/>
  </r>
  <r>
    <x v="4"/>
    <x v="5"/>
    <x v="2453"/>
    <s v="MasterCard Formatter (BMO)"/>
    <s v="Excel macro used to format data related to Mastercard purchases."/>
    <s v="TBS (CSS)"/>
    <x v="1"/>
    <s v="MasterCard Formatter (BMO)"/>
    <x v="18"/>
    <s v="No"/>
    <s v="Financial Management Services"/>
    <s v="APP-03180"/>
    <s v="In Production"/>
    <s v="desktop"/>
    <x v="0"/>
    <x v="86"/>
  </r>
  <r>
    <x v="5"/>
    <x v="94"/>
    <x v="2454"/>
    <s v="Matlab"/>
    <s v="A multi-paradigm numerical computing environment and fourth-generation programming language. A proprietary programming language developed by MathWorks, MATLAB allows matrix manipulations, plotting of functions and data, implementation of algorithms, creation of user interfaces, and interfacing with programs written in other languages, including C, C++, Java, Fortran and Python."/>
    <s v="Mathworks, Inc."/>
    <x v="1"/>
    <s v="MATLAB (Matrix Laboratory)"/>
    <x v="18"/>
    <s v="Yes"/>
    <s v="Information Technology Services"/>
    <s v="APP-03063"/>
    <s v="In Production"/>
    <s v="desktop"/>
    <x v="0"/>
    <x v="86"/>
  </r>
  <r>
    <x v="5"/>
    <x v="25"/>
    <x v="2455"/>
    <s v="MAUS"/>
    <s v="A state-of-the-art structural model of the U.S. Economy. Used for both forecasting and performing alternative scenarios. Is a proprietary simulation software that makes model simulation flexible, powerful, and easy to use."/>
    <s v="Macroeconomic Advisers LLC"/>
    <x v="1"/>
    <s v="MA/US"/>
    <x v="18"/>
    <s v="Yes"/>
    <s v="Other"/>
    <s v="APP-03042"/>
    <s v="In Production"/>
    <s v="desktop"/>
    <x v="0"/>
    <x v="86"/>
  </r>
  <r>
    <x v="4"/>
    <x v="5"/>
    <x v="2456"/>
    <s v="Minister's Directory"/>
    <s v="Application used to manage Minister's staff's Professional and personal contact information."/>
    <s v=""/>
    <x v="1"/>
    <s v=""/>
    <x v="18"/>
    <s v=""/>
    <s v=""/>
    <s v="APP-03105"/>
    <s v="In Production"/>
    <s v="desktop"/>
    <x v="1"/>
    <x v="86"/>
  </r>
  <r>
    <x v="4"/>
    <x v="5"/>
    <x v="2457"/>
    <s v="Minister's Invitations"/>
    <s v="Application that manages invitations( and responses) sent to the Minister."/>
    <s v=""/>
    <x v="1"/>
    <s v=""/>
    <x v="18"/>
    <s v="No"/>
    <s v="Other"/>
    <s v="APP-03103"/>
    <s v="In Production"/>
    <s v="desktop"/>
    <x v="1"/>
    <x v="86"/>
  </r>
  <r>
    <x v="6"/>
    <x v="36"/>
    <x v="2458"/>
    <s v="MS Access"/>
    <s v="Microsoft Access is a desktop relational database."/>
    <s v="Microsoft Corporation"/>
    <x v="1"/>
    <s v="Microsft Access"/>
    <x v="18"/>
    <s v="Yes"/>
    <s v="Information Technology Services"/>
    <s v="APP-02919"/>
    <s v="In Production"/>
    <s v="desktop"/>
    <x v="0"/>
    <x v="86"/>
  </r>
  <r>
    <x v="4"/>
    <x v="5"/>
    <x v="2459"/>
    <s v="MS FrontPage"/>
    <s v="FrontPage is a &quot;WYSIWYG&quot; (What You See Is What You Get) HTML editor, FrontPage is designed to hide the details of pages' HTML code from the user, making it possible for novices to create web pages and web sites easily."/>
    <s v="Microsoft Corporation"/>
    <x v="1"/>
    <s v="MS FrontPage"/>
    <x v="18"/>
    <s v="No"/>
    <s v="Information Technology Services"/>
    <s v="APP-02992"/>
    <s v="In Production"/>
    <s v="web"/>
    <x v="0"/>
    <x v="86"/>
  </r>
  <r>
    <x v="6"/>
    <x v="71"/>
    <x v="2460"/>
    <s v="MS HTML Workshop"/>
    <s v="An executable program designed to help create help systems using source files based on Hypertext Markup Language (HTML)."/>
    <s v="Microsoft Corporation"/>
    <x v="1"/>
    <s v="Microsoft HTML Workshop"/>
    <x v="18"/>
    <s v="No"/>
    <s v="Information Technology Services"/>
    <s v="APP-03019"/>
    <s v="In Production"/>
    <s v="desktop"/>
    <x v="0"/>
    <x v="86"/>
  </r>
  <r>
    <x v="1"/>
    <x v="47"/>
    <x v="2461"/>
    <s v="MS MDOP"/>
    <s v="Microsoft Desktop Optimization Pack (MDOP) is a suite of technologies available as a subscription to Microsoft  Software Assurance customers designed to help IT professionals virtualize the user experience (UE-V), applications (App-V), and Windows (MED-V); manage features (AGMP &amp; MBAM) within Windows; and restore user productivity after a system issue (DaRT)."/>
    <s v="Microsoft Corporation"/>
    <x v="33"/>
    <s v=""/>
    <x v="18"/>
    <s v="No"/>
    <s v="Information Technology Services"/>
    <s v="APP-02976"/>
    <s v="In Production"/>
    <s v="desktop"/>
    <x v="0"/>
    <x v="86"/>
  </r>
  <r>
    <x v="6"/>
    <x v="48"/>
    <x v="2462"/>
    <s v="MS Office Professional  Plus"/>
    <s v="Microsoft Office Professional Suite of products which includes Word, Excel, Outlook, PowerPoint, OneNote, Publisher and InfoPath."/>
    <s v="Microsoft Corporration"/>
    <x v="1"/>
    <s v="Microsoft Office 2010 Professional Suite"/>
    <x v="18"/>
    <s v="Yes"/>
    <s v="Information Technology Services"/>
    <s v="APP-02917"/>
    <s v="In Production"/>
    <s v="desktop"/>
    <x v="0"/>
    <x v="86"/>
  </r>
  <r>
    <x v="6"/>
    <x v="24"/>
    <x v="2463"/>
    <s v="MS Project Professional"/>
    <s v="Project Management software"/>
    <s v="Microsoft Corporation"/>
    <x v="1"/>
    <s v="Microsoft Project"/>
    <x v="18"/>
    <s v="No"/>
    <s v="Information Technology Services"/>
    <s v="APP-02925"/>
    <s v="In Production"/>
    <s v="desktop"/>
    <x v="0"/>
    <x v="86"/>
  </r>
  <r>
    <x v="1"/>
    <x v="47"/>
    <x v="1995"/>
    <s v="MS SCCM"/>
    <s v="SCCM is a systems management software product for managing groups of computers running Windows OS. It provides remote control, patch management, software distribution, operating system deployment, network access protection (anti-virus/malware) and hardware and software inventory."/>
    <s v="Microsoft Corporation"/>
    <x v="1"/>
    <s v="System Center Configuration Manager"/>
    <x v="18"/>
    <s v="No"/>
    <s v="Information Technology Services"/>
    <s v="APP-02949"/>
    <s v="In Production"/>
    <s v="rich"/>
    <x v="0"/>
    <x v="145"/>
  </r>
  <r>
    <x v="1"/>
    <x v="47"/>
    <x v="2464"/>
    <s v="MS SCM"/>
    <s v="This tool provides centralized security baseline management features, a baseline portfolio, customization capabilities, and security baseline export flexibility to accelerate your organization’s ability to efficiently manage the security and compliance process for the most widely used Microsoft technologies."/>
    <s v="Microsoft Corporations"/>
    <x v="1"/>
    <s v="MS SCM"/>
    <x v="18"/>
    <s v="No"/>
    <s v="Information Technology Services"/>
    <s v="APP-03983"/>
    <s v="In Production"/>
    <s v="desktop"/>
    <x v="0"/>
    <x v="86"/>
  </r>
  <r>
    <x v="8"/>
    <x v="29"/>
    <x v="193"/>
    <s v="MS SharePoint Designer"/>
    <s v="SharePoint Designer (SPD) is an HTML editor specialized in creating or modifying Microsoft SharePoint sites, workflows and web pages."/>
    <s v="Microsoft Corporation"/>
    <x v="1"/>
    <s v="MS SharePoint Designer"/>
    <x v="18"/>
    <s v="No"/>
    <s v="Information Technology Services"/>
    <s v="APP-02982"/>
    <s v="In Production"/>
    <s v="desktop"/>
    <x v="0"/>
    <x v="86"/>
  </r>
  <r>
    <x v="4"/>
    <x v="5"/>
    <x v="2465"/>
    <s v="MS Silverlight"/>
    <s v="Silverlight is a utility/tool for creating and delivering rich Internet applications and media experiences on the Web."/>
    <s v="Microsoft Corporation"/>
    <x v="1"/>
    <s v="MS Silverlight"/>
    <x v="18"/>
    <s v="No"/>
    <s v="Information Technology Services"/>
    <s v="APP-02952"/>
    <s v="In Production"/>
    <s v="desktop"/>
    <x v="0"/>
    <x v="86"/>
  </r>
  <r>
    <x v="8"/>
    <x v="29"/>
    <x v="2466"/>
    <s v="MS Team Foundation Server"/>
    <s v="Product that provides source code management (either via Team Foundation Version Control or Git), reporting, requirements management, project management (for both agile software development and waterfall teams), automated builds, lab management, testing and release management capabilities. It covers the entire application lifecycle, and enables DevOps capabilities.[1] TFS can be used as a back-end to numerous integrated development environments (IDEs) but is tailored for Microsoft Visual Studio."/>
    <s v="Microsoft Corporation"/>
    <x v="1"/>
    <s v="MS Team Foundation Server"/>
    <x v="18"/>
    <s v="No"/>
    <s v="Information Technology Services"/>
    <s v="APP-02996"/>
    <s v="In Production"/>
    <s v="web"/>
    <x v="0"/>
    <x v="88"/>
  </r>
  <r>
    <x v="6"/>
    <x v="35"/>
    <x v="2467"/>
    <s v="MS Visio Professional"/>
    <s v="Professional Flow Charting and Drawing software."/>
    <s v="Microsoft Corporation"/>
    <x v="1"/>
    <s v="Microsoft Visio"/>
    <x v="18"/>
    <s v="No"/>
    <s v="Information Technology Services"/>
    <s v="APP-02927"/>
    <s v="In Production"/>
    <s v="desktop"/>
    <x v="0"/>
    <x v="86"/>
  </r>
  <r>
    <x v="6"/>
    <x v="35"/>
    <x v="2468"/>
    <s v="MS Visio Standard"/>
    <s v="Basic (Standard) Flow Charting and Drawing software."/>
    <s v="Microsoft Corporation"/>
    <x v="1"/>
    <s v="Microsoft Visio Standard"/>
    <x v="18"/>
    <s v="No"/>
    <s v="Information Technology Services"/>
    <s v="APP-02929"/>
    <s v="In Production"/>
    <s v="desktop"/>
    <x v="0"/>
    <x v="86"/>
  </r>
  <r>
    <x v="8"/>
    <x v="29"/>
    <x v="2469"/>
    <s v="MS Visual Studio"/>
    <s v="Microsoft Visual Studio is an integrated development environment (IDE) from Microsoft. It is used to develop computer programs for Microsoft Windows, as well as web sites, web applications and web services."/>
    <s v="Microsoft Corporation"/>
    <x v="1"/>
    <s v="MS Visual Studio"/>
    <x v="18"/>
    <s v="No"/>
    <s v="Information Technology Services"/>
    <s v="APP-03054"/>
    <s v="In Production"/>
    <s v="desktop"/>
    <x v="0"/>
    <x v="86"/>
  </r>
  <r>
    <x v="4"/>
    <x v="5"/>
    <x v="2470"/>
    <s v="MS Web Deploy"/>
    <s v="Utility used to deploy web site applications."/>
    <s v="Microsoft"/>
    <x v="1"/>
    <s v="Microsoft Web Deploy"/>
    <x v="18"/>
    <s v="No"/>
    <s v="Information Technology Services"/>
    <s v="APP-03978"/>
    <s v="In Production"/>
    <s v="web"/>
    <x v="0"/>
    <x v="86"/>
  </r>
  <r>
    <x v="1"/>
    <x v="47"/>
    <x v="2471"/>
    <s v="MS Windows Assessment and Deployment Toolkit"/>
    <s v="Microsoft software  used to create desktop Windows image (WIM) files. Integrates with SCCM."/>
    <s v="Microsoft Corporation"/>
    <x v="1"/>
    <s v="MS Windows Assessment and Deployment Toolkit"/>
    <x v="18"/>
    <s v="No"/>
    <s v="Information Technology Services"/>
    <s v="APP-02998"/>
    <s v="In Production"/>
    <s v="rich"/>
    <x v="0"/>
    <x v="106"/>
  </r>
  <r>
    <x v="1"/>
    <x v="47"/>
    <x v="2472"/>
    <s v="MS WMF"/>
    <s v="WMF is the delivery mechanism that provides a consistent management interface across the various flavors of Windows and Windows Server."/>
    <s v="Microsoft Corporation"/>
    <x v="1"/>
    <s v="Microsoft Windows Management Framwork"/>
    <x v="18"/>
    <s v="No"/>
    <s v="Information Technology Services"/>
    <s v="APP-03981"/>
    <s v="In Production"/>
    <s v="desktop"/>
    <x v="0"/>
    <x v="86"/>
  </r>
  <r>
    <x v="4"/>
    <x v="5"/>
    <x v="2473"/>
    <s v="NetLogo"/>
    <s v="An agent-based programming language and integrated modeling environment."/>
    <s v="Center for Connected Learning and Computer-Based M"/>
    <x v="1"/>
    <s v="NetLogo"/>
    <x v="18"/>
    <s v="Yes"/>
    <s v="Other"/>
    <s v="APP-03968"/>
    <s v="In Production"/>
    <s v="desktop"/>
    <x v="0"/>
    <x v="86"/>
  </r>
  <r>
    <x v="1"/>
    <x v="47"/>
    <x v="2474"/>
    <s v="NightWatchman"/>
    <s v="A PC power management tool which manages power use for PCs. Included with NightWatchman is WakeUp, a Wake-on-LAN product used to power on PCs remotely for software updating and patching."/>
    <s v="1E Limited"/>
    <x v="54"/>
    <s v=""/>
    <x v="18"/>
    <s v="No"/>
    <s v="Information Technology Services"/>
    <s v="APP-02978"/>
    <s v="In Production"/>
    <s v="desktop"/>
    <x v="0"/>
    <x v="106"/>
  </r>
  <r>
    <x v="10"/>
    <x v="59"/>
    <x v="2475"/>
    <s v="Nintex (for SharePoint)"/>
    <s v="A digital workflow and forms automation plug-in for SharePoint."/>
    <s v="Nintex Global Ltd."/>
    <x v="1"/>
    <s v="Nintex"/>
    <x v="18"/>
    <s v="Yes"/>
    <s v="Information Technology Services"/>
    <s v="APP-03957"/>
    <s v="In Production"/>
    <s v="web"/>
    <x v="0"/>
    <x v="86"/>
  </r>
  <r>
    <x v="4"/>
    <x v="5"/>
    <x v="167"/>
    <s v="Node.JS"/>
    <s v="An application to code and customize web pages in the Canada.ca Web Content Management System."/>
    <s v="TBS (Web Renewal Office)"/>
    <x v="1"/>
    <s v="Node.JS"/>
    <x v="18"/>
    <s v=""/>
    <s v=""/>
    <s v="APP-03974"/>
    <s v="In Production"/>
    <s v="desktop"/>
    <x v="0"/>
    <x v="86"/>
  </r>
  <r>
    <x v="4"/>
    <x v="5"/>
    <x v="2476"/>
    <s v="NotePad++"/>
    <s v="A text editor and source code editor for use with Microsoft Windows. Unlike Notepad, the built-in Windows text editor, it supports tabbed editing, which allows working with multiple open files in a single window"/>
    <s v="Don Ho"/>
    <x v="1"/>
    <s v="NotePad++"/>
    <x v="18"/>
    <s v="No"/>
    <s v="Information Technology Services"/>
    <s v="APP-03074"/>
    <s v="In Production"/>
    <s v="desktop"/>
    <x v="0"/>
    <x v="86"/>
  </r>
  <r>
    <x v="6"/>
    <x v="57"/>
    <x v="2477"/>
    <s v="Online Training"/>
    <s v="The Internal Training application enable employees to submit requests for in-house training via our intranet.  Also provides supervisors and Fund Centres with an automated approval process."/>
    <s v=""/>
    <x v="1"/>
    <s v=""/>
    <x v="18"/>
    <s v="Yes"/>
    <s v="Human Resources Management Services"/>
    <s v="FIN-Online Training"/>
    <s v="In Production"/>
    <s v="web"/>
    <x v="1"/>
    <x v="145"/>
  </r>
  <r>
    <x v="4"/>
    <x v="66"/>
    <x v="2478"/>
    <s v="PageScope Enterprise Suite"/>
    <s v="An application suite solution that provides better management of print output, track costs and accounts, authenticate users and customize individual preferences at multiple MFPs."/>
    <s v="Konica Minolta Business Solutions (Canada) Ltd."/>
    <x v="1"/>
    <s v="PageScope Enterprise Suite"/>
    <x v="18"/>
    <s v="No"/>
    <s v="Information Technology Services"/>
    <s v="APP-03001"/>
    <s v="In Production"/>
    <s v="web"/>
    <x v="0"/>
    <x v="145"/>
  </r>
  <r>
    <x v="10"/>
    <x v="59"/>
    <x v="2479"/>
    <s v="PointFire (for SharePoint)"/>
    <s v="A multilingual content collaboration user Interface plug-in for SharePoint."/>
    <s v="IceFire Studios Corp."/>
    <x v="1"/>
    <s v="PointFire"/>
    <x v="18"/>
    <s v="Yes"/>
    <s v="Information Technology Services"/>
    <s v="APP-03955"/>
    <s v="In Production"/>
    <s v="web"/>
    <x v="0"/>
    <x v="86"/>
  </r>
  <r>
    <x v="5"/>
    <x v="25"/>
    <x v="2480"/>
    <s v="PowerGen"/>
    <s v="Generates synthetic data series in PRO (proprietary) and ASCII (.CSV) file formats for processing in other economietric software."/>
    <s v="Commodity Research Bureau"/>
    <x v="1"/>
    <s v="PowerGen (Synthetic Data Generator)"/>
    <x v="18"/>
    <s v="Yes"/>
    <s v="Information Management Services"/>
    <s v="APP-03046"/>
    <s v="In Production"/>
    <s v="desktop"/>
    <x v="0"/>
    <x v="86"/>
  </r>
  <r>
    <x v="2"/>
    <x v="64"/>
    <x v="2481"/>
    <s v="Pre-Budget Survey"/>
    <m/>
    <s v=""/>
    <x v="1"/>
    <s v=""/>
    <x v="18"/>
    <s v="Yes"/>
    <s v="Other"/>
    <s v="FIN-Pre-Budget Surve"/>
    <s v="In Production"/>
    <s v="web"/>
    <x v="1"/>
    <x v="145"/>
  </r>
  <r>
    <x v="4"/>
    <x v="5"/>
    <x v="2482"/>
    <s v="SafeNet Client"/>
    <m/>
    <s v="RCMP"/>
    <x v="1"/>
    <s v="SafeNet Client"/>
    <x v="18"/>
    <s v="Yes"/>
    <s v="Human Resources Management Services"/>
    <s v="APP-03972"/>
    <s v="In Production"/>
    <s v="desktop"/>
    <x v="0"/>
    <x v="86"/>
  </r>
  <r>
    <x v="5"/>
    <x v="25"/>
    <x v="2483"/>
    <s v="SAS"/>
    <m/>
    <s v="SAS_Institute_Canada_Inc"/>
    <x v="3"/>
    <s v=""/>
    <x v="18"/>
    <s v="Yes"/>
    <s v="Other"/>
    <s v="FIN-SAS"/>
    <s v="In Production"/>
    <s v="rich"/>
    <x v="0"/>
    <x v="720"/>
  </r>
  <r>
    <x v="6"/>
    <x v="35"/>
    <x v="2484"/>
    <s v="ScanAll Pro"/>
    <s v="A powerful image capture application, providing customers with the tools needed to produce quality digital image files from paper documents."/>
    <s v="Fujitsu Ltd."/>
    <x v="1"/>
    <s v="ScannAll Pro"/>
    <x v="18"/>
    <s v="No"/>
    <s v="Information Technology Services"/>
    <s v="APP-03160"/>
    <s v="In Production"/>
    <s v="desktop"/>
    <x v="0"/>
    <x v="86"/>
  </r>
  <r>
    <x v="6"/>
    <x v="35"/>
    <x v="2485"/>
    <s v="ScanSnap Manager"/>
    <s v="A powerful image capture application, providing customers with the tools needed to produce quality digital image files from paper documents."/>
    <s v="Fujitsu Ltd."/>
    <x v="1"/>
    <s v="ScanSnap Manager"/>
    <x v="18"/>
    <s v="No"/>
    <s v="Information Technology Services"/>
    <s v="APP-03162"/>
    <s v="In Production"/>
    <s v="desktop"/>
    <x v="0"/>
    <x v="86"/>
  </r>
  <r>
    <x v="6"/>
    <x v="71"/>
    <x v="2486"/>
    <s v="Scientific Workplace"/>
    <s v="Is a  software package for scientific word processing. Because Scientific WorkPlace is based on LaTeX, It can be used to produce files in the house style of any scientific journal that also uses LaTeX,[1] and the software makes it easy to change the overall style of a document in a single operation."/>
    <s v="MacKichan Software"/>
    <x v="1"/>
    <s v="Scientific Workplace"/>
    <x v="18"/>
    <s v="No"/>
    <s v="Information Technology Services"/>
    <s v="APP-03031"/>
    <s v="In Production"/>
    <s v="desktop"/>
    <x v="0"/>
    <x v="86"/>
  </r>
  <r>
    <x v="4"/>
    <x v="5"/>
    <x v="2487"/>
    <s v="RTID Fingerprint Screening Software"/>
    <m/>
    <s v="CSIS"/>
    <x v="1"/>
    <s v="RTID Screening Software (Fingerprint)"/>
    <x v="18"/>
    <s v="No"/>
    <s v="Human Resources Management Services"/>
    <s v="APP-03076"/>
    <s v="In Production"/>
    <s v="desktop"/>
    <x v="0"/>
    <x v="86"/>
  </r>
  <r>
    <x v="4"/>
    <x v="5"/>
    <x v="2488"/>
    <s v="Section 34 (Phoenix extract)"/>
    <s v="Program that extracts all Section 34 Financial signing names from the Financial Signing Authority Dtabase and formats the date as the the Pheonix HR Pay system requires."/>
    <s v=""/>
    <x v="1"/>
    <s v=""/>
    <x v="18"/>
    <s v="No"/>
    <s v="Financial Management Services,Human Resources Management Services"/>
    <s v="APP-03107"/>
    <s v="In Production"/>
    <s v="rich"/>
    <x v="1"/>
    <x v="721"/>
  </r>
  <r>
    <x v="0"/>
    <x v="43"/>
    <x v="2489"/>
    <s v="SEO Spider Tool"/>
    <s v="The SEO Spider is a small desktop program which spiders websites’ links, images, CSS, script and apps."/>
    <s v="Screaming Frog Ltd."/>
    <x v="1"/>
    <s v="SEO Spider Tool"/>
    <x v="18"/>
    <s v="Yes"/>
    <s v="Information Management Services"/>
    <s v="APP-03044"/>
    <s v="In Production"/>
    <s v="desktop"/>
    <x v="0"/>
    <x v="86"/>
  </r>
  <r>
    <x v="1"/>
    <x v="12"/>
    <x v="2490"/>
    <s v="SDE (Magic\BMC)"/>
    <m/>
    <s v="BMC Software"/>
    <x v="14"/>
    <s v="Service Desk Express (SDE/BMC)"/>
    <x v="18"/>
    <s v="No"/>
    <s v="Information Technology Services"/>
    <s v="APP-02635"/>
    <s v="In Production"/>
    <s v="web"/>
    <x v="0"/>
    <x v="88"/>
  </r>
  <r>
    <x v="0"/>
    <x v="7"/>
    <x v="2491"/>
    <s v="SharePoint (Fin-B) / IM"/>
    <m/>
    <s v="Microsoft Corporation"/>
    <x v="1"/>
    <s v="SharePoint 2016"/>
    <x v="18"/>
    <s v="Yes"/>
    <s v="Information Management Services"/>
    <s v="APP-03888"/>
    <s v="In Production"/>
    <s v="web"/>
    <x v="0"/>
    <x v="88"/>
  </r>
  <r>
    <x v="0"/>
    <x v="7"/>
    <x v="2492"/>
    <s v="SharePoint (Fin-S) / IM"/>
    <m/>
    <s v="Microsoft Corporation"/>
    <x v="1"/>
    <s v="SharePoint 2016"/>
    <x v="18"/>
    <s v="Yes"/>
    <s v="Information Management Services"/>
    <s v="APP-03890"/>
    <s v="In Production"/>
    <s v="web"/>
    <x v="0"/>
    <x v="88"/>
  </r>
  <r>
    <x v="2"/>
    <x v="2"/>
    <x v="2493"/>
    <s v="FSA"/>
    <m/>
    <s v=""/>
    <x v="1"/>
    <s v=""/>
    <x v="18"/>
    <s v="Yes"/>
    <s v="Financial Management Services"/>
    <s v="FIN-Signing Authorit"/>
    <s v="In Production"/>
    <s v="web"/>
    <x v="1"/>
    <x v="88"/>
  </r>
  <r>
    <x v="4"/>
    <x v="5"/>
    <x v="2494"/>
    <s v="SLID"/>
    <s v="Is an important source of income data for Canadian families, households and individuals. Introduced in 1993, SLID provides an added dimension to traditional surveys on labour market activity and income: the changes experienced by individuals and families through time. Among the survey's key objectives is the understanding Canadians’ economic well-being."/>
    <s v="Statistics Canada"/>
    <x v="1"/>
    <s v=""/>
    <x v="18"/>
    <s v="Yes"/>
    <s v="Other"/>
    <s v="APP-03114"/>
    <s v="In Production"/>
    <s v="desktop"/>
    <x v="0"/>
    <x v="722"/>
  </r>
  <r>
    <x v="4"/>
    <x v="5"/>
    <x v="2495"/>
    <s v="SlideShows"/>
    <s v="This application is a .Net script running on a Finance desktops when a user logs onto the network to launh a pop-up PowerPoint slide show ensuring users see the slide show."/>
    <s v=""/>
    <x v="1"/>
    <s v=""/>
    <x v="18"/>
    <s v="No"/>
    <s v="Communications Services,Information Technology Services"/>
    <s v="APP-03236"/>
    <s v="In Production"/>
    <s v="desktop"/>
    <x v="1"/>
    <x v="86"/>
  </r>
  <r>
    <x v="4"/>
    <x v="5"/>
    <x v="2496"/>
    <s v="SnagIt"/>
    <s v="Screen capture software."/>
    <s v="TechSmith Corporation"/>
    <x v="1"/>
    <s v="SnagIt"/>
    <x v="18"/>
    <s v="No"/>
    <s v="Information Technology Services"/>
    <s v="APP-02923"/>
    <s v="In Production"/>
    <s v="desktop"/>
    <x v="0"/>
    <x v="86"/>
  </r>
  <r>
    <x v="4"/>
    <x v="5"/>
    <x v="2497"/>
    <s v="SourceTree"/>
    <s v="SourceTree is a Git desktop client for developers. Git is a widely used version control system for software development. It is a distributed revision control system with an emphasis on speed, data integrity, and support for distributed, non-linear workflows. Used to manage source code for InfoSite by client."/>
    <s v="Atlassian"/>
    <x v="1"/>
    <s v="SourceTree"/>
    <x v="18"/>
    <s v="No"/>
    <s v="Information Technology Services"/>
    <s v="APP-02984"/>
    <s v="In Production"/>
    <s v="desktop"/>
    <x v="0"/>
    <x v="723"/>
  </r>
  <r>
    <x v="4"/>
    <x v="5"/>
    <x v="2498"/>
    <s v="SPSD/M"/>
    <s v="An application designed to assist those interested in analyzing the financial interactions of governments and individuals in Canada. It can help one to assess the cost implications or income redistributive effects of changes in the personal taxation and cash transfer system. The SPSD/M is a non-confidential, statistically representative database of individuals in their family context, with enough information on each individual to compute taxes paid to and cash transfers received from government. The SPSM is a static accounting model which processes each individual and family on the SPSD/M, calculates taxes and transfers using legislated or proposed programs and algorithms, and reports on the results."/>
    <s v="Statistics Canada"/>
    <x v="1"/>
    <s v="Social Policy Simulation Database and Model (SPSD/M)"/>
    <x v="18"/>
    <s v="Yes"/>
    <s v="Other"/>
    <s v="APP-03112"/>
    <s v="In Production"/>
    <s v="desktop"/>
    <x v="0"/>
    <x v="722"/>
  </r>
  <r>
    <x v="2"/>
    <x v="22"/>
    <x v="2499"/>
    <s v="Staffing and Classification Tracking"/>
    <m/>
    <s v=""/>
    <x v="1"/>
    <s v=""/>
    <x v="18"/>
    <s v="Yes"/>
    <s v="Human Resources Management Services"/>
    <s v="FIN-Staffing"/>
    <s v="In Production"/>
    <s v="web"/>
    <x v="1"/>
    <x v="145"/>
  </r>
  <r>
    <x v="5"/>
    <x v="25"/>
    <x v="2500"/>
    <s v="Stata"/>
    <m/>
    <s v="Other"/>
    <x v="1"/>
    <s v="STATA 12, Stata 13"/>
    <x v="18"/>
    <s v="Yes"/>
    <s v="Other"/>
    <s v="FIN-Stata"/>
    <s v="In Production"/>
    <s v="rich"/>
    <x v="0"/>
    <x v="10"/>
  </r>
  <r>
    <x v="3"/>
    <x v="46"/>
    <x v="2501"/>
    <s v="Stat/Transfer"/>
    <s v="Stat/Transfer is a program that provides fast, reliable, and convenient data transfer between popular software packages. It supports moving data between worksheets, databases and statistical software programs."/>
    <s v="Circle Systems"/>
    <x v="1"/>
    <s v="Stat/Transfer"/>
    <x v="18"/>
    <s v="No"/>
    <s v="Information Technology Services"/>
    <s v="APP-03034"/>
    <s v="In Production"/>
    <s v="desktop"/>
    <x v="0"/>
    <x v="86"/>
  </r>
  <r>
    <x v="4"/>
    <x v="66"/>
    <x v="2502"/>
    <s v="StudioTax"/>
    <s v="StudioTax covers the range of personal income tax scenarios from simple tax returns to more involved returns for self-employed, returns with rental income and everything in between. It is used by clients to compare results against developed micro-simulated models."/>
    <s v="BHOK IT Consulting"/>
    <x v="1"/>
    <s v="StudioTax"/>
    <x v="18"/>
    <s v="Yes"/>
    <s v="Other"/>
    <s v="APP-03083"/>
    <s v="In Production"/>
    <s v="desktop"/>
    <x v="0"/>
    <x v="86"/>
  </r>
  <r>
    <x v="6"/>
    <x v="35"/>
    <x v="2503"/>
    <s v="Stylizer"/>
    <s v="Stylizer helps you style websites . Stylizer is a slightly different CSS editor as it uses a grid interface ."/>
    <s v="Skybound Software"/>
    <x v="1"/>
    <s v="Stylizer"/>
    <x v="18"/>
    <s v="No"/>
    <s v="Information Technology Services"/>
    <s v="APP-03036"/>
    <s v="In Production"/>
    <s v="desktop"/>
    <x v="0"/>
    <x v="86"/>
  </r>
  <r>
    <x v="4"/>
    <x v="66"/>
    <x v="2504"/>
    <s v="Tax Partner, Provincial Tax Partner and Solution fiscal à l&quot;impot"/>
    <s v="Tax Partner, Provincial Tax Partner and Solution fiscal à l&quot;impot are all-inclusive Canadian federal and provincial  income tax service, offering the Income Tax Act, the Regulations, Canada Revenue Agency (CRA) policies and rulings, case law and analysis"/>
    <s v="Carswell, a Thomson Reuters business"/>
    <x v="1"/>
    <s v="Tax Partner, Provincial Tax Partner and Solution fiscal à l&quot;impot"/>
    <x v="18"/>
    <s v="Yes"/>
    <s v="Other"/>
    <s v="APP-03058"/>
    <s v="In Production"/>
    <s v="desktop"/>
    <x v="0"/>
    <x v="86"/>
  </r>
  <r>
    <x v="4"/>
    <x v="66"/>
    <x v="2505"/>
    <s v="TaxFind Pro"/>
    <s v="TaxFind is a database of tax articles written for its conferences and publications—unique in its depth of tax analysis and research, both current and historical. TaxFindPro  Online is an invaluable research tool for tax practitioners to find solutions to complex tax situations."/>
    <s v="Canadian Tax Foundation"/>
    <x v="1"/>
    <s v="TaxFind Pro"/>
    <x v="18"/>
    <s v="Yes"/>
    <s v="Other"/>
    <s v="APP-03069"/>
    <s v="In Production"/>
    <s v="desktop"/>
    <x v="0"/>
    <x v="10"/>
  </r>
  <r>
    <x v="4"/>
    <x v="66"/>
    <x v="2506"/>
    <s v="TaxNet Pro"/>
    <s v="An intuitive interface and state-of-the-art technology deliver relevant, authoritative tax information - quickly and effortlessly.  Intelligent, efficient, and powerful, Taxnet Pro is optimized for effective research. It gives you three powerful resources – Corporate Tax Centre, Tax &amp; Estate Planning Centre, APFF Centre, and the Customs &amp; Excise Centre"/>
    <s v="Carswell, a Thomson Reuters business"/>
    <x v="1"/>
    <s v="TaxNet Pro"/>
    <x v="18"/>
    <s v="Yes"/>
    <s v="Other"/>
    <s v="APP-03066"/>
    <s v="In Production"/>
    <s v="desktop"/>
    <x v="0"/>
    <x v="10"/>
  </r>
  <r>
    <x v="9"/>
    <x v="89"/>
    <x v="2507"/>
    <s v="Tenable Nessus"/>
    <s v="Nessus is a proprietary comprehensive vulnerability scanner.."/>
    <s v="Tenable Network Security"/>
    <x v="1"/>
    <s v="Tenable Nessus"/>
    <x v="18"/>
    <s v="No"/>
    <s v="Information Technology Services"/>
    <s v="APP-03095"/>
    <s v="In Production"/>
    <s v="desktop"/>
    <x v="0"/>
    <x v="86"/>
  </r>
  <r>
    <x v="6"/>
    <x v="5"/>
    <x v="158"/>
    <s v="TextPad"/>
    <s v="A powerful, general purpose editor for plain text files. Easy to use, with all the features a power user requires for manage and process extremely large data files (used for editing SAS data).."/>
    <s v="Helios Software Solutions"/>
    <x v="1"/>
    <s v="TextPad"/>
    <x v="18"/>
    <s v="Yes"/>
    <s v="Information Technology Services"/>
    <s v="APP-02909"/>
    <s v="In Production"/>
    <s v="desktop"/>
    <x v="0"/>
    <x v="86"/>
  </r>
  <r>
    <x v="4"/>
    <x v="5"/>
    <x v="2508"/>
    <s v="Thomson Reuters"/>
    <s v="Online services providing critical news, information and analytics, enabling transactions and connecting communities of trading, investing, financial and corporate informtion. alled to support access to Financial market information."/>
    <s v="Thomson Reuters Corporation"/>
    <x v="1"/>
    <s v="Thomson Reuters Feed"/>
    <x v="18"/>
    <s v="Yes"/>
    <s v="Other"/>
    <s v="APP-02980"/>
    <s v="In Production"/>
    <s v="cloud"/>
    <x v="0"/>
    <x v="86"/>
  </r>
  <r>
    <x v="6"/>
    <x v="82"/>
    <x v="2509"/>
    <s v="ThunderStorm"/>
    <s v="A screen reader software application which, rather than presenting web content visually, converts text into 'synthesised speech' allowing user to alternatively listen to content."/>
    <s v="Sensory Software"/>
    <x v="1"/>
    <s v="Thunder"/>
    <x v="18"/>
    <s v="No"/>
    <s v="Communications Services,Information Technology Services"/>
    <s v="APP-03087"/>
    <s v="In Production"/>
    <s v="desktop"/>
    <x v="0"/>
    <x v="86"/>
  </r>
  <r>
    <x v="2"/>
    <x v="20"/>
    <x v="2510"/>
    <s v="TMS"/>
    <m/>
    <s v=""/>
    <x v="1"/>
    <s v=""/>
    <x v="18"/>
    <s v="Yes"/>
    <s v="Other"/>
    <s v="FIN-TMS"/>
    <s v="In Production"/>
    <s v="web"/>
    <x v="1"/>
    <x v="88"/>
  </r>
  <r>
    <x v="0"/>
    <x v="43"/>
    <x v="2511"/>
    <s v="Toolkit"/>
    <s v="The application is an in-house developed web content management system and allows web masters to publish web pages."/>
    <s v=""/>
    <x v="1"/>
    <s v=""/>
    <x v="18"/>
    <s v="Yes"/>
    <s v="Communications Services"/>
    <s v="FIN-Toolkit"/>
    <s v="In Production"/>
    <s v="web"/>
    <x v="1"/>
    <x v="146"/>
  </r>
  <r>
    <x v="4"/>
    <x v="5"/>
    <x v="2512"/>
    <s v="Transfer Payments"/>
    <s v="Very complex Excel spreadsheet with macros and formula used to calculate the transfer payment amounts to be transferred to the provinces and territories."/>
    <s v=""/>
    <x v="1"/>
    <s v=""/>
    <x v="18"/>
    <s v="Yes"/>
    <s v="Financial Management Services,Information Technology Services"/>
    <s v="APP-03240"/>
    <s v="In Production"/>
    <s v="desktop"/>
    <x v="1"/>
    <x v="86"/>
  </r>
  <r>
    <x v="4"/>
    <x v="66"/>
    <x v="2513"/>
    <s v="Travel &amp; Hospitality"/>
    <s v="Tool used to prepare and publish Proactive Disclosure information the Finance WebSite."/>
    <s v=""/>
    <x v="1"/>
    <s v=""/>
    <x v="18"/>
    <s v="Yes"/>
    <s v="Financial Management Services"/>
    <s v="FIN-Travel &amp;amp; Hos"/>
    <s v="In Production"/>
    <s v="web"/>
    <x v="1"/>
    <x v="88"/>
  </r>
  <r>
    <x v="2"/>
    <x v="22"/>
    <x v="2514"/>
    <s v="UR"/>
    <m/>
    <s v=""/>
    <x v="1"/>
    <s v=""/>
    <x v="18"/>
    <s v="Yes"/>
    <s v="Human Resources Management Services"/>
    <s v="FIN-UR"/>
    <s v="In Production"/>
    <s v="web"/>
    <x v="1"/>
    <x v="88"/>
  </r>
  <r>
    <x v="4"/>
    <x v="66"/>
    <x v="2515"/>
    <s v="V&amp;E"/>
    <s v="Pop-up that displays at logon every 90 days.  User must acknowledge the pop-up before the login can complete."/>
    <s v=""/>
    <x v="1"/>
    <s v=""/>
    <x v="18"/>
    <s v="Yes"/>
    <s v="Other"/>
    <s v="FIN-Values &amp;amp; Eth"/>
    <s v="In Production"/>
    <s v="desktop"/>
    <x v="1"/>
    <x v="146"/>
  </r>
  <r>
    <x v="1"/>
    <x v="12"/>
    <x v="2516"/>
    <s v="VCC IC"/>
    <s v="Rogers Virtual Call Centre is a cloud service offering that virtualizes key infrastructure and hardware into their private cloud network. In short it is a help desk call system."/>
    <s v="Rogers Communications inc."/>
    <x v="1"/>
    <s v="Virtual Call Centre"/>
    <x v="18"/>
    <s v="No"/>
    <s v="Information Technology Services"/>
    <s v="APP-02947"/>
    <s v="In Production"/>
    <s v="cloud"/>
    <x v="0"/>
    <x v="86"/>
  </r>
  <r>
    <x v="0"/>
    <x v="43"/>
    <x v="2517"/>
    <s v="Web Replicator"/>
    <s v="Used to promote content from Authoring to Stating to Production for www.fin.gc.ca and other websites belonging to Finance."/>
    <s v=""/>
    <x v="1"/>
    <s v=""/>
    <x v="18"/>
    <s v="Yes"/>
    <s v="Other"/>
    <s v="FIN-Web Replicator"/>
    <s v="In Production"/>
    <s v="web"/>
    <x v="1"/>
    <x v="145"/>
  </r>
  <r>
    <x v="0"/>
    <x v="7"/>
    <x v="893"/>
    <s v="WebCIMS"/>
    <m/>
    <s v="A.Net Solutions Inc"/>
    <x v="27"/>
    <s v=""/>
    <x v="18"/>
    <s v="Yes"/>
    <s v="Communications Services,Information Management Services"/>
    <s v="FIN-WebCIMS"/>
    <s v="In Production"/>
    <s v="web"/>
    <x v="0"/>
    <x v="145"/>
  </r>
  <r>
    <x v="4"/>
    <x v="5"/>
    <x v="2518"/>
    <s v="WebCIMS Reporting"/>
    <s v="Correspondence Tracking and Issues Management System (CIMS) external .Net based corporate reporting system."/>
    <s v=""/>
    <x v="1"/>
    <s v=""/>
    <x v="18"/>
    <s v="Yes"/>
    <s v="Communications Services,Information Management Services"/>
    <s v="APP-02891"/>
    <s v="In Production"/>
    <s v="web"/>
    <x v="1"/>
    <x v="88"/>
  </r>
  <r>
    <x v="5"/>
    <x v="25"/>
    <x v="2519"/>
    <s v="WinRATS"/>
    <s v="RATS is an econometrics and time-series analysis software package. It is used by economists for analyzing time series and cross sectional data, developing and estimating econometric models, forecasting, and much more."/>
    <s v="Estima"/>
    <x v="1"/>
    <s v="Windows RATS (Regression Analysis of Time Series)"/>
    <x v="18"/>
    <s v="Yes"/>
    <s v="Other"/>
    <s v="APP-03040"/>
    <s v="In Production"/>
    <s v="desktop"/>
    <x v="0"/>
    <x v="86"/>
  </r>
  <r>
    <x v="4"/>
    <x v="5"/>
    <x v="2520"/>
    <s v="WinEdt"/>
    <s v="WinEdt is a powerful and versatile all-purpose text editor for Windows with a strong predisposition towards the creation and compilation of LaTeX documents."/>
    <s v="Aleksander Simonic"/>
    <x v="1"/>
    <s v="WinEdt"/>
    <x v="18"/>
    <s v="No"/>
    <s v="Information Technology Services"/>
    <s v="APP-03085"/>
    <s v="In Production"/>
    <s v="desktop"/>
    <x v="0"/>
    <x v="86"/>
  </r>
  <r>
    <x v="4"/>
    <x v="5"/>
    <x v="2521"/>
    <s v="WinHTTrack"/>
    <s v="Utility program that supports copying (downloading) an entire Web Site."/>
    <s v="Informer Technologies, Inc."/>
    <x v="1"/>
    <s v="WinHTTrack"/>
    <x v="18"/>
    <s v="No"/>
    <s v="Information Technology Services"/>
    <s v="APP-03099"/>
    <s v="In Production"/>
    <s v="desktop"/>
    <x v="0"/>
    <x v="86"/>
  </r>
  <r>
    <x v="4"/>
    <x v="5"/>
    <x v="186"/>
    <s v="WinMerge"/>
    <s v="WinMerge is a differencing and merging tool for Windows. WinMerge can compare both folders and files, presenting differences in a visual text format that is easy to understand and handle."/>
    <s v="Thingamahoochie Software"/>
    <x v="1"/>
    <s v="WinMerge"/>
    <x v="18"/>
    <s v="No"/>
    <s v=""/>
    <s v="APP-03101"/>
    <s v="In Production"/>
    <s v="desktop"/>
    <x v="0"/>
    <x v="86"/>
  </r>
  <r>
    <x v="4"/>
    <x v="5"/>
    <x v="2522"/>
    <s v="WinZip"/>
    <s v="A utility program that lets you archive and compress files so that you can store or distribute them more efficiently"/>
    <s v="WinZip Computing"/>
    <x v="1"/>
    <s v="WinZip"/>
    <x v="18"/>
    <s v="No"/>
    <s v="Information Technology Services"/>
    <s v="APP-02964"/>
    <s v="In Production"/>
    <s v="desktop"/>
    <x v="0"/>
    <x v="86"/>
  </r>
  <r>
    <x v="6"/>
    <x v="71"/>
    <x v="2523"/>
    <s v="WordCleaner"/>
    <s v="Convert Microsoft Word files (as well as other text formats &amp; PDF) to HTML (or txt, CSV &amp; epub). Has customizable templates providing full control over your conversions. Control the CSS, images, split pages, find and replace/delete code and much more."/>
    <s v="Freshideas Ltd"/>
    <x v="1"/>
    <s v="WordCleaner"/>
    <x v="18"/>
    <s v="No"/>
    <s v="Information Management Services"/>
    <s v="APP-03097"/>
    <s v="In Production"/>
    <s v="desktop"/>
    <x v="0"/>
    <x v="86"/>
  </r>
  <r>
    <x v="6"/>
    <x v="48"/>
    <x v="2524"/>
    <s v="Workshare Compare"/>
    <s v="Document comparison tool used to ensure final documents for official publication/release where not altered by anyone. Also used to ensure that French documents are maintained in synch with English documents. Used because Word, Excel and PowerPoint 'track changes' does not suffice."/>
    <s v="Workshare"/>
    <x v="1"/>
    <s v="Workshare Compare"/>
    <x v="18"/>
    <s v="Yes"/>
    <s v="Communications Services,Information Technology Services"/>
    <s v="APP-02899"/>
    <s v="In Production"/>
    <s v="desktop"/>
    <x v="0"/>
    <x v="86"/>
  </r>
  <r>
    <x v="6"/>
    <x v="48"/>
    <x v="2525"/>
    <s v="Workshare Professional"/>
    <s v="Document comparison tool used to ensure final documents for official publication/release where not altered by anyone. Also used to ensure that French documents are maintained in synch with English documents. Used because Word, Excel and PowerPoint 'track changes' does not suffice."/>
    <s v="Workshare"/>
    <x v="1"/>
    <s v="Workshare Professional"/>
    <x v="18"/>
    <s v="Yes"/>
    <s v="Communications Services,Information Management Services"/>
    <s v="APP-02896"/>
    <s v="In Production"/>
    <s v="desktop"/>
    <x v="0"/>
    <x v="86"/>
  </r>
  <r>
    <x v="4"/>
    <x v="5"/>
    <x v="2526"/>
    <s v="WPSS Validation Tool"/>
    <s v="A utility program that provides web developers and quality assurance testers the ability to perform a number of web site and web page validations tasks at one time. The tool crawls a site to find all documents, then analyses each one with a number of validation tools.."/>
    <s v="PWGSC"/>
    <x v="1"/>
    <s v=""/>
    <x v="18"/>
    <s v="No"/>
    <s v="Communications Services,Information Technology Services"/>
    <s v="APP-03116"/>
    <s v="In Production"/>
    <s v="desktop"/>
    <x v="0"/>
    <x v="86"/>
  </r>
  <r>
    <x v="10"/>
    <x v="69"/>
    <x v="2527"/>
    <s v="WS_FTP Professional"/>
    <s v="FTP client software utility used to upload and download files from FTP sites."/>
    <s v="Ipswitch Inc."/>
    <x v="1"/>
    <s v="WS_FTP Professional"/>
    <x v="18"/>
    <s v="Yes"/>
    <s v="Information Technology Services"/>
    <s v="APP-02911"/>
    <s v="In Production"/>
    <s v="desktop"/>
    <x v="0"/>
    <x v="86"/>
  </r>
  <r>
    <x v="6"/>
    <x v="33"/>
    <x v="2528"/>
    <s v="QRO - Electronic Register for Visitor Management"/>
    <m/>
    <s v=""/>
    <x v="1"/>
    <s v=""/>
    <x v="19"/>
    <s v="Internal Services"/>
    <s v="Management and Oversight Services"/>
    <s v="JUS-APM-002"/>
    <s v="In Production"/>
    <s v="web"/>
    <x v="1"/>
    <x v="724"/>
  </r>
  <r>
    <x v="1"/>
    <x v="1"/>
    <x v="2529"/>
    <s v="JUST"/>
    <m/>
    <s v=""/>
    <x v="1"/>
    <s v=""/>
    <x v="19"/>
    <s v="Internal Services"/>
    <s v="Information Technology Services"/>
    <s v="JUS-APM-026"/>
    <s v="In Production"/>
    <s v="web"/>
    <x v="1"/>
    <x v="724"/>
  </r>
  <r>
    <x v="6"/>
    <x v="48"/>
    <x v="2530"/>
    <s v="Deliveries Log (BCRO)"/>
    <s v="Deliveries Log (BCRO)"/>
    <s v=""/>
    <x v="1"/>
    <s v=""/>
    <x v="19"/>
    <s v="Internal Services"/>
    <s v="Information Management Services"/>
    <s v="JUS-APM-041"/>
    <s v="In Production"/>
    <s v="web"/>
    <x v="1"/>
    <x v="724"/>
  </r>
  <r>
    <x v="6"/>
    <x v="21"/>
    <x v="2531"/>
    <s v="QRO - Gestionnaire d''appel"/>
    <m/>
    <s v=""/>
    <x v="1"/>
    <s v=""/>
    <x v="19"/>
    <s v="Internal Services"/>
    <s v="Travel and Other Administrative Services"/>
    <s v="JUS-APM-101"/>
    <s v="In Production"/>
    <s v="web"/>
    <x v="1"/>
    <x v="724"/>
  </r>
  <r>
    <x v="6"/>
    <x v="21"/>
    <x v="2532"/>
    <s v="DDA"/>
    <m/>
    <s v=""/>
    <x v="1"/>
    <s v=""/>
    <x v="19"/>
    <s v="Internal Services"/>
    <s v="Travel and Other Administrative Services"/>
    <s v="JUS-APM-102"/>
    <s v="In Production"/>
    <s v="web"/>
    <x v="1"/>
    <x v="724"/>
  </r>
  <r>
    <x v="6"/>
    <x v="35"/>
    <x v="2533"/>
    <s v="Nakisa OrgManagement Series"/>
    <m/>
    <s v="Other"/>
    <x v="1"/>
    <s v="Nakisa"/>
    <x v="19"/>
    <s v="Internal Services"/>
    <s v="Human Resources Management Services"/>
    <s v="JUS-APM-120"/>
    <s v="In Production"/>
    <s v="web"/>
    <x v="0"/>
    <x v="725"/>
  </r>
  <r>
    <x v="3"/>
    <x v="45"/>
    <x v="2534"/>
    <s v="QRO - Employees directory (and profile)"/>
    <m/>
    <s v=""/>
    <x v="1"/>
    <s v=""/>
    <x v="19"/>
    <s v="Internal Services"/>
    <s v="Travel and Other Administrative Services"/>
    <s v="JUS-APM-122"/>
    <s v="In Production"/>
    <s v="web"/>
    <x v="1"/>
    <x v="724"/>
  </r>
  <r>
    <x v="0"/>
    <x v="13"/>
    <x v="2535"/>
    <s v="NovaBrain"/>
    <m/>
    <s v="Other"/>
    <x v="1"/>
    <s v="Novabrain"/>
    <x v="19"/>
    <s v="Stewardship of the Canadian Legal Framework"/>
    <s v="Legal Services"/>
    <s v="JUS-APM-146"/>
    <s v="In Production"/>
    <s v="desktop"/>
    <x v="0"/>
    <x v="726"/>
  </r>
  <r>
    <x v="8"/>
    <x v="29"/>
    <x v="2536"/>
    <s v="TFS"/>
    <m/>
    <s v="Microsoft_Corporation"/>
    <x v="1"/>
    <s v="Microsoft Tools – Team Foundation Server"/>
    <x v="19"/>
    <s v="Internal Services"/>
    <s v="Information Technology Services"/>
    <s v="JUS-APM-152"/>
    <s v="In Production"/>
    <s v="web"/>
    <x v="0"/>
    <x v="726"/>
  </r>
  <r>
    <x v="1"/>
    <x v="101"/>
    <x v="2537"/>
    <s v="QRO - Applications and Project Portfolio Management"/>
    <m/>
    <s v=""/>
    <x v="1"/>
    <s v=""/>
    <x v="19"/>
    <s v="Internal Services"/>
    <s v="Information Management Services"/>
    <s v="JUS-APM-261"/>
    <s v="In Production"/>
    <s v="web"/>
    <x v="1"/>
    <x v="724"/>
  </r>
  <r>
    <x v="0"/>
    <x v="11"/>
    <x v="2538"/>
    <s v="MET"/>
    <s v="Media Enquiry"/>
    <s v=""/>
    <x v="1"/>
    <s v=""/>
    <x v="19"/>
    <s v="Internal Services"/>
    <s v="Communications Services"/>
    <s v="JUS-APM-265"/>
    <s v="In Production"/>
    <s v="web"/>
    <x v="1"/>
    <x v="724"/>
  </r>
  <r>
    <x v="0"/>
    <x v="0"/>
    <x v="2539"/>
    <s v="DW"/>
    <m/>
    <s v="Microsoft_Corporation"/>
    <x v="7"/>
    <s v=""/>
    <x v="19"/>
    <s v="Internal Services"/>
    <s v="Communications Services,Information Management Services,Legal Services,Management and Oversight Services"/>
    <s v="JUS-APM-277"/>
    <s v="In Production"/>
    <s v="web"/>
    <x v="0"/>
    <x v="727"/>
  </r>
  <r>
    <x v="0"/>
    <x v="0"/>
    <x v="2540"/>
    <s v="NSN"/>
    <m/>
    <s v=""/>
    <x v="1"/>
    <s v=""/>
    <x v="19"/>
    <s v="Internal Services"/>
    <s v="Human Resources Management Services"/>
    <s v="JUS-APM-280"/>
    <s v="In Production"/>
    <s v="web"/>
    <x v="1"/>
    <x v="724"/>
  </r>
  <r>
    <x v="0"/>
    <x v="16"/>
    <x v="125"/>
    <s v="TeamMate"/>
    <m/>
    <s v="Other"/>
    <x v="1"/>
    <s v="Wolters Kluwer - TeamMate"/>
    <x v="19"/>
    <s v="Internal Services"/>
    <s v="Financial Management Services"/>
    <s v="JUS-APM-287"/>
    <s v="In Production"/>
    <s v="desktop"/>
    <x v="0"/>
    <x v="728"/>
  </r>
  <r>
    <x v="0"/>
    <x v="16"/>
    <x v="2541"/>
    <s v="FCYInfoline"/>
    <m/>
    <s v=""/>
    <x v="1"/>
    <s v=""/>
    <x v="19"/>
    <s v="Stewardship of the Canadian Legal Framework"/>
    <s v="Communications Services,Other"/>
    <s v="JUS-APM-303"/>
    <s v="In Production"/>
    <s v="desktop"/>
    <x v="1"/>
    <x v="729"/>
  </r>
  <r>
    <x v="0"/>
    <x v="28"/>
    <x v="2542"/>
    <s v="NUIX"/>
    <m/>
    <s v="NUIX"/>
    <x v="1"/>
    <s v="NUIX"/>
    <x v="19"/>
    <s v=""/>
    <s v="Information Technology Services"/>
    <s v="APP-03965"/>
    <s v="In Production"/>
    <s v="desktop"/>
    <x v="0"/>
    <x v="86"/>
  </r>
  <r>
    <x v="6"/>
    <x v="106"/>
    <x v="2543"/>
    <s v="LiveNote"/>
    <m/>
    <s v="Other"/>
    <x v="1"/>
    <s v="Thomson Reuters"/>
    <x v="19"/>
    <s v="Legal Services to Government Program"/>
    <s v="Legal Services"/>
    <s v="JUS-APM-308"/>
    <s v="In Production"/>
    <s v="desktop"/>
    <x v="0"/>
    <x v="730"/>
  </r>
  <r>
    <x v="8"/>
    <x v="83"/>
    <x v="2469"/>
    <s v="Microsoft Visual Studio"/>
    <s v="Developmet Software"/>
    <s v="Microsoft_Corporation"/>
    <x v="19"/>
    <s v=""/>
    <x v="19"/>
    <s v="Internal Services"/>
    <s v="Information Technology Services"/>
    <s v="JUS-APM-309"/>
    <s v="In Production"/>
    <s v="desktop"/>
    <x v="0"/>
    <x v="725"/>
  </r>
  <r>
    <x v="7"/>
    <x v="108"/>
    <x v="477"/>
    <s v="MSFT"/>
    <m/>
    <s v="Other"/>
    <x v="1"/>
    <s v="Shared Services Canada - Secure File Transfer Client"/>
    <x v="19"/>
    <s v="Internal Services"/>
    <s v="Information Technology Services"/>
    <s v="JUS-APM-310"/>
    <s v="In Production"/>
    <s v="mini_main_super"/>
    <x v="0"/>
    <x v="731"/>
  </r>
  <r>
    <x v="0"/>
    <x v="88"/>
    <x v="2544"/>
    <s v="Sierra (ILS)"/>
    <s v="National Integrated Library System. System is hosted by the vendor on Amazon Canada"/>
    <s v=""/>
    <x v="1"/>
    <s v="Innovative Interfaces Incorporated, Sierra"/>
    <x v="19"/>
    <s v=""/>
    <s v="Information Management Services"/>
    <s v="APP-03862"/>
    <s v="In Production"/>
    <s v="cloud"/>
    <x v="0"/>
    <x v="86"/>
  </r>
  <r>
    <x v="9"/>
    <x v="93"/>
    <x v="2545"/>
    <s v="MNS"/>
    <s v="Employee Mass Notification System (MNS) is a tool that allows JUS to communicate with JUS employees to provide important information during emergency situations across a wide range of mediums such as phones, emails, and text messaging."/>
    <s v="RMS Software Inc"/>
    <x v="1"/>
    <s v="ERMS Advantage"/>
    <x v="19"/>
    <s v="Security"/>
    <s v="Travel and Other Administrative Services"/>
    <s v="APP-04219"/>
    <s v="In Production"/>
    <s v="cloud"/>
    <x v="0"/>
    <x v="732"/>
  </r>
  <r>
    <x v="0"/>
    <x v="11"/>
    <x v="2546"/>
    <s v="BCRO - Management Commentary"/>
    <m/>
    <s v=""/>
    <x v="1"/>
    <s v=""/>
    <x v="19"/>
    <s v="Internal Services"/>
    <s v="Management and Oversight Services"/>
    <s v="JUS-APM-37"/>
    <s v="In Production"/>
    <s v="web"/>
    <x v="1"/>
    <x v="724"/>
  </r>
  <r>
    <x v="6"/>
    <x v="33"/>
    <x v="2547"/>
    <s v="QRO - Gestionnaire d''absences"/>
    <m/>
    <s v=""/>
    <x v="1"/>
    <s v=""/>
    <x v="19"/>
    <s v="Internal Services"/>
    <s v="Travel and Other Administrative Services"/>
    <s v="JUS-APM-50"/>
    <s v="In Production"/>
    <s v="web"/>
    <x v="1"/>
    <x v="724"/>
  </r>
  <r>
    <x v="0"/>
    <x v="0"/>
    <x v="2548"/>
    <s v="SP2010"/>
    <m/>
    <s v="Microsoft_Corporation"/>
    <x v="1"/>
    <s v="SharePoint Server 2010"/>
    <x v="19"/>
    <s v="Internal Services"/>
    <s v="Communications Services,Information Management Services,Legal Services,Management and Oversight Services"/>
    <s v="JUS-APM-56"/>
    <s v="In Production"/>
    <s v="web"/>
    <x v="0"/>
    <x v="727"/>
  </r>
  <r>
    <x v="6"/>
    <x v="33"/>
    <x v="2549"/>
    <s v="QRO - Boardroom Booking"/>
    <m/>
    <s v=""/>
    <x v="1"/>
    <s v=""/>
    <x v="19"/>
    <s v="Internal Services"/>
    <s v="Travel and Other Administrative Services"/>
    <s v="JUS-APM-61"/>
    <s v="In Production"/>
    <s v="web"/>
    <x v="1"/>
    <x v="724"/>
  </r>
  <r>
    <x v="0"/>
    <x v="16"/>
    <x v="2550"/>
    <s v="LRMS"/>
    <m/>
    <s v=""/>
    <x v="1"/>
    <s v=""/>
    <x v="19"/>
    <s v="Internal Services"/>
    <s v="Legal Services"/>
    <s v="JUS-APM-68"/>
    <s v="In Production"/>
    <s v="web"/>
    <x v="1"/>
    <x v="724"/>
  </r>
  <r>
    <x v="0"/>
    <x v="18"/>
    <x v="2551"/>
    <s v="QRO - Sondages-Evaluation"/>
    <m/>
    <s v=""/>
    <x v="1"/>
    <s v=""/>
    <x v="19"/>
    <s v="Internal Services"/>
    <s v="Travel and Other Administrative Services"/>
    <s v="JUS-APM-7"/>
    <s v="In Production"/>
    <s v="web"/>
    <x v="1"/>
    <x v="724"/>
  </r>
  <r>
    <x v="1"/>
    <x v="12"/>
    <x v="2552"/>
    <s v="QRO - Gestion des demandes (ticket manager)"/>
    <m/>
    <s v=""/>
    <x v="1"/>
    <s v=""/>
    <x v="19"/>
    <s v="Internal Services"/>
    <s v="Travel and Other Administrative Services"/>
    <s v="JUS-APM-74"/>
    <s v="In Production"/>
    <s v="web"/>
    <x v="1"/>
    <x v="724"/>
  </r>
  <r>
    <x v="0"/>
    <x v="43"/>
    <x v="2553"/>
    <s v="QRO - Infonet"/>
    <m/>
    <s v=""/>
    <x v="1"/>
    <s v=""/>
    <x v="19"/>
    <s v="Internal Services"/>
    <s v="Travel and Other Administrative Services"/>
    <s v="JUS-APM-81"/>
    <s v="In Production"/>
    <s v="web"/>
    <x v="1"/>
    <x v="724"/>
  </r>
  <r>
    <x v="6"/>
    <x v="33"/>
    <x v="2554"/>
    <s v="PRO - iCal Web Calendars"/>
    <m/>
    <s v=""/>
    <x v="1"/>
    <s v=""/>
    <x v="19"/>
    <s v="Internal Services"/>
    <s v="Travel and Other Administrative Services"/>
    <s v="JUS-APM-97"/>
    <s v="In Production"/>
    <s v="web"/>
    <x v="1"/>
    <x v="724"/>
  </r>
  <r>
    <x v="0"/>
    <x v="13"/>
    <x v="2555"/>
    <s v="GCdocs"/>
    <m/>
    <s v="Other"/>
    <x v="14"/>
    <s v="OpenText, Content Server 2010"/>
    <x v="19"/>
    <s v="Internal Services"/>
    <s v="Information Management Services,Legal Services"/>
    <s v="JUS-JUS-000033"/>
    <s v="In Production"/>
    <s v="web"/>
    <x v="0"/>
    <x v="733"/>
  </r>
  <r>
    <x v="2"/>
    <x v="40"/>
    <x v="2556"/>
    <s v="NMP"/>
    <m/>
    <s v=""/>
    <x v="1"/>
    <s v=""/>
    <x v="19"/>
    <s v="Internal Services"/>
    <s v="Human Resources Management Services,Management and Oversight Services"/>
    <s v="JUS-JUS-000125"/>
    <s v="In Production"/>
    <s v="web"/>
    <x v="1"/>
    <x v="724"/>
  </r>
  <r>
    <x v="2"/>
    <x v="9"/>
    <x v="2557"/>
    <s v="GCIMS"/>
    <s v="GCIMS enables Justice Canada to manage all it its transfer GCIMS enables Justice Canada to manage all it its transfer payment programs effectively by tracking projects and funding recipients across all sectors and program areas and enabling reporting on all aspects of a project’s life cycle. It is an essential corporate information management tool that the department must use to meet its obligations under the results-based management and accountability frameworks as developed for specific programs and approved by Treasury Board. All transfer payments are subject to public scrutiny and must be manages in a manner that is pen and transparent to the public, with due regard to economy, efficiency and effectiveness. Basic principles of parliamentary control"/>
    <s v="Other"/>
    <x v="1"/>
    <s v="Online Business System, GCIMS"/>
    <x v="19"/>
    <s v="Stewardship of the Canadian Legal Framework"/>
    <s v="Information Management Services,Management and Oversight Services,Other"/>
    <s v="JUS-JUS-000160"/>
    <s v="In Production"/>
    <s v="web"/>
    <x v="0"/>
    <x v="734"/>
  </r>
  <r>
    <x v="0"/>
    <x v="16"/>
    <x v="2558"/>
    <s v="iCase"/>
    <m/>
    <s v=""/>
    <x v="1"/>
    <s v=""/>
    <x v="19"/>
    <s v="Legal Services to Government Program"/>
    <s v="Information Management Services,Legal Services,Management and Oversight Services"/>
    <s v="JUS-JUS-500278"/>
    <s v="In Production"/>
    <s v="web"/>
    <x v="1"/>
    <x v="735"/>
  </r>
  <r>
    <x v="2"/>
    <x v="22"/>
    <x v="2559"/>
    <s v="PeopleSoft"/>
    <m/>
    <s v="Oracle_Canada_ULC"/>
    <x v="12"/>
    <s v=""/>
    <x v="19"/>
    <s v="Internal Services"/>
    <s v="Human Resources Management Services,Information Management Services"/>
    <s v="JUS-JUS-500438"/>
    <s v="In Production"/>
    <s v="web"/>
    <x v="0"/>
    <x v="736"/>
  </r>
  <r>
    <x v="0"/>
    <x v="43"/>
    <x v="2560"/>
    <s v="JUSnet"/>
    <m/>
    <s v=""/>
    <x v="1"/>
    <s v=""/>
    <x v="19"/>
    <s v="Internal Services"/>
    <s v="Communications Services"/>
    <s v="JUS-JUS-500714N"/>
    <s v="In Production"/>
    <s v="web"/>
    <x v="1"/>
    <x v="737"/>
  </r>
  <r>
    <x v="0"/>
    <x v="43"/>
    <x v="2561"/>
    <s v="iNet"/>
    <s v="Justice Internet Websites"/>
    <s v=""/>
    <x v="1"/>
    <s v=""/>
    <x v="19"/>
    <s v="Internal Services"/>
    <s v="Communications Services,Information Management Services"/>
    <s v="JUS-JUS-500714P"/>
    <s v="In Production"/>
    <s v="web"/>
    <x v="1"/>
    <x v="737"/>
  </r>
  <r>
    <x v="0"/>
    <x v="16"/>
    <x v="2562"/>
    <s v="FOAEA"/>
    <m/>
    <s v=""/>
    <x v="1"/>
    <s v=""/>
    <x v="19"/>
    <s v="Stewardship of the Canadian Legal Framework"/>
    <s v="Information Management Services,Management and Oversight Services"/>
    <s v="JUS-JUS-500732"/>
    <s v="In Production"/>
    <s v="web"/>
    <x v="1"/>
    <x v="738"/>
  </r>
  <r>
    <x v="0"/>
    <x v="16"/>
    <x v="2563"/>
    <s v="CRDP"/>
    <m/>
    <s v=""/>
    <x v="1"/>
    <s v=""/>
    <x v="19"/>
    <s v="Stewardship of the Canadian Legal Framework"/>
    <s v="Information Management Services,Other"/>
    <s v="JUS-JUS-500793"/>
    <s v="In Production"/>
    <s v="web"/>
    <x v="1"/>
    <x v="739"/>
  </r>
  <r>
    <x v="3"/>
    <x v="31"/>
    <x v="2564"/>
    <s v="Explore"/>
    <s v="Case Management Analysis and Reporting_x000a__x000a_ECHO was migrated into what we call Explore v2.0. It's still alive but not for much longer now that Explore v2.2 is going through pilot (and will likely get a few more upgrades too). Once it's out of pilot, Explore v2.0 users will be able to start using the newest version of Explore."/>
    <s v="Microsoft_Corporation"/>
    <x v="55"/>
    <s v=""/>
    <x v="19"/>
    <s v="Internal Services"/>
    <s v="Legal Services,Management and Oversight Services"/>
    <s v="JUS-JUS-501328"/>
    <s v="In Production"/>
    <s v="web"/>
    <x v="1"/>
    <x v="740"/>
  </r>
  <r>
    <x v="0"/>
    <x v="8"/>
    <x v="2565"/>
    <s v="Justipedia"/>
    <m/>
    <s v="Other"/>
    <x v="1"/>
    <s v="COTS Vendor - Visard Solution - Kentika"/>
    <x v="19"/>
    <s v="Internal Services"/>
    <s v="Information Management Services,Legal Services"/>
    <s v="JUS-JUS-501368"/>
    <s v="In Production"/>
    <s v="web"/>
    <x v="1"/>
    <x v="728"/>
  </r>
  <r>
    <x v="6"/>
    <x v="35"/>
    <x v="2566"/>
    <s v="Archibus"/>
    <m/>
    <s v="Archibus"/>
    <x v="56"/>
    <s v=""/>
    <x v="19"/>
    <s v="Internal Services"/>
    <s v="Other,Real Property Services"/>
    <s v="JUS-JUS-501378"/>
    <s v="In Production"/>
    <s v="web"/>
    <x v="0"/>
    <x v="741"/>
  </r>
  <r>
    <x v="0"/>
    <x v="19"/>
    <x v="2567"/>
    <s v="Form Catalogue (eFormXpress)"/>
    <m/>
    <s v="Other"/>
    <x v="1"/>
    <s v="eFormXpress"/>
    <x v="19"/>
    <s v="Internal Services"/>
    <s v="Information Management Services"/>
    <s v="JUS-JUS-501384"/>
    <s v="In Production"/>
    <s v="web"/>
    <x v="0"/>
    <x v="724"/>
  </r>
  <r>
    <x v="2"/>
    <x v="2"/>
    <x v="2568"/>
    <s v="IFMS/SAP"/>
    <m/>
    <s v="Other"/>
    <x v="14"/>
    <s v="SAP,GOC SAP Core"/>
    <x v="19"/>
    <s v="Internal Services"/>
    <s v="Acquisition Services,Financial Management Services,Information Technology Services,Materiel Services,Travel and Other Administrative Services"/>
    <s v="JUS-JUS-501834"/>
    <s v="In Production"/>
    <s v="web"/>
    <x v="0"/>
    <x v="734"/>
  </r>
  <r>
    <x v="0"/>
    <x v="28"/>
    <x v="2569"/>
    <s v="ATIP (Access Pro)"/>
    <m/>
    <s v="Other"/>
    <x v="14"/>
    <s v="Privasoft"/>
    <x v="19"/>
    <s v="Internal Services"/>
    <s v="Information Management Services"/>
    <s v="JUS-JUS-501839"/>
    <s v="In Production"/>
    <s v="web"/>
    <x v="0"/>
    <x v="742"/>
  </r>
  <r>
    <x v="0"/>
    <x v="88"/>
    <x v="2570"/>
    <s v="ccmMercury"/>
    <m/>
    <s v="WorkDynamics_Technologies_Inc"/>
    <x v="0"/>
    <s v="COTS product name is ccmMercury"/>
    <x v="19"/>
    <s v="Internal Services"/>
    <s v="Management and Oversight Services"/>
    <s v="JUS-JUS-501845"/>
    <s v="In Production"/>
    <s v="web"/>
    <x v="0"/>
    <x v="743"/>
  </r>
  <r>
    <x v="10"/>
    <x v="59"/>
    <x v="2571"/>
    <s v="DTCIS"/>
    <m/>
    <s v=""/>
    <x v="1"/>
    <s v=""/>
    <x v="19"/>
    <s v="Stewardship of the Canadian Legal Framework"/>
    <s v="Other"/>
    <s v="JUS-JUS-501860"/>
    <s v="In Production"/>
    <s v="web"/>
    <x v="1"/>
    <x v="744"/>
  </r>
  <r>
    <x v="0"/>
    <x v="16"/>
    <x v="2572"/>
    <s v="Ringtail"/>
    <m/>
    <s v="Other"/>
    <x v="14"/>
    <s v="Vendor is FTI Consulting and the product name is Ringtail"/>
    <x v="19"/>
    <s v="Legal Services to Government Program"/>
    <s v="Legal Services,Other"/>
    <s v="JUS-JUS-502115"/>
    <s v="In Production"/>
    <s v="web"/>
    <x v="0"/>
    <x v="724"/>
  </r>
  <r>
    <x v="0"/>
    <x v="43"/>
    <x v="2573"/>
    <s v="OROnet"/>
    <m/>
    <s v=""/>
    <x v="1"/>
    <s v=""/>
    <x v="19"/>
    <s v="Internal Services"/>
    <s v="Communications Services,Information Management Services"/>
    <s v="JUS-JUS-502444O"/>
    <s v="In Production"/>
    <s v="web"/>
    <x v="1"/>
    <x v="745"/>
  </r>
  <r>
    <x v="0"/>
    <x v="43"/>
    <x v="2574"/>
    <s v="PROnet"/>
    <m/>
    <s v=""/>
    <x v="1"/>
    <s v=""/>
    <x v="19"/>
    <s v="Internal Services"/>
    <s v="Communications Services,Information Management Services"/>
    <s v="JUS-JUS-502444P"/>
    <s v="In Production"/>
    <s v="web"/>
    <x v="1"/>
    <x v="724"/>
  </r>
  <r>
    <x v="0"/>
    <x v="0"/>
    <x v="2575"/>
    <s v="SEET"/>
    <m/>
    <s v=""/>
    <x v="1"/>
    <s v=""/>
    <x v="19"/>
    <s v="Internal Services"/>
    <s v="Travel and Other Administrative Services"/>
    <s v="JUS-PM-127"/>
    <s v="In Production"/>
    <s v="web"/>
    <x v="1"/>
    <x v="724"/>
  </r>
  <r>
    <x v="2"/>
    <x v="58"/>
    <x v="2576"/>
    <s v="ERA"/>
    <s v="This system is a tool which is used to evaluate the performance of employers in the completion of Records of Employment. Statistics are maintained on the ROE errors made by each employer resulting in 3 monthly reports being produced with this data."/>
    <s v=""/>
    <x v="1"/>
    <s v=""/>
    <x v="20"/>
    <s v="Employment Insurance;Management and Oversight Services"/>
    <s v="Other"/>
    <s v="ESDC-100"/>
    <s v="In Production"/>
    <s v="mini_main_super"/>
    <x v="1"/>
    <x v="746"/>
  </r>
  <r>
    <x v="0"/>
    <x v="13"/>
    <x v="2577"/>
    <s v="EHF"/>
    <m/>
    <s v=""/>
    <x v="1"/>
    <s v=""/>
    <x v="20"/>
    <s v="Employment Insurance"/>
    <s v="Other"/>
    <s v="ESDC-102"/>
    <s v="In Production"/>
    <s v="desktop"/>
    <x v="1"/>
    <x v="747"/>
  </r>
  <r>
    <x v="0"/>
    <x v="16"/>
    <x v="2578"/>
    <s v="Appliweb"/>
    <m/>
    <s v=""/>
    <x v="1"/>
    <s v=""/>
    <x v="20"/>
    <s v="Employment Insurance"/>
    <s v="Other"/>
    <s v="ESDC-104"/>
    <s v="In Production"/>
    <s v="web"/>
    <x v="1"/>
    <x v="748"/>
  </r>
  <r>
    <x v="2"/>
    <x v="23"/>
    <x v="2579"/>
    <s v="EI FACS"/>
    <m/>
    <s v=""/>
    <x v="1"/>
    <s v=""/>
    <x v="20"/>
    <s v="Employment Insurance;Labour Market Development Agreements"/>
    <s v="Financial Management Services"/>
    <s v="ESDC-105"/>
    <s v="In Production"/>
    <s v="mini_main_super"/>
    <x v="1"/>
    <x v="746"/>
  </r>
  <r>
    <x v="4"/>
    <x v="5"/>
    <x v="2580"/>
    <s v="WSAddress"/>
    <s v="The Enterprise Web Service Address (WSAddress) is one service in a family of enterprise web services which are currently in production and manageded by the Solution Design Services group. With respect to WSAddress, the web service is responsible for"/>
    <s v=""/>
    <x v="1"/>
    <s v=""/>
    <x v="20"/>
    <s v="Government of Canada Internet Presence;Employment Insurance;Old Age Security;Apprenticeship Grants;Federal Income Support for Parents of Murdered or Missing Children;Canada Pension Plan;Labour Relations;Labour Standards and Equity;Information Technology Services"/>
    <s v="Information Technology Services"/>
    <s v="ESDC-106"/>
    <s v="In Production"/>
    <s v="web"/>
    <x v="1"/>
    <x v="749"/>
  </r>
  <r>
    <x v="0"/>
    <x v="0"/>
    <x v="2581"/>
    <s v="GISP"/>
    <m/>
    <s v=""/>
    <x v="1"/>
    <s v=""/>
    <x v="20"/>
    <s v="Employment Insurance;Management and Oversight Services"/>
    <s v="Other"/>
    <s v="ESDC-109"/>
    <s v="In Production"/>
    <s v="web"/>
    <x v="1"/>
    <x v="750"/>
  </r>
  <r>
    <x v="0"/>
    <x v="16"/>
    <x v="2582"/>
    <s v="ADMS-EI"/>
    <m/>
    <s v=""/>
    <x v="1"/>
    <s v=""/>
    <x v="20"/>
    <s v="Employment Insurance"/>
    <s v="Management and Oversight Services"/>
    <s v="ESDC-11"/>
    <s v="In Production"/>
    <s v="web"/>
    <x v="1"/>
    <x v="751"/>
  </r>
  <r>
    <x v="4"/>
    <x v="5"/>
    <x v="2583"/>
    <s v="SPLIT"/>
    <s v="When a Human Resource Centre (HRCC) either opens or closes, a process of transferring claims is initiated and accomplished by using the HRCC Split Utilities. The set of programs are run on an &quot;as needed&quot; basis by the regions, according to the Office"/>
    <s v=""/>
    <x v="1"/>
    <s v=""/>
    <x v="20"/>
    <s v="Employment Insurance"/>
    <s v="Other"/>
    <s v="ESDC-111"/>
    <s v="In Production"/>
    <s v="mini_main_super"/>
    <x v="1"/>
    <x v="752"/>
  </r>
  <r>
    <x v="0"/>
    <x v="8"/>
    <x v="2584"/>
    <s v="HRSDC Internet"/>
    <s v="HRSDC (ESDC) Departmental Internet Site:    Additional Notes: It is a web site to provide an adaptive static and dynamic web delivery location for department web content and services  The site receives current information ( or historical information"/>
    <s v="Oracle_Canada_ULC"/>
    <x v="4"/>
    <s v=""/>
    <x v="20"/>
    <s v="Government of Canada Internet Presence;In-Person Points of Service;Employment Insurance;Labour Market Development Agreements;Canada Job Fund Agreements;Labour Market Agreements for Persons with Disabilities;Opportunities Fund for Persons with Disabilities;Youth Employment Strategy;Targeted Initiative for Older Workers;Aboriginal Skills and Employment Training Strategy;Skills and Partnership Fund;First Nations Job Fund;Job Bank;Apprenticeship Grants;Foreign Credential Recognition Program;Temporary Foreign Worker Program;Canada Student Loans and Grants and Canada Apprentice Loans Program;Canada Education Savings Program;Labour Relations;Workplace Health and Safety;Labour Standards and Equity;Old Age Security;Canada Pension Plan;Canada Pension Plan Disability Benefits;Canada Disability Savings Program;National Child Benefit;Homelessness Partnering Strategy;New Horizons for Seniors Program;Social Development Partnerships Program;Enabling Accessibility Fund;Universal Child Care Benefit;Communications Services"/>
    <s v="Other"/>
    <s v="ESDC-112"/>
    <s v="In Production"/>
    <s v="web"/>
    <x v="0"/>
    <x v="753"/>
  </r>
  <r>
    <x v="4"/>
    <x v="5"/>
    <x v="2585"/>
    <s v="HRSDC Intranet"/>
    <m/>
    <s v="Oracle_Canada_ULC"/>
    <x v="4"/>
    <s v=""/>
    <x v="20"/>
    <s v="Communications Services"/>
    <s v="Communications Services"/>
    <s v="ESDC-113"/>
    <s v="In Production"/>
    <s v="web"/>
    <x v="0"/>
    <x v="754"/>
  </r>
  <r>
    <x v="2"/>
    <x v="102"/>
    <x v="2586"/>
    <s v="IBFA T4"/>
    <m/>
    <s v=""/>
    <x v="1"/>
    <s v=""/>
    <x v="20"/>
    <s v="Old Age Security;Canada Pension Plan;Canada Pension Plan Disability Benefits"/>
    <s v="Other"/>
    <s v="ESDC-114"/>
    <s v="In Production"/>
    <s v="desktop"/>
    <x v="1"/>
    <x v="301"/>
  </r>
  <r>
    <x v="3"/>
    <x v="31"/>
    <x v="2587"/>
    <s v="ATOM"/>
    <s v="The ATOM application developed by Innovation, Information and Technology Branch (IITB) has successfully enabled Service Canada to improve the quality of information and the In-Person service experience it provides to citizens. The technology is movin"/>
    <s v=""/>
    <x v="1"/>
    <s v=""/>
    <x v="20"/>
    <s v="In-Person Points of Service;Passport;Other Government Department Programs;Employment Insurance;Canada Job Fund Agreements;Labour Market Development Agreements;Labour Market Agreements for Persons with Disabilities;Government of Canada Internet Presence;Skills and Partnership Fund;Aboriginal Skills and Employment Training Strategy;Enabling Fund for Official Language Minority Communities;Targeted Initiative for Older Workers;Youth Employment Strategy;Opportunities Fund for Persons with Disabilities;First Nations Job Fund;Sectoral Initiatives Program;Literacy and Essential Skills;Apprenticeship Grants;Canada Student Loans and Grants and Canada Apprentice Loans Program;Old Age Security;Canada Pension Plan;Canada Pension Plan Disability Benefits;Canada Disability Savings Program;National Child Benefit;Homelessness Partnering Strategy;Social Development Partnerships Program;New Horizons for Seniors Program;Universal Child Care Benefit;Enabling Accessibility Fund;Federal Income Support for Parents of Murdered or Missing Children;Government of Canada Telephone General Enquiries Services"/>
    <s v="Other"/>
    <s v="ESDC-115"/>
    <s v="In Production"/>
    <s v="web"/>
    <x v="1"/>
    <x v="755"/>
  </r>
  <r>
    <x v="3"/>
    <x v="34"/>
    <x v="2588"/>
    <s v="CPPCM"/>
    <s v="CPPCM is a desktop application that can calculate or estimate CPP benefit payments for both domestic and foreign accounts. Calculations take into account all legislative changes and provisions related to the CPP; and take into account all Internation"/>
    <s v=""/>
    <x v="1"/>
    <s v=""/>
    <x v="20"/>
    <s v="Canada Pension Plan Disability Benefits;Canada Pension Plan"/>
    <s v="Other"/>
    <s v="ESDC-116"/>
    <s v="In Production"/>
    <s v="desktop"/>
    <x v="1"/>
    <x v="756"/>
  </r>
  <r>
    <x v="0"/>
    <x v="16"/>
    <x v="2589"/>
    <s v="ITRDS"/>
    <m/>
    <s v=""/>
    <x v="1"/>
    <s v=""/>
    <x v="20"/>
    <s v="Canada Pension Plan;Canada Pension Plan Disability Benefits"/>
    <s v="Other"/>
    <s v="ESDC-117"/>
    <s v="In Production"/>
    <s v="web"/>
    <x v="1"/>
    <x v="757"/>
  </r>
  <r>
    <x v="0"/>
    <x v="13"/>
    <x v="2590"/>
    <s v="SOC ONLINE, SOCV"/>
    <m/>
    <s v=""/>
    <x v="1"/>
    <s v=""/>
    <x v="20"/>
    <s v="Canada Pension Plan;Canada Pension Plan Disability Benefits"/>
    <s v="Other"/>
    <s v="ESDC-119"/>
    <s v="In Production"/>
    <s v="web"/>
    <x v="1"/>
    <x v="758"/>
  </r>
  <r>
    <x v="3"/>
    <x v="31"/>
    <x v="2591"/>
    <s v="IA"/>
    <m/>
    <s v=""/>
    <x v="1"/>
    <s v=""/>
    <x v="20"/>
    <s v="Old Age Security;Canada Pension Plan;Canada Pension Plan Disability Benefits"/>
    <s v="Other"/>
    <s v="ESDC-122"/>
    <s v="In Production"/>
    <s v="mini_main_super"/>
    <x v="1"/>
    <x v="106"/>
  </r>
  <r>
    <x v="0"/>
    <x v="16"/>
    <x v="2592"/>
    <s v="OAS"/>
    <m/>
    <s v=""/>
    <x v="1"/>
    <s v=""/>
    <x v="20"/>
    <s v="Old Age Security"/>
    <s v="Other"/>
    <s v="ESDC-123"/>
    <s v="In Production"/>
    <s v="mini_main_super"/>
    <x v="1"/>
    <x v="759"/>
  </r>
  <r>
    <x v="0"/>
    <x v="16"/>
    <x v="2593"/>
    <s v="WICS"/>
    <m/>
    <s v=""/>
    <x v="1"/>
    <s v=""/>
    <x v="20"/>
    <s v="Workplace Health and Safety"/>
    <s v="Other"/>
    <s v="ESDC-126"/>
    <s v="In Production"/>
    <s v="desktop"/>
    <x v="1"/>
    <x v="760"/>
  </r>
  <r>
    <x v="3"/>
    <x v="31"/>
    <x v="2594"/>
    <s v="IRIS"/>
    <m/>
    <s v="Other"/>
    <x v="1"/>
    <s v="IBM Cognos"/>
    <x v="20"/>
    <s v="Information Technology Services"/>
    <s v="Information Technology Services"/>
    <s v="ESDC-128"/>
    <s v="In Production"/>
    <s v="web"/>
    <x v="0"/>
    <x v="761"/>
  </r>
  <r>
    <x v="3"/>
    <x v="4"/>
    <x v="2595"/>
    <s v="IIWS, Index of Jurisprudence, Economic Regions, ERDB"/>
    <s v="EI economic regions presentation for display of economic regions including postal code lookup.   EI economic regions web service - used in calculation of entitlement based on unemployment rates for economic regions. Postal code matching to Economic R"/>
    <s v=""/>
    <x v="1"/>
    <s v=""/>
    <x v="20"/>
    <s v="Employment Insurance"/>
    <s v="Other"/>
    <s v="ESDC-129"/>
    <s v="In Production"/>
    <s v="web"/>
    <x v="1"/>
    <x v="762"/>
  </r>
  <r>
    <x v="0"/>
    <x v="43"/>
    <x v="2596"/>
    <s v="IIA"/>
    <m/>
    <s v=""/>
    <x v="1"/>
    <s v=""/>
    <x v="20"/>
    <s v="Employment Insurance"/>
    <s v="Communications Services,Legal Services"/>
    <s v="ESDC-130"/>
    <s v="In Production"/>
    <s v="web"/>
    <x v="1"/>
    <x v="763"/>
  </r>
  <r>
    <x v="4"/>
    <x v="5"/>
    <x v="2597"/>
    <s v="BNOP"/>
    <m/>
    <s v=""/>
    <x v="1"/>
    <s v=""/>
    <x v="20"/>
    <s v="Employment Insurance"/>
    <s v="Other"/>
    <s v="ESDC-131"/>
    <s v="In Production"/>
    <s v="mini_main_super"/>
    <x v="1"/>
    <x v="746"/>
  </r>
  <r>
    <x v="4"/>
    <x v="5"/>
    <x v="2598"/>
    <s v="IDM"/>
    <s v="Updates the Insurance database with information from Master flat files."/>
    <s v=""/>
    <x v="1"/>
    <s v=""/>
    <x v="20"/>
    <s v="Employment Insurance"/>
    <s v="Other"/>
    <s v="ESDC-132"/>
    <s v="In Production"/>
    <s v="mini_main_super"/>
    <x v="1"/>
    <x v="752"/>
  </r>
  <r>
    <x v="2"/>
    <x v="51"/>
    <x v="2599"/>
    <s v="PRAMS (EI)"/>
    <s v="The On-line quality monitoring report is the quality monitoring (QM) report that must be used to report quality monitoring of initial claim files performed under the Insurance strategic direction for improving the accuracy of benefit payment."/>
    <s v=""/>
    <x v="1"/>
    <s v=""/>
    <x v="20"/>
    <s v="Employment Insurance"/>
    <s v="Other"/>
    <s v="ESDC-133"/>
    <s v="In Production"/>
    <s v="web"/>
    <x v="1"/>
    <x v="764"/>
  </r>
  <r>
    <x v="3"/>
    <x v="31"/>
    <x v="2600"/>
    <s v="IEM"/>
    <m/>
    <s v=""/>
    <x v="1"/>
    <s v=""/>
    <x v="20"/>
    <s v="Employment Insurance;Management and Oversight Services"/>
    <s v="Other"/>
    <s v="ESDC-134"/>
    <s v="In Production"/>
    <s v="mini_main_super"/>
    <x v="1"/>
    <x v="746"/>
  </r>
  <r>
    <x v="0"/>
    <x v="18"/>
    <x v="2601"/>
    <s v="IFFS"/>
    <m/>
    <s v=""/>
    <x v="1"/>
    <s v=""/>
    <x v="20"/>
    <s v="Human Resources Management Services;Sectoral Initiatives Program;Apprenticeship Grants;Temporary Foreign Worker Program;Federal Income Support for Parents of Murdered or Missing Children;Homelessness Partnering Strategy;Canada Job Fund Agreements"/>
    <s v="Other"/>
    <s v="ESDC-137"/>
    <s v="In Production"/>
    <s v="desktop"/>
    <x v="1"/>
    <x v="765"/>
  </r>
  <r>
    <x v="0"/>
    <x v="19"/>
    <x v="2602"/>
    <s v="i-Forms"/>
    <s v="Internet application to distribute electronic forms to the public"/>
    <s v="Adobe_Systems_Incorporated"/>
    <x v="2"/>
    <s v=""/>
    <x v="20"/>
    <s v="Employment Insurance;Labour Market Development Agreements;Canada Job Fund Agreements;Labour Market Agreements for Persons with Disabilities;Opportunities Fund for Persons with Disabilities;Youth Employment Strategy;Targeted Initiative for Older Workers;Enabling Fund for Official Language Minority Communities;Aboriginal Skills and Employment Training Strategy;Skills and Partnership Fund;First Nations Job Fund;Job Bank;Sectoral Initiatives Program;Literacy and Essential Skills;Skilled Trades and Apprenticeship (Red Seal Program);Apprenticeship Grants;Foreign Credential Recognition Program;Temporary Foreign Worker Program;Canada Student Loans and Grants and Canada Apprentice Loans Program;Canada Education Savings Program;Labour Relations;Workplace Health and Safety;Labour Standards and Equity;International Labour Affairs;Old Age Security;Canada Pension Plan;Canada Pension Plan Disability Benefits;Canada Disability Savings Program;National Child Benefit;Homelessness Partnering Strategy;Social Development Partnerships Program;New Horizons for Seniors Program;Universal Child Care Benefit;Enabling Accessibility Fund;Federal Income Support for Parents of Murdered or Missing Children"/>
    <s v="Other"/>
    <s v="ESDC-138"/>
    <s v="In Production"/>
    <s v="web"/>
    <x v="0"/>
    <x v="766"/>
  </r>
  <r>
    <x v="0"/>
    <x v="13"/>
    <x v="2603"/>
    <s v="IRS; Interdec"/>
    <m/>
    <s v=""/>
    <x v="1"/>
    <s v=""/>
    <x v="20"/>
    <s v="Employment Insurance"/>
    <s v="Other"/>
    <s v="ESDC-139"/>
    <s v="In Production"/>
    <s v="web"/>
    <x v="1"/>
    <x v="767"/>
  </r>
  <r>
    <x v="3"/>
    <x v="63"/>
    <x v="2604"/>
    <s v="NIIS"/>
    <m/>
    <s v=""/>
    <x v="1"/>
    <s v=""/>
    <x v="20"/>
    <s v="Employment Insurance;Temporary Foreign Worker Program;Old Age Security;Canada Pension Plan"/>
    <s v="Other"/>
    <s v="ESDC-140"/>
    <s v="In Production"/>
    <s v="web"/>
    <x v="1"/>
    <x v="768"/>
  </r>
  <r>
    <x v="2"/>
    <x v="58"/>
    <x v="2605"/>
    <s v="IOQMS"/>
    <m/>
    <s v=""/>
    <x v="1"/>
    <s v=""/>
    <x v="20"/>
    <s v="Employment Insurance;Management and Oversight Services"/>
    <s v="Other"/>
    <s v="ESDC-144"/>
    <s v="In Production"/>
    <s v="web"/>
    <x v="1"/>
    <x v="769"/>
  </r>
  <r>
    <x v="0"/>
    <x v="28"/>
    <x v="2606"/>
    <s v="IATDB,  PMF"/>
    <m/>
    <s v=""/>
    <x v="1"/>
    <s v=""/>
    <x v="20"/>
    <s v="Employment Insurance"/>
    <s v="Management and Oversight Services,Other"/>
    <s v="ESDC-146"/>
    <s v="In Production"/>
    <s v="mini_main_super"/>
    <x v="1"/>
    <x v="86"/>
  </r>
  <r>
    <x v="0"/>
    <x v="16"/>
    <x v="2607"/>
    <s v="ISP 2005"/>
    <m/>
    <s v=""/>
    <x v="1"/>
    <s v=""/>
    <x v="20"/>
    <s v="Canada Pension Plan;Canada Pension Plan Disability Benefits"/>
    <s v="Other"/>
    <s v="ESDC-148"/>
    <s v="In Production"/>
    <s v="desktop"/>
    <x v="1"/>
    <x v="770"/>
  </r>
  <r>
    <x v="3"/>
    <x v="46"/>
    <x v="2608"/>
    <s v="RPDB"/>
    <m/>
    <s v="Other"/>
    <x v="1"/>
    <s v="IBM Cognos"/>
    <x v="20"/>
    <s v="Canada Pension Plan;Old Age Security;Canada Pension Plan Disability Benefits"/>
    <s v="Other"/>
    <s v="ESDC-151"/>
    <s v="In Production"/>
    <s v="web"/>
    <x v="0"/>
    <x v="771"/>
  </r>
  <r>
    <x v="2"/>
    <x v="20"/>
    <x v="2609"/>
    <s v="ACP"/>
    <m/>
    <s v=""/>
    <x v="1"/>
    <s v=""/>
    <x v="20"/>
    <s v="Employment Insurance"/>
    <s v="Other"/>
    <s v="ESDC-16"/>
    <s v="In Production"/>
    <s v=""/>
    <x v="1"/>
    <x v="772"/>
  </r>
  <r>
    <x v="0"/>
    <x v="8"/>
    <x v="2610"/>
    <s v="JBT"/>
    <s v="Job Bank Translation Module (Old/Legacy)"/>
    <s v=""/>
    <x v="1"/>
    <s v=""/>
    <x v="20"/>
    <s v="Job Bank"/>
    <s v="Other"/>
    <s v="ESDC-164"/>
    <s v="In Production"/>
    <s v="web"/>
    <x v="1"/>
    <x v="773"/>
  </r>
  <r>
    <x v="0"/>
    <x v="16"/>
    <x v="2611"/>
    <s v="ISPLabels"/>
    <m/>
    <s v=""/>
    <x v="1"/>
    <s v=""/>
    <x v="20"/>
    <s v="Old Age Security;Canada Pension Plan;Canada Pension Plan Disability Benefits"/>
    <s v="Other"/>
    <s v="ESDC-168"/>
    <s v="In Production"/>
    <s v="desktop"/>
    <x v="1"/>
    <x v="301"/>
  </r>
  <r>
    <x v="0"/>
    <x v="7"/>
    <x v="2612"/>
    <s v="ACS"/>
    <m/>
    <s v=""/>
    <x v="1"/>
    <s v=""/>
    <x v="20"/>
    <s v="Employment Insurance"/>
    <s v="Other"/>
    <s v="ESDC-17"/>
    <s v="In Production"/>
    <s v="rich"/>
    <x v="1"/>
    <x v="774"/>
  </r>
  <r>
    <x v="2"/>
    <x v="20"/>
    <x v="2613"/>
    <s v="LWR"/>
    <m/>
    <s v=""/>
    <x v="1"/>
    <s v=""/>
    <x v="20"/>
    <s v="Passport;Employment Insurance;In-Person Points of Service;Temporary Foreign Worker Program;Old Age Security;Canada Pension Plan;Canada Student Loans and Grants and Canada Apprentice Loans Program;Canada Education Savings Program;Financial Management Services;Canada Pension Plan Disability Benefits;Homelessness Partnering Strategy;Social Development Partnerships Program;New Horizons for Seniors Program;Enabling Accessibility Fund;Federal Income Support for Parents of Murdered or Missing Children;Opportunities Fund for Persons with Disabilities;Youth Employment Strategy;Targeted Initiative for Older Workers;Enabling Fund for Official Language Minority Communities;Aboriginal Skills and Employment Training Strategy;Skills and Partnership Fund;First Nations Job Fund;Sectoral Initiatives Program;Apprenticeship Grants"/>
    <s v="Financial Management Services,Information Management Services"/>
    <s v="ESDC-175"/>
    <s v="In Production"/>
    <s v="web"/>
    <x v="1"/>
    <x v="775"/>
  </r>
  <r>
    <x v="0"/>
    <x v="16"/>
    <x v="2614"/>
    <s v="MISCIS"/>
    <m/>
    <s v=""/>
    <x v="1"/>
    <s v=""/>
    <x v="20"/>
    <s v="Employment Insurance;Management and Oversight Services"/>
    <s v="Other"/>
    <s v="ESDC-179"/>
    <s v="In Production"/>
    <s v=""/>
    <x v="1"/>
    <x v="764"/>
  </r>
  <r>
    <x v="0"/>
    <x v="8"/>
    <x v="2615"/>
    <s v="AERS"/>
    <s v="Under Section 55.1 of the Employment Insurance (EI) Regulations, employers who wish to participate in this voluntary program forward an extract of their payroll data to Service Canada on a regular, predetermined basis. This information is matched dir"/>
    <s v=""/>
    <x v="1"/>
    <s v=""/>
    <x v="20"/>
    <s v="Employment Insurance;Management and Oversight Services"/>
    <s v="Other"/>
    <s v="ESDC-18"/>
    <s v="In Production"/>
    <s v="web"/>
    <x v="1"/>
    <x v="776"/>
  </r>
  <r>
    <x v="2"/>
    <x v="2"/>
    <x v="2616"/>
    <s v="MPS"/>
    <m/>
    <s v=""/>
    <x v="1"/>
    <s v=""/>
    <x v="20"/>
    <s v="Employment Insurance"/>
    <s v="Other"/>
    <s v="ESDC-181"/>
    <s v="In Production"/>
    <s v="mini_main_super"/>
    <x v="1"/>
    <x v="746"/>
  </r>
  <r>
    <x v="3"/>
    <x v="4"/>
    <x v="2617"/>
    <s v="FMCSIS"/>
    <m/>
    <s v=""/>
    <x v="1"/>
    <s v=""/>
    <x v="20"/>
    <s v="Labour Relations"/>
    <s v="Other"/>
    <s v="ESDC-182"/>
    <s v="In Production"/>
    <s v="desktop"/>
    <x v="1"/>
    <x v="777"/>
  </r>
  <r>
    <x v="0"/>
    <x v="28"/>
    <x v="2618"/>
    <s v="MEIIO"/>
    <m/>
    <s v=""/>
    <x v="1"/>
    <s v=""/>
    <x v="20"/>
    <s v="Employment Insurance"/>
    <s v="Other"/>
    <s v="ESDC-184"/>
    <s v="In Production"/>
    <s v="web"/>
    <x v="1"/>
    <x v="106"/>
  </r>
  <r>
    <x v="2"/>
    <x v="52"/>
    <x v="2619"/>
    <s v="MA, MSCA"/>
    <m/>
    <s v=""/>
    <x v="1"/>
    <s v=""/>
    <x v="20"/>
    <s v="Employment Insurance;Canada Pension Plan;Old Age Security"/>
    <s v="Other"/>
    <s v="ESDC-185"/>
    <s v="In Production"/>
    <s v="web"/>
    <x v="1"/>
    <x v="778"/>
  </r>
  <r>
    <x v="0"/>
    <x v="19"/>
    <x v="2620"/>
    <s v="NATS"/>
    <m/>
    <s v=""/>
    <x v="1"/>
    <s v=""/>
    <x v="20"/>
    <s v="Old Age Security;Canada Pension Plan Disability Benefits;Canada Pension Plan"/>
    <s v="Other"/>
    <s v="ESDC-186"/>
    <s v="In Production"/>
    <s v="desktop"/>
    <x v="1"/>
    <x v="301"/>
  </r>
  <r>
    <x v="2"/>
    <x v="51"/>
    <x v="2621"/>
    <s v="NICS"/>
    <m/>
    <s v=""/>
    <x v="1"/>
    <s v=""/>
    <x v="20"/>
    <s v="Workplace Health and Safety"/>
    <s v="Other"/>
    <s v="ESDC-189"/>
    <s v="In Production"/>
    <s v="desktop"/>
    <x v="1"/>
    <x v="779"/>
  </r>
  <r>
    <x v="0"/>
    <x v="28"/>
    <x v="2622"/>
    <s v="NOC"/>
    <s v="Since its introduction in 1992, the National Occupational Classification system continues to be the authoritative resource on occupational information in Canada. The NOC Web site is used daily by thousands of people to understand the jobs found throu"/>
    <s v=""/>
    <x v="1"/>
    <s v=""/>
    <x v="20"/>
    <s v="Other Government Department Programs;Employment Insurance;Labour Market Development Agreements;Canada Job Fund Agreements;Labour Market Agreements for Persons with Disabilities;Opportunities Fund for Persons with Disabilities;Youth Employment Strategy;Targeted Initiative for Older Workers;Enabling Fund for Official Language Minority Communities;Aboriginal Skills and Employment Training Strategy;Skills and Partnership Fund;First Nations Job Fund;Job Bank;Sectoral Initiatives Program;Literacy and Essential Skills;Skilled Trades and Apprenticeship (Red Seal Program);Apprenticeship Grants;Foreign Credential Recognition Program;Temporary Foreign Worker Program;Canada Student Loans and Grants and Canada Apprentice Loans Program;Labour Standards and Equity;International Labour Affairs;Canada Pension Plan Disability Benefits;Human Resources Management Services;In-Person Points of Service;Government of Canada Internet Presence"/>
    <s v="Other"/>
    <s v="ESDC-191"/>
    <s v="In Production"/>
    <s v="web"/>
    <x v="1"/>
    <x v="780"/>
  </r>
  <r>
    <x v="0"/>
    <x v="0"/>
    <x v="2623"/>
    <s v="NWS"/>
    <m/>
    <s v=""/>
    <x v="1"/>
    <s v=""/>
    <x v="20"/>
    <s v="Employment Insurance"/>
    <s v="Other"/>
    <s v="ESDC-194"/>
    <s v="In Production"/>
    <s v="rich"/>
    <x v="1"/>
    <x v="781"/>
  </r>
  <r>
    <x v="0"/>
    <x v="28"/>
    <x v="2624"/>
    <s v="Negotech"/>
    <s v="A system of record for Collective Agreement storage and retrieval. Negotech is a a searchable, full-text repository of all scanned digitized electronic  agreements.  Clients are able to directly download any agreement they find.  Summaries for each a"/>
    <s v=""/>
    <x v="1"/>
    <s v=""/>
    <x v="20"/>
    <s v="Labour Relations"/>
    <s v="Other"/>
    <s v="ESDC-196"/>
    <s v="In Production"/>
    <s v="web"/>
    <x v="1"/>
    <x v="782"/>
  </r>
  <r>
    <x v="0"/>
    <x v="28"/>
    <x v="2625"/>
    <s v="NHQINS"/>
    <m/>
    <s v=""/>
    <x v="1"/>
    <s v=""/>
    <x v="20"/>
    <s v="Employment Insurance"/>
    <s v="Information Technology Services"/>
    <s v="ESDC-198"/>
    <s v="In Production"/>
    <s v="mini_main_super"/>
    <x v="1"/>
    <x v="86"/>
  </r>
  <r>
    <x v="0"/>
    <x v="16"/>
    <x v="2626"/>
    <s v="APRS"/>
    <m/>
    <s v=""/>
    <x v="1"/>
    <s v=""/>
    <x v="20"/>
    <s v="Employment Insurance"/>
    <s v="Other"/>
    <s v="ESDC-20"/>
    <s v="In Production"/>
    <s v="desktop"/>
    <x v="1"/>
    <x v="783"/>
  </r>
  <r>
    <x v="0"/>
    <x v="28"/>
    <x v="2627"/>
    <s v="OLIS"/>
    <m/>
    <s v=""/>
    <x v="1"/>
    <s v=""/>
    <x v="20"/>
    <s v="Employment Insurance"/>
    <s v="Other"/>
    <s v="ESDC-203"/>
    <s v="In Production"/>
    <s v="mini_main_super"/>
    <x v="1"/>
    <x v="784"/>
  </r>
  <r>
    <x v="6"/>
    <x v="57"/>
    <x v="2628"/>
    <s v="OLC"/>
    <s v="The Online Learning Campus (OLC) is a web-based, e-learning application designed to author and deliver moderated and self-directed courses to registered department employees. The Campus offers many features to course participants, course designers an"/>
    <s v=""/>
    <x v="1"/>
    <s v=""/>
    <x v="20"/>
    <s v="Internal Services"/>
    <s v="Human Resources Management Services"/>
    <s v="ESDC-204"/>
    <s v="In Production"/>
    <s v="web"/>
    <x v="1"/>
    <x v="785"/>
  </r>
  <r>
    <x v="8"/>
    <x v="83"/>
    <x v="2629"/>
    <s v="AGORA.ON.PRV"/>
    <s v="Ontario Region Intranet Site"/>
    <s v=""/>
    <x v="1"/>
    <s v=""/>
    <x v="20"/>
    <s v="Communications Services"/>
    <s v="Communications Services"/>
    <s v="ESDC-206"/>
    <s v="In Production"/>
    <s v=""/>
    <x v="1"/>
    <x v="785"/>
  </r>
  <r>
    <x v="5"/>
    <x v="25"/>
    <x v="2630"/>
    <s v="OOS"/>
    <m/>
    <s v=""/>
    <x v="1"/>
    <s v=""/>
    <x v="20"/>
    <s v="Employment Insurance;Management and Oversight Services"/>
    <s v="Other"/>
    <s v="ESDC-208"/>
    <s v="In Production"/>
    <s v="mini_main_super"/>
    <x v="1"/>
    <x v="746"/>
  </r>
  <r>
    <x v="4"/>
    <x v="5"/>
    <x v="2631"/>
    <s v="RDDB"/>
    <m/>
    <s v=""/>
    <x v="1"/>
    <s v=""/>
    <x v="20"/>
    <s v="Employment Insurance;Labour Market Development Agreements;Job Bank"/>
    <s v="Other"/>
    <s v="ESDC-21"/>
    <s v="In Production"/>
    <s v="mini_main_super"/>
    <x v="1"/>
    <x v="746"/>
  </r>
  <r>
    <x v="4"/>
    <x v="5"/>
    <x v="2632"/>
    <s v="PHS"/>
    <m/>
    <s v=""/>
    <x v="1"/>
    <s v=""/>
    <x v="20"/>
    <s v="Employment Insurance"/>
    <s v="Other"/>
    <s v="ESDC-212"/>
    <s v="In Production"/>
    <s v="mini_main_super"/>
    <x v="1"/>
    <x v="786"/>
  </r>
  <r>
    <x v="4"/>
    <x v="5"/>
    <x v="2633"/>
    <s v="PAD"/>
    <m/>
    <s v=""/>
    <x v="1"/>
    <s v=""/>
    <x v="20"/>
    <s v="Employment Insurance"/>
    <s v="Other"/>
    <s v="ESDC-213"/>
    <s v="In Production"/>
    <s v="mini_main_super"/>
    <x v="1"/>
    <x v="787"/>
  </r>
  <r>
    <x v="0"/>
    <x v="13"/>
    <x v="2634"/>
    <s v="PAYDAC"/>
    <s v="This system receives data from Revenue Canada, monthly, on employer information. While this data identifies many aspects of each employer’s business, the most widely used portion is the employer’s name, address, and phone number."/>
    <s v=""/>
    <x v="1"/>
    <s v=""/>
    <x v="20"/>
    <s v="Employment Insurance;Management and Oversight Services"/>
    <s v="Other"/>
    <s v="ESDC-214"/>
    <s v="In Production"/>
    <s v="mini_main_super"/>
    <x v="1"/>
    <x v="746"/>
  </r>
  <r>
    <x v="0"/>
    <x v="16"/>
    <x v="2635"/>
    <s v="PAC"/>
    <m/>
    <s v=""/>
    <x v="1"/>
    <s v=""/>
    <x v="20"/>
    <s v="Canada Pension Plan;Employment Insurance;Old Age Security;Canada Pension Plan Disability Benefits"/>
    <s v="Other"/>
    <s v="ESDC-219"/>
    <s v="In Production"/>
    <s v="web"/>
    <x v="1"/>
    <x v="788"/>
  </r>
  <r>
    <x v="0"/>
    <x v="7"/>
    <x v="2636"/>
    <s v="PRS"/>
    <m/>
    <s v=""/>
    <x v="1"/>
    <s v=""/>
    <x v="20"/>
    <s v="Employment Insurance"/>
    <s v="Other"/>
    <s v="ESDC-220"/>
    <s v="In Production"/>
    <s v="rich"/>
    <x v="1"/>
    <x v="789"/>
  </r>
  <r>
    <x v="3"/>
    <x v="15"/>
    <x v="2637"/>
    <s v="P&amp;R"/>
    <m/>
    <s v=""/>
    <x v="1"/>
    <s v=""/>
    <x v="20"/>
    <s v="Employment Insurance"/>
    <s v="Other"/>
    <s v="ESDC-224"/>
    <s v="In Production"/>
    <s v="mini_main_super"/>
    <x v="1"/>
    <x v="790"/>
  </r>
  <r>
    <x v="3"/>
    <x v="63"/>
    <x v="2638"/>
    <s v="QUANTA"/>
    <s v="QUANTA is used to ensure that outputs of jobs run on the mainframe or on servers are balanced. If Quanta detects an unbalanced processing it can warn the operator or stop the processing. It also keeps track of all processing by storing all QC reports"/>
    <s v=""/>
    <x v="1"/>
    <s v=""/>
    <x v="20"/>
    <s v=""/>
    <s v="Information Technology Services"/>
    <s v="ESDC-225"/>
    <s v="In Production"/>
    <s v="web"/>
    <x v="1"/>
    <x v="791"/>
  </r>
  <r>
    <x v="0"/>
    <x v="16"/>
    <x v="2639"/>
    <s v="QMS"/>
    <s v="The Quality Monitoring System (QM) provides a monitoring mechanism for Initial Decision claims. On a weekly basis a random selection of the Initial Decision claims created by the Document Control System are captured by the QM System and edited. On a"/>
    <s v=""/>
    <x v="1"/>
    <s v=""/>
    <x v="20"/>
    <s v="Employment Insurance"/>
    <s v="Management and Oversight Services"/>
    <s v="ESDC-226"/>
    <s v="In Production"/>
    <s v="mini_main_super"/>
    <x v="1"/>
    <x v="792"/>
  </r>
  <r>
    <x v="0"/>
    <x v="28"/>
    <x v="2640"/>
    <s v="QPBE"/>
    <m/>
    <s v=""/>
    <x v="1"/>
    <s v=""/>
    <x v="20"/>
    <s v="Employment Insurance"/>
    <s v="Other"/>
    <s v="ESDC-229"/>
    <s v="In Production"/>
    <s v="mini_main_super"/>
    <x v="1"/>
    <x v="793"/>
  </r>
  <r>
    <x v="0"/>
    <x v="13"/>
    <x v="2641"/>
    <s v="ROEDISC"/>
    <m/>
    <s v=""/>
    <x v="1"/>
    <s v=""/>
    <x v="20"/>
    <s v="Canada Pension Plan;Canada Pension Plan Disability Benefits"/>
    <s v="Other"/>
    <s v="ESDC-230"/>
    <s v="In Production"/>
    <s v="web"/>
    <x v="1"/>
    <x v="794"/>
  </r>
  <r>
    <x v="0"/>
    <x v="13"/>
    <x v="2642"/>
    <s v="RCM"/>
    <m/>
    <s v=""/>
    <x v="1"/>
    <s v=""/>
    <x v="20"/>
    <s v="Employment Insurance"/>
    <s v="Other"/>
    <s v="ESDC-232"/>
    <s v="In Production"/>
    <s v="web"/>
    <x v="1"/>
    <x v="795"/>
  </r>
  <r>
    <x v="0"/>
    <x v="13"/>
    <x v="2643"/>
    <s v="RMDS"/>
    <m/>
    <s v=""/>
    <x v="1"/>
    <s v=""/>
    <x v="20"/>
    <s v="Employment Insurance"/>
    <s v="Other"/>
    <s v="ESDC-234"/>
    <s v="In Production"/>
    <s v="rich"/>
    <x v="1"/>
    <x v="796"/>
  </r>
  <r>
    <x v="0"/>
    <x v="7"/>
    <x v="2644"/>
    <s v="ROE Web"/>
    <m/>
    <s v=""/>
    <x v="1"/>
    <s v=""/>
    <x v="20"/>
    <s v="Employment Insurance;Government of Canada Internet Presence"/>
    <s v="Other"/>
    <s v="ESDC-237"/>
    <s v="In Production"/>
    <s v="web"/>
    <x v="1"/>
    <x v="797"/>
  </r>
  <r>
    <x v="7"/>
    <x v="26"/>
    <x v="2645"/>
    <s v="ROE SAT"/>
    <m/>
    <s v=""/>
    <x v="1"/>
    <s v=""/>
    <x v="20"/>
    <s v="Employment Insurance"/>
    <s v="Other"/>
    <s v="ESDC-238"/>
    <s v="In Production"/>
    <s v=""/>
    <x v="1"/>
    <x v="798"/>
  </r>
  <r>
    <x v="9"/>
    <x v="54"/>
    <x v="2646"/>
    <s v="R&amp;A"/>
    <m/>
    <s v=""/>
    <x v="1"/>
    <s v=""/>
    <x v="20"/>
    <s v="Employment Insurance;Canada Pension Plan;Old Age Security"/>
    <s v="Other"/>
    <s v="ESDC-240"/>
    <s v="In Production"/>
    <s v="web"/>
    <x v="1"/>
    <x v="799"/>
  </r>
  <r>
    <x v="3"/>
    <x v="31"/>
    <x v="2647"/>
    <s v="ROH"/>
    <s v="A voluntary, early EI overpayment detection system, where Employers provide details on newly hired or recalled employees."/>
    <s v=""/>
    <x v="1"/>
    <s v=""/>
    <x v="20"/>
    <s v="Employment Insurance;Management and Oversight Services"/>
    <s v="Other"/>
    <s v="ESDC-242"/>
    <s v="In Production"/>
    <s v="web"/>
    <x v="1"/>
    <x v="800"/>
  </r>
  <r>
    <x v="3"/>
    <x v="31"/>
    <x v="2648"/>
    <s v="RCRP"/>
    <m/>
    <s v=""/>
    <x v="1"/>
    <s v=""/>
    <x v="20"/>
    <s v="Employment Insurance;Management and Oversight Services"/>
    <s v="Other"/>
    <s v="ESDC-244"/>
    <s v="In Production"/>
    <s v="mini_main_super"/>
    <x v="1"/>
    <x v="746"/>
  </r>
  <r>
    <x v="3"/>
    <x v="31"/>
    <x v="2649"/>
    <s v="ROEIS"/>
    <m/>
    <s v=""/>
    <x v="1"/>
    <s v=""/>
    <x v="20"/>
    <s v="Employment Insurance;Management and Oversight Services"/>
    <s v="Other"/>
    <s v="ESDC-245"/>
    <s v="In Production"/>
    <s v="mini_main_super"/>
    <x v="1"/>
    <x v="746"/>
  </r>
  <r>
    <x v="0"/>
    <x v="16"/>
    <x v="2650"/>
    <s v="RBRS"/>
    <m/>
    <s v=""/>
    <x v="1"/>
    <s v=""/>
    <x v="20"/>
    <s v="Canada Pension Plan Disability Benefits"/>
    <s v="Other"/>
    <s v="ESDC-246"/>
    <s v="In Production"/>
    <s v=""/>
    <x v="1"/>
    <x v="801"/>
  </r>
  <r>
    <x v="3"/>
    <x v="31"/>
    <x v="2651"/>
    <s v="SEEM"/>
    <m/>
    <s v=""/>
    <x v="1"/>
    <s v=""/>
    <x v="20"/>
    <s v="Employment Insurance;Management and Oversight Services"/>
    <s v="Other"/>
    <s v="ESDC-250"/>
    <s v="In Production"/>
    <s v="mini_main_super"/>
    <x v="1"/>
    <x v="746"/>
  </r>
  <r>
    <x v="0"/>
    <x v="43"/>
    <x v="2652"/>
    <s v="SC Internet"/>
    <s v="Service Canada Departmental Internet Site.  Additional Notes: It is a web site to provide an adaptive static and dynamic web delivery location for department web content and services  The site receives current information ( or historical information"/>
    <s v="Oracle_Canada_ULC"/>
    <x v="4"/>
    <s v=""/>
    <x v="20"/>
    <s v="Employment Insurance;Old Age Security;Canada Pension Plan;Canada Pension Plan Disability Benefits;Canada Disability Savings Program"/>
    <s v="Other"/>
    <s v="ESDC-251"/>
    <s v="In Production"/>
    <s v="web"/>
    <x v="0"/>
    <x v="802"/>
  </r>
  <r>
    <x v="0"/>
    <x v="43"/>
    <x v="2653"/>
    <s v="SC Intranet"/>
    <s v="Service Canada's Departmental Intranet Site.  Notes: Content migrated into HRSDC intranet site.  http://esdc.prv/en/service-canada/index.shtml  The dynamic component also migrated as well, as the other site already had it all. As the dynmic side was"/>
    <s v=""/>
    <x v="1"/>
    <s v=""/>
    <x v="20"/>
    <s v="Passport;Employment Insurance"/>
    <s v="Communications Services"/>
    <s v="ESDC-252"/>
    <s v="In Production"/>
    <s v="web"/>
    <x v="1"/>
    <x v="86"/>
  </r>
  <r>
    <x v="3"/>
    <x v="4"/>
    <x v="2654"/>
    <s v="SIR"/>
    <m/>
    <s v=""/>
    <x v="1"/>
    <s v=""/>
    <x v="20"/>
    <s v="In-Person Points of Service;Other Government Department Programs;Employment Insurance;Job Bank;Canada Student Loans and Grants and Canada Apprentice Loans Program;Old Age Security;Canada Pension Plan;National Child Benefit;Universal Child Care Benefit"/>
    <s v="Other"/>
    <s v="ESDC-254"/>
    <s v="In Production"/>
    <s v="mini_main_super"/>
    <x v="1"/>
    <x v="803"/>
  </r>
  <r>
    <x v="0"/>
    <x v="13"/>
    <x v="2655"/>
    <s v="SUB"/>
    <m/>
    <s v=""/>
    <x v="1"/>
    <s v=""/>
    <x v="20"/>
    <s v="Employment Insurance"/>
    <s v="Other"/>
    <s v="ESDC-259"/>
    <s v="In Production"/>
    <s v="rich"/>
    <x v="1"/>
    <x v="804"/>
  </r>
  <r>
    <x v="0"/>
    <x v="28"/>
    <x v="2656"/>
    <s v="SSA"/>
    <m/>
    <s v=""/>
    <x v="1"/>
    <s v=""/>
    <x v="20"/>
    <s v="Employment Insurance"/>
    <s v="Other"/>
    <s v="ESDC-260"/>
    <s v="In Production"/>
    <s v="desktop"/>
    <x v="1"/>
    <x v="805"/>
  </r>
  <r>
    <x v="3"/>
    <x v="31"/>
    <x v="2657"/>
    <s v="T4SUPP"/>
    <m/>
    <s v=""/>
    <x v="1"/>
    <s v=""/>
    <x v="20"/>
    <s v="Employment Insurance;Management and Oversight Services"/>
    <s v="Other"/>
    <s v="ESDC-262"/>
    <s v="In Production"/>
    <s v="mini_main_super"/>
    <x v="1"/>
    <x v="746"/>
  </r>
  <r>
    <x v="4"/>
    <x v="5"/>
    <x v="2658"/>
    <s v="T4E"/>
    <s v="The main purpose of this application is to gather information from the Computer Pay System (CPS) and Manual Pay System (MPS) in order to produce T4E forms to be mailed at the beginning of each year to the HRDC Clients. These T4 forms must be received"/>
    <s v=""/>
    <x v="1"/>
    <s v=""/>
    <x v="20"/>
    <s v="Employment Insurance"/>
    <s v="Other"/>
    <s v="ESDC-263"/>
    <s v="In Production"/>
    <s v="mini_main_super"/>
    <x v="1"/>
    <x v="806"/>
  </r>
  <r>
    <x v="0"/>
    <x v="0"/>
    <x v="2659"/>
    <s v="TRF"/>
    <m/>
    <s v=""/>
    <x v="1"/>
    <s v=""/>
    <x v="20"/>
    <s v="Labour Market Development Agreements"/>
    <s v="Other"/>
    <s v="ESDC-265"/>
    <s v="In Production"/>
    <s v="web"/>
    <x v="1"/>
    <x v="807"/>
  </r>
  <r>
    <x v="0"/>
    <x v="28"/>
    <x v="2660"/>
    <s v="TISO"/>
    <m/>
    <s v=""/>
    <x v="1"/>
    <s v=""/>
    <x v="20"/>
    <s v="Old Age Security;Canada Pension Plan;Canada Pension Plan Disability Benefits"/>
    <s v="Other"/>
    <s v="ESDC-266"/>
    <s v="In Production"/>
    <s v="web"/>
    <x v="1"/>
    <x v="808"/>
  </r>
  <r>
    <x v="0"/>
    <x v="19"/>
    <x v="2661"/>
    <s v="ISPTELMAIL"/>
    <m/>
    <s v=""/>
    <x v="1"/>
    <s v=""/>
    <x v="20"/>
    <s v="Old Age Security;Canada Pension Plan;Canada Pension Plan Disability Benefits"/>
    <s v="Other"/>
    <s v="ESDC-268"/>
    <s v="In Production"/>
    <s v="desktop"/>
    <x v="1"/>
    <x v="301"/>
  </r>
  <r>
    <x v="4"/>
    <x v="5"/>
    <x v="2662"/>
    <s v="UIC"/>
    <m/>
    <s v=""/>
    <x v="1"/>
    <s v=""/>
    <x v="20"/>
    <s v="Employment Insurance"/>
    <s v="Other"/>
    <s v="ESDC-270"/>
    <s v="In Production"/>
    <s v="web"/>
    <x v="1"/>
    <x v="809"/>
  </r>
  <r>
    <x v="0"/>
    <x v="16"/>
    <x v="2663"/>
    <s v="VUPI"/>
    <m/>
    <s v=""/>
    <x v="1"/>
    <s v=""/>
    <x v="20"/>
    <s v="Old Age Security;Canada Pension Plan;Canada Pension Plan Disability Benefits"/>
    <s v="Other"/>
    <s v="ESDC-273"/>
    <s v="In Production"/>
    <s v="web"/>
    <x v="1"/>
    <x v="810"/>
  </r>
  <r>
    <x v="0"/>
    <x v="13"/>
    <x v="2664"/>
    <s v="VIO"/>
    <s v="The Violations system was a result of the New Legislation Changes (Bill C-12) introduced in January 1997. This system involved the introduction of a new VIOLATION dataset on the Insurance database to track information pertaining to any fraudulent act"/>
    <s v=""/>
    <x v="1"/>
    <s v=""/>
    <x v="20"/>
    <s v="Employment Insurance"/>
    <s v="Other"/>
    <s v="ESDC-274"/>
    <s v="In Production"/>
    <s v="mini_main_super"/>
    <x v="1"/>
    <x v="811"/>
  </r>
  <r>
    <x v="10"/>
    <x v="55"/>
    <x v="2665"/>
    <s v="IH"/>
    <s v="To provide a central IT solution to share data with internal and external partners."/>
    <s v="Microsoft_Corporation"/>
    <x v="1"/>
    <s v="Follow-up"/>
    <x v="20"/>
    <s v="Information Technology Services"/>
    <s v="Information Technology Services"/>
    <s v="ESDC-275"/>
    <s v="In Production"/>
    <s v="web"/>
    <x v="0"/>
    <x v="812"/>
  </r>
  <r>
    <x v="2"/>
    <x v="2"/>
    <x v="2666"/>
    <s v="WRAS"/>
    <m/>
    <s v=""/>
    <x v="1"/>
    <s v=""/>
    <x v="20"/>
    <s v="Other Government Department Programs;Labour Standards and Equity;Financial Management Services"/>
    <s v="Other"/>
    <s v="ESDC-276"/>
    <s v="In Production"/>
    <s v="web"/>
    <x v="1"/>
    <x v="785"/>
  </r>
  <r>
    <x v="4"/>
    <x v="5"/>
    <x v="2667"/>
    <s v="ISPRINT"/>
    <m/>
    <s v=""/>
    <x v="1"/>
    <s v=""/>
    <x v="20"/>
    <s v="Employment Insurance"/>
    <s v="Other"/>
    <s v="ESDC-277"/>
    <s v="In Production"/>
    <s v="mini_main_super"/>
    <x v="1"/>
    <x v="813"/>
  </r>
  <r>
    <x v="4"/>
    <x v="5"/>
    <x v="2668"/>
    <s v="WECS"/>
    <s v="Web application used to retrieve and update error code description for transactions.  This is a database of the description of the error codes and the workarounds. These error codes are generated in other apps when a particular function is executed,"/>
    <s v=""/>
    <x v="1"/>
    <s v=""/>
    <x v="20"/>
    <s v="Employment Insurance"/>
    <s v="Other"/>
    <s v="ESDC-280"/>
    <s v="In Production"/>
    <s v="web"/>
    <x v="1"/>
    <x v="814"/>
  </r>
  <r>
    <x v="0"/>
    <x v="13"/>
    <x v="2669"/>
    <s v="WebCIMS - HRSDC"/>
    <m/>
    <s v="ANet_Solutions_Inc"/>
    <x v="27"/>
    <s v=""/>
    <x v="20"/>
    <s v="Government of Canada Telephone General Enquiries Services;Passport;Employment Insurance;Labour Market Development Agreements;Canada Job Fund Agreements;Labour Market Agreements for Persons with Disabilities;Opportunities Fund for Persons with Disabilities;Youth Employment Strategy;Targeted Initiative for Older Workers;Enabling Fund for Official Language Minority Communities;Aboriginal Skills and Employment Training Strategy;Skills and Partnership Fund;Job Bank;Sectoral Initiatives Program;Literacy and Essential Skills;Skilled Trades and Apprenticeship (Red Seal Program);Apprenticeship Grants;Temporary Foreign Worker Program;Canada Student Loans and Grants and Canada Apprentice Loans Program;Canada Education Savings Program;Workplace Health and Safety;Labour Standards and Equity;Old Age Security;Canada Pension Plan;Canada Pension Plan Disability Benefits;Canada Disability Savings Program;National Child Benefit;Homelessness Partnering Strategy;Social Development Partnerships Program;New Horizons for Seniors Program;Universal Child Care Benefit;Enabling Accessibility Fund;Federal Income Support for Parents of Murdered or Missing Children;Management and Oversight Services;Communications Services;Legal Services;Human Resources Management Services;Financial Management Services;Information Management Services;Information Technology Services;Foreign Credential Recognition Program;International Labour Affairs;Labour Relations"/>
    <s v="Management and Oversight Services"/>
    <s v="ESDC-282"/>
    <s v="In Production"/>
    <s v="web"/>
    <x v="0"/>
    <x v="815"/>
  </r>
  <r>
    <x v="0"/>
    <x v="0"/>
    <x v="2670"/>
    <s v="WIID"/>
    <m/>
    <s v=""/>
    <x v="1"/>
    <s v=""/>
    <x v="20"/>
    <s v="Old Age Security;Canada Pension Plan;Canada Pension Plan Disability Benefits"/>
    <s v="Other"/>
    <s v="ESDC-284"/>
    <s v="In Production"/>
    <s v="desktop"/>
    <x v="1"/>
    <x v="816"/>
  </r>
  <r>
    <x v="3"/>
    <x v="31"/>
    <x v="2671"/>
    <s v="FCDP"/>
    <m/>
    <s v=""/>
    <x v="1"/>
    <s v=""/>
    <x v="20"/>
    <s v="Employment Insurance;Management and Oversight Services"/>
    <s v="Other"/>
    <s v="ESDC-286"/>
    <s v="In Production"/>
    <s v="appliance"/>
    <x v="1"/>
    <x v="746"/>
  </r>
  <r>
    <x v="0"/>
    <x v="13"/>
    <x v="2672"/>
    <s v="FS"/>
    <m/>
    <s v=""/>
    <x v="1"/>
    <s v=""/>
    <x v="20"/>
    <s v="Employment Insurance"/>
    <s v="Other"/>
    <s v="ESDC-287"/>
    <s v="In Production"/>
    <s v="mini_main_super"/>
    <x v="1"/>
    <x v="746"/>
  </r>
  <r>
    <x v="0"/>
    <x v="16"/>
    <x v="2673"/>
    <s v="FWS"/>
    <m/>
    <s v=""/>
    <x v="1"/>
    <s v=""/>
    <x v="20"/>
    <s v="Temporary Foreign Worker Program"/>
    <s v="Other"/>
    <s v="ESDC-292"/>
    <s v="In Production"/>
    <s v="web"/>
    <x v="1"/>
    <x v="817"/>
  </r>
  <r>
    <x v="0"/>
    <x v="28"/>
    <x v="2674"/>
    <s v="FTS"/>
    <m/>
    <s v=""/>
    <x v="1"/>
    <s v=""/>
    <x v="20"/>
    <s v="Employment Insurance"/>
    <s v="Other"/>
    <s v="ESDC-294"/>
    <s v="In Production"/>
    <s v="rich"/>
    <x v="1"/>
    <x v="818"/>
  </r>
  <r>
    <x v="0"/>
    <x v="16"/>
    <x v="2675"/>
    <s v="AMS-OU"/>
    <m/>
    <s v=""/>
    <x v="1"/>
    <s v=""/>
    <x v="20"/>
    <s v="Canada Pension Plan;Employment Insurance;Old Age Security"/>
    <s v="Management and Oversight Services"/>
    <s v="ESDC-295"/>
    <s v="In Production"/>
    <s v="desktop"/>
    <x v="1"/>
    <x v="819"/>
  </r>
  <r>
    <x v="3"/>
    <x v="45"/>
    <x v="2676"/>
    <s v="COPS"/>
    <m/>
    <s v=""/>
    <x v="1"/>
    <s v=""/>
    <x v="20"/>
    <s v="Job Bank"/>
    <s v="Other"/>
    <s v="ESDC-298"/>
    <s v="In Production"/>
    <s v="web"/>
    <x v="1"/>
    <x v="820"/>
  </r>
  <r>
    <x v="0"/>
    <x v="43"/>
    <x v="2677"/>
    <s v="Ellis Chart"/>
    <s v="Ellis Chart was migrated to the EWCMS solution using WET 4 hosted under the SCWASI project in 2016.   The Ellis Chart website provides real-time up to date information on approximately 400 apprenticeable trades in Canada. The data is maintained by 2"/>
    <s v=""/>
    <x v="1"/>
    <s v=""/>
    <x v="20"/>
    <s v="Skilled Trades and Apprenticeship (Red Seal Program)"/>
    <s v="Other"/>
    <s v="ESDC-299"/>
    <s v="In Production"/>
    <s v="web"/>
    <x v="1"/>
    <x v="821"/>
  </r>
  <r>
    <x v="0"/>
    <x v="11"/>
    <x v="2678"/>
    <s v="WSKCAT"/>
    <s v="The Work-Skills-Knowledge &amp; Checklist Admin Tool with Web Service Database Support Application (WSKCAT-WS DSA) provides a knowledge management database environment for research analysts to perform several functions related to creating, updating, and"/>
    <s v=""/>
    <x v="1"/>
    <s v=""/>
    <x v="20"/>
    <s v="Job Bank"/>
    <s v="Other"/>
    <s v="ESDC-300"/>
    <s v="In Production"/>
    <s v="web"/>
    <x v="1"/>
    <x v="822"/>
  </r>
  <r>
    <x v="3"/>
    <x v="34"/>
    <x v="2679"/>
    <s v="IRAS"/>
    <m/>
    <s v="Other"/>
    <x v="1"/>
    <s v="SAS Institute Canada"/>
    <x v="20"/>
    <s v="Employment Insurance;Temporary Foreign Worker Program;Canada Pension Plan;Old Age Security"/>
    <s v="Information Management Services,Management and Oversight Services,Other"/>
    <s v="ESDC-302"/>
    <s v="In Production"/>
    <s v="desktop"/>
    <x v="0"/>
    <x v="823"/>
  </r>
  <r>
    <x v="3"/>
    <x v="46"/>
    <x v="2680"/>
    <s v="IDM"/>
    <m/>
    <s v="Other"/>
    <x v="1"/>
    <s v="SAS Institute Canada"/>
    <x v="20"/>
    <s v="Canada Pension Plan;Temporary Foreign Worker Program;Employment Insurance;Old Age Security"/>
    <s v="Information Management Services,Management and Oversight Services,Other"/>
    <s v="ESDC-303"/>
    <s v="In Production"/>
    <s v="desktop"/>
    <x v="0"/>
    <x v="824"/>
  </r>
  <r>
    <x v="2"/>
    <x v="2"/>
    <x v="2681"/>
    <s v="CMS"/>
    <m/>
    <s v=""/>
    <x v="1"/>
    <s v=""/>
    <x v="20"/>
    <s v="Internal Services"/>
    <s v="Financial Management Services"/>
    <s v="ESDC-323"/>
    <s v="In Production"/>
    <s v="mini_main_super"/>
    <x v="1"/>
    <x v="825"/>
  </r>
  <r>
    <x v="3"/>
    <x v="45"/>
    <x v="2682"/>
    <s v="CLP"/>
    <m/>
    <s v=""/>
    <x v="1"/>
    <s v=""/>
    <x v="20"/>
    <s v="Canada Student Loans and Grants and Canada Apprentice Loans Program;Canada Education Savings Program"/>
    <s v="Other"/>
    <s v="ESDC-328"/>
    <s v="In Production"/>
    <s v="web"/>
    <x v="1"/>
    <x v="826"/>
  </r>
  <r>
    <x v="5"/>
    <x v="100"/>
    <x v="2683"/>
    <s v="CCOHS-Musculoskeletal Injury E-Tool"/>
    <m/>
    <s v=""/>
    <x v="1"/>
    <s v=""/>
    <x v="20"/>
    <s v="Workplace Health and Safety"/>
    <s v="Other"/>
    <s v="ESDC-329"/>
    <s v="In Production"/>
    <s v="web"/>
    <x v="1"/>
    <x v="820"/>
  </r>
  <r>
    <x v="3"/>
    <x v="30"/>
    <x v="2684"/>
    <s v="BRAC"/>
    <m/>
    <s v=""/>
    <x v="1"/>
    <s v=""/>
    <x v="20"/>
    <s v="Employment Insurance"/>
    <s v="Other"/>
    <s v="ESDC-33"/>
    <s v="In Production"/>
    <s v="mini_main_super"/>
    <x v="1"/>
    <x v="746"/>
  </r>
  <r>
    <x v="3"/>
    <x v="45"/>
    <x v="2685"/>
    <s v="FAEYC"/>
    <s v="The Child and Youth Policy unit of the Social Policy Development directorate of Human Resources and Social Development Canada (HRSDC) is responsible for regular reporting of annual ECD and ELCC activities and expenditures on behalf of the Government"/>
    <s v=""/>
    <x v="1"/>
    <s v=""/>
    <x v="20"/>
    <s v="Other Government Department Programs"/>
    <s v="Other"/>
    <s v="ESDC-332"/>
    <s v="In Production"/>
    <s v="web"/>
    <x v="1"/>
    <x v="820"/>
  </r>
  <r>
    <x v="0"/>
    <x v="28"/>
    <x v="2686"/>
    <s v="GICAS"/>
    <s v="The Governor in Council Appointments System (GICAS) was developed in 2007-2008 for use by the Governor in Council Appointments Unit. This tool supports Ministerial Appointments officers by providing direct access to up-to-date information regarding t"/>
    <s v=""/>
    <x v="1"/>
    <s v=""/>
    <x v="20"/>
    <s v="Internal Services"/>
    <s v="Management and Oversight Services,Other"/>
    <s v="ESDC-333"/>
    <s v="In Production"/>
    <s v="web"/>
    <x v="1"/>
    <x v="820"/>
  </r>
  <r>
    <x v="0"/>
    <x v="13"/>
    <x v="2687"/>
    <s v="HIFIS"/>
    <m/>
    <s v=""/>
    <x v="1"/>
    <s v=""/>
    <x v="20"/>
    <s v="Homelessness Partnering Strategy"/>
    <s v="Other"/>
    <s v="ESDC-334"/>
    <s v="In Production"/>
    <s v=""/>
    <x v="1"/>
    <x v="86"/>
  </r>
  <r>
    <x v="3"/>
    <x v="30"/>
    <x v="2688"/>
    <s v="HERIN"/>
    <m/>
    <s v=""/>
    <x v="1"/>
    <s v=""/>
    <x v="20"/>
    <s v="Homelessness Partnering Strategy"/>
    <s v="Other"/>
    <s v="ESDC-335"/>
    <s v="In Production"/>
    <s v="web"/>
    <x v="1"/>
    <x v="827"/>
  </r>
  <r>
    <x v="2"/>
    <x v="40"/>
    <x v="2689"/>
    <s v="IPA"/>
    <m/>
    <s v=""/>
    <x v="1"/>
    <s v=""/>
    <x v="20"/>
    <s v="Old Age Security;Canada Pension Plan;Canada Pension Plan Disability Benefits;Canada Disability Savings Program;Homelessness Partnering Strategy;Social Development Partnerships Program;New Horizons for Seniors Program;Enabling Accessibility Fund"/>
    <s v="Financial Management Services,Management and Oversight Services"/>
    <s v="ESDC-338"/>
    <s v="In Production"/>
    <s v="web"/>
    <x v="1"/>
    <x v="820"/>
  </r>
  <r>
    <x v="0"/>
    <x v="42"/>
    <x v="2690"/>
    <s v="KP"/>
    <s v="The Knowledge Portal is an electronic tool that provides employees throughout the HRSDC portfolio (including Labour Canada, Service Canada, PRI) with a single gateway to the Department's knowledge holdings. Currently the Interactive Forum (IF) is bei"/>
    <s v=""/>
    <x v="1"/>
    <s v=""/>
    <x v="20"/>
    <s v="Information Management Services"/>
    <s v="Information Management Services"/>
    <s v="ESDC-341"/>
    <s v="In Production"/>
    <s v="web"/>
    <x v="1"/>
    <x v="820"/>
  </r>
  <r>
    <x v="3"/>
    <x v="15"/>
    <x v="2691"/>
    <s v="MCL"/>
    <s v="The Master Certification List (MCL) tool provides dynamic, up-to-date information on certified educational institutions across Canada. The Minister of Employment and Social Development Canada (ESDC) certifies post-secondary institutions under the Inc"/>
    <s v=""/>
    <x v="1"/>
    <s v=""/>
    <x v="20"/>
    <s v="Other Government Department Programs;Canada Student Loans and Grants and Canada Apprentice Loans Program"/>
    <s v="Other"/>
    <s v="ESDC-342"/>
    <s v="In Production"/>
    <s v="web"/>
    <x v="1"/>
    <x v="820"/>
  </r>
  <r>
    <x v="3"/>
    <x v="30"/>
    <x v="228"/>
    <s v="PDMS"/>
    <s v="In response to new Proactive Disclosure reporting policies, in 2008-2009 HRSDC released a new, online application to dynamically report on travel and hospitality, contracting, grants and contributions, and HR reclassification within the department. T"/>
    <s v=""/>
    <x v="1"/>
    <s v=""/>
    <x v="20"/>
    <s v="Financial Management Services;Information Management Services"/>
    <s v="Other"/>
    <s v="ESDC-344"/>
    <s v="In Production"/>
    <s v="web"/>
    <x v="1"/>
    <x v="828"/>
  </r>
  <r>
    <x v="0"/>
    <x v="8"/>
    <x v="2692"/>
    <s v="PMPS"/>
    <s v="A two part internal and public facing application that  A) Allows authorized HRSDC Strategic Communications and Stakeholder Relations employees to add, update and track HRSDC formal publications. This includes a workflow of the publication process."/>
    <s v=""/>
    <x v="1"/>
    <s v=""/>
    <x v="20"/>
    <s v="Government of Canada Internet Presence;Other Government Department Programs;Communications Services"/>
    <s v="Communications Services"/>
    <s v="ESDC-345"/>
    <s v="In Production"/>
    <s v="web"/>
    <x v="1"/>
    <x v="820"/>
  </r>
  <r>
    <x v="0"/>
    <x v="11"/>
    <x v="2693"/>
    <s v="RMS"/>
    <s v="Database that stores up-to-date information on ongoing and planned research activities, along with completed research reports, monthly Labour Market reports and Economic updates. Can be accessed through the Knowledge Portal."/>
    <s v=""/>
    <x v="1"/>
    <s v=""/>
    <x v="20"/>
    <s v="Management and Oversight Services"/>
    <s v="Other"/>
    <s v="ESDC-347"/>
    <s v="In Production"/>
    <s v="web"/>
    <x v="1"/>
    <x v="829"/>
  </r>
  <r>
    <x v="2"/>
    <x v="9"/>
    <x v="2694"/>
    <s v="SFRPHI"/>
    <s v="Makes surplus federal real properties available to community organizations, the not-for-profit sector, and other levels of government for projects to help prevent and reduce homelessness."/>
    <s v=""/>
    <x v="1"/>
    <s v=""/>
    <x v="20"/>
    <s v="Homelessness Partnering Strategy"/>
    <s v="Other"/>
    <s v="ESDC-349"/>
    <s v="In Production"/>
    <s v="web"/>
    <x v="1"/>
    <x v="827"/>
  </r>
  <r>
    <x v="0"/>
    <x v="8"/>
    <x v="2695"/>
    <s v="Red Seal"/>
    <s v="In 2015, under the SCWASI project, Red Seal was migrated from a Java application environment into a fully static website.  In 2014, the Red Seal was re-designed/re-developed and implemented using up to date technology and standards. It is using the W"/>
    <s v=""/>
    <x v="1"/>
    <s v=""/>
    <x v="20"/>
    <s v="Skilled Trades and Apprenticeship (Red Seal Program)"/>
    <s v="Information Management Services"/>
    <s v="ESDC-351"/>
    <s v="In Production"/>
    <s v="web"/>
    <x v="1"/>
    <x v="830"/>
  </r>
  <r>
    <x v="3"/>
    <x v="30"/>
    <x v="2696"/>
    <s v="WEIMS"/>
    <m/>
    <s v=""/>
    <x v="1"/>
    <s v=""/>
    <x v="20"/>
    <s v="Labour Standards and Equity"/>
    <s v="Other"/>
    <s v="ESDC-352"/>
    <s v="In Production"/>
    <s v="web"/>
    <x v="1"/>
    <x v="827"/>
  </r>
  <r>
    <x v="3"/>
    <x v="4"/>
    <x v="2697"/>
    <s v="YESDCS"/>
    <m/>
    <s v=""/>
    <x v="1"/>
    <s v=""/>
    <x v="20"/>
    <s v="Youth Employment Strategy"/>
    <s v="Other"/>
    <s v="ESDC-353"/>
    <s v="In Production"/>
    <s v="web"/>
    <x v="1"/>
    <x v="827"/>
  </r>
  <r>
    <x v="3"/>
    <x v="4"/>
    <x v="2698"/>
    <s v="FJID"/>
    <m/>
    <s v=""/>
    <x v="1"/>
    <s v=""/>
    <x v="20"/>
    <s v="Workplace Health and Safety"/>
    <s v="Other"/>
    <s v="ESDC-368"/>
    <s v="In Production"/>
    <s v="web"/>
    <x v="1"/>
    <x v="831"/>
  </r>
  <r>
    <x v="3"/>
    <x v="31"/>
    <x v="2699"/>
    <s v="BRI"/>
    <m/>
    <s v=""/>
    <x v="1"/>
    <s v=""/>
    <x v="20"/>
    <s v="Employment Insurance;Management and Oversight Services"/>
    <s v="Other"/>
    <s v="ESDC-37"/>
    <s v="In Production"/>
    <s v="mini_main_super"/>
    <x v="1"/>
    <x v="746"/>
  </r>
  <r>
    <x v="3"/>
    <x v="31"/>
    <x v="2700"/>
    <s v="IRIS - FW"/>
    <m/>
    <s v="Other"/>
    <x v="1"/>
    <s v="IBM Cognos"/>
    <x v="20"/>
    <s v="Temporary Foreign Worker Program"/>
    <s v="Other"/>
    <s v="ESDC-380"/>
    <s v="In Production"/>
    <s v="web"/>
    <x v="0"/>
    <x v="832"/>
  </r>
  <r>
    <x v="3"/>
    <x v="4"/>
    <x v="2701"/>
    <s v="IRIS - CSGC"/>
    <m/>
    <s v="Other"/>
    <x v="1"/>
    <s v="IBM Cognos"/>
    <x v="20"/>
    <s v="Opportunities Fund for Persons with Disabilities;Youth Employment Strategy;Enabling Fund for Official Language Minority Communities;Aboriginal Skills and Employment Training Strategy;Skills and Partnership Fund;First Nations Job Fund;Sectoral Initiatives Program;Literacy and Essential Skills;Foreign Credential Recognition Program;Homelessness Partnering Strategy;Social Development Partnerships Program;New Horizons for Seniors Program"/>
    <s v="Other"/>
    <s v="ESDC-381"/>
    <s v="In Production"/>
    <s v="web"/>
    <x v="0"/>
    <x v="833"/>
  </r>
  <r>
    <x v="4"/>
    <x v="5"/>
    <x v="2702"/>
    <s v="WSAudit"/>
    <m/>
    <s v=""/>
    <x v="1"/>
    <s v=""/>
    <x v="20"/>
    <s v="Government of Canada Internet Presence;Information Technology Services"/>
    <s v="Information Management Services,Information Technology Services"/>
    <s v="ESDC-384"/>
    <s v="In Production"/>
    <s v="web"/>
    <x v="1"/>
    <x v="834"/>
  </r>
  <r>
    <x v="4"/>
    <x v="5"/>
    <x v="2703"/>
    <s v="WSDBLink"/>
    <m/>
    <s v=""/>
    <x v="1"/>
    <s v=""/>
    <x v="20"/>
    <s v="Government of Canada Internet Presence;Employment Insurance;Canada Disability Savings Program;Labour Relations;Labour Standards and Equity"/>
    <s v="Information Technology Services"/>
    <s v="ESDC-385"/>
    <s v="In Production"/>
    <s v="web"/>
    <x v="1"/>
    <x v="835"/>
  </r>
  <r>
    <x v="4"/>
    <x v="5"/>
    <x v="2704"/>
    <s v="WSED"/>
    <m/>
    <s v=""/>
    <x v="1"/>
    <s v=""/>
    <x v="20"/>
    <s v="Government of Canada Internet Presence;Employment Insurance;Opportunities Fund for Persons with Disabilities;Temporary Foreign Worker Program;Canada Pension Plan;Canada Disability Savings Program;Apprenticeship Grants;Job Bank"/>
    <s v="Information Technology Services"/>
    <s v="ESDC-386"/>
    <s v="In Production"/>
    <s v="web"/>
    <x v="1"/>
    <x v="836"/>
  </r>
  <r>
    <x v="4"/>
    <x v="5"/>
    <x v="2705"/>
    <s v="IMCCE"/>
    <m/>
    <s v=""/>
    <x v="1"/>
    <s v=""/>
    <x v="20"/>
    <s v="Government of Canada Internet Presence;Employment Insurance"/>
    <s v="Information Technology Services"/>
    <s v="ESDC-387"/>
    <s v="In Production"/>
    <s v="web"/>
    <x v="1"/>
    <x v="837"/>
  </r>
  <r>
    <x v="0"/>
    <x v="16"/>
    <x v="2706"/>
    <s v="LA2000"/>
    <m/>
    <s v=""/>
    <x v="1"/>
    <s v=""/>
    <x v="20"/>
    <s v="Workplace Health and Safety;Labour Standards and Equity"/>
    <s v="Other"/>
    <s v="ESDC-390"/>
    <s v="In Production"/>
    <s v="desktop"/>
    <x v="1"/>
    <x v="86"/>
  </r>
  <r>
    <x v="4"/>
    <x v="5"/>
    <x v="2707"/>
    <s v="*Blank last round"/>
    <m/>
    <s v=""/>
    <x v="1"/>
    <s v=""/>
    <x v="20"/>
    <s v="Employment Insurance"/>
    <s v="Other"/>
    <s v="ESDC-392"/>
    <s v="In Production"/>
    <s v="mini_main_super"/>
    <x v="1"/>
    <x v="790"/>
  </r>
  <r>
    <x v="4"/>
    <x v="5"/>
    <x v="2708"/>
    <s v="ROE DWS"/>
    <m/>
    <s v=""/>
    <x v="1"/>
    <s v=""/>
    <x v="20"/>
    <s v="Employment Insurance"/>
    <s v="Other"/>
    <s v="ESDC-393"/>
    <s v="In Production"/>
    <s v="web"/>
    <x v="1"/>
    <x v="838"/>
  </r>
  <r>
    <x v="3"/>
    <x v="31"/>
    <x v="2709"/>
    <s v="IRIS - JB"/>
    <s v="Job Bank Reporting tools (Old/Legacy)"/>
    <s v="Other"/>
    <x v="1"/>
    <s v="IBM Cognos"/>
    <x v="20"/>
    <s v="Job Bank"/>
    <s v="Other"/>
    <s v="ESDC-394"/>
    <s v="In Production"/>
    <s v="web"/>
    <x v="0"/>
    <x v="833"/>
  </r>
  <r>
    <x v="0"/>
    <x v="11"/>
    <x v="2710"/>
    <s v="IRIS - CAWS"/>
    <s v="Provides adhoc reporting functionality for the Citizen Access Workstation Services (CAWS) using Cognos Impromptu"/>
    <s v="Other"/>
    <x v="1"/>
    <s v="IBM Cognos"/>
    <x v="20"/>
    <s v="In-Person Points of Service;Other Government Department Programs"/>
    <s v="Other"/>
    <s v="ESDC-395"/>
    <s v="In Production"/>
    <s v="web"/>
    <x v="0"/>
    <x v="833"/>
  </r>
  <r>
    <x v="3"/>
    <x v="4"/>
    <x v="2711"/>
    <s v="IRIS - CPP"/>
    <m/>
    <s v="Other"/>
    <x v="1"/>
    <s v="IBM Cognos"/>
    <x v="20"/>
    <s v="Canada Pension Plan;Canada Pension Plan Disability Benefits"/>
    <s v="Other"/>
    <s v="ESDC-396"/>
    <s v="In Production"/>
    <s v="web"/>
    <x v="0"/>
    <x v="839"/>
  </r>
  <r>
    <x v="3"/>
    <x v="4"/>
    <x v="2712"/>
    <s v="IRIS - CC"/>
    <m/>
    <s v="Other"/>
    <x v="1"/>
    <s v="IBM Cognos"/>
    <x v="20"/>
    <s v="Old Age Security;Canada Pension Plan;Canada Pension Plan Disability Benefits;Employment Insurance;Temporary Foreign Worker Program;Job Bank"/>
    <s v="Other"/>
    <s v="ESDC-397"/>
    <s v="In Production"/>
    <s v="web"/>
    <x v="0"/>
    <x v="840"/>
  </r>
  <r>
    <x v="0"/>
    <x v="28"/>
    <x v="2713"/>
    <s v="CDSPS"/>
    <m/>
    <s v=""/>
    <x v="1"/>
    <s v=""/>
    <x v="20"/>
    <s v="Canada Disability Savings Program"/>
    <s v="Other"/>
    <s v="ESDC-40"/>
    <s v="In Production"/>
    <s v="rich"/>
    <x v="1"/>
    <x v="841"/>
  </r>
  <r>
    <x v="0"/>
    <x v="0"/>
    <x v="2714"/>
    <s v="CSD"/>
    <s v="Trusted source of information pertaining to IITB's custom built solutions."/>
    <s v=""/>
    <x v="1"/>
    <s v=""/>
    <x v="20"/>
    <s v="Information Technology Services"/>
    <s v="Information Technology Services"/>
    <s v="ESDC-402"/>
    <s v="In Production"/>
    <s v="web"/>
    <x v="1"/>
    <x v="842"/>
  </r>
  <r>
    <x v="4"/>
    <x v="5"/>
    <x v="2715"/>
    <s v="None"/>
    <m/>
    <s v=""/>
    <x v="1"/>
    <s v=""/>
    <x v="20"/>
    <s v="Employment Insurance"/>
    <s v="Other"/>
    <s v="ESDC-403"/>
    <s v="In Production"/>
    <s v="mini_main_super"/>
    <x v="1"/>
    <x v="746"/>
  </r>
  <r>
    <x v="4"/>
    <x v="5"/>
    <x v="2716"/>
    <s v="BNOP-HIST"/>
    <s v="The History system runs once a year. One part of the system runs in each of the ITCs checking the dormant and updating the history BNOP files. The other part is run in Montreal and merges the regional history BNOP files to create the history master B"/>
    <s v=""/>
    <x v="1"/>
    <s v=""/>
    <x v="20"/>
    <s v="Employment Insurance"/>
    <s v="Other"/>
    <s v="ESDC-404"/>
    <s v="In Production"/>
    <s v="mini_main_super"/>
    <x v="1"/>
    <x v="792"/>
  </r>
  <r>
    <x v="4"/>
    <x v="5"/>
    <x v="2717"/>
    <s v="None"/>
    <m/>
    <s v=""/>
    <x v="1"/>
    <s v=""/>
    <x v="20"/>
    <s v="Employment Insurance"/>
    <s v="Other"/>
    <s v="ESDC-405"/>
    <s v="In Production"/>
    <s v="mini_main_super"/>
    <x v="1"/>
    <x v="746"/>
  </r>
  <r>
    <x v="4"/>
    <x v="5"/>
    <x v="2718"/>
    <s v="FOA"/>
    <m/>
    <s v=""/>
    <x v="1"/>
    <s v=""/>
    <x v="20"/>
    <s v="Employment Insurance"/>
    <s v="Other"/>
    <s v="ESDC-406"/>
    <s v="In Production"/>
    <s v="mini_main_super"/>
    <x v="1"/>
    <x v="843"/>
  </r>
  <r>
    <x v="4"/>
    <x v="5"/>
    <x v="2719"/>
    <s v="IDES"/>
    <m/>
    <s v=""/>
    <x v="1"/>
    <s v=""/>
    <x v="20"/>
    <s v="Employment Insurance"/>
    <s v="Other"/>
    <s v="ESDC-407"/>
    <s v="In Production"/>
    <s v="mini_main_super"/>
    <x v="1"/>
    <x v="86"/>
  </r>
  <r>
    <x v="0"/>
    <x v="28"/>
    <x v="2720"/>
    <s v="ME06"/>
    <m/>
    <s v=""/>
    <x v="1"/>
    <s v=""/>
    <x v="20"/>
    <s v="Employment Insurance"/>
    <s v="Other"/>
    <s v="ESDC-408"/>
    <s v="In Production"/>
    <s v="mini_main_super"/>
    <x v="1"/>
    <x v="844"/>
  </r>
  <r>
    <x v="3"/>
    <x v="4"/>
    <x v="2721"/>
    <s v="GoC Newsroom"/>
    <s v="The Canada News Centre provides citizens up-to-the-minute Web access to government news releases and media advisories."/>
    <s v=""/>
    <x v="1"/>
    <s v=""/>
    <x v="20"/>
    <s v="Government of Canada Internet Presence"/>
    <s v="Other"/>
    <s v="ESDC-41"/>
    <s v="In Production"/>
    <s v="web"/>
    <x v="1"/>
    <x v="845"/>
  </r>
  <r>
    <x v="0"/>
    <x v="16"/>
    <x v="2722"/>
    <s v="CSLS"/>
    <m/>
    <s v=""/>
    <x v="1"/>
    <s v=""/>
    <x v="20"/>
    <s v="Canada Student Loans and Grants and Canada Apprentice Loans Program"/>
    <s v="Other"/>
    <s v="ESDC-42"/>
    <s v="In Production"/>
    <s v="web"/>
    <x v="1"/>
    <x v="846"/>
  </r>
  <r>
    <x v="3"/>
    <x v="46"/>
    <x v="2723"/>
    <s v="J90"/>
    <s v="The Wage System (J90) supports the Workplace Information Program by calculating wage information to be used by Statistics Canada, the Bank of Canada and by trade unions, employees, employers and researchers."/>
    <s v=""/>
    <x v="1"/>
    <s v=""/>
    <x v="20"/>
    <s v="Labour Relations"/>
    <s v="Other"/>
    <s v="ESDC-424"/>
    <s v="In Production"/>
    <s v="desktop"/>
    <x v="1"/>
    <x v="847"/>
  </r>
  <r>
    <x v="0"/>
    <x v="43"/>
    <x v="2724"/>
    <s v="CanLearn Tools"/>
    <s v="CanLearn Tools informs, educates, and promotes participation in post-secondary education by providing Canadians with the information they need to save, plan, and pay for their education. Through interactive tools and information on the Canada Student"/>
    <s v=""/>
    <x v="1"/>
    <s v=""/>
    <x v="20"/>
    <s v="Canada Student Loans and Grants and Canada Apprentice Loans Program;Canada Education Savings Program"/>
    <s v="Other"/>
    <s v="ESDC-43"/>
    <s v="In Production"/>
    <s v="web"/>
    <x v="1"/>
    <x v="848"/>
  </r>
  <r>
    <x v="0"/>
    <x v="28"/>
    <x v="2725"/>
    <s v="CESG"/>
    <m/>
    <s v=""/>
    <x v="1"/>
    <s v=""/>
    <x v="20"/>
    <s v="Canada Education Savings Program"/>
    <s v="Other"/>
    <s v="ESDC-44"/>
    <s v="In Production"/>
    <s v="web"/>
    <x v="1"/>
    <x v="849"/>
  </r>
  <r>
    <x v="2"/>
    <x v="10"/>
    <x v="2726"/>
    <s v="BBS - SP"/>
    <s v="This is a Sharepoint 2010 application to replace the outdated BBS.  Systems is used to reserve boardroom and equipemen in the NHQ region for all rooms and equipment that Business Center of CFOB are responsible for."/>
    <s v=""/>
    <x v="1"/>
    <s v=""/>
    <x v="20"/>
    <s v="Materiel Services;Real Property Services"/>
    <s v="Materiel Services,Real Property Services,Travel and Other Administrative Services"/>
    <s v="ESDC-442"/>
    <s v="In Production"/>
    <s v="web"/>
    <x v="1"/>
    <x v="850"/>
  </r>
  <r>
    <x v="10"/>
    <x v="55"/>
    <x v="2727"/>
    <s v="WSEMail"/>
    <m/>
    <s v=""/>
    <x v="1"/>
    <s v=""/>
    <x v="20"/>
    <s v="Government of Canada Internet Presence;Employment Insurance;Temporary Foreign Worker Program;Old Age Security;Canada Pension Plan;Canada Disability Savings Program;Information Technology Services"/>
    <s v="Information Technology Services"/>
    <s v="ESDC-444"/>
    <s v="In Production"/>
    <s v="web"/>
    <x v="1"/>
    <x v="851"/>
  </r>
  <r>
    <x v="3"/>
    <x v="31"/>
    <x v="2728"/>
    <s v="IRIS - IRM"/>
    <s v="Cognos Reporting module for the The In-Person Client Management, Tracking and Reporting (ICMTR) application developed by Innovation, Information and Technology Branch (IITB)."/>
    <s v="Other"/>
    <x v="1"/>
    <s v="IBM Cognos"/>
    <x v="20"/>
    <s v="In-Person Points of Service"/>
    <s v="Other"/>
    <s v="ESDC-445"/>
    <s v="In Production"/>
    <s v="web"/>
    <x v="0"/>
    <x v="852"/>
  </r>
  <r>
    <x v="3"/>
    <x v="45"/>
    <x v="2729"/>
    <s v="IRIS - APUS"/>
    <m/>
    <s v="Other"/>
    <x v="1"/>
    <s v="IBM Cognos"/>
    <x v="20"/>
    <s v="Aboriginal Skills and Employment Training Strategy;Skills and Partnership Fund;First Nations Job Fund"/>
    <s v="Other"/>
    <s v="ESDC-446"/>
    <s v="In Production"/>
    <s v="web"/>
    <x v="0"/>
    <x v="833"/>
  </r>
  <r>
    <x v="3"/>
    <x v="45"/>
    <x v="2730"/>
    <s v="LLS"/>
    <s v="EduCanada is a piece of functionailty built into CanLearn Pro to allow Educational Institutions (EI) to update their own CPIC information relating to school informationa nd program information."/>
    <s v=""/>
    <x v="1"/>
    <s v=""/>
    <x v="20"/>
    <s v="Canada Student Loans and Grants and Canada Apprentice Loans Program"/>
    <s v="Other"/>
    <s v="ESDC-45"/>
    <s v="In Production"/>
    <s v="web"/>
    <x v="1"/>
    <x v="853"/>
  </r>
  <r>
    <x v="3"/>
    <x v="31"/>
    <x v="2731"/>
    <s v="EPAR"/>
    <s v="This Oracle database pulls in data required to use the Computer Post Audit predictive model. The Expand Predictive Analytics to All Regions (EPAR) database continues to be used for that purpose.  EPAR computes and saves the risk score then sends it t"/>
    <s v=""/>
    <x v="1"/>
    <s v=""/>
    <x v="20"/>
    <s v="Employment Insurance;Management and Oversight Services"/>
    <s v="Other"/>
    <s v="ESDC-450"/>
    <s v="In Production"/>
    <s v=""/>
    <x v="1"/>
    <x v="854"/>
  </r>
  <r>
    <x v="0"/>
    <x v="16"/>
    <x v="2732"/>
    <s v="AccessPro Suite"/>
    <m/>
    <s v="Other"/>
    <x v="1"/>
    <s v="CSDC Systems"/>
    <x v="20"/>
    <s v="Management and Oversight Services"/>
    <s v="Other"/>
    <s v="ESDC-452"/>
    <s v="In Production"/>
    <s v="rich"/>
    <x v="0"/>
    <x v="855"/>
  </r>
  <r>
    <x v="0"/>
    <x v="16"/>
    <x v="2733"/>
    <s v="ADMS-P"/>
    <m/>
    <s v=""/>
    <x v="1"/>
    <s v=""/>
    <x v="20"/>
    <s v="Canada Pension Plan;Old Age Security"/>
    <s v="Other"/>
    <s v="ESDC-453"/>
    <s v="In Production"/>
    <s v="web"/>
    <x v="1"/>
    <x v="856"/>
  </r>
  <r>
    <x v="1"/>
    <x v="47"/>
    <x v="2734"/>
    <s v="AdminLauncher"/>
    <s v="Admin Launcher is a secure tool that amalgamates many existing tools and information sources needed by IT professionals into a single unified interface. An administrator signs into Admin Launcher once and from that point does not have to provide cred"/>
    <s v=""/>
    <x v="1"/>
    <s v=""/>
    <x v="20"/>
    <s v="Information Technology Services"/>
    <s v="Information Technology Services"/>
    <s v="ESDC-454"/>
    <s v="In Production"/>
    <s v="desktop"/>
    <x v="1"/>
    <x v="857"/>
  </r>
  <r>
    <x v="0"/>
    <x v="28"/>
    <x v="2735"/>
    <s v="GSS"/>
    <m/>
    <s v=""/>
    <x v="1"/>
    <s v=""/>
    <x v="20"/>
    <s v="Canada Pension Plan;Old Age Security;Canada Pension Plan Disability Benefits"/>
    <s v="Other"/>
    <s v="ESDC-459"/>
    <s v="In Production"/>
    <s v="web"/>
    <x v="1"/>
    <x v="858"/>
  </r>
  <r>
    <x v="0"/>
    <x v="16"/>
    <x v="2736"/>
    <s v="CPMS"/>
    <m/>
    <s v=""/>
    <x v="1"/>
    <s v=""/>
    <x v="20"/>
    <s v="Canada Pension Plan;Canada Pension Plan Disability Benefits"/>
    <s v="Other"/>
    <s v="ESDC-460"/>
    <s v="In Production"/>
    <s v="web"/>
    <x v="1"/>
    <x v="859"/>
  </r>
  <r>
    <x v="0"/>
    <x v="28"/>
    <x v="2737"/>
    <s v="IPRT"/>
    <s v="The Integrity Reporting Program Tool (IPRT) is a Web-based system for centralizing data and supplying reports for the Integrity Services Branch. The web-based reporting tool provides Integrity operational information such as: Savings, Workload Volume"/>
    <s v=""/>
    <x v="1"/>
    <s v=""/>
    <x v="20"/>
    <s v="Employment Insurance;Management and Oversight Services;Old Age Security;Canada Pension Plan;Temporary Foreign Worker Program"/>
    <s v="Other"/>
    <s v="ESDC-461"/>
    <s v="In Production"/>
    <s v="web"/>
    <x v="1"/>
    <x v="860"/>
  </r>
  <r>
    <x v="4"/>
    <x v="5"/>
    <x v="2738"/>
    <s v="SEDX"/>
    <m/>
    <s v=""/>
    <x v="1"/>
    <s v=""/>
    <x v="20"/>
    <s v="Employment Insurance"/>
    <s v="Other"/>
    <s v="ESDC-462"/>
    <s v="In Production"/>
    <s v="mini_main_super"/>
    <x v="1"/>
    <x v="861"/>
  </r>
  <r>
    <x v="0"/>
    <x v="16"/>
    <x v="2739"/>
    <s v="CSI"/>
    <m/>
    <s v=""/>
    <x v="1"/>
    <s v=""/>
    <x v="20"/>
    <s v="Other Government Department Programs"/>
    <s v="Other"/>
    <s v="ESDC-463"/>
    <s v="In Production"/>
    <s v="rich"/>
    <x v="1"/>
    <x v="862"/>
  </r>
  <r>
    <x v="2"/>
    <x v="40"/>
    <x v="207"/>
    <s v="SAP"/>
    <m/>
    <s v="Other"/>
    <x v="1"/>
    <s v="SAP"/>
    <x v="20"/>
    <s v="Management and Oversight Services;Acquisition Services;Materiel Services;Real Property Services;Information Technology Services;Information Management Services;Financial Management Services"/>
    <s v="Other"/>
    <s v="ESDC-464"/>
    <s v="In Production"/>
    <s v="web"/>
    <x v="0"/>
    <x v="863"/>
  </r>
  <r>
    <x v="2"/>
    <x v="3"/>
    <x v="2740"/>
    <s v="PS HCM [ myEMS(PeopleSoft) ]"/>
    <m/>
    <s v="Oracle_Canada_ULC"/>
    <x v="12"/>
    <s v="Follow-up"/>
    <x v="20"/>
    <s v="Human Resources Management Services"/>
    <s v="Human Resources Management Services,Management and Oversight Services"/>
    <s v="ESDC-465"/>
    <s v="In Production"/>
    <s v="web"/>
    <x v="0"/>
    <x v="864"/>
  </r>
  <r>
    <x v="3"/>
    <x v="31"/>
    <x v="2741"/>
    <s v="AIMS"/>
    <m/>
    <s v=""/>
    <x v="1"/>
    <s v=""/>
    <x v="20"/>
    <s v="Employment Insurance"/>
    <s v="Other"/>
    <s v="ESDC-466"/>
    <s v="In Production"/>
    <s v="mini_main_super"/>
    <x v="1"/>
    <x v="865"/>
  </r>
  <r>
    <x v="3"/>
    <x v="31"/>
    <x v="2742"/>
    <s v="OP"/>
    <s v="Office Profiles (OP) is a national web-based application used to maintain and manage pertinent information on Service Canada Centres (SCC) and Scheduled Outreach Sites. This information includes all general contact information, main telephone numbers"/>
    <s v=""/>
    <x v="1"/>
    <s v=""/>
    <x v="20"/>
    <s v="Government of Canada Internet Presence;In-Person Points of Service;Other Government Department Programs"/>
    <s v="Other"/>
    <s v="ESDC-467"/>
    <s v="In Production"/>
    <s v="web"/>
    <x v="1"/>
    <x v="775"/>
  </r>
  <r>
    <x v="0"/>
    <x v="16"/>
    <x v="2743"/>
    <s v="SoR"/>
    <m/>
    <s v=""/>
    <x v="1"/>
    <s v=""/>
    <x v="20"/>
    <s v="Canada Student Loans and Grants and Canada Apprentice Loans Program"/>
    <s v="Other"/>
    <s v="ESDC-468"/>
    <s v="In Production"/>
    <s v="desktop"/>
    <x v="1"/>
    <x v="866"/>
  </r>
  <r>
    <x v="3"/>
    <x v="46"/>
    <x v="2744"/>
    <s v="CGA"/>
    <m/>
    <s v=""/>
    <x v="1"/>
    <s v=""/>
    <x v="20"/>
    <s v="Other Government Department Programs"/>
    <s v="Other"/>
    <s v="ESDC-47"/>
    <s v="In Production"/>
    <s v="web"/>
    <x v="1"/>
    <x v="867"/>
  </r>
  <r>
    <x v="0"/>
    <x v="43"/>
    <x v="2745"/>
    <s v="EWCMS"/>
    <m/>
    <s v="Hewlett_Packard_Canada_Co"/>
    <x v="1"/>
    <s v=""/>
    <x v="20"/>
    <s v="Employment Insurance;Canada Job Fund Agreements;Labour Market Agreements for Persons with Disabilities;Youth Employment Strategy;Aboriginal Skills and Employment Training Strategy;Skills and Partnership Fund;First Nations Job Fund;Job Bank;Literacy and Essential Skills;Apprenticeship Grants;Temporary Foreign Worker Program;Canada Student Loans and Grants and Canada Apprentice Loans Program;Canada Education Savings Program;Labour Standards and Equity;Workplace Health and Safety;Old Age Security;Canada Pension Plan;Canada Pension Plan Disability Benefits;Canada Disability Savings Program;National Child Benefit;Homelessness Partnering Strategy;Social Development Partnerships Program;New Horizons for Seniors Program;Universal Child Care Benefit;Enabling Accessibility Fund;Federal Income Support for Parents of Murdered or Missing Children;Legal Services;Human Resources Management Services"/>
    <s v="Other"/>
    <s v="ESDC-471"/>
    <s v="In Production"/>
    <s v="web"/>
    <x v="0"/>
    <x v="868"/>
  </r>
  <r>
    <x v="3"/>
    <x v="31"/>
    <x v="2746"/>
    <s v="DMSS1"/>
    <m/>
    <s v="Other"/>
    <x v="1"/>
    <s v="SAS Institute Canada"/>
    <x v="20"/>
    <s v="Labour Market Development Agreements;Opportunities Fund for Persons with Disabilities;Youth Employment Strategy;Targeted Initiative for Older Workers;Enabling Fund for Official Language Minority Communities;Aboriginal Skills and Employment Training Strategy;Skills and Partnership Fund;First Nations Job Fund;Foreign Credential Recognition Program;Homelessness Partnering Strategy;Social Development Partnerships Program;New Horizons for Seniors Program"/>
    <s v="Information Technology Services"/>
    <s v="ESDC-476"/>
    <s v="In Production"/>
    <s v="desktop"/>
    <x v="0"/>
    <x v="869"/>
  </r>
  <r>
    <x v="0"/>
    <x v="13"/>
    <x v="2747"/>
    <s v="DTS"/>
    <s v="CLIENT OWNED - NOT SUPPORTED. NO ART CODE. NO SLA.  RISK: Users are relying on it. Keeps track of files using a scanner. Clipper application with a DBase database, installed in several locations across the country. Needs to be replaced ASAP but nobod"/>
    <s v=""/>
    <x v="1"/>
    <s v=""/>
    <x v="20"/>
    <s v="Integrity and Processing"/>
    <s v="Materiel Services"/>
    <s v="ESDC-477"/>
    <s v="In Production"/>
    <s v="desktop"/>
    <x v="1"/>
    <x v="870"/>
  </r>
  <r>
    <x v="0"/>
    <x v="42"/>
    <x v="2748"/>
    <s v="GCOS"/>
    <m/>
    <s v=""/>
    <x v="1"/>
    <s v=""/>
    <x v="20"/>
    <s v="Government of Canada Internet Presence;Opportunities Fund for Persons with Disabilities;Youth Employment Strategy;Enabling Fund for Official Language Minority Communities;Aboriginal Skills and Employment Training Strategy;Skills and Partnership Fund;First Nations Job Fund;Sectoral Initiatives Program;Literacy and Essential Skills;Foreign Credential Recognition Program;Homelessness Partnering Strategy;Social Development Partnerships Program;New Horizons for Seniors Program;Enabling Accessibility Fund"/>
    <s v="Other"/>
    <s v="ESDC-479"/>
    <s v="In Production"/>
    <s v="web"/>
    <x v="1"/>
    <x v="871"/>
  </r>
  <r>
    <x v="0"/>
    <x v="11"/>
    <x v="2749"/>
    <s v="CRIC"/>
    <s v="This online service will provide you with retirement income information, including OAS and CPP benefits. You will need to work through a series of modules in order to estimate your retirement incomes and compare them to the 70% income replacement rat"/>
    <s v=""/>
    <x v="1"/>
    <s v=""/>
    <x v="20"/>
    <s v="Old Age Security;Canada Pension Plan;Canada Pension Plan Disability Benefits"/>
    <s v="Other"/>
    <s v="ESDC-48"/>
    <s v="In Production"/>
    <s v="web"/>
    <x v="1"/>
    <x v="872"/>
  </r>
  <r>
    <x v="0"/>
    <x v="43"/>
    <x v="2750"/>
    <s v="CVA"/>
    <m/>
    <s v=""/>
    <x v="1"/>
    <s v=""/>
    <x v="20"/>
    <s v="Social Development Partnerships Program"/>
    <s v="Other"/>
    <s v="ESDC-486"/>
    <s v="In Production"/>
    <s v="web"/>
    <x v="1"/>
    <x v="873"/>
  </r>
  <r>
    <x v="0"/>
    <x v="11"/>
    <x v="2751"/>
    <s v="BESS"/>
    <s v="To facilitate the provision of advice and guidance from subject matter experts to service delivery representatives in application processing, operational services and client centers."/>
    <s v=""/>
    <x v="1"/>
    <s v=""/>
    <x v="20"/>
    <s v="Employment Insurance;Temporary Foreign Worker Program;Old Age Security;Canada Pension Plan"/>
    <s v="Other"/>
    <s v="ESDC-487"/>
    <s v="In Production"/>
    <s v="desktop"/>
    <x v="1"/>
    <x v="874"/>
  </r>
  <r>
    <x v="6"/>
    <x v="57"/>
    <x v="2069"/>
    <s v="LMS"/>
    <m/>
    <s v=""/>
    <x v="1"/>
    <s v=""/>
    <x v="20"/>
    <s v="Human Resources Management Services;Information Technology Services;Information Management Services"/>
    <s v="Financial Management Services,Human Resources Management Services,Information Management Services,Information Technology Services,Other"/>
    <s v="ESDC-489"/>
    <s v="In Production"/>
    <s v="web"/>
    <x v="1"/>
    <x v="875"/>
  </r>
  <r>
    <x v="0"/>
    <x v="0"/>
    <x v="2752"/>
    <s v="COMMTRANS (T-Plus)"/>
    <s v="Communications Translation System (COMMTRANS), also known as TPlus is an application used by the Language Quality Control Unit (LQCU) to manage translation requests.  This tool is used by the Translation group to track translation requests. Translati"/>
    <s v=""/>
    <x v="1"/>
    <s v=""/>
    <x v="20"/>
    <s v="Internal Services"/>
    <s v="Communications Services"/>
    <s v="ESDC-491"/>
    <s v="In Production"/>
    <s v="web"/>
    <x v="1"/>
    <x v="86"/>
  </r>
  <r>
    <x v="0"/>
    <x v="28"/>
    <x v="2753"/>
    <s v="SIRITS"/>
    <m/>
    <s v=""/>
    <x v="1"/>
    <s v=""/>
    <x v="20"/>
    <s v="Government of Canada Telephone General Enquiries Services"/>
    <s v="Other"/>
    <s v="ESDC-498"/>
    <s v="In Production"/>
    <s v="desktop"/>
    <x v="1"/>
    <x v="777"/>
  </r>
  <r>
    <x v="3"/>
    <x v="31"/>
    <x v="2754"/>
    <s v="IRIS - CFOB"/>
    <m/>
    <s v="Other"/>
    <x v="1"/>
    <s v="IBM Cognos"/>
    <x v="20"/>
    <s v="Passport;Other Government Department Programs;Labour Market Development Agreements;Canada Job Fund Agreements;Labour Market Agreements for Persons with Disabilities;Opportunities Fund for Persons with Disabilities;Youth Employment Strategy;Targeted Initiative for Older Workers;Enabling Fund for Official Language Minority Communities;Aboriginal Skills and Employment Training Strategy;Skills and Partnership Fund;First Nations Job Fund;Job Bank;Sectoral Initiatives Program;Literacy and Essential Skills;Skilled Trades and Apprenticeship (Red Seal Program);Acquisition Services;Materiel Services;Apprenticeship Grants;Foreign Credential Recognition Program;Temporary Foreign Worker Program;Canada Student Loans and Grants and Canada Apprentice Loans Program;Canada Education Savings Program;Labour Relations;Workplace Health and Safety;Labour Standards and Equity;International Labour Affairs;Canada Pension Plan;Old Age Security;Canada Pension Plan Disability Benefits;Canada Disability Savings Program;National Child Benefit;Homelessness Partnering Strategy;Social Development Partnerships Program;New Horizons for Seniors Program;Universal Child Care Benefit;Enabling Accessibility Fund;Management and Oversight Services;Federal Income Support for Parents of Murdered or Missing Children;Communications Services;Legal Services;Human Resources Management Services;Financial Management Services;Information Management Services;Information Technology Services;Real Property Services"/>
    <s v="Other"/>
    <s v="ESDC-499"/>
    <s v="In Production"/>
    <s v="web"/>
    <x v="0"/>
    <x v="833"/>
  </r>
  <r>
    <x v="0"/>
    <x v="42"/>
    <x v="2755"/>
    <s v="AHRDS Internet"/>
    <s v="The AHRDS - Internet application component is to be accessible to the Canadian public via the Internet web interface 24 hours per day, 7 days per week. It is an internet portal for Aboriginal organizations where they access documents they need to rep"/>
    <s v=""/>
    <x v="1"/>
    <s v=""/>
    <x v="20"/>
    <s v="Aboriginal Skills and Employment Training Strategy;Skills and Partnership Fund;First Nations Job Fund"/>
    <s v="Information Management Services"/>
    <s v="ESDC-5"/>
    <s v="In Production"/>
    <s v="web"/>
    <x v="1"/>
    <x v="876"/>
  </r>
  <r>
    <x v="4"/>
    <x v="5"/>
    <x v="2756"/>
    <s v="CP"/>
    <m/>
    <s v=""/>
    <x v="1"/>
    <s v=""/>
    <x v="20"/>
    <s v="Employment Insurance"/>
    <s v="Other"/>
    <s v="ESDC-50"/>
    <s v="In Production"/>
    <s v="mini_main_super"/>
    <x v="1"/>
    <x v="746"/>
  </r>
  <r>
    <x v="3"/>
    <x v="4"/>
    <x v="2757"/>
    <s v="IRIS - HR"/>
    <m/>
    <s v="Other"/>
    <x v="1"/>
    <s v="IBM Cognos"/>
    <x v="20"/>
    <s v="Human Resources Management Services"/>
    <s v="Human Resources Management Services"/>
    <s v="ESDC-500"/>
    <s v="In Production"/>
    <s v="web"/>
    <x v="0"/>
    <x v="833"/>
  </r>
  <r>
    <x v="3"/>
    <x v="31"/>
    <x v="2758"/>
    <s v="IRIS - DARS My CFOB"/>
    <m/>
    <s v="Other"/>
    <x v="1"/>
    <s v="IBM Cognos"/>
    <x v="20"/>
    <s v="Other Government Department Programs;Employment Insurance;Labour Market Development Agreements;Canada Job Fund Agreements;Labour Market Agreements for Persons with Disabilities;Opportunities Fund for Persons with Disabilities;Youth Employment Strategy;Targeted Initiative for Older Workers;Enabling Fund for Official Language Minority Communities;Aboriginal Skills and Employment Training Strategy;Skills and Partnership Fund;First Nations Job Fund;Sectoral Initiatives Program;Literacy and Essential Skills;Skilled Trades and Apprenticeship (Red Seal Program);Apprenticeship Grants;Foreign Credential Recognition Program;Canada Student Loans and Grants and Canada Apprentice Loans Program;Canada Education Savings Program;Temporary Foreign Worker Program;Workplace Health and Safety;Labour Standards and Equity;Old Age Security;Canada Pension Plan;Canada Pension Plan Disability Benefits;Canada Disability Savings Program;National Child Benefit;Homelessness Partnering Strategy;Social Development Partnerships Program;New Horizons for Seniors Program;Universal Child Care Benefit;Enabling Accessibility Fund;Federal Income Support for Parents of Murdered or Missing Children;Management and Oversight Services;Financial Management Services;Information Management Services;Information Technology Services"/>
    <s v="Other"/>
    <s v="ESDC-501"/>
    <s v="In Production"/>
    <s v="web"/>
    <x v="0"/>
    <x v="877"/>
  </r>
  <r>
    <x v="0"/>
    <x v="28"/>
    <x v="2759"/>
    <s v="CIMS"/>
    <m/>
    <s v=""/>
    <x v="1"/>
    <s v=""/>
    <x v="20"/>
    <s v="Human Resources Management Services"/>
    <s v="Human Resources Management Services"/>
    <s v="ESDC-502"/>
    <s v="In Production"/>
    <s v="web"/>
    <x v="1"/>
    <x v="878"/>
  </r>
  <r>
    <x v="4"/>
    <x v="5"/>
    <x v="2760"/>
    <s v=""/>
    <s v=""/>
    <s v=""/>
    <x v="1"/>
    <s v=""/>
    <x v="20"/>
    <s v=""/>
    <s v=""/>
    <s v="ESDC-504"/>
    <s v="In Production"/>
    <s v=""/>
    <x v="1"/>
    <x v="106"/>
  </r>
  <r>
    <x v="0"/>
    <x v="7"/>
    <x v="2761"/>
    <s v="GCQ"/>
    <m/>
    <s v=""/>
    <x v="1"/>
    <s v=""/>
    <x v="20"/>
    <s v="Financial Management Services"/>
    <s v="Management and Oversight Services"/>
    <s v="ESDC-506"/>
    <s v="In Production"/>
    <s v="appliance"/>
    <x v="1"/>
    <x v="86"/>
  </r>
  <r>
    <x v="3"/>
    <x v="63"/>
    <x v="2762"/>
    <s v="ROE-ART"/>
    <s v="This solution is used as a business rule engine for ROE records. ROE records are passed through this module to validate against ROE business rules and then the results are saved to the ROE database."/>
    <s v=""/>
    <x v="1"/>
    <s v=""/>
    <x v="20"/>
    <s v="Employment Insurance"/>
    <s v="Other"/>
    <s v="ESDC-508"/>
    <s v="In Production"/>
    <s v="web"/>
    <x v="1"/>
    <x v="879"/>
  </r>
  <r>
    <x v="0"/>
    <x v="0"/>
    <x v="2763"/>
    <s v="SP 2010"/>
    <m/>
    <s v="Microsoft_Corporation"/>
    <x v="7"/>
    <s v=""/>
    <x v="20"/>
    <s v="Information Management Services;Information Technology Services"/>
    <s v="Information Management Services,Information Technology Services"/>
    <s v="ESDC-514"/>
    <s v="In Production"/>
    <s v="web"/>
    <x v="0"/>
    <x v="880"/>
  </r>
  <r>
    <x v="4"/>
    <x v="5"/>
    <x v="2764"/>
    <s v="Not submitted last round"/>
    <s v="Follow-Up"/>
    <s v="Other"/>
    <x v="1"/>
    <s v="Follow-up"/>
    <x v="20"/>
    <s v="Not Assigned"/>
    <s v="Other"/>
    <s v="ESDC-515"/>
    <s v="In Production"/>
    <s v=""/>
    <x v="0"/>
    <x v="86"/>
  </r>
  <r>
    <x v="4"/>
    <x v="5"/>
    <x v="2765"/>
    <s v="Not submitted last round"/>
    <s v="Follow-Up"/>
    <s v="Other"/>
    <x v="1"/>
    <s v="Follow-up"/>
    <x v="20"/>
    <s v="Not Assigned"/>
    <s v="Other"/>
    <s v="ESDC-516"/>
    <s v="In Production"/>
    <s v=""/>
    <x v="0"/>
    <x v="86"/>
  </r>
  <r>
    <x v="0"/>
    <x v="42"/>
    <x v="2766"/>
    <s v="CAWS"/>
    <s v="Citizen Access Workstation Services (CAWS) is used to provide a secure, controlled and monitored platform for PCs / workstations used by the public to access authorized web sites and software applications from Service Canada Centres and other departm"/>
    <s v=""/>
    <x v="1"/>
    <s v=""/>
    <x v="20"/>
    <s v="Government of Canada Internet Presence;In-Person Points of Service;Other Government Department Programs"/>
    <s v="Other"/>
    <s v="ESDC-52"/>
    <s v="In Production"/>
    <s v="desktop"/>
    <x v="1"/>
    <x v="881"/>
  </r>
  <r>
    <x v="3"/>
    <x v="31"/>
    <x v="2767"/>
    <s v="EIPAR"/>
    <m/>
    <s v=""/>
    <x v="1"/>
    <s v=""/>
    <x v="20"/>
    <s v="Employment Insurance"/>
    <s v="Other"/>
    <s v="ESDC-524"/>
    <s v="In Production"/>
    <s v="web"/>
    <x v="1"/>
    <x v="882"/>
  </r>
  <r>
    <x v="0"/>
    <x v="42"/>
    <x v="2768"/>
    <s v="Secure AHRDS"/>
    <m/>
    <s v=""/>
    <x v="1"/>
    <s v=""/>
    <x v="20"/>
    <s v="Aboriginal Skills and Employment Training Strategy;Skills and Partnership Fund;First Nations Job Fund"/>
    <s v="Other"/>
    <s v="ESDC-525"/>
    <s v="In Production"/>
    <s v="web"/>
    <x v="1"/>
    <x v="883"/>
  </r>
  <r>
    <x v="2"/>
    <x v="3"/>
    <x v="2769"/>
    <s v="HRSC"/>
    <m/>
    <s v=""/>
    <x v="1"/>
    <s v=""/>
    <x v="20"/>
    <s v="Human Resources Management Services"/>
    <s v="Human Resources Management Services"/>
    <s v="ESDC-526"/>
    <s v="In Production"/>
    <s v="web"/>
    <x v="1"/>
    <x v="884"/>
  </r>
  <r>
    <x v="0"/>
    <x v="28"/>
    <x v="2217"/>
    <s v="iNICS"/>
    <m/>
    <s v=""/>
    <x v="1"/>
    <s v=""/>
    <x v="20"/>
    <s v="Workplace Health and Safety"/>
    <s v="Other"/>
    <s v="ESDC-529"/>
    <s v="In Production"/>
    <s v="web"/>
    <x v="1"/>
    <x v="885"/>
  </r>
  <r>
    <x v="4"/>
    <x v="5"/>
    <x v="2770"/>
    <s v="None"/>
    <m/>
    <s v=""/>
    <x v="1"/>
    <s v=""/>
    <x v="20"/>
    <s v="Employment Insurance"/>
    <s v="Other"/>
    <s v="ESDC-530"/>
    <s v="In Production"/>
    <s v="web"/>
    <x v="1"/>
    <x v="886"/>
  </r>
  <r>
    <x v="3"/>
    <x v="31"/>
    <x v="2771"/>
    <s v="IRIS - MSCA"/>
    <m/>
    <s v="Other"/>
    <x v="1"/>
    <s v="IBM Cognos"/>
    <x v="20"/>
    <s v="Employment Insurance;Canada Pension Plan;Canada Pension Plan Disability Benefits;Old Age Security"/>
    <s v="Other"/>
    <s v="ESDC-531"/>
    <s v="In Production"/>
    <s v="web"/>
    <x v="0"/>
    <x v="887"/>
  </r>
  <r>
    <x v="3"/>
    <x v="4"/>
    <x v="2772"/>
    <s v="None"/>
    <m/>
    <s v=""/>
    <x v="1"/>
    <s v=""/>
    <x v="20"/>
    <s v="Aboriginal Skills and Employment Training Strategy;Skills and Partnership Fund;First Nations Job Fund"/>
    <s v="Other"/>
    <s v="ESDC-534"/>
    <s v="In Production"/>
    <s v="web"/>
    <x v="1"/>
    <x v="888"/>
  </r>
  <r>
    <x v="10"/>
    <x v="55"/>
    <x v="2773"/>
    <s v="VEL"/>
    <m/>
    <s v="Microsoft_Corporation"/>
    <x v="1"/>
    <s v="Follow-up"/>
    <x v="20"/>
    <s v="Employment Insurance"/>
    <s v="Other"/>
    <s v="ESDC-535"/>
    <s v="In Production"/>
    <s v="web"/>
    <x v="0"/>
    <x v="889"/>
  </r>
  <r>
    <x v="2"/>
    <x v="58"/>
    <x v="2774"/>
    <s v="IPOCQMS"/>
    <s v="The IPOC QMS is a system that must be used to report nationally required monitoring results. BEAs must input the quality monitoring (QM) results after each review and all results. The system is easy to use and will provide instant QM statistics once"/>
    <s v=""/>
    <x v="1"/>
    <s v=""/>
    <x v="20"/>
    <s v="Employment Insurance"/>
    <s v="Human Resources Management Services,Management and Oversight Services"/>
    <s v="ESDC-537"/>
    <s v="In Production"/>
    <s v="web"/>
    <x v="1"/>
    <x v="890"/>
  </r>
  <r>
    <x v="4"/>
    <x v="5"/>
    <x v="2775"/>
    <s v="None"/>
    <s v="Collects statistics and produces reports on EI business."/>
    <s v=""/>
    <x v="1"/>
    <s v=""/>
    <x v="20"/>
    <s v="Employment Insurance"/>
    <s v="Other"/>
    <s v="ESDC-538"/>
    <s v="In Production"/>
    <s v="mini_main_super"/>
    <x v="1"/>
    <x v="746"/>
  </r>
  <r>
    <x v="4"/>
    <x v="5"/>
    <x v="2776"/>
    <s v="M210"/>
    <s v="A Monthly program to exchange information with the minister of social security of Quebec. This program produces a file that contains information on clients in receipt of welfare benefits."/>
    <s v=""/>
    <x v="1"/>
    <s v=""/>
    <x v="20"/>
    <s v="Not Assigned"/>
    <s v="Other"/>
    <s v="ESDC-541"/>
    <s v="In Production"/>
    <s v="mini_main_super"/>
    <x v="1"/>
    <x v="746"/>
  </r>
  <r>
    <x v="10"/>
    <x v="53"/>
    <x v="2777"/>
    <s v="MSCA-eQ"/>
    <m/>
    <s v=""/>
    <x v="1"/>
    <s v=""/>
    <x v="20"/>
    <s v="Employment Insurance;Canada Pension Plan"/>
    <s v="Other"/>
    <s v="ESDC-542"/>
    <s v="In Production"/>
    <s v="web"/>
    <x v="1"/>
    <x v="891"/>
  </r>
  <r>
    <x v="3"/>
    <x v="31"/>
    <x v="2778"/>
    <s v="IRIS- FJID"/>
    <m/>
    <s v="Other"/>
    <x v="1"/>
    <s v="IBM Cognos"/>
    <x v="20"/>
    <s v="Workplace Health and Safety"/>
    <s v="Information Management Services"/>
    <s v="ESDC-543"/>
    <s v="In Production"/>
    <s v="web"/>
    <x v="0"/>
    <x v="833"/>
  </r>
  <r>
    <x v="0"/>
    <x v="16"/>
    <x v="2779"/>
    <s v="ADMS-EI_SST"/>
    <m/>
    <s v=""/>
    <x v="1"/>
    <s v=""/>
    <x v="20"/>
    <s v="Employment Insurance"/>
    <s v="Management and Oversight Services"/>
    <s v="ESDC-544"/>
    <s v="In Production"/>
    <s v="web"/>
    <x v="1"/>
    <x v="892"/>
  </r>
  <r>
    <x v="0"/>
    <x v="16"/>
    <x v="2780"/>
    <s v="Atrium SST"/>
    <m/>
    <s v=""/>
    <x v="1"/>
    <s v=""/>
    <x v="20"/>
    <s v="Employment Insurance;Old Age Security;Canada Pension Plan Disability Benefits;Canada Pension Plan"/>
    <s v="Other"/>
    <s v="ESDC-545"/>
    <s v="In Production"/>
    <s v="desktop"/>
    <x v="1"/>
    <x v="893"/>
  </r>
  <r>
    <x v="0"/>
    <x v="28"/>
    <x v="2781"/>
    <s v="NWDB"/>
    <s v="The Human Resources Services Branch (HRSB) is focused on providing HR services to our internal workforce, approximately 27,000 employees.  One of the key components of the HRSB service delivery model is self-service tools that enable clients.  The Wo"/>
    <s v=""/>
    <x v="1"/>
    <s v=""/>
    <x v="20"/>
    <s v="Human Resources Management Services"/>
    <s v="Human Resources Management Services"/>
    <s v="ESDC-547"/>
    <s v="In Production"/>
    <s v="web"/>
    <x v="1"/>
    <x v="894"/>
  </r>
  <r>
    <x v="0"/>
    <x v="13"/>
    <x v="2782"/>
    <s v="IRIS-EIWR"/>
    <s v="EIWR allows users in Service Canada to view statistical data which pertains to EI and allows users to communicate and coordinate these statistics with other shareholders (ex. StatCan)."/>
    <s v="Other"/>
    <x v="1"/>
    <s v="IBM Cognos"/>
    <x v="20"/>
    <s v="Employment Insurance"/>
    <s v="Other"/>
    <s v="ESDC-549"/>
    <s v="In Production"/>
    <s v="web"/>
    <x v="0"/>
    <x v="771"/>
  </r>
  <r>
    <x v="0"/>
    <x v="13"/>
    <x v="2783"/>
    <s v="CAIRS"/>
    <m/>
    <s v=""/>
    <x v="1"/>
    <s v=""/>
    <x v="20"/>
    <s v="Labour Relations"/>
    <s v="Other"/>
    <s v="ESDC-55"/>
    <s v="In Production"/>
    <s v="desktop"/>
    <x v="1"/>
    <x v="785"/>
  </r>
  <r>
    <x v="3"/>
    <x v="4"/>
    <x v="2784"/>
    <s v="CIMIS"/>
    <s v="The new Centralized Reporting System should empower the end users with the ability to access information in a timely manner and request information from one system rather than pulling the data from various sources. The new reporting system should inc"/>
    <s v="Other"/>
    <x v="1"/>
    <s v="IBM Cognos"/>
    <x v="20"/>
    <s v="Employment Insurance"/>
    <s v="Other"/>
    <s v="ESDC-551"/>
    <s v="In Production"/>
    <s v="web"/>
    <x v="0"/>
    <x v="895"/>
  </r>
  <r>
    <x v="3"/>
    <x v="31"/>
    <x v="2785"/>
    <s v="SOA"/>
    <m/>
    <s v=""/>
    <x v="1"/>
    <s v=""/>
    <x v="20"/>
    <s v="Employment Insurance;Canada Student Loans and Grants and Canada Apprentice Loans Program"/>
    <s v="Financial Management Services"/>
    <s v="ESDC-556"/>
    <s v="In Production"/>
    <s v="desktop"/>
    <x v="1"/>
    <x v="794"/>
  </r>
  <r>
    <x v="3"/>
    <x v="46"/>
    <x v="2786"/>
    <s v="IRIS - SIR"/>
    <m/>
    <s v="Other"/>
    <x v="1"/>
    <s v="IBM Cognos"/>
    <x v="20"/>
    <s v="Employment Insurance;Job Bank;Other Government Department Programs;Canada Student Loans and Grants and Canada Apprentice Loans Program;Old Age Security;Canada Pension Plan;In-Person Points of Service;National Child Benefit;Universal Child Care Benefit"/>
    <s v="Other"/>
    <s v="ESDC-558"/>
    <s v="In Production"/>
    <s v="web"/>
    <x v="0"/>
    <x v="895"/>
  </r>
  <r>
    <x v="4"/>
    <x v="5"/>
    <x v="2787"/>
    <s v="BCS"/>
    <s v="The Blocked Claims System allows users to access and process selective actions against previously existing Employment Insurance claims which would not otherwise be accessible via existing systems due to the presence of a more recent claim(s) for indi"/>
    <s v=""/>
    <x v="1"/>
    <s v=""/>
    <x v="20"/>
    <s v="Employment Insurance"/>
    <s v="Other"/>
    <s v="ESDC-559"/>
    <s v="In Production"/>
    <s v="mini_main_super"/>
    <x v="1"/>
    <x v="746"/>
  </r>
  <r>
    <x v="3"/>
    <x v="31"/>
    <x v="2788"/>
    <s v="COD, CODS"/>
    <m/>
    <s v=""/>
    <x v="1"/>
    <s v=""/>
    <x v="20"/>
    <s v="Employment Insurance;Management and Oversight Services"/>
    <s v="Other"/>
    <s v="ESDC-56"/>
    <s v="In Production"/>
    <s v="mini_main_super"/>
    <x v="1"/>
    <x v="746"/>
  </r>
  <r>
    <x v="5"/>
    <x v="25"/>
    <x v="2789"/>
    <s v="None"/>
    <m/>
    <s v=""/>
    <x v="1"/>
    <s v=""/>
    <x v="20"/>
    <s v="Employment Insurance;Canada Student Loans and Grants and Canada Apprentice Loans Program;Financial Management Services"/>
    <s v="Financial Management Services"/>
    <s v="ESDC-566"/>
    <s v="In Production"/>
    <s v=""/>
    <x v="1"/>
    <x v="106"/>
  </r>
  <r>
    <x v="2"/>
    <x v="10"/>
    <x v="2790"/>
    <s v=""/>
    <s v=" Point of Sales (POS) Inventory Access Data Base  This tool was developed internally and is used to maintain ESDC point of sales terminal inventory.  We can imports PWGSC monthly statements to create a reconciliation document to ensure accuracy in ma"/>
    <s v=""/>
    <x v="1"/>
    <s v=""/>
    <x v="20"/>
    <s v="Materiel Services;Financial Management Services"/>
    <s v="Financial Management Services,Materiel Services"/>
    <s v="ESDC-571"/>
    <s v="In Production"/>
    <s v=""/>
    <x v="1"/>
    <x v="106"/>
  </r>
  <r>
    <x v="1"/>
    <x v="12"/>
    <x v="2791"/>
    <s v="IVRCCPD"/>
    <s v="Telephony applications used to guide Canadian Citizens to the services they require.  Each component offers the caller a choice of language to continue. It will then either offer canned information to the caller, or allow them to transfer to a live a"/>
    <s v=""/>
    <x v="1"/>
    <s v=""/>
    <x v="20"/>
    <s v="Employment Insurance;Old Age Security;Canada Pension Plan;Canada Pension Plan Disability Benefits;Canada Disability Savings Program"/>
    <s v="Other"/>
    <s v="ESDC-578"/>
    <s v="In Production"/>
    <s v="appliance"/>
    <x v="1"/>
    <x v="896"/>
  </r>
  <r>
    <x v="1"/>
    <x v="12"/>
    <x v="2792"/>
    <s v="IVRE"/>
    <s v="Allows Canadian to access to employment information through an Interactive Voice Response system. Each province and territory manages their own service and inputs the information they desire. Some P\Ts use it to orally record job advertisements taken"/>
    <s v=""/>
    <x v="1"/>
    <s v=""/>
    <x v="20"/>
    <s v="Job Bank"/>
    <s v="Other"/>
    <s v="ESDC-580"/>
    <s v="In Production"/>
    <s v="appliance"/>
    <x v="1"/>
    <x v="896"/>
  </r>
  <r>
    <x v="1"/>
    <x v="12"/>
    <x v="2793"/>
    <s v="IVRLP"/>
    <s v="Interactive Voice Response (IVR) provides callers access to information on the federal labour program such as labour standards, occupational health and safety, pay and employment equity, fire protection and other labour services. It allows callers th"/>
    <s v=""/>
    <x v="1"/>
    <s v=""/>
    <x v="20"/>
    <s v="Workplace Health and Safety;Labour Standards and Equity"/>
    <s v="Other"/>
    <s v="ESDC-581"/>
    <s v="In Production"/>
    <s v="appliance"/>
    <x v="1"/>
    <x v="896"/>
  </r>
  <r>
    <x v="1"/>
    <x v="12"/>
    <x v="2794"/>
    <s v="IVRES"/>
    <s v="Telephony applications that route calls to the National Service Desk, Finance, and iService"/>
    <s v=""/>
    <x v="1"/>
    <s v=""/>
    <x v="20"/>
    <s v="Information Technology Services"/>
    <s v="Management and Oversight Services"/>
    <s v="ESDC-582"/>
    <s v="In Production"/>
    <s v="appliance"/>
    <x v="1"/>
    <x v="896"/>
  </r>
  <r>
    <x v="1"/>
    <x v="12"/>
    <x v="2795"/>
    <s v="IVREIBS"/>
    <s v="Telephony services for the recipients of EI benefits, these services allow callers to access both general EI information, and specific information about their own claime.  It also allows them to enter their bi-weekly reporting information over the te"/>
    <s v=""/>
    <x v="1"/>
    <s v=""/>
    <x v="20"/>
    <s v="Employment Insurance;Job Bank"/>
    <s v="Other"/>
    <s v="ESDC-584"/>
    <s v="In Production"/>
    <s v="appliance"/>
    <x v="1"/>
    <x v="897"/>
  </r>
  <r>
    <x v="1"/>
    <x v="12"/>
    <x v="2796"/>
    <s v="IVRM"/>
    <s v="This applications answers all phone calls to the National IVR system.  It does initial pre-route for all calls and then assigns them to the correct phone application.  It also does the post-route of all calls to either transfer the caller to a live a"/>
    <s v=""/>
    <x v="1"/>
    <s v=""/>
    <x v="20"/>
    <s v="Employment Insurance;Old Age Security;Canada Pension Plan;Canada Disability Savings Program;Canada Pension Plan Disability Benefits"/>
    <s v="Other"/>
    <s v="ESDC-585"/>
    <s v="In Production"/>
    <s v="appliance"/>
    <x v="1"/>
    <x v="898"/>
  </r>
  <r>
    <x v="2"/>
    <x v="52"/>
    <x v="2797"/>
    <s v="MSCBA"/>
    <m/>
    <s v="Oracle_Canada_ULC"/>
    <x v="57"/>
    <s v="Follow-up"/>
    <x v="20"/>
    <s v="Employment Insurance;Canada Student Loans and Grants and Canada Apprentice Loans Program"/>
    <s v="Other"/>
    <s v="ESDC-593"/>
    <s v="In Production"/>
    <s v="web"/>
    <x v="0"/>
    <x v="899"/>
  </r>
  <r>
    <x v="0"/>
    <x v="16"/>
    <x v="2798"/>
    <s v="MSCBAA"/>
    <s v="My Service Canada Business Account for Agents is an intranet web based application designed to manage and register employers who wish to register online to different services offered by Service Canada (currently ROE Web and GCOS) . Other programs and"/>
    <s v=""/>
    <x v="1"/>
    <s v=""/>
    <x v="20"/>
    <s v="Employment Insurance"/>
    <s v="Other"/>
    <s v="ESDC-594"/>
    <s v="In Production"/>
    <s v="web"/>
    <x v="1"/>
    <x v="900"/>
  </r>
  <r>
    <x v="2"/>
    <x v="52"/>
    <x v="2799"/>
    <s v="MSCBA Services"/>
    <m/>
    <s v=""/>
    <x v="1"/>
    <s v=""/>
    <x v="20"/>
    <s v="Employment Insurance;Canada Student Loans and Grants and Canada Apprentice Loans Program"/>
    <s v="Other"/>
    <s v="ESDC-595"/>
    <s v="In Production"/>
    <s v="web"/>
    <x v="1"/>
    <x v="901"/>
  </r>
  <r>
    <x v="0"/>
    <x v="11"/>
    <x v="2800"/>
    <s v="CRT"/>
    <s v="The Common Reference Tool (CRT) is to be used by Service Canada call centers and front-line staff across the country to provide accurate information to citizens."/>
    <s v=""/>
    <x v="1"/>
    <s v=""/>
    <x v="20"/>
    <s v="Employment Insurance;Temporary Foreign Worker Program;Job Bank;Old Age Security;Canada Pension Plan;Canada Pension Plan Disability Benefits"/>
    <s v="Other"/>
    <s v="ESDC-60"/>
    <s v="In Production"/>
    <s v="web"/>
    <x v="1"/>
    <x v="902"/>
  </r>
  <r>
    <x v="2"/>
    <x v="3"/>
    <x v="2801"/>
    <s v="CMS-HR"/>
    <m/>
    <s v=""/>
    <x v="1"/>
    <s v=""/>
    <x v="20"/>
    <s v="Financial Management Services;Human Resources Management Services"/>
    <s v="Human Resources Management Services"/>
    <s v="ESDC-608"/>
    <s v="In Production"/>
    <s v="mini_main_super"/>
    <x v="1"/>
    <x v="86"/>
  </r>
  <r>
    <x v="2"/>
    <x v="9"/>
    <x v="2802"/>
    <s v="CSGC"/>
    <m/>
    <s v=""/>
    <x v="1"/>
    <s v=""/>
    <x v="20"/>
    <s v="Opportunities Fund for Persons with Disabilities;Youth Employment Strategy;Targeted Initiative for Older Workers;Enabling Fund for Official Language Minority Communities;Aboriginal Skills and Employment Training Strategy;Skills and Partnership Fund;First Nations Job Fund;Sectoral Initiatives Program;Literacy and Essential Skills;Foreign Credential Recognition Program;Homelessness Partnering Strategy;Social Development Partnerships Program;New Horizons for Seniors Program;Federal Income Support for Parents of Murdered or Missing Children;Apprenticeship Grants"/>
    <s v="Other"/>
    <s v="ESDC-61"/>
    <s v="In Production"/>
    <s v="web"/>
    <x v="1"/>
    <x v="903"/>
  </r>
  <r>
    <x v="2"/>
    <x v="2"/>
    <x v="2803"/>
    <s v="CMS - CM"/>
    <s v="CMS common modules are Control Data Module (CDM), Table Manager (TM) and Security."/>
    <s v=""/>
    <x v="1"/>
    <s v=""/>
    <x v="20"/>
    <s v="Financial Management Services;Human Resources Management Services"/>
    <s v="Financial Management Services,Human Resources Management Services"/>
    <s v="ESDC-610"/>
    <s v="In Production"/>
    <s v="mini_main_super"/>
    <x v="1"/>
    <x v="86"/>
  </r>
  <r>
    <x v="2"/>
    <x v="2"/>
    <x v="2804"/>
    <s v="None"/>
    <m/>
    <s v=""/>
    <x v="1"/>
    <s v=""/>
    <x v="20"/>
    <s v="Financial Management Services"/>
    <s v="Financial Management Services"/>
    <s v="ESDC-626"/>
    <s v="In Production"/>
    <s v=""/>
    <x v="1"/>
    <x v="785"/>
  </r>
  <r>
    <x v="6"/>
    <x v="27"/>
    <x v="2805"/>
    <s v="CCTS"/>
    <m/>
    <s v=""/>
    <x v="1"/>
    <s v=""/>
    <x v="20"/>
    <s v="Employment Insurance"/>
    <s v="Other"/>
    <s v="ESDC-63"/>
    <s v="In Production"/>
    <s v="mini_main_super"/>
    <x v="1"/>
    <x v="904"/>
  </r>
  <r>
    <x v="6"/>
    <x v="57"/>
    <x v="2806"/>
    <s v="ILMS, SABA"/>
    <s v="Follow-Up"/>
    <s v="Other"/>
    <x v="1"/>
    <s v="Follow-Up"/>
    <x v="20"/>
    <s v="Internal Services"/>
    <s v="Human Resources Management Services"/>
    <s v="ESDC-639"/>
    <s v="InDevelopment"/>
    <s v=""/>
    <x v="0"/>
    <x v="86"/>
  </r>
  <r>
    <x v="2"/>
    <x v="51"/>
    <x v="2807"/>
    <s v="PAAMS"/>
    <m/>
    <s v=""/>
    <x v="1"/>
    <s v=""/>
    <x v="20"/>
    <s v="Employment Insurance"/>
    <s v="Financial Management Services"/>
    <s v="ESDC-65"/>
    <s v="In Production"/>
    <s v="web"/>
    <x v="1"/>
    <x v="905"/>
  </r>
  <r>
    <x v="0"/>
    <x v="11"/>
    <x v="2808"/>
    <s v="PRS"/>
    <s v="A two part application that: A) Is an intranet website providing access to Program, Result and Indicators data for all Strategic Outcomes within the department through search parameters and reports.  B) Is maintained and updated through an Administra"/>
    <s v=""/>
    <x v="1"/>
    <s v=""/>
    <x v="20"/>
    <s v="Management and Oversight Services"/>
    <s v="Other"/>
    <s v="ESDC-655"/>
    <s v="In Production"/>
    <s v="web"/>
    <x v="1"/>
    <x v="820"/>
  </r>
  <r>
    <x v="4"/>
    <x v="5"/>
    <x v="2809"/>
    <s v="PRPDE"/>
    <m/>
    <s v=""/>
    <x v="1"/>
    <s v=""/>
    <x v="20"/>
    <s v="Employment Insurance"/>
    <s v="Other"/>
    <s v="ESDC-657"/>
    <s v="In Production"/>
    <s v="mini_main_super"/>
    <x v="1"/>
    <x v="86"/>
  </r>
  <r>
    <x v="3"/>
    <x v="31"/>
    <x v="2810"/>
    <s v="ADMS-EI - Cognos Reports"/>
    <m/>
    <s v=""/>
    <x v="1"/>
    <s v=""/>
    <x v="20"/>
    <s v="Employment Insurance"/>
    <s v="Management and Oversight Services"/>
    <s v="ESDC-659"/>
    <s v="In Production"/>
    <s v="web"/>
    <x v="1"/>
    <x v="906"/>
  </r>
  <r>
    <x v="0"/>
    <x v="16"/>
    <x v="2811"/>
    <s v="CAAPS"/>
    <s v="The Computer Assisted Appeals Preparation System (CAAPS) consists of a collection of correspondence of MS Word macro-enabled templates. It provides Employment Insurance (EI) agents with appeal issue-customized templates and hundreds of prewritten aut"/>
    <s v=""/>
    <x v="1"/>
    <s v=""/>
    <x v="20"/>
    <s v="Employment Insurance"/>
    <s v="Management and Oversight Services"/>
    <s v="ESDC-66"/>
    <s v="In Production"/>
    <s v="web"/>
    <x v="1"/>
    <x v="907"/>
  </r>
  <r>
    <x v="1"/>
    <x v="47"/>
    <x v="2812"/>
    <s v="SDHA"/>
    <s v="SDH is used by IT staff to help troubleshoot PC issues, view pc information, remotely connect to uses PC’s and perform admin actions (add pc to lists, reboot remotely, connect remotely, view printer info, etc)"/>
    <s v=""/>
    <x v="1"/>
    <s v=""/>
    <x v="20"/>
    <s v="Information Technology Services"/>
    <s v="Information Technology Services"/>
    <s v="ESDC-665"/>
    <s v="In Production"/>
    <s v="web"/>
    <x v="1"/>
    <x v="908"/>
  </r>
  <r>
    <x v="4"/>
    <x v="5"/>
    <x v="2813"/>
    <s v="None"/>
    <m/>
    <s v=""/>
    <x v="1"/>
    <s v=""/>
    <x v="20"/>
    <s v="Canada Pension Plan;Old Age Security;Canada Pension Plan Disability Benefits"/>
    <s v="Other"/>
    <s v="ESDC-667"/>
    <s v="In Production"/>
    <s v=""/>
    <x v="1"/>
    <x v="785"/>
  </r>
  <r>
    <x v="0"/>
    <x v="7"/>
    <x v="2814"/>
    <s v="CCT"/>
    <m/>
    <s v="Other"/>
    <x v="1"/>
    <s v="Pitney Bowes"/>
    <x v="20"/>
    <s v="Old Age Security;Canada Pension Plan"/>
    <s v="Other"/>
    <s v="ESDC-670"/>
    <s v="In Production"/>
    <s v="web"/>
    <x v="0"/>
    <x v="909"/>
  </r>
  <r>
    <x v="5"/>
    <x v="25"/>
    <x v="2815"/>
    <s v="Haver"/>
    <s v="Haver DLX Client is an application consisting of a proprietary time series orientated database system which provides data in the form of tables, charts, and spreadsheets for the purpose of market analysis and risk management.  There is both a server"/>
    <s v="Other"/>
    <x v="1"/>
    <s v="Haver Analytics"/>
    <x v="20"/>
    <s v="Job Bank"/>
    <s v="Other"/>
    <s v="ESDC-672"/>
    <s v="In Production"/>
    <s v="desktop"/>
    <x v="0"/>
    <x v="106"/>
  </r>
  <r>
    <x v="5"/>
    <x v="25"/>
    <x v="2816"/>
    <s v="IBM SPSS"/>
    <s v="IBM SPSS 21 is a COTS data analysis program with comprehensive statistics to solve business and research problems. It consists of various modules. There is a corporate requirement in HRSDC to manipulate files produced by Statistics Canada in IBM SPSS, to provide quantitative support to policy development, research and evaluation through the creation of specialized tables and extracts.  There is a corporate requirement to use IBM SPSS, to enable creation of reports, policy decks and specialized outputs for policy and operational requirements as well as manipulate files in the ongoing operational work of HRSDC/Service Canada."/>
    <s v="Other"/>
    <x v="1"/>
    <s v="IBM"/>
    <x v="20"/>
    <s v=""/>
    <s v="Other"/>
    <s v="ESDC-673"/>
    <s v="In Production"/>
    <s v="desktop"/>
    <x v="0"/>
    <x v="910"/>
  </r>
  <r>
    <x v="5"/>
    <x v="94"/>
    <x v="1948"/>
    <s v="MatLab"/>
    <s v="Follow-Up"/>
    <s v="Other"/>
    <x v="1"/>
    <s v="MathWorks"/>
    <x v="20"/>
    <s v="Employment Insurance"/>
    <s v="Other"/>
    <s v="ESDC-674"/>
    <s v="In Production"/>
    <s v="desktop"/>
    <x v="0"/>
    <x v="86"/>
  </r>
  <r>
    <x v="6"/>
    <x v="27"/>
    <x v="2817"/>
    <s v="n/a"/>
    <m/>
    <s v="Multicorpora_R_D_inc"/>
    <x v="58"/>
    <s v="Follow-up"/>
    <x v="20"/>
    <s v="Job Bank"/>
    <s v="Other"/>
    <s v="ESDC-677"/>
    <s v="In Production"/>
    <s v="desktop"/>
    <x v="0"/>
    <x v="911"/>
  </r>
  <r>
    <x v="2"/>
    <x v="2"/>
    <x v="2818"/>
    <s v="IRIS - LWR"/>
    <s v="Main payment interface recording of payments/receipts from citizens across Canada.  Every Service Canada office in Canada, Labour office, and processing centre enters payments into LWR which then interfaces with SAP to provide a record of cash/credit"/>
    <s v="Other"/>
    <x v="1"/>
    <s v="IBM Cognos"/>
    <x v="20"/>
    <s v="Passport;Employment Insurance;Job Bank;Federal Income Support for Parents of Murdered or Missing Children"/>
    <s v="Financial Management Services"/>
    <s v="ESDC-678"/>
    <s v="In Production"/>
    <s v="web"/>
    <x v="0"/>
    <x v="912"/>
  </r>
  <r>
    <x v="0"/>
    <x v="16"/>
    <x v="2819"/>
    <s v="EIBIS"/>
    <m/>
    <s v=""/>
    <x v="1"/>
    <s v=""/>
    <x v="20"/>
    <s v="Labour Market Development Agreements"/>
    <s v="Other"/>
    <s v="ESDC-683"/>
    <s v="In Production"/>
    <s v="web"/>
    <x v="1"/>
    <x v="913"/>
  </r>
  <r>
    <x v="3"/>
    <x v="4"/>
    <x v="2820"/>
    <s v="Nesstar"/>
    <s v="The Nesstar software suite (Server and Publisher) provides a way to make the statistics as easy to publish, locate, access and protect against unauthorized access, as text. Through this process, statistical knowledge is made more accessible. This inc"/>
    <s v="Other"/>
    <x v="1"/>
    <s v="Nesstar"/>
    <x v="20"/>
    <s v="Labour Market Development Agreements"/>
    <s v="Other"/>
    <s v="ESDC-684"/>
    <s v="In Production"/>
    <s v="web"/>
    <x v="0"/>
    <x v="117"/>
  </r>
  <r>
    <x v="10"/>
    <x v="60"/>
    <x v="2821"/>
    <s v="BPM"/>
    <s v="The Oracle BPM suite  will manage business transaction, both automated processes and human driven processes, between multiple systems."/>
    <s v="Oracle_Canada_ULC"/>
    <x v="59"/>
    <s v=""/>
    <x v="20"/>
    <s v="Old Age Security"/>
    <s v="Other"/>
    <s v="ESDC-685"/>
    <s v="In Production"/>
    <s v=""/>
    <x v="0"/>
    <x v="914"/>
  </r>
  <r>
    <x v="2"/>
    <x v="41"/>
    <x v="2822"/>
    <s v="n/a"/>
    <s v="DynaComm is inventory management software specific for the Quebec region. This software is installed on four desktops and used for the following functions: accounts payable and receivable, audit reports, automated tasks, dashboards and points of sale"/>
    <s v="Other"/>
    <x v="1"/>
    <s v="Follow-Up"/>
    <x v="20"/>
    <s v="Internal Services"/>
    <s v="Acquisition Services"/>
    <s v="ESDC-695"/>
    <s v="In Production"/>
    <s v="desktop"/>
    <x v="0"/>
    <x v="915"/>
  </r>
  <r>
    <x v="2"/>
    <x v="2"/>
    <x v="2823"/>
    <s v="AAS"/>
    <m/>
    <s v=""/>
    <x v="1"/>
    <s v=""/>
    <x v="20"/>
    <s v="Employment Insurance"/>
    <s v="Other"/>
    <s v="ESDC-7"/>
    <s v="In Production"/>
    <s v="mini_main_super"/>
    <x v="1"/>
    <x v="916"/>
  </r>
  <r>
    <x v="4"/>
    <x v="5"/>
    <x v="2824"/>
    <s v=""/>
    <s v="FileScan 1.0 This tool (FileScan) is currently part of a desktop release process (target implementation end date: 2014-01-31). It was developed in house for use in the Recordkeeping project, to scan a folder and subfolders and produce a report of fil"/>
    <s v=""/>
    <x v="1"/>
    <s v=""/>
    <x v="20"/>
    <s v=""/>
    <s v="Other"/>
    <s v="ESDC-700"/>
    <s v="In Production"/>
    <s v="desktop"/>
    <x v="1"/>
    <x v="917"/>
  </r>
  <r>
    <x v="3"/>
    <x v="31"/>
    <x v="2825"/>
    <s v="CMPS"/>
    <m/>
    <s v=""/>
    <x v="1"/>
    <s v=""/>
    <x v="20"/>
    <s v="Employment Insurance"/>
    <s v="Other"/>
    <s v="ESDC-703"/>
    <s v="In Production"/>
    <s v="mini_main_super"/>
    <x v="1"/>
    <x v="918"/>
  </r>
  <r>
    <x v="0"/>
    <x v="43"/>
    <x v="2826"/>
    <s v="JBFeed"/>
    <s v="Job Bank 1.0 component to allow import of jobs sent by the provinces that are then feed to the Job Importer to make them available for the Working in Canada Search functionality."/>
    <s v=""/>
    <x v="1"/>
    <s v=""/>
    <x v="20"/>
    <s v="Job Bank"/>
    <s v="Other"/>
    <s v="ESDC-706"/>
    <s v="In Production"/>
    <s v="appliance"/>
    <x v="1"/>
    <x v="919"/>
  </r>
  <r>
    <x v="3"/>
    <x v="31"/>
    <x v="2827"/>
    <s v="CIS"/>
    <m/>
    <s v=""/>
    <x v="1"/>
    <s v=""/>
    <x v="20"/>
    <s v="Employment Insurance"/>
    <s v="Other"/>
    <s v="ESDC-71"/>
    <s v="In Production"/>
    <s v="mini_main_super"/>
    <x v="1"/>
    <x v="746"/>
  </r>
  <r>
    <x v="0"/>
    <x v="28"/>
    <x v="2828"/>
    <s v="OLES"/>
    <s v="A two part internal and public facing application (http://www7.hrsdc.gc.ca), Office of Literacy and Essential Skills application helps support Branch reporting requirements for literacy and learning initiatives funded within the Grants and Contributi"/>
    <s v=""/>
    <x v="1"/>
    <s v=""/>
    <x v="20"/>
    <s v="Literacy and Essential Skills"/>
    <s v="Other"/>
    <s v="ESDC-714"/>
    <s v="In Production"/>
    <s v="web"/>
    <x v="1"/>
    <x v="920"/>
  </r>
  <r>
    <x v="3"/>
    <x v="31"/>
    <x v="2829"/>
    <s v="ADMS-EI_SST-Cognos Reports"/>
    <m/>
    <s v=""/>
    <x v="1"/>
    <s v=""/>
    <x v="20"/>
    <s v="Employment Insurance"/>
    <s v="Management and Oversight Services"/>
    <s v="ESDC-715"/>
    <s v="In Production"/>
    <s v="web"/>
    <x v="1"/>
    <x v="921"/>
  </r>
  <r>
    <x v="2"/>
    <x v="2"/>
    <x v="2830"/>
    <s v="SOA-EI"/>
    <m/>
    <s v=""/>
    <x v="1"/>
    <s v=""/>
    <x v="20"/>
    <s v="Canada Student Loans and Grants and Canada Apprentice Loans Program;Employment Insurance"/>
    <s v="Financial Management Services"/>
    <s v="ESDC-716"/>
    <s v="In Production"/>
    <s v="desktop"/>
    <x v="1"/>
    <x v="922"/>
  </r>
  <r>
    <x v="0"/>
    <x v="8"/>
    <x v="2831"/>
    <s v="Pensions - BMS"/>
    <m/>
    <s v=""/>
    <x v="1"/>
    <s v=""/>
    <x v="20"/>
    <s v="Old Age Security;Canada Pension Plan Disability Benefits;Canada Pension Plan"/>
    <s v="Other"/>
    <s v="ESDC-718"/>
    <s v="In Production"/>
    <s v="mini_main_super"/>
    <x v="1"/>
    <x v="923"/>
  </r>
  <r>
    <x v="0"/>
    <x v="13"/>
    <x v="2832"/>
    <s v="RAIS"/>
    <m/>
    <s v=""/>
    <x v="1"/>
    <s v=""/>
    <x v="20"/>
    <s v="Canada Pension Plan;Employment Insurance;Old Age Security"/>
    <s v="Other"/>
    <s v="ESDC-720"/>
    <s v="In Production"/>
    <s v="web"/>
    <x v="1"/>
    <x v="919"/>
  </r>
  <r>
    <x v="10"/>
    <x v="80"/>
    <x v="2833"/>
    <s v="DSB"/>
    <m/>
    <s v="Oracle_Canada_ULC"/>
    <x v="4"/>
    <s v="Follow-Up"/>
    <x v="20"/>
    <s v="Information Technology Services;Human Resources Management Services;Financial Management Services;Employment Insurance;Apprenticeship Grants;Canada Pension Plan;Old Age Security;Federal Income Support for Parents of Murdered or Missing Children"/>
    <s v="Information Technology Services"/>
    <s v="ESDC-721"/>
    <s v="In Production"/>
    <s v=""/>
    <x v="0"/>
    <x v="924"/>
  </r>
  <r>
    <x v="0"/>
    <x v="16"/>
    <x v="2834"/>
    <s v="ITRDS WS"/>
    <m/>
    <s v=""/>
    <x v="1"/>
    <s v=""/>
    <x v="20"/>
    <s v="Canada Pension Plan;Canada Pension Plan Disability Benefits"/>
    <s v="Other"/>
    <s v="ESDC-722"/>
    <s v="In Production"/>
    <s v="web"/>
    <x v="1"/>
    <x v="925"/>
  </r>
  <r>
    <x v="2"/>
    <x v="23"/>
    <x v="2835"/>
    <s v="TeamMate Suite"/>
    <m/>
    <s v="Other"/>
    <x v="1"/>
    <s v="Wolters Kluwer"/>
    <x v="20"/>
    <s v="Management and Oversight Services"/>
    <s v="Management and Oversight Services"/>
    <s v="ESDC-723"/>
    <s v="In Production"/>
    <s v="rich"/>
    <x v="0"/>
    <x v="926"/>
  </r>
  <r>
    <x v="4"/>
    <x v="5"/>
    <x v="2836"/>
    <s v="None"/>
    <m/>
    <s v=""/>
    <x v="1"/>
    <s v=""/>
    <x v="20"/>
    <s v="Employment Insurance"/>
    <s v="Other"/>
    <s v="ESDC-724"/>
    <s v="In Production"/>
    <s v="mini_main_super"/>
    <x v="1"/>
    <x v="746"/>
  </r>
  <r>
    <x v="10"/>
    <x v="60"/>
    <x v="2837"/>
    <s v="EPR"/>
    <s v="The Enterprise Process Repository provides a central location  for process information and process maps.  It is where processes diagrams are developed, stored, reviewed and approved.    The repository is built on the COTS product iGrafx Process Centr"/>
    <s v="Other"/>
    <x v="1"/>
    <s v="iGrafx LLC"/>
    <x v="20"/>
    <s v="Management and Oversight Services"/>
    <s v="Management and Oversight Services"/>
    <s v="ESDC-725"/>
    <s v="In Production"/>
    <s v="desktop"/>
    <x v="0"/>
    <x v="927"/>
  </r>
  <r>
    <x v="0"/>
    <x v="16"/>
    <x v="2838"/>
    <s v="IMGWSCPP"/>
    <m/>
    <s v=""/>
    <x v="1"/>
    <s v=""/>
    <x v="20"/>
    <s v="Old Age Security;Canada Pension Plan Disability Benefits;Canada Pension Plan"/>
    <s v="Other"/>
    <s v="ESDC-726"/>
    <s v="In Production"/>
    <s v="web"/>
    <x v="1"/>
    <x v="928"/>
  </r>
  <r>
    <x v="1"/>
    <x v="1"/>
    <x v="2839"/>
    <s v="SIPT"/>
    <s v="The Self-Install Printer Tool (SIPT) was designed to give employees the ability to install their own multifunction devices or printers without the need to submit a request to the National Service Desk. This tool will enable access to a printer more q"/>
    <s v=""/>
    <x v="1"/>
    <s v=""/>
    <x v="20"/>
    <s v="Information Technology Services"/>
    <s v="Information Technology Services"/>
    <s v="ESDC-727"/>
    <s v="In Production"/>
    <s v="desktop"/>
    <x v="1"/>
    <x v="929"/>
  </r>
  <r>
    <x v="1"/>
    <x v="101"/>
    <x v="2840"/>
    <s v="*Blank last round"/>
    <s v="The Application Launcher is an in-house developed Windows application that is deployed to each user’s desktop.  It is the single point of entry to all client/server applications (IMPACT and IMS versions).  It provides controlled and secure access to"/>
    <s v=""/>
    <x v="1"/>
    <s v=""/>
    <x v="20"/>
    <s v="Government of Canada Telephone General Enquiries Services;Other Government Department Programs"/>
    <s v="Other"/>
    <s v="ESDC-728"/>
    <s v="In Production"/>
    <s v="desktop"/>
    <x v="1"/>
    <x v="930"/>
  </r>
  <r>
    <x v="0"/>
    <x v="28"/>
    <x v="2841"/>
    <s v="ISCC"/>
    <s v="This is an application deployed on the 47 Clarence Intranet and available to all in-person representatives  across Canada at Service Canada In-Person centres. IMPACT/ISCC is able to search the ‘up to the minute’ information holdings in order to provi"/>
    <s v=""/>
    <x v="1"/>
    <s v=""/>
    <x v="20"/>
    <s v="In-Person Points of Service"/>
    <s v="Other"/>
    <s v="ESDC-729"/>
    <s v="In Production"/>
    <s v="web"/>
    <x v="1"/>
    <x v="931"/>
  </r>
  <r>
    <x v="2"/>
    <x v="103"/>
    <x v="2842"/>
    <s v="STAR"/>
    <s v="The Staffing Task Authorization Request (STAR) application is an in-house developed Windows application that is a support tool for the Canada Enquiry Centre.  This tool allows users to make resource requests to fill staffing positions required within"/>
    <s v=""/>
    <x v="1"/>
    <s v=""/>
    <x v="20"/>
    <s v="Government of Canada Telephone General Enquiries Services;Other Government Department Programs"/>
    <s v="Other"/>
    <s v="ESDC-730"/>
    <s v="In Production"/>
    <s v="desktop"/>
    <x v="1"/>
    <x v="86"/>
  </r>
  <r>
    <x v="1"/>
    <x v="12"/>
    <x v="2843"/>
    <s v="CEC HelpDesk"/>
    <s v="An open source, web-based general purpose issue tracking application known as BugTracker.net.  This application provides the 47 Clarence a convenient web-based tool to track bugs and issues found within the environment.  There are three environments:"/>
    <s v=""/>
    <x v="1"/>
    <s v=""/>
    <x v="20"/>
    <s v="Government of Canada Telephone General Enquiries Services"/>
    <s v="Other"/>
    <s v="ESDC-733"/>
    <s v="In Production"/>
    <s v="web"/>
    <x v="1"/>
    <x v="932"/>
  </r>
  <r>
    <x v="3"/>
    <x v="31"/>
    <x v="2844"/>
    <s v="NPMT"/>
    <s v="EI Benefit Processing in PPSB developed high-level business needs for a national tool to measure performance of EI processing staff from the individual level to the regional roll up."/>
    <s v=""/>
    <x v="1"/>
    <s v=""/>
    <x v="20"/>
    <s v="Employment Insurance"/>
    <s v="Human Resources Management Services"/>
    <s v="ESDC-745"/>
    <s v="In Production"/>
    <s v="web"/>
    <x v="1"/>
    <x v="933"/>
  </r>
  <r>
    <x v="3"/>
    <x v="46"/>
    <x v="2845"/>
    <s v="IRIS - CPPDR"/>
    <m/>
    <s v="Other"/>
    <x v="1"/>
    <s v="IBM Cognos"/>
    <x v="20"/>
    <s v="Canada Pension Plan;Canada Pension Plan Disability Benefits"/>
    <s v="Other"/>
    <s v="ESDC-746"/>
    <s v="In Production"/>
    <s v="web"/>
    <x v="0"/>
    <x v="887"/>
  </r>
  <r>
    <x v="3"/>
    <x v="31"/>
    <x v="2846"/>
    <s v="IRIS- FMCSIS"/>
    <s v="IRIS-FMCSIS will replace some of the current MARS reports which will no longer be available to the Labour Program clients.  IRIS-FMCSIS also introduced the new Cognos 10 reporting platform along with ADHOC reporting capabilities."/>
    <s v="Other"/>
    <x v="1"/>
    <s v="IBM Cognos"/>
    <x v="20"/>
    <s v="Labour Relations"/>
    <s v="Management and Oversight Services,Other"/>
    <s v="ESDC-749"/>
    <s v="In Production"/>
    <s v="web"/>
    <x v="0"/>
    <x v="934"/>
  </r>
  <r>
    <x v="0"/>
    <x v="18"/>
    <x v="2847"/>
    <s v="CLSViewer"/>
    <m/>
    <s v=""/>
    <x v="1"/>
    <s v=""/>
    <x v="20"/>
    <s v="Employment Insurance"/>
    <s v="Other"/>
    <s v="ESDC-75"/>
    <s v="In Production"/>
    <s v="desktop"/>
    <x v="1"/>
    <x v="935"/>
  </r>
  <r>
    <x v="3"/>
    <x v="31"/>
    <x v="2848"/>
    <s v="IRIS-LMDA"/>
    <m/>
    <s v="Other"/>
    <x v="1"/>
    <s v="IBM Cognos"/>
    <x v="20"/>
    <s v="Labour Market Development Agreements"/>
    <s v="Other"/>
    <s v="ESDC-750"/>
    <s v="In Production"/>
    <s v="web"/>
    <x v="0"/>
    <x v="936"/>
  </r>
  <r>
    <x v="0"/>
    <x v="16"/>
    <x v="2849"/>
    <s v="BERT"/>
    <m/>
    <s v=""/>
    <x v="1"/>
    <s v=""/>
    <x v="20"/>
    <s v="Canada Pension Plan;Old Age Security;Canada Pension Plan Disability Benefits"/>
    <s v="Information Management Services,Management and Oversight Services"/>
    <s v="ESDC-751"/>
    <s v="In Production"/>
    <s v="web"/>
    <x v="1"/>
    <x v="937"/>
  </r>
  <r>
    <x v="5"/>
    <x v="94"/>
    <x v="2850"/>
    <s v="RDSP"/>
    <s v="The RDSP calculator estimates the potential amount of grant money the beneficiary could receive based on the beneficiary's family income and the amounts you or someone else contribute to the RDSP.  Launched in 2014-15, the latest version includes the"/>
    <s v=""/>
    <x v="1"/>
    <s v=""/>
    <x v="20"/>
    <s v="Canada Disability Savings Program"/>
    <s v="Other"/>
    <s v="ESDC-752"/>
    <s v="In Production"/>
    <s v="web"/>
    <x v="1"/>
    <x v="938"/>
  </r>
  <r>
    <x v="0"/>
    <x v="28"/>
    <x v="2851"/>
    <s v="*Blank last round"/>
    <m/>
    <s v=""/>
    <x v="1"/>
    <s v=""/>
    <x v="20"/>
    <s v="Government of Canada Telephone General Enquiries Services;Other Government Department Programs"/>
    <s v="Other"/>
    <s v="ESDC-755"/>
    <s v="In Production"/>
    <s v="desktop"/>
    <x v="1"/>
    <x v="939"/>
  </r>
  <r>
    <x v="0"/>
    <x v="28"/>
    <x v="2852"/>
    <s v="*Blank last round"/>
    <s v="This is an intranet web application that acts as the back-up application for the information officers in the event that IMPACT 6.0 is unavailable.  An intranet version of IMPACT exists for all IMPACT applications for information retrieval.   The exte"/>
    <s v=""/>
    <x v="1"/>
    <s v=""/>
    <x v="20"/>
    <s v="Government of Canada Telephone General Enquiries Services;Other Government Department Programs"/>
    <s v="Other"/>
    <s v="ESDC-757"/>
    <s v="In Production"/>
    <s v="web"/>
    <x v="1"/>
    <x v="940"/>
  </r>
  <r>
    <x v="2"/>
    <x v="58"/>
    <x v="2853"/>
    <s v="EMS"/>
    <s v="The Electronic Monitoring System (EMS) is an in-house developed web application deployed to the CEC intranet. EMS is essentially a monitoring tool used by the Canada Enquiry Centre (CEC) to evaluate the quality of the calls answered by the Informatio"/>
    <s v=""/>
    <x v="1"/>
    <s v=""/>
    <x v="20"/>
    <s v="Government of Canada Telephone General Enquiries Services;Other Government Department Programs;Government of Canada Internet Presence"/>
    <s v="Other"/>
    <s v="ESDC-758"/>
    <s v="In Production"/>
    <s v="web"/>
    <x v="1"/>
    <x v="940"/>
  </r>
  <r>
    <x v="2"/>
    <x v="58"/>
    <x v="2854"/>
    <s v="RB"/>
    <s v="Report Builder is a custom developed Intranet application for the Canada Enquiry Centre. Its primary purpose is to allow users to group together multiple enquiry objects and demographic filters, over variable timeframes. It was extended to enable the"/>
    <s v=""/>
    <x v="1"/>
    <s v=""/>
    <x v="20"/>
    <s v="Government of Canada Telephone General Enquiries Services;Other Government Department Programs"/>
    <s v="Other"/>
    <s v="ESDC-759"/>
    <s v="In Production"/>
    <s v="web"/>
    <x v="1"/>
    <x v="941"/>
  </r>
  <r>
    <x v="0"/>
    <x v="7"/>
    <x v="2855"/>
    <s v="WS"/>
    <s v="The Web Service resides on a webserver at 47 Clarence.  This application currently has two areas of functionality.  Generating and sending the HTML content via email for both Contact and Product information requested by the IMPACT 6.0 and IMPACT/ISCC"/>
    <s v=""/>
    <x v="1"/>
    <s v=""/>
    <x v="20"/>
    <s v="Government of Canada Telephone General Enquiries Services;Other Government Department Programs;In-Person Points of Service"/>
    <s v="Other"/>
    <s v="ESDC-760"/>
    <s v="In Production"/>
    <s v="web"/>
    <x v="1"/>
    <x v="942"/>
  </r>
  <r>
    <x v="0"/>
    <x v="11"/>
    <x v="2856"/>
    <s v="IMS"/>
    <s v="Information Management System (IMS) is a client-server Windows application that is the primary tool used by the Integrated Content Management (ICM) users who are responsible for managing, editing and publishing the bilingual, non-client specific, inf"/>
    <s v=""/>
    <x v="1"/>
    <s v=""/>
    <x v="20"/>
    <s v="Government of Canada Telephone General Enquiries Services;Other Government Department Programs;In-Person Points of Service"/>
    <s v="Other"/>
    <s v="ESDC-761"/>
    <s v="In Production"/>
    <s v="desktop"/>
    <x v="1"/>
    <x v="939"/>
  </r>
  <r>
    <x v="0"/>
    <x v="43"/>
    <x v="2857"/>
    <s v="TDA"/>
    <s v="The Daily Administration (TDA) system is a web application deployed to the 47 Clarence intranet.  This application is a tool used by the ICM group to create articles to advise service delivery agents about new program developments and share informati"/>
    <s v=""/>
    <x v="1"/>
    <s v=""/>
    <x v="20"/>
    <s v="Government of Canada Telephone General Enquiries Services;In-Person Points of Service;Other Government Department Programs"/>
    <s v="Other"/>
    <s v="ESDC-762"/>
    <s v="In Production"/>
    <s v="web"/>
    <x v="1"/>
    <x v="932"/>
  </r>
  <r>
    <x v="0"/>
    <x v="62"/>
    <x v="2858"/>
    <s v="ARF"/>
    <m/>
    <s v=""/>
    <x v="1"/>
    <s v=""/>
    <x v="20"/>
    <s v="Government of Canada Telephone General Enquiries Services;Other Government Department Programs"/>
    <s v="Other"/>
    <s v="ESDC-763"/>
    <s v="In Production"/>
    <s v="web"/>
    <x v="1"/>
    <x v="943"/>
  </r>
  <r>
    <x v="0"/>
    <x v="7"/>
    <x v="2859"/>
    <s v="PMS"/>
    <s v="The Product Management System (PMS) is an in-house developed custom intranet application. This application allows users to link information that is related to the products that will be offered through our services to the Information Management System"/>
    <s v=""/>
    <x v="1"/>
    <s v=""/>
    <x v="20"/>
    <s v="Government of Canada Telephone General Enquiries Services;In-Person Points of Service;Other Government Department Programs"/>
    <s v="Other"/>
    <s v="ESDC-764"/>
    <s v="In Production"/>
    <s v="web"/>
    <x v="1"/>
    <x v="940"/>
  </r>
  <r>
    <x v="0"/>
    <x v="7"/>
    <x v="2860"/>
    <s v="*Blank last round"/>
    <s v="The IMS Document Service (3.0) application is a Windows Service.  This service is running on an application server 24/7/365 and is responsible for ensuring that the ‘library’ of content used by the Integrated Content Management (ICM) group is up-to-d"/>
    <s v=""/>
    <x v="1"/>
    <s v=""/>
    <x v="20"/>
    <s v="Government of Canada Telephone General Enquiries Services;In-Person Points of Service;Other Government Department Programs"/>
    <s v="Other"/>
    <s v="ESDC-765"/>
    <s v="In Production"/>
    <s v="desktop"/>
    <x v="1"/>
    <x v="86"/>
  </r>
  <r>
    <x v="1"/>
    <x v="12"/>
    <x v="2861"/>
    <s v="UserAdmin"/>
    <s v="The User Administrator 3.0 application is an in-house developed support the Canada Enquiry Centre Helpdesk.  This Windows application allows Helpdesk users to assign any user found on the CIPS domain to a variety of Windows Active Directory groups th"/>
    <s v=""/>
    <x v="1"/>
    <s v=""/>
    <x v="20"/>
    <s v="Government of Canada Telephone General Enquiries Services"/>
    <s v="Other"/>
    <s v="ESDC-768"/>
    <s v="In Production"/>
    <s v="desktop"/>
    <x v="1"/>
    <x v="824"/>
  </r>
  <r>
    <x v="3"/>
    <x v="31"/>
    <x v="2862"/>
    <s v="DCT"/>
    <s v="The Detailed Call Tracking (DCT) is a web application deployed to the 47 Clarence intranet.  This application assists Service Canada Specialized Call Centres (EI – CPP/OAS – ECC etc..) in tracking and reporting specific activities associated with cal"/>
    <s v=""/>
    <x v="1"/>
    <s v=""/>
    <x v="20"/>
    <s v="Canada Pension Plan;Canada Pension Plan Disability Benefits;Old Age Security;Temporary Foreign Worker Program;Job Bank;Employment Insurance"/>
    <s v="Information Management Services"/>
    <s v="ESDC-770"/>
    <s v="In Production"/>
    <s v="web"/>
    <x v="1"/>
    <x v="940"/>
  </r>
  <r>
    <x v="2"/>
    <x v="3"/>
    <x v="2863"/>
    <s v="EHD-IBI"/>
    <m/>
    <s v="Other"/>
    <x v="1"/>
    <s v="IBM Cognos"/>
    <x v="20"/>
    <s v="Human Resources Management Services"/>
    <s v="Human Resources Management Services"/>
    <s v="ESDC-771"/>
    <s v="In Production"/>
    <s v="web"/>
    <x v="0"/>
    <x v="944"/>
  </r>
  <r>
    <x v="3"/>
    <x v="31"/>
    <x v="2864"/>
    <s v="CCMIS"/>
    <s v="The Nortel CCMIS is the server that is used to manage 1 800 O-Canada's ACDs that are on Bell's Centrex Switch. Supervisors, Team Leaders, TLs and Managers are equipped with stations that allow them to view the activity of the call centre LIVE and rea"/>
    <s v="Other"/>
    <x v="1"/>
    <s v="Follow-Up"/>
    <x v="20"/>
    <s v="Government of Canada Telephone General Enquiries Services;Other Government Department Programs"/>
    <s v="Other"/>
    <s v="ESDC-772"/>
    <s v="In Production"/>
    <s v="rich"/>
    <x v="0"/>
    <x v="945"/>
  </r>
  <r>
    <x v="6"/>
    <x v="21"/>
    <x v="2865"/>
    <s v="Talisma CIM"/>
    <m/>
    <s v="Other"/>
    <x v="1"/>
    <s v="Moxiesoft"/>
    <x v="20"/>
    <s v="Other Government Department Programs;Government of Canada Internet Presence"/>
    <s v="Other"/>
    <s v="ESDC-773"/>
    <s v="In Production"/>
    <s v="web"/>
    <x v="0"/>
    <x v="946"/>
  </r>
  <r>
    <x v="1"/>
    <x v="12"/>
    <x v="2866"/>
    <s v="*Blank last round"/>
    <s v="Verint Impact 360 Workforce Management solution: V11.1  Workforce Management solution for call center staff.  Used for employee scheduling and call volume forecasting."/>
    <s v="Other"/>
    <x v="1"/>
    <s v="Follow-Up"/>
    <x v="20"/>
    <s v="Government of Canada Telephone General Enquiries Services;Other Government Department Programs"/>
    <s v="Other"/>
    <s v="ESDC-774"/>
    <s v="In Production"/>
    <s v="web"/>
    <x v="0"/>
    <x v="947"/>
  </r>
  <r>
    <x v="3"/>
    <x v="31"/>
    <x v="2867"/>
    <s v="*Blank last round"/>
    <m/>
    <s v="Other"/>
    <x v="1"/>
    <s v="Follow-Up"/>
    <x v="20"/>
    <s v="Government of Canada Telephone General Enquiries Services;Other Government Department Programs"/>
    <s v="Other"/>
    <s v="ESDC-775"/>
    <s v="In Production"/>
    <s v="rich"/>
    <x v="0"/>
    <x v="948"/>
  </r>
  <r>
    <x v="0"/>
    <x v="11"/>
    <x v="2868"/>
    <s v="*Blank last round"/>
    <s v="This is an intranet site where tools are available to employees to assist them in their daily tasks (e.g. standards, templates, user manuals, resources, feedback forms, etc.)."/>
    <s v=""/>
    <x v="1"/>
    <s v=""/>
    <x v="20"/>
    <s v="Government of Canada Telephone General Enquiries Services;In-Person Points of Service;Other Government Department Programs"/>
    <s v="Other"/>
    <s v="ESDC-776"/>
    <s v="In Production"/>
    <s v="web"/>
    <x v="1"/>
    <x v="949"/>
  </r>
  <r>
    <x v="1"/>
    <x v="12"/>
    <x v="2869"/>
    <s v=""/>
    <s v="The iAgent project is designed to update the current ARWEB application used by clients when they submit tickets electronically on the Intranet. It is being designed to provide the same functionality as ARWeb.  iAgent will query the client for informa"/>
    <s v=""/>
    <x v="1"/>
    <s v=""/>
    <x v="20"/>
    <s v="Information Technology Services"/>
    <s v="Information Technology Services"/>
    <s v="ESDC-777"/>
    <s v="In Production"/>
    <s v="web"/>
    <x v="1"/>
    <x v="950"/>
  </r>
  <r>
    <x v="0"/>
    <x v="43"/>
    <x v="2870"/>
    <s v="JB2"/>
    <m/>
    <s v=""/>
    <x v="1"/>
    <s v=""/>
    <x v="20"/>
    <s v="Job Bank"/>
    <s v="Other"/>
    <s v="ESDC-778"/>
    <s v="In Production"/>
    <s v="web"/>
    <x v="1"/>
    <x v="951"/>
  </r>
  <r>
    <x v="3"/>
    <x v="45"/>
    <x v="2871"/>
    <s v="IVRFF"/>
    <s v="A framework that will allow for all future telephony applications to be built in dynamically generated VXML code.  This framework will reside on the build server only and will become part of the compiled versions of all telephony applications from th"/>
    <s v=""/>
    <x v="1"/>
    <s v=""/>
    <x v="20"/>
    <s v="Employment Insurance;Old Age Security;Canada Pension Plan;Canada Pension Plan Disability Benefits"/>
    <s v="Other"/>
    <s v="ESDC-779"/>
    <s v="In Production"/>
    <s v="appliance"/>
    <x v="1"/>
    <x v="952"/>
  </r>
  <r>
    <x v="1"/>
    <x v="12"/>
    <x v="2872"/>
    <s v="IVRMF"/>
    <m/>
    <s v=""/>
    <x v="1"/>
    <s v=""/>
    <x v="20"/>
    <s v="Employment Insurance;Old Age Security;Canada Pension Plan;Canada Pension Plan Disability Benefits"/>
    <s v="Other"/>
    <s v="ESDC-780"/>
    <s v="In Production"/>
    <s v=""/>
    <x v="1"/>
    <x v="953"/>
  </r>
  <r>
    <x v="3"/>
    <x v="4"/>
    <x v="2873"/>
    <s v="IVRNQAT"/>
    <s v="Web based quality monitoring tool to evaluate perfromance of call centre agents."/>
    <s v=""/>
    <x v="1"/>
    <s v=""/>
    <x v="20"/>
    <s v="Employment Insurance;Job Bank;Temporary Foreign Worker Program;Canada Pension Plan;Old Age Security;Canada Pension Plan Disability Benefits"/>
    <s v="Other"/>
    <s v="ESDC-781"/>
    <s v="In Production"/>
    <s v="web"/>
    <x v="1"/>
    <x v="86"/>
  </r>
  <r>
    <x v="1"/>
    <x v="12"/>
    <x v="2874"/>
    <s v="IVRRS"/>
    <s v="Reporting tools on Call Centre traffic"/>
    <s v=""/>
    <x v="1"/>
    <s v=""/>
    <x v="20"/>
    <s v="Employment Insurance;Old Age Security;Canada Pension Plan;Canada Pension Plan Disability Benefits;Canada Disability Savings Program"/>
    <s v="Other"/>
    <s v="ESDC-782"/>
    <s v="In Production"/>
    <s v="web"/>
    <x v="1"/>
    <x v="86"/>
  </r>
  <r>
    <x v="0"/>
    <x v="8"/>
    <x v="2875"/>
    <s v="IVRAS"/>
    <s v="Administrative tools to support the telephony environment"/>
    <s v=""/>
    <x v="1"/>
    <s v=""/>
    <x v="20"/>
    <s v="Old Age Security;Canada Pension Plan;Canada Pension Plan Disability Benefits;Employment Insurance"/>
    <s v="Other"/>
    <s v="ESDC-783"/>
    <s v="In Production"/>
    <s v="appliance"/>
    <x v="1"/>
    <x v="954"/>
  </r>
  <r>
    <x v="1"/>
    <x v="12"/>
    <x v="2876"/>
    <s v="IVRCSS"/>
    <s v="Client used configuration tools to change how information is presented to callers to their IVR systems.  This includes setting holidays, recording voice scripts, setting business hours, changing termination phone number, and other items."/>
    <s v=""/>
    <x v="1"/>
    <s v=""/>
    <x v="20"/>
    <s v="Old Age Security;Canada Pension Plan;Canada Pension Plan Disability Benefits;Canada Disability Savings Program;Employment Insurance"/>
    <s v="Other"/>
    <s v="ESDC-784"/>
    <s v="In Production"/>
    <s v="web"/>
    <x v="1"/>
    <x v="955"/>
  </r>
  <r>
    <x v="3"/>
    <x v="4"/>
    <x v="2877"/>
    <s v="ccmEnterprise - Passport Correspondence"/>
    <m/>
    <s v="WorkDynamics_Technologies_Inc"/>
    <x v="43"/>
    <s v=""/>
    <x v="20"/>
    <s v="Passport"/>
    <s v="Other"/>
    <s v="ESDC-785"/>
    <s v="In Production"/>
    <s v="cloud"/>
    <x v="0"/>
    <x v="956"/>
  </r>
  <r>
    <x v="4"/>
    <x v="5"/>
    <x v="2878"/>
    <s v="RU"/>
    <s v="A manual input tool that allows for the creation for samples for the CPP Quality Review."/>
    <s v="Other"/>
    <x v="1"/>
    <s v="IBM Cognos"/>
    <x v="20"/>
    <s v="Not Assigned"/>
    <s v="Other"/>
    <s v="ESDC-786"/>
    <s v="In Production"/>
    <s v="web"/>
    <x v="0"/>
    <x v="895"/>
  </r>
  <r>
    <x v="3"/>
    <x v="31"/>
    <x v="2879"/>
    <s v="IRIS-HERIN"/>
    <m/>
    <s v="Other"/>
    <x v="1"/>
    <s v="IBM Cognos"/>
    <x v="20"/>
    <s v="Homelessness Partnering Strategy"/>
    <s v="Other"/>
    <s v="ESDC-787"/>
    <s v="In Production"/>
    <s v="web"/>
    <x v="0"/>
    <x v="957"/>
  </r>
  <r>
    <x v="3"/>
    <x v="15"/>
    <x v="2880"/>
    <s v="GMP"/>
    <s v="Customization of existing COTS: MS Forefront Identity Manager [FIM]. The object of this portal (tool), using MS Forefront Identity Management (FIM), is to provide ESDC clients the ability to self-manage Active Directory (AD) groups: Security Groups ("/>
    <s v="Microsoft_Corporation"/>
    <x v="60"/>
    <s v="Follow-Up"/>
    <x v="20"/>
    <s v="Information Management Services"/>
    <s v="Communications Services,Information Management Services,Information Technology Services"/>
    <s v="ESDC-788"/>
    <s v="In Production"/>
    <s v="web"/>
    <x v="0"/>
    <x v="958"/>
  </r>
  <r>
    <x v="3"/>
    <x v="31"/>
    <x v="2881"/>
    <s v=""/>
    <m/>
    <s v="Other"/>
    <x v="1"/>
    <s v="IBM Cognos"/>
    <x v="20"/>
    <s v="Information Technology Services"/>
    <s v="Information Technology Services"/>
    <s v="ESDC-790"/>
    <s v="In Production"/>
    <s v="web"/>
    <x v="0"/>
    <x v="959"/>
  </r>
  <r>
    <x v="0"/>
    <x v="16"/>
    <x v="2882"/>
    <s v="PSS"/>
    <m/>
    <s v="Other"/>
    <x v="1"/>
    <s v="Microsoft Dynamics CRM 2013 (onPremise)"/>
    <x v="20"/>
    <s v="Real Property Services"/>
    <s v="Real Property Services"/>
    <s v="ESDC-791"/>
    <s v="In Production"/>
    <s v="web"/>
    <x v="0"/>
    <x v="960"/>
  </r>
  <r>
    <x v="3"/>
    <x v="31"/>
    <x v="2883"/>
    <s v="EIMSM"/>
    <s v="SEB owned application mostly providing data analytics on EI claimants. It also provides EI expenditures forecasts and costings on EI policy options."/>
    <s v=""/>
    <x v="1"/>
    <s v=""/>
    <x v="20"/>
    <s v="Employment Insurance"/>
    <s v="Other"/>
    <s v="ESDC-792"/>
    <s v="In Production"/>
    <s v=""/>
    <x v="1"/>
    <x v="961"/>
  </r>
  <r>
    <x v="4"/>
    <x v="5"/>
    <x v="2884"/>
    <s v="OLSCT"/>
    <s v="Tools allows Canadians to access an on-line calculation tools pertaining to General Holidays, Vacation Pay, Overtime Pay and Minimum Wage for federally regulated employees."/>
    <s v=""/>
    <x v="1"/>
    <s v=""/>
    <x v="20"/>
    <s v="Labour Standards and Equity"/>
    <s v="Other"/>
    <s v="ESDC-795"/>
    <s v="In Production"/>
    <s v="web"/>
    <x v="1"/>
    <x v="86"/>
  </r>
  <r>
    <x v="8"/>
    <x v="38"/>
    <x v="2885"/>
    <s v="CADE"/>
    <s v="The Common Application Deployment Engine provides file transfer and application installation services into the various SADE servers.  Bronze level support:   Monday to Friday, core business hours Service Hours: 7AM-7PM EST  Maintenance Window: 6AM-9A"/>
    <s v=""/>
    <x v="1"/>
    <s v=""/>
    <x v="20"/>
    <s v="Information Technology Services"/>
    <s v="Information Technology Services"/>
    <s v="ESDC-796"/>
    <s v="In Production"/>
    <s v="web"/>
    <x v="1"/>
    <x v="962"/>
  </r>
  <r>
    <x v="0"/>
    <x v="7"/>
    <x v="2886"/>
    <s v="SSR"/>
    <s v="The repository holds a collection of service related information (such as service name; description; owner name, organizational alignment, service/support hours, and more) pertaining to those internal services which, either individually or in combina"/>
    <s v=""/>
    <x v="1"/>
    <s v=""/>
    <x v="20"/>
    <s v="Information Management Services;Information Technology Services"/>
    <s v="Information Management Services,Information Technology Services"/>
    <s v="ESDC-799"/>
    <s v="In Production"/>
    <s v="web"/>
    <x v="1"/>
    <x v="963"/>
  </r>
  <r>
    <x v="5"/>
    <x v="25"/>
    <x v="542"/>
    <s v=""/>
    <s v=""/>
    <s v="Other"/>
    <x v="1"/>
    <s v="Caseware"/>
    <x v="20"/>
    <s v="Financial Management Services"/>
    <s v="Financial Management Services,Other"/>
    <s v="ESDC-800"/>
    <s v="In Production"/>
    <s v="desktop"/>
    <x v="0"/>
    <x v="964"/>
  </r>
  <r>
    <x v="0"/>
    <x v="7"/>
    <x v="2887"/>
    <s v="EDRMS"/>
    <m/>
    <s v=""/>
    <x v="1"/>
    <s v=""/>
    <x v="20"/>
    <s v="Information Technology Services"/>
    <s v="Other"/>
    <s v="ESDC-801"/>
    <s v="InDevelopment"/>
    <s v="web"/>
    <x v="1"/>
    <x v="965"/>
  </r>
  <r>
    <x v="3"/>
    <x v="31"/>
    <x v="2888"/>
    <s v="EPAR2"/>
    <m/>
    <s v=""/>
    <x v="1"/>
    <s v=""/>
    <x v="20"/>
    <s v="Employment Insurance;Management and Oversight Services"/>
    <s v="Other"/>
    <s v="ESDC-803"/>
    <s v="In Production"/>
    <s v=""/>
    <x v="1"/>
    <x v="966"/>
  </r>
  <r>
    <x v="3"/>
    <x v="46"/>
    <x v="2889"/>
    <s v="IRIS-CMSA"/>
    <m/>
    <s v="Other"/>
    <x v="1"/>
    <s v="IBM Cognos"/>
    <x v="20"/>
    <s v="Financial Management Services"/>
    <s v="Acquisition Services,Financial Management Services,Management and Oversight Services,Real Property Services,Travel and Other Administrative Services"/>
    <s v="ESDC-804"/>
    <s v="In Production"/>
    <s v="web"/>
    <x v="0"/>
    <x v="967"/>
  </r>
  <r>
    <x v="1"/>
    <x v="47"/>
    <x v="2890"/>
    <s v=""/>
    <s v="Application Catalogue provides a self-serve portal to install selected enterprise and commercial applications to ESDC employees without the interaction of resolvers or NSD staff.  For now, the project scope will be limited to installation of applicat"/>
    <s v=""/>
    <x v="1"/>
    <s v=""/>
    <x v="20"/>
    <s v="Information Technology Services"/>
    <s v="Information Technology Services"/>
    <s v="ESDC-805"/>
    <s v="In Production"/>
    <s v="web"/>
    <x v="1"/>
    <x v="950"/>
  </r>
  <r>
    <x v="3"/>
    <x v="4"/>
    <x v="2891"/>
    <s v="OCS"/>
    <m/>
    <s v="Other"/>
    <x v="1"/>
    <s v="Micro Dynamics CRM 2013 (on Premisis)"/>
    <x v="20"/>
    <s v="Government of Canada Telephone General Enquiries Services;Government of Canada Internet Presence;In-Person Points of Service;Employment Insurance;Passport;Foreign Credential Recognition Program;Temporary Foreign Worker Program;Canada Student Loans and Grants and Canada Apprentice Loans Program;Old Age Security;Canada Pension Plan;Canada Pension Plan Disability Benefits;Other Government Department Programs"/>
    <s v="Other"/>
    <s v="ESDC-806"/>
    <s v="In Production"/>
    <s v="web"/>
    <x v="0"/>
    <x v="960"/>
  </r>
  <r>
    <x v="4"/>
    <x v="5"/>
    <x v="2892"/>
    <s v="CPSR"/>
    <m/>
    <s v=""/>
    <x v="1"/>
    <s v=""/>
    <x v="20"/>
    <s v="Employment Insurance"/>
    <s v="Other"/>
    <s v="ESDC-81"/>
    <s v="In Production"/>
    <s v="mini_main_super"/>
    <x v="1"/>
    <x v="790"/>
  </r>
  <r>
    <x v="0"/>
    <x v="13"/>
    <x v="2893"/>
    <s v="IRIS-CRM"/>
    <m/>
    <s v="Other"/>
    <x v="1"/>
    <s v="Microsft Dynamics CRM 2013 (on Premise)"/>
    <x v="20"/>
    <s v="Labour Relations"/>
    <s v="Other"/>
    <s v="ESDC-810"/>
    <s v="In Production"/>
    <s v="web"/>
    <x v="0"/>
    <x v="960"/>
  </r>
  <r>
    <x v="1"/>
    <x v="109"/>
    <x v="2894"/>
    <s v=""/>
    <s v="SCCM PC ADMIN is an internally developed tool for use by workstation administrators and Deployment Services employees.   When using the tool these groups can better troubleshoot and resolve software deployed and installed by SCCM to desktops, laptops"/>
    <s v=""/>
    <x v="1"/>
    <s v=""/>
    <x v="20"/>
    <s v="Information Technology Services"/>
    <s v="Information Technology Services"/>
    <s v="ESDC-812"/>
    <s v="In Production"/>
    <s v="desktop"/>
    <x v="1"/>
    <x v="968"/>
  </r>
  <r>
    <x v="2"/>
    <x v="58"/>
    <x v="2895"/>
    <s v="PMIS"/>
    <s v="Departmental solution to manage projects."/>
    <s v="Microsoft_Corporation"/>
    <x v="61"/>
    <s v=""/>
    <x v="20"/>
    <s v="Management and Oversight Services"/>
    <s v="Communications Services,Financial Management Services,Human Resources Management Services,Information Management Services,Management and Oversight Services"/>
    <s v="ESDC-820"/>
    <s v="In Production"/>
    <s v="web"/>
    <x v="0"/>
    <x v="969"/>
  </r>
  <r>
    <x v="0"/>
    <x v="8"/>
    <x v="2896"/>
    <s v="MCE"/>
    <m/>
    <s v="Other"/>
    <x v="1"/>
    <s v="Microsoft Dynamics CRM 2013 (on Premisis)"/>
    <x v="20"/>
    <s v="Employment Insurance;Information Management Services"/>
    <s v="Information Management Services"/>
    <s v="ESDC-822"/>
    <s v="In Production"/>
    <s v=""/>
    <x v="0"/>
    <x v="960"/>
  </r>
  <r>
    <x v="2"/>
    <x v="52"/>
    <x v="2897"/>
    <s v="PWS"/>
    <m/>
    <s v="Other"/>
    <x v="1"/>
    <s v="Microsoft Dynamics CRM 2016 (on Premisis)"/>
    <x v="20"/>
    <s v="Old Age Security;Canada Pension Plan Disability Benefits;Canada Pension Plan"/>
    <s v="Management and Oversight Services"/>
    <s v="ESDC-823"/>
    <s v="In Production"/>
    <s v="web"/>
    <x v="0"/>
    <x v="970"/>
  </r>
  <r>
    <x v="4"/>
    <x v="5"/>
    <x v="2898"/>
    <s v="VMAS"/>
    <s v=""/>
    <s v=""/>
    <x v="1"/>
    <s v=""/>
    <x v="20"/>
    <s v=""/>
    <s v=""/>
    <s v="ESDC-825"/>
    <s v="In Production"/>
    <s v=""/>
    <x v="1"/>
    <x v="106"/>
  </r>
  <r>
    <x v="3"/>
    <x v="46"/>
    <x v="2899"/>
    <s v="IRIS - ITAM"/>
    <s v="This solution is to produce reports for IT Asset Management team.  It’s used as the inventory of computers and monitors managed by ITAM."/>
    <s v="Other"/>
    <x v="1"/>
    <s v="IBM Cognos"/>
    <x v="20"/>
    <s v="Information Technology Services"/>
    <s v="Information Technology Services"/>
    <s v="ESDC-826"/>
    <s v="In Production"/>
    <s v=""/>
    <x v="0"/>
    <x v="971"/>
  </r>
  <r>
    <x v="10"/>
    <x v="84"/>
    <x v="2900"/>
    <s v="DCS-Web"/>
    <m/>
    <s v=""/>
    <x v="1"/>
    <s v=""/>
    <x v="20"/>
    <s v="Employment Insurance"/>
    <s v="Other"/>
    <s v="ESDC-828"/>
    <s v="In Production"/>
    <s v="web"/>
    <x v="1"/>
    <x v="972"/>
  </r>
  <r>
    <x v="0"/>
    <x v="28"/>
    <x v="2901"/>
    <s v="DLSU"/>
    <m/>
    <s v="Other"/>
    <x v="1"/>
    <s v="Microsoft Dynamics CRM 2016 (on Premisis)"/>
    <x v="20"/>
    <s v="Legal Services"/>
    <s v="Legal Services"/>
    <s v="ESDC-829"/>
    <s v="In Production"/>
    <s v="web"/>
    <x v="0"/>
    <x v="970"/>
  </r>
  <r>
    <x v="0"/>
    <x v="42"/>
    <x v="2902"/>
    <s v="DG"/>
    <m/>
    <s v=""/>
    <x v="1"/>
    <s v=""/>
    <x v="20"/>
    <s v="Employment Insurance;Management and Oversight Services"/>
    <s v="Other"/>
    <s v="ESDC-83"/>
    <s v="In Production"/>
    <s v="web"/>
    <x v="1"/>
    <x v="973"/>
  </r>
  <r>
    <x v="4"/>
    <x v="5"/>
    <x v="2903"/>
    <s v="EMBC"/>
    <s v=""/>
    <s v=""/>
    <x v="1"/>
    <s v=""/>
    <x v="20"/>
    <s v=""/>
    <s v=""/>
    <s v="ESDC-830"/>
    <s v="In Production"/>
    <s v=""/>
    <x v="1"/>
    <x v="106"/>
  </r>
  <r>
    <x v="9"/>
    <x v="110"/>
    <x v="2904"/>
    <s v="SICM"/>
    <m/>
    <s v=""/>
    <x v="1"/>
    <s v=""/>
    <x v="20"/>
    <s v="Management and Oversight Services"/>
    <s v="Management and Oversight Services"/>
    <s v="ESDC-832"/>
    <s v="In Production"/>
    <s v=""/>
    <x v="1"/>
    <x v="106"/>
  </r>
  <r>
    <x v="0"/>
    <x v="16"/>
    <x v="2905"/>
    <s v="PSD"/>
    <s v="System for managing Stakeholders using Interest tags to sort and filter lists for use in organizing engagement outreach events.  Lists of Stakeholder’s contacts sharing similar interests can be produced and invited to engagement outreaches matching t"/>
    <s v="Other"/>
    <x v="1"/>
    <s v="MS Dynamics"/>
    <x v="20"/>
    <s v="Communications Services"/>
    <s v="Communications Services"/>
    <s v="ESDC-833"/>
    <s v="In Production"/>
    <s v=""/>
    <x v="0"/>
    <x v="106"/>
  </r>
  <r>
    <x v="4"/>
    <x v="5"/>
    <x v="2906"/>
    <s v=""/>
    <s v=""/>
    <s v=""/>
    <x v="1"/>
    <s v=""/>
    <x v="20"/>
    <s v=""/>
    <s v=""/>
    <s v="ESDC-836"/>
    <s v="In Production"/>
    <s v=""/>
    <x v="1"/>
    <x v="106"/>
  </r>
  <r>
    <x v="4"/>
    <x v="5"/>
    <x v="2907"/>
    <s v=""/>
    <s v=""/>
    <s v=""/>
    <x v="1"/>
    <s v=""/>
    <x v="20"/>
    <s v=""/>
    <s v=""/>
    <s v="ESDC-837"/>
    <s v="In Production"/>
    <s v=""/>
    <x v="1"/>
    <x v="106"/>
  </r>
  <r>
    <x v="2"/>
    <x v="2"/>
    <x v="2908"/>
    <s v="DARS"/>
    <m/>
    <s v=""/>
    <x v="1"/>
    <s v=""/>
    <x v="20"/>
    <s v="Employment Insurance;Labour Market Development Agreements;Canada Job Fund Agreements;Labour Market Agreements for Persons with Disabilities;Opportunities Fund for Persons with Disabilities;Youth Employment Strategy;Enabling Fund for Official Language Minority Communities;Aboriginal Skills and Employment Training Strategy;Skills and Partnership Fund;First Nations Job Fund;Job Bank;Other Government Department Programs;Literacy and Essential Skills;Skilled Trades and Apprenticeship (Red Seal Program);Apprenticeship Grants;Temporary Foreign Worker Program;Canada Student Loans and Grants and Canada Apprentice Loans Program;Canada Education Savings Program;Workplace Health and Safety;Old Age Security;Canada Pension Plan;Canada Pension Plan Disability Benefits;Canada Disability Savings Program;Social Development Partnerships Program;New Horizons for Seniors Program;Universal Child Care Benefit;Federal Income Support for Parents of Murdered or Missing Children;Management and Oversight Services;Financial Management Services;National Child Benefit;Homelessness Partnering Strategy;Enabling Accessibility Fund"/>
    <s v="Other"/>
    <s v="ESDC-84"/>
    <s v="In Production"/>
    <s v="mini_main_super"/>
    <x v="1"/>
    <x v="974"/>
  </r>
  <r>
    <x v="4"/>
    <x v="5"/>
    <x v="2909"/>
    <s v=""/>
    <s v=""/>
    <s v="Other"/>
    <x v="1"/>
    <s v="MS Dynamics"/>
    <x v="20"/>
    <s v=""/>
    <s v=""/>
    <s v="ESDC-841"/>
    <s v="In Production"/>
    <s v=""/>
    <x v="0"/>
    <x v="106"/>
  </r>
  <r>
    <x v="4"/>
    <x v="5"/>
    <x v="2910"/>
    <s v=""/>
    <s v=""/>
    <s v="Other"/>
    <x v="1"/>
    <s v="MS Dynamics"/>
    <x v="20"/>
    <s v=""/>
    <s v=""/>
    <s v="ESDC-842"/>
    <s v="In Production"/>
    <s v=""/>
    <x v="0"/>
    <x v="106"/>
  </r>
  <r>
    <x v="4"/>
    <x v="5"/>
    <x v="2911"/>
    <s v=""/>
    <s v=""/>
    <s v=""/>
    <x v="1"/>
    <s v=""/>
    <x v="20"/>
    <s v=""/>
    <s v=""/>
    <s v="ESDC-843"/>
    <s v="In Production"/>
    <s v=""/>
    <x v="1"/>
    <x v="106"/>
  </r>
  <r>
    <x v="4"/>
    <x v="5"/>
    <x v="2912"/>
    <s v=""/>
    <s v=""/>
    <s v="Other"/>
    <x v="1"/>
    <s v="followup"/>
    <x v="20"/>
    <s v=""/>
    <s v=""/>
    <s v="ESDC-844"/>
    <s v="In Production"/>
    <s v=""/>
    <x v="0"/>
    <x v="106"/>
  </r>
  <r>
    <x v="4"/>
    <x v="5"/>
    <x v="2913"/>
    <s v=""/>
    <s v=""/>
    <s v="Other"/>
    <x v="1"/>
    <s v="followup"/>
    <x v="20"/>
    <s v=""/>
    <s v=""/>
    <s v="ESDC-845"/>
    <s v="In Production"/>
    <s v=""/>
    <x v="0"/>
    <x v="106"/>
  </r>
  <r>
    <x v="4"/>
    <x v="5"/>
    <x v="2914"/>
    <s v="PAMS"/>
    <s v=""/>
    <s v=""/>
    <x v="1"/>
    <s v=""/>
    <x v="20"/>
    <s v=""/>
    <s v=""/>
    <s v="ESDC-846"/>
    <s v="In Production"/>
    <s v=""/>
    <x v="1"/>
    <x v="106"/>
  </r>
  <r>
    <x v="4"/>
    <x v="5"/>
    <x v="2915"/>
    <s v=""/>
    <s v=""/>
    <s v="Other"/>
    <x v="1"/>
    <s v="followup"/>
    <x v="20"/>
    <s v=""/>
    <s v=""/>
    <s v="ESDC-847"/>
    <s v="In Production"/>
    <s v=""/>
    <x v="0"/>
    <x v="106"/>
  </r>
  <r>
    <x v="4"/>
    <x v="5"/>
    <x v="2916"/>
    <s v="DDP"/>
    <m/>
    <s v=""/>
    <x v="1"/>
    <s v=""/>
    <x v="20"/>
    <s v="Employment Insurance"/>
    <s v="Other"/>
    <s v="ESDC-85"/>
    <s v="In Production"/>
    <s v="mini_main_super"/>
    <x v="1"/>
    <x v="813"/>
  </r>
  <r>
    <x v="4"/>
    <x v="5"/>
    <x v="2917"/>
    <s v=""/>
    <s v=""/>
    <s v=""/>
    <x v="1"/>
    <s v=""/>
    <x v="20"/>
    <s v=""/>
    <s v=""/>
    <s v="ESDC-855"/>
    <s v="In Production"/>
    <s v=""/>
    <x v="1"/>
    <x v="106"/>
  </r>
  <r>
    <x v="4"/>
    <x v="5"/>
    <x v="2918"/>
    <s v=""/>
    <s v="SP custom solution for Quebec Integrity; Tool developed to allow the Sept-Iles CoE Investigation Group to assign investigation requests to investigators throughout Québec using the SIN number"/>
    <s v=""/>
    <x v="1"/>
    <s v=""/>
    <x v="20"/>
    <s v=""/>
    <s v=""/>
    <s v="ESDC-856"/>
    <s v="In Production"/>
    <s v=""/>
    <x v="1"/>
    <x v="106"/>
  </r>
  <r>
    <x v="4"/>
    <x v="5"/>
    <x v="2919"/>
    <s v=""/>
    <s v="SP custom solution for NHQ; Developed for the Canada Education Savings Program (CESP) group, designed to manage calls and case enquiries from organizations and the general public at call centres across Canada"/>
    <s v=""/>
    <x v="1"/>
    <s v=""/>
    <x v="20"/>
    <s v=""/>
    <s v=""/>
    <s v="ESDC-857"/>
    <s v="In Production"/>
    <s v=""/>
    <x v="1"/>
    <x v="106"/>
  </r>
  <r>
    <x v="4"/>
    <x v="5"/>
    <x v="2920"/>
    <s v=""/>
    <s v="SP custom solution for Quebec; French site developed specifically for Québec entitled &quot;Application des Affaires Ministérielles&quot; - Follow-up of requests from the Office of Customer satisfaction, Departmental Service or Customer Feedback Cards"/>
    <s v=""/>
    <x v="1"/>
    <s v=""/>
    <x v="20"/>
    <s v=""/>
    <s v=""/>
    <s v="ESDC-858"/>
    <s v="In Production"/>
    <s v=""/>
    <x v="1"/>
    <x v="106"/>
  </r>
  <r>
    <x v="4"/>
    <x v="5"/>
    <x v="2921"/>
    <s v=""/>
    <s v="SP custom solution for Quebec; Solution contains specific fields that allow managers for all branches of the Quebec region, or their assistants, to capture and modify the information in the workforce tracking and to make better operational management"/>
    <s v=""/>
    <x v="1"/>
    <s v=""/>
    <x v="20"/>
    <s v=""/>
    <s v=""/>
    <s v="ESDC-859"/>
    <s v="In Production"/>
    <s v=""/>
    <x v="1"/>
    <x v="106"/>
  </r>
  <r>
    <x v="3"/>
    <x v="31"/>
    <x v="2922"/>
    <s v="DDAA"/>
    <m/>
    <s v=""/>
    <x v="1"/>
    <s v=""/>
    <x v="20"/>
    <s v="Employment Insurance;Management and Oversight Services"/>
    <s v="Other"/>
    <s v="ESDC-86"/>
    <s v="In Production"/>
    <s v="mini_main_super"/>
    <x v="1"/>
    <x v="975"/>
  </r>
  <r>
    <x v="4"/>
    <x v="5"/>
    <x v="2923"/>
    <s v=""/>
    <s v="SP business solution for IT Security to automate requests for privileged, firewall and non-encrypted device exceptions. Includes InfoPath forms, pages, workflows, etc."/>
    <s v=""/>
    <x v="1"/>
    <s v=""/>
    <x v="20"/>
    <s v=""/>
    <s v=""/>
    <s v="ESDC-860"/>
    <s v="In Production"/>
    <s v=""/>
    <x v="1"/>
    <x v="106"/>
  </r>
  <r>
    <x v="4"/>
    <x v="5"/>
    <x v="2924"/>
    <s v=""/>
    <s v="SP business solution for the ITAM Control Board. Design of InfoPath forms, site pages, workflows, etc to automate proposals and requests process."/>
    <s v=""/>
    <x v="1"/>
    <s v=""/>
    <x v="20"/>
    <s v=""/>
    <s v=""/>
    <s v="ESDC-861"/>
    <s v="In Production"/>
    <s v=""/>
    <x v="1"/>
    <x v="106"/>
  </r>
  <r>
    <x v="4"/>
    <x v="5"/>
    <x v="2925"/>
    <s v=""/>
    <s v="SP custom solution for Service Canada College; This site serves as a tool to manage ESDC’s nominations for the Canada School of Public Service (CSPS) Leadership Programs"/>
    <s v=""/>
    <x v="1"/>
    <s v=""/>
    <x v="20"/>
    <s v=""/>
    <s v=""/>
    <s v="ESDC-862"/>
    <s v="In Production"/>
    <s v=""/>
    <x v="1"/>
    <x v="106"/>
  </r>
  <r>
    <x v="4"/>
    <x v="5"/>
    <x v="2926"/>
    <s v=""/>
    <s v="SP custom solution for Quebec; French SharePoint site developed specifically for Québec Central Purchasing for Citizen Services in Montreal for administrative services on centralized procurement"/>
    <s v=""/>
    <x v="1"/>
    <s v=""/>
    <x v="20"/>
    <s v=""/>
    <s v=""/>
    <s v="ESDC-863"/>
    <s v="In Production"/>
    <s v=""/>
    <x v="1"/>
    <x v="106"/>
  </r>
  <r>
    <x v="4"/>
    <x v="5"/>
    <x v="2927"/>
    <s v=""/>
    <s v="SP custom solution for Payment Processing Services (West); commonly called BE Enquiry Solution 2.0; Request management system that allows electronic submission of EI related request to Business Expertise and storage of active and resolved requests"/>
    <s v=""/>
    <x v="1"/>
    <s v=""/>
    <x v="20"/>
    <s v=""/>
    <s v=""/>
    <s v="ESDC-864"/>
    <s v="In Production"/>
    <s v=""/>
    <x v="1"/>
    <x v="106"/>
  </r>
  <r>
    <x v="4"/>
    <x v="5"/>
    <x v="2928"/>
    <s v=""/>
    <s v="SP custom solution for BSI; Site used to collect all requests for resources (employees with special areas of expertise) for projects;  Requests are approved or denied and all requests are kept for reporting purposes"/>
    <s v=""/>
    <x v="1"/>
    <s v=""/>
    <x v="20"/>
    <s v=""/>
    <s v=""/>
    <s v="ESDC-865"/>
    <s v="In Production"/>
    <s v=""/>
    <x v="1"/>
    <x v="106"/>
  </r>
  <r>
    <x v="4"/>
    <x v="5"/>
    <x v="2929"/>
    <s v=""/>
    <s v="SP custom solution for IITB; To allow IITB to gain a better understanding of the skills, expertise and experience; To improve the quality of learning and professional development and career planning conversations between managers and employees"/>
    <s v=""/>
    <x v="1"/>
    <s v=""/>
    <x v="20"/>
    <s v=""/>
    <s v=""/>
    <s v="ESDC-866"/>
    <s v="In Production"/>
    <s v=""/>
    <x v="1"/>
    <x v="106"/>
  </r>
  <r>
    <x v="4"/>
    <x v="5"/>
    <x v="2930"/>
    <s v=""/>
    <s v="SP custom solution for Quebec; Site de la région du Québec pour la direction des communication permettant d'effectuer le suivi de différents évènements à Services Canada tels que les Mises-à-pied massives, parlementaires, médias et autres"/>
    <s v=""/>
    <x v="1"/>
    <s v=""/>
    <x v="20"/>
    <s v=""/>
    <s v=""/>
    <s v="ESDC-867"/>
    <s v="In Production"/>
    <s v=""/>
    <x v="1"/>
    <x v="106"/>
  </r>
  <r>
    <x v="4"/>
    <x v="5"/>
    <x v="2931"/>
    <s v="SINRA"/>
    <s v="The Social Insurance Number (SIN) program began in 1964 to register individuals under two federal government programs, including Employment Insurance and the Canada Pension Plan."/>
    <s v=""/>
    <x v="1"/>
    <s v=""/>
    <x v="20"/>
    <s v=""/>
    <s v=""/>
    <s v="ESDC-873"/>
    <s v="In Production"/>
    <s v=""/>
    <x v="1"/>
    <x v="106"/>
  </r>
  <r>
    <x v="4"/>
    <x v="5"/>
    <x v="2932"/>
    <s v="SIRWeb - SINRA - Training"/>
    <s v="SINRA (SIN - Rapid Access ) is a Web application that gives the agents in the local offices the ability to serve clients using custom built web pages to access the Social Insurance Registry (SIR)."/>
    <s v=""/>
    <x v="1"/>
    <s v=""/>
    <x v="20"/>
    <s v=""/>
    <s v=""/>
    <s v="ESDC-874"/>
    <s v="In Production"/>
    <s v=""/>
    <x v="1"/>
    <x v="106"/>
  </r>
  <r>
    <x v="4"/>
    <x v="5"/>
    <x v="2933"/>
    <s v="SIRWeb - QMAP"/>
    <s v="The Social Insurance Number (SIN) program began in 1964 to register individuals under two federal government programs, including Employment Insurance and the Canada Pension Plan."/>
    <s v=""/>
    <x v="1"/>
    <s v=""/>
    <x v="20"/>
    <s v=""/>
    <s v=""/>
    <s v="ESDC-875"/>
    <s v="In Production"/>
    <s v=""/>
    <x v="1"/>
    <x v="106"/>
  </r>
  <r>
    <x v="4"/>
    <x v="5"/>
    <x v="2934"/>
    <s v="SIRWeb - QMAP - Training"/>
    <s v="QMAP (Quality Monitoring Agent Performance) is a  Web application/business layer used by coaches and system administrators to enter coaching results, performance reviews and manage code tables of SINRA agents."/>
    <s v=""/>
    <x v="1"/>
    <s v=""/>
    <x v="20"/>
    <s v=""/>
    <s v=""/>
    <s v="ESDC-876"/>
    <s v="In Production"/>
    <s v=""/>
    <x v="1"/>
    <x v="106"/>
  </r>
  <r>
    <x v="4"/>
    <x v="5"/>
    <x v="2935"/>
    <s v="SIRWeb-SINValidation"/>
    <s v="The Social Insurance Number (SIN) program began in 1964 to register individuals under two federal government programs, including Employment Insurance and the Canada Pension Plan."/>
    <s v=""/>
    <x v="1"/>
    <s v=""/>
    <x v="20"/>
    <s v=""/>
    <s v=""/>
    <s v="ESDC-877"/>
    <s v="In Production"/>
    <s v=""/>
    <x v="1"/>
    <x v="106"/>
  </r>
  <r>
    <x v="4"/>
    <x v="5"/>
    <x v="2936"/>
    <s v=""/>
    <s v="SIN Validation - Real time validations using the SIR Web services is performed between the SIR and the following programs: My Service Canada Account – MSCA , Canada Education Savings Grant - CESG, RDSP – Registered Disability Savings Plan, Registration &amp; Authentication – R&amp;A (EI/CPP/OAS), Automated Claims Processing – ACP, Full Text Screens  - FTS (EI System), Common System for Grants &amp; Contributions (CSGC), Support System for Agents – SSA (EI System), Automated Purge and Recreate System – APRS (EI System) and CSLP (Canada Student Loan Program)."/>
    <s v=""/>
    <x v="1"/>
    <s v=""/>
    <x v="20"/>
    <s v=""/>
    <s v=""/>
    <s v="ESDC-878"/>
    <s v="In Production"/>
    <s v=""/>
    <x v="1"/>
    <x v="106"/>
  </r>
  <r>
    <x v="4"/>
    <x v="5"/>
    <x v="2937"/>
    <s v=""/>
    <s v=""/>
    <s v=""/>
    <x v="1"/>
    <s v=""/>
    <x v="20"/>
    <s v=""/>
    <s v=""/>
    <s v="ESDC-880"/>
    <s v="In Production"/>
    <s v=""/>
    <x v="1"/>
    <x v="106"/>
  </r>
  <r>
    <x v="4"/>
    <x v="5"/>
    <x v="2938"/>
    <s v=""/>
    <s v=""/>
    <s v=""/>
    <x v="1"/>
    <s v=""/>
    <x v="20"/>
    <s v=""/>
    <s v=""/>
    <s v="ESDC-882"/>
    <s v="In Production"/>
    <s v=""/>
    <x v="1"/>
    <x v="106"/>
  </r>
  <r>
    <x v="4"/>
    <x v="5"/>
    <x v="2939"/>
    <s v=""/>
    <s v=""/>
    <s v=""/>
    <x v="1"/>
    <s v=""/>
    <x v="20"/>
    <s v=""/>
    <s v=""/>
    <s v="ESDC-883"/>
    <s v="In Production"/>
    <s v=""/>
    <x v="1"/>
    <x v="106"/>
  </r>
  <r>
    <x v="4"/>
    <x v="5"/>
    <x v="2940"/>
    <s v=""/>
    <s v=""/>
    <s v=""/>
    <x v="1"/>
    <s v=""/>
    <x v="20"/>
    <s v=""/>
    <s v=""/>
    <s v="ESDC-884"/>
    <s v="In Production"/>
    <s v=""/>
    <x v="1"/>
    <x v="106"/>
  </r>
  <r>
    <x v="4"/>
    <x v="5"/>
    <x v="2941"/>
    <s v=""/>
    <s v=""/>
    <s v=""/>
    <x v="1"/>
    <s v=""/>
    <x v="20"/>
    <s v=""/>
    <s v=""/>
    <s v="ESDC-885"/>
    <s v="In Production"/>
    <s v=""/>
    <x v="1"/>
    <x v="106"/>
  </r>
  <r>
    <x v="4"/>
    <x v="5"/>
    <x v="2942"/>
    <s v="BMT"/>
    <s v=""/>
    <s v=""/>
    <x v="1"/>
    <s v=""/>
    <x v="20"/>
    <s v=""/>
    <s v=""/>
    <s v="ESDC-892"/>
    <s v="In Production"/>
    <s v=""/>
    <x v="1"/>
    <x v="106"/>
  </r>
  <r>
    <x v="4"/>
    <x v="5"/>
    <x v="2943"/>
    <s v="DIRI"/>
    <s v=""/>
    <s v=""/>
    <x v="1"/>
    <s v=""/>
    <x v="20"/>
    <s v=""/>
    <s v=""/>
    <s v="ESDC-893"/>
    <s v="In Production"/>
    <s v=""/>
    <x v="1"/>
    <x v="106"/>
  </r>
  <r>
    <x v="4"/>
    <x v="5"/>
    <x v="2944"/>
    <s v="LHD"/>
    <s v=""/>
    <s v=""/>
    <x v="1"/>
    <s v=""/>
    <x v="20"/>
    <s v=""/>
    <s v=""/>
    <s v="ESDC-894"/>
    <s v="In Production"/>
    <s v=""/>
    <x v="1"/>
    <x v="106"/>
  </r>
  <r>
    <x v="4"/>
    <x v="5"/>
    <x v="2945"/>
    <s v=""/>
    <s v=""/>
    <s v=""/>
    <x v="1"/>
    <s v=""/>
    <x v="20"/>
    <s v=""/>
    <s v=""/>
    <s v="ESDC-896"/>
    <s v="In Production"/>
    <s v=""/>
    <x v="1"/>
    <x v="106"/>
  </r>
  <r>
    <x v="4"/>
    <x v="5"/>
    <x v="2946"/>
    <s v=""/>
    <s v=""/>
    <s v=""/>
    <x v="1"/>
    <s v=""/>
    <x v="20"/>
    <s v=""/>
    <s v=""/>
    <s v="ESDC-898"/>
    <s v="In Production"/>
    <s v=""/>
    <x v="1"/>
    <x v="106"/>
  </r>
  <r>
    <x v="4"/>
    <x v="5"/>
    <x v="2947"/>
    <s v=""/>
    <s v=""/>
    <s v=""/>
    <x v="1"/>
    <s v=""/>
    <x v="20"/>
    <s v=""/>
    <s v=""/>
    <s v="ESDC-899"/>
    <s v="In Production"/>
    <s v=""/>
    <x v="1"/>
    <x v="106"/>
  </r>
  <r>
    <x v="3"/>
    <x v="4"/>
    <x v="2948"/>
    <s v="N/A"/>
    <s v="Web based service providing information on currrent, upcoming and past minimum wage rates in all Canadian jurisdictions.  This information is used by employees and employers to identify current and future statutory rights/obligations (particularly fo"/>
    <s v=""/>
    <x v="1"/>
    <s v=""/>
    <x v="20"/>
    <s v="Labour Standards and Equity"/>
    <s v="Other"/>
    <s v="ESDC-9"/>
    <s v="In Production"/>
    <s v="web"/>
    <x v="1"/>
    <x v="976"/>
  </r>
  <r>
    <x v="2"/>
    <x v="58"/>
    <x v="2949"/>
    <s v="DCS"/>
    <m/>
    <s v=""/>
    <x v="1"/>
    <s v=""/>
    <x v="20"/>
    <s v="Employment Insurance"/>
    <s v="Other"/>
    <s v="ESDC-90"/>
    <s v="In Production"/>
    <s v="mini_main_super"/>
    <x v="1"/>
    <x v="746"/>
  </r>
  <r>
    <x v="4"/>
    <x v="5"/>
    <x v="2950"/>
    <s v=""/>
    <s v=""/>
    <s v=""/>
    <x v="1"/>
    <s v=""/>
    <x v="20"/>
    <s v=""/>
    <s v=""/>
    <s v="ESDC-900"/>
    <s v="In Production"/>
    <s v=""/>
    <x v="1"/>
    <x v="106"/>
  </r>
  <r>
    <x v="4"/>
    <x v="5"/>
    <x v="2951"/>
    <s v=""/>
    <s v=""/>
    <s v=""/>
    <x v="1"/>
    <s v=""/>
    <x v="20"/>
    <s v=""/>
    <s v=""/>
    <s v="ESDC-901"/>
    <s v="In Production"/>
    <s v=""/>
    <x v="1"/>
    <x v="106"/>
  </r>
  <r>
    <x v="0"/>
    <x v="13"/>
    <x v="2952"/>
    <s v="EA"/>
    <m/>
    <s v=""/>
    <x v="1"/>
    <s v=""/>
    <x v="20"/>
    <s v="Employment Insurance;Management and Oversight Services"/>
    <s v="Other"/>
    <s v="ESDC-92"/>
    <s v="In Production"/>
    <s v="web"/>
    <x v="1"/>
    <x v="977"/>
  </r>
  <r>
    <x v="0"/>
    <x v="13"/>
    <x v="2953"/>
    <s v="eCR, InterDec"/>
    <m/>
    <s v=""/>
    <x v="1"/>
    <s v=""/>
    <x v="20"/>
    <s v="Employment Insurance"/>
    <s v="Other"/>
    <s v="ESDC-95"/>
    <s v="In Production"/>
    <s v="mini_main_super"/>
    <x v="1"/>
    <x v="747"/>
  </r>
  <r>
    <x v="0"/>
    <x v="7"/>
    <x v="2954"/>
    <s v="EDS"/>
    <m/>
    <s v=""/>
    <x v="1"/>
    <s v=""/>
    <x v="20"/>
    <s v="Internal Services"/>
    <s v="Information Management Services"/>
    <s v="ESDC-97"/>
    <s v="In Production"/>
    <s v="web"/>
    <x v="1"/>
    <x v="875"/>
  </r>
  <r>
    <x v="0"/>
    <x v="19"/>
    <x v="2955"/>
    <s v="E-Forms Web"/>
    <s v="Intranet application to distribute electronic forms to employees"/>
    <s v="Adobe_Systems_Incorporated"/>
    <x v="62"/>
    <s v=""/>
    <x v="20"/>
    <s v="Labour Relations;Workplace Health and Safety;Labour Standards and Equity;Old Age Security;Canada Pension Plan;Canada Pension Plan Disability Benefits;Canada Disability Savings Program;Universal Child Care Benefit;Communications Services;Legal Services;Human Resources Management Services;Financial Management Services;Information Management Services;Information Technology Services;Materiel Services;Acquisition Services;Management and Oversight Services"/>
    <s v="Other"/>
    <s v="ESDC-98"/>
    <s v="In Production"/>
    <s v="web"/>
    <x v="0"/>
    <x v="978"/>
  </r>
  <r>
    <x v="0"/>
    <x v="16"/>
    <x v="2956"/>
    <s v="EWS"/>
    <m/>
    <s v=""/>
    <x v="1"/>
    <s v=""/>
    <x v="20"/>
    <s v="Employment Insurance"/>
    <s v="Other"/>
    <s v="ESDC-99"/>
    <s v="In Production"/>
    <s v="mini_main_super"/>
    <x v="1"/>
    <x v="935"/>
  </r>
  <r>
    <x v="6"/>
    <x v="35"/>
    <x v="2957"/>
    <s v="Stratus"/>
    <s v="An interface for viewing changes and calculating the diagnostics of tephigrams over model data- Quebec Business requirement: some indices calculated in the  NinJo tephigram layer are incorrect. In addition, NinJo has no function archiving and recovery while STRATUS contains  2 year of archive. It is essential to the case studies, including a comparison of a number of similar weather situations."/>
    <s v=""/>
    <x v="1"/>
    <s v="0"/>
    <x v="21"/>
    <s v="2.1.1 Weather Observations , Forecasts and Warnings"/>
    <s v="Other"/>
    <s v="ECC-1112"/>
    <s v="In Production"/>
    <s v="rich"/>
    <x v="1"/>
    <x v="106"/>
  </r>
  <r>
    <x v="12"/>
    <x v="74"/>
    <x v="2958"/>
    <s v="AMRemote"/>
    <s v="This meteorological services data acquisition and dissemination application is a system tool that provides an interface between Alphanumeric Manager (AM) servers and non-AM servers. It uses TCP/IP Sockets to make AM databases available to remote servers that do not have a resident AM database. It used to be controlled by Software Management Board (SMB).  It is used by Scribe &amp; Bullprep to send data to an AM database. Contact:Ahmed.Mulla@ec.gc.ca Susan Wild, March 2016: This application should be decommissioned. However, there are many other legacy applications developed by SSC or MSC that are dependent on this application. We no longer life-cycle manage it."/>
    <s v=""/>
    <x v="1"/>
    <s v="0"/>
    <x v="21"/>
    <s v="2.1.1 Weather and Environmental Observations, Forecasts and Warnings"/>
    <s v="Other"/>
    <s v="ECC-1114"/>
    <s v="In Production"/>
    <s v="rich"/>
    <x v="1"/>
    <x v="979"/>
  </r>
  <r>
    <x v="0"/>
    <x v="8"/>
    <x v="2959"/>
    <s v="HYDNOW"/>
    <s v="Feeds water office webpage"/>
    <s v=""/>
    <x v="1"/>
    <s v="0"/>
    <x v="21"/>
    <s v="1.2.3 Hydrometric Services"/>
    <s v="Other"/>
    <s v="ECC-1115"/>
    <s v="In Production"/>
    <s v="web"/>
    <x v="1"/>
    <x v="106"/>
  </r>
  <r>
    <x v="5"/>
    <x v="94"/>
    <x v="2960"/>
    <s v="RGLS"/>
    <s v="RGLS is a suite of hydraulic engineering tools to perform the Regulation of Great Lakes Systems. The suite of tools is not related to any apps in the APM list. The software tools uses are essentially operated and maintained internally by the GLRO, with occasional input from the U.S. regulation representatives. The tools are:  Lake Superior Regulation • Coordinated Great Lakes Regulation and Routing Model (one-month simulation)  Great Lakes Forecast • Coordinated Great Lakes Regulation and Routing Model (ensemble simulation) • Lake Ontario Regulation Plan 1958-D Monthly Simulation Model (aka.  Plan 1958-DM) • Great Lakes Forecast Visualization Tool (Excel based)  Lake Ontario Regulation • Lake Ontario Regulation Plan 1958-D Weekly Simulation Model • Lak"/>
    <s v=""/>
    <x v="1"/>
    <s v="0"/>
    <x v="21"/>
    <s v="1.2.3 Hydrometric Services"/>
    <s v="Other"/>
    <s v="ECC-1117"/>
    <s v="In Production"/>
    <s v="desktop"/>
    <x v="1"/>
    <x v="980"/>
  </r>
  <r>
    <x v="4"/>
    <x v="5"/>
    <x v="2961"/>
    <s v="MEIT"/>
    <s v="MEIT is an air emissions forecasting database that is used by EC Transportation Division (TD) in order to fulfill their Clean Transportation commitment to model air emissions for marine shipping.  EC needs to update the MEIT SQL Server database in order to perform annual vessels emissions updates.   The database is shared with the industry, stakeholders and modellers in order to update air quality modeling that is being done in Canada including the Arctic."/>
    <s v=""/>
    <x v="1"/>
    <s v=""/>
    <x v="21"/>
    <s v="3.2 Climate Change and Clean Air"/>
    <s v="Other"/>
    <s v="ECC-1118"/>
    <s v="In Production"/>
    <s v=""/>
    <x v="1"/>
    <x v="981"/>
  </r>
  <r>
    <x v="0"/>
    <x v="7"/>
    <x v="125"/>
    <s v="TM"/>
    <s v="Audit Management Application"/>
    <s v="Other"/>
    <x v="1"/>
    <s v="Wolters Kluwer Financial Services, TeamMate"/>
    <x v="21"/>
    <s v=""/>
    <s v="Management and Oversight Services"/>
    <s v="ECC-1119"/>
    <s v="In Production"/>
    <s v=""/>
    <x v="0"/>
    <x v="982"/>
  </r>
  <r>
    <x v="0"/>
    <x v="8"/>
    <x v="2962"/>
    <s v="CCFD"/>
    <s v="Public web pages and internal data management application to disclose the fast-start financing from the Copenhagen Accord approaching to support climate change mitigation and adaptation in developing countries."/>
    <s v=""/>
    <x v="1"/>
    <s v=""/>
    <x v="21"/>
    <s v="Climate Change International"/>
    <s v="Other"/>
    <s v="ECC-1120"/>
    <s v="In Production"/>
    <s v=""/>
    <x v="0"/>
    <x v="983"/>
  </r>
  <r>
    <x v="0"/>
    <x v="8"/>
    <x v="2963"/>
    <s v="DryClean"/>
    <s v="The Tetrachloroethylene (Use in Dry Cleaning and Reporting Requirements) Regulations requires mandatory annual reporting (by April 30th) from over 1200 regulated dry cleaners. Currently, the reports are submitted by mail, email, or fax; scanned and the data and scanned reports are entered manually in the database. The database contains the information annually reported by Dry Cleaner, Sellers, Importer and Recycler of Tetrachloroethylene."/>
    <s v=""/>
    <x v="1"/>
    <s v=""/>
    <x v="21"/>
    <s v="Compliance Promotion and Expert Support"/>
    <s v="Other"/>
    <s v="ECC-1121"/>
    <s v="In Production"/>
    <s v=""/>
    <x v="1"/>
    <x v="984"/>
  </r>
  <r>
    <x v="0"/>
    <x v="8"/>
    <x v="2964"/>
    <s v="HRON"/>
    <s v="Nightly process that refreshing a copy of all AD user accounts to be stored in EnviroTel SQL database. Any new EC accounts not previously found will automatically generate an email to notify user of HR onboarding information."/>
    <s v=""/>
    <x v="1"/>
    <s v=""/>
    <x v="21"/>
    <s v="Human Resources"/>
    <s v="Human Resources Management Services"/>
    <s v="ECC-1122"/>
    <s v="In Production"/>
    <s v=""/>
    <x v="1"/>
    <x v="985"/>
  </r>
  <r>
    <x v="0"/>
    <x v="8"/>
    <x v="2965"/>
    <s v="GCWCC"/>
    <s v="Bingo &amp; silent auction application for the Government of Canada Workplace Charitable Campaign"/>
    <s v=""/>
    <x v="1"/>
    <s v=""/>
    <x v="21"/>
    <s v="Charitable Campaign"/>
    <s v="Other"/>
    <s v="ECC-1123"/>
    <s v="In Production"/>
    <s v=""/>
    <x v="1"/>
    <x v="986"/>
  </r>
  <r>
    <x v="4"/>
    <x v="5"/>
    <x v="2966"/>
    <s v="ITS"/>
    <s v="Tracking system for various permit requests"/>
    <s v=""/>
    <x v="1"/>
    <s v=""/>
    <x v="21"/>
    <s v="EC"/>
    <s v="Information Technology Services"/>
    <s v="ECC-1124"/>
    <s v="In Production"/>
    <s v=""/>
    <x v="1"/>
    <x v="987"/>
  </r>
  <r>
    <x v="4"/>
    <x v="5"/>
    <x v="2967"/>
    <s v="SARB"/>
    <s v="Web application to track CWS species lists including COSEWIC, CITES and SARA Listes Species.  Data supports many different initiatives."/>
    <s v=""/>
    <x v="1"/>
    <s v=""/>
    <x v="21"/>
    <s v="EC"/>
    <s v="Information Technology Services"/>
    <s v="ECC-1125"/>
    <s v="In Production"/>
    <s v=""/>
    <x v="1"/>
    <x v="987"/>
  </r>
  <r>
    <x v="4"/>
    <x v="5"/>
    <x v="2968"/>
    <s v="Ecogift"/>
    <s v="Application to provide a way for Canadians to donate ecological gifts to the program"/>
    <s v=""/>
    <x v="1"/>
    <s v=""/>
    <x v="21"/>
    <s v="EC"/>
    <s v="Information Technology Services"/>
    <s v="ECC-1127"/>
    <s v="In Production"/>
    <s v=""/>
    <x v="1"/>
    <x v="987"/>
  </r>
  <r>
    <x v="1"/>
    <x v="47"/>
    <x v="2969"/>
    <s v="SCCM"/>
    <s v="System management software for managing large groups of computers. Configuration Manager provides remote control, patch management, software distribution, operating system deployment, network access protection and hardware and software inventory."/>
    <s v="Microsoft_Corporation"/>
    <x v="18"/>
    <s v=""/>
    <x v="21"/>
    <s v=""/>
    <s v="Information Management Services,Information Technology Services"/>
    <s v="ECC-1128"/>
    <s v="In Production"/>
    <s v=""/>
    <x v="0"/>
    <x v="988"/>
  </r>
  <r>
    <x v="3"/>
    <x v="31"/>
    <x v="2970"/>
    <s v="CIDIP"/>
    <m/>
    <s v=""/>
    <x v="1"/>
    <s v=""/>
    <x v="21"/>
    <s v="Environmental Stewardship Branch"/>
    <s v="Other"/>
    <s v="ECC-1129"/>
    <s v="In Production"/>
    <s v=""/>
    <x v="1"/>
    <x v="989"/>
  </r>
  <r>
    <x v="4"/>
    <x v="5"/>
    <x v="2971"/>
    <s v="SubscripService"/>
    <s v="This application allows the media and the public to be notified (by email) whenever new documents or updates are added to the Environment Canada Newsroom."/>
    <s v=""/>
    <x v="1"/>
    <s v=""/>
    <x v="21"/>
    <s v=""/>
    <s v="Information Management Services"/>
    <s v="ECC-1131"/>
    <s v="In Production"/>
    <s v=""/>
    <x v="0"/>
    <x v="990"/>
  </r>
  <r>
    <x v="0"/>
    <x v="13"/>
    <x v="2972"/>
    <s v="Offenders"/>
    <s v="The Environmental Offenders Registry contains information on convictions of corporations obtained under certain federal environmental laws."/>
    <s v=""/>
    <x v="1"/>
    <s v=""/>
    <x v="21"/>
    <s v=""/>
    <s v="Information Management Services"/>
    <s v="ECC-1132"/>
    <s v="In Production"/>
    <s v=""/>
    <x v="0"/>
    <x v="991"/>
  </r>
  <r>
    <x v="0"/>
    <x v="8"/>
    <x v="2973"/>
    <s v="DirSci"/>
    <s v="Directory of Scientists and Professionals in the GoC"/>
    <s v=""/>
    <x v="1"/>
    <s v=""/>
    <x v="21"/>
    <s v=""/>
    <s v="Information Management Services"/>
    <s v="ECC-1133"/>
    <s v="In Production"/>
    <s v=""/>
    <x v="1"/>
    <x v="992"/>
  </r>
  <r>
    <x v="4"/>
    <x v="5"/>
    <x v="2974"/>
    <s v="CAPMoN Field"/>
    <s v="CAPMoN real time field data acquisition system. It runs on a hourly basis, collects raw data from all CAPMoN sites."/>
    <s v=""/>
    <x v="1"/>
    <s v=""/>
    <x v="21"/>
    <s v=""/>
    <s v=""/>
    <s v="ECC-1135"/>
    <s v="In Production"/>
    <s v=""/>
    <x v="1"/>
    <x v="86"/>
  </r>
  <r>
    <x v="4"/>
    <x v="5"/>
    <x v="2975"/>
    <s v="CAPMoN Raw"/>
    <s v="CAPMoN field raw data import process. It converts field raw data from text format into a SQL database format, and imports data into MS SQL database."/>
    <s v=""/>
    <x v="1"/>
    <s v=""/>
    <x v="21"/>
    <s v=""/>
    <s v=""/>
    <s v="ECC-1136"/>
    <s v="In Production"/>
    <s v=""/>
    <x v="1"/>
    <x v="86"/>
  </r>
  <r>
    <x v="4"/>
    <x v="5"/>
    <x v="2976"/>
    <s v="LICS"/>
    <s v="System comprised of hardware and software that communicates with an SQL server to conduct exhaust emission tests on vehicles and engines"/>
    <s v=""/>
    <x v="1"/>
    <s v=""/>
    <x v="21"/>
    <s v=""/>
    <s v=""/>
    <s v="ECC-1137"/>
    <s v="In Production"/>
    <s v=""/>
    <x v="1"/>
    <x v="86"/>
  </r>
  <r>
    <x v="4"/>
    <x v="5"/>
    <x v="2977"/>
    <s v="SWRR OW"/>
    <s v="An application that allows program staff to view and manage electronic submissions."/>
    <s v=""/>
    <x v="1"/>
    <s v=""/>
    <x v="21"/>
    <s v=""/>
    <s v=""/>
    <s v="ECC-1139"/>
    <s v="In Production"/>
    <s v=""/>
    <x v="1"/>
    <x v="86"/>
  </r>
  <r>
    <x v="1"/>
    <x v="5"/>
    <x v="2978"/>
    <s v="FMS"/>
    <s v="Manage vehicles &amp; engines data/activities"/>
    <s v="Other"/>
    <x v="1"/>
    <s v="File Maker Pro"/>
    <x v="21"/>
    <s v=""/>
    <s v="Other"/>
    <s v="ECC-1140"/>
    <s v="In Production"/>
    <s v=""/>
    <x v="0"/>
    <x v="993"/>
  </r>
  <r>
    <x v="4"/>
    <x v="5"/>
    <x v="2979"/>
    <s v="SEAS"/>
    <s v="Web services layer"/>
    <s v=""/>
    <x v="1"/>
    <s v=""/>
    <x v="21"/>
    <s v=""/>
    <s v=""/>
    <s v="ECC-1141"/>
    <s v="In Production"/>
    <s v=""/>
    <x v="1"/>
    <x v="994"/>
  </r>
  <r>
    <x v="4"/>
    <x v="5"/>
    <x v="2980"/>
    <s v="NPRI Query Site"/>
    <s v="Data publication site for the National Pollutant Release Inventory Program."/>
    <s v=""/>
    <x v="1"/>
    <s v=""/>
    <x v="21"/>
    <s v=""/>
    <s v=""/>
    <s v="ECC-1142"/>
    <s v="In Production"/>
    <s v="web"/>
    <x v="0"/>
    <x v="995"/>
  </r>
  <r>
    <x v="4"/>
    <x v="5"/>
    <x v="2981"/>
    <s v="APEI Query Site"/>
    <s v="Data publication site for the Air Pollutant Emissions Inventory Program."/>
    <s v=""/>
    <x v="1"/>
    <s v=""/>
    <x v="21"/>
    <s v=""/>
    <s v=""/>
    <s v="ECC-1143"/>
    <s v="In Production"/>
    <s v=""/>
    <x v="1"/>
    <x v="995"/>
  </r>
  <r>
    <x v="4"/>
    <x v="5"/>
    <x v="2982"/>
    <s v="NWPS"/>
    <s v="The system for weather forecasting is comprised of hundreds of scientific applications, mostly coded in-house, that change daily."/>
    <s v=""/>
    <x v="1"/>
    <s v=""/>
    <x v="21"/>
    <s v=""/>
    <s v=""/>
    <s v="ECC-1144"/>
    <s v="In Production"/>
    <s v=""/>
    <x v="1"/>
    <x v="996"/>
  </r>
  <r>
    <x v="4"/>
    <x v="5"/>
    <x v="2983"/>
    <s v="PESC CIL"/>
    <s v="Web application to record and store client inquiries to PYLET (CALA Requirement) Uses database of the same name on the Bioinfo clustered services"/>
    <s v=""/>
    <x v="1"/>
    <s v=""/>
    <x v="21"/>
    <s v=""/>
    <s v=""/>
    <s v="ECC-1145"/>
    <s v="In Production"/>
    <s v=""/>
    <x v="1"/>
    <x v="86"/>
  </r>
  <r>
    <x v="4"/>
    <x v="5"/>
    <x v="2984"/>
    <s v="PESC PDP"/>
    <s v="Web application to view Laboratory data pre 2000. Uses database of the same name o the BioInfo clustered services."/>
    <s v=""/>
    <x v="1"/>
    <s v=""/>
    <x v="21"/>
    <s v=""/>
    <s v=""/>
    <s v="ECC-1146"/>
    <s v="In Production"/>
    <s v=""/>
    <x v="1"/>
    <x v="86"/>
  </r>
  <r>
    <x v="4"/>
    <x v="5"/>
    <x v="2985"/>
    <s v="IWLM"/>
    <s v="IWLM is a set of decisions support systems (DSS) tools for integrated watershed and lake modeling for research purposes in programs such as the Great Lakes Nutrient Initiative and Lake Winnipeg Basin Initiative. There are tools for calibrating/validating watershed and lake models, performing odel uncertainty analysis, and for optimizing and evaluating watershed BMP (Beneficial management practice) scenarios for nutrient reduction."/>
    <s v=""/>
    <x v="1"/>
    <s v=""/>
    <x v="21"/>
    <s v=""/>
    <s v=""/>
    <s v="ECC-1147"/>
    <s v="In Production"/>
    <s v=""/>
    <x v="1"/>
    <x v="997"/>
  </r>
  <r>
    <x v="4"/>
    <x v="5"/>
    <x v="2986"/>
    <s v="AQUATIC"/>
    <s v="This application is used as a pre-deployment test server to test Water Quality Monitoring and Surveillance application before deployment.  Currently there is 1) pre-deployment version of the Quebec Marine Shellfish Water Quality Website (mollusca) 2) Test version of the Canadian Aquatic Biomonitoring Website (CABIN) 3) Test version for EnviroGrapher water quality monitoring QA Tool."/>
    <s v=""/>
    <x v="1"/>
    <s v=""/>
    <x v="21"/>
    <s v=""/>
    <s v=""/>
    <s v="ECC-1148"/>
    <s v="In Production"/>
    <s v=""/>
    <x v="1"/>
    <x v="998"/>
  </r>
  <r>
    <x v="4"/>
    <x v="5"/>
    <x v="2987"/>
    <s v="NPRI Apex"/>
    <s v="An application that allows users to search NPRI data via interactive Oracle queries and forms (using Oracle Application Express)."/>
    <s v=""/>
    <x v="1"/>
    <s v=""/>
    <x v="21"/>
    <s v=""/>
    <s v=""/>
    <s v="ECC-1151"/>
    <s v="In Production"/>
    <s v=""/>
    <x v="1"/>
    <x v="86"/>
  </r>
  <r>
    <x v="5"/>
    <x v="90"/>
    <x v="2988"/>
    <s v="EEMAP"/>
    <s v="Web mapping application that enables the National Environmental Emergencies Centre's Environmental Emergencies Officers to produce maps, reports and web mapping services to share Resources at Risk, protection and cleanup priorities with environmental emergencies response partners including the Lead Agency, resource agencies, response organizations, and the Incident Command System where appropriate."/>
    <s v="ESRI_Canada_Limited"/>
    <x v="45"/>
    <s v=""/>
    <x v="21"/>
    <s v="3.1.4 Environmental Emergencies"/>
    <s v="Other"/>
    <s v="ECC-1154"/>
    <s v="In Production"/>
    <s v="web"/>
    <x v="1"/>
    <x v="999"/>
  </r>
  <r>
    <x v="4"/>
    <x v="5"/>
    <x v="2989"/>
    <s v="QSAR"/>
    <s v=""/>
    <s v=""/>
    <x v="1"/>
    <s v=""/>
    <x v="21"/>
    <s v=""/>
    <s v=""/>
    <s v="ECC-1156"/>
    <s v="In Production"/>
    <s v=""/>
    <x v="1"/>
    <x v="86"/>
  </r>
  <r>
    <x v="4"/>
    <x v="5"/>
    <x v="2990"/>
    <s v="Viewfinity"/>
    <s v=""/>
    <s v=""/>
    <x v="1"/>
    <s v=""/>
    <x v="21"/>
    <s v="4.1.2.4 Information Technology"/>
    <s v=""/>
    <s v="ECC-1157"/>
    <s v="In Production"/>
    <s v=""/>
    <x v="0"/>
    <x v="86"/>
  </r>
  <r>
    <x v="6"/>
    <x v="35"/>
    <x v="2991"/>
    <s v="inGeo"/>
    <s v="The InGeo system is a centralized terminal server work environment that hosts geospatial software that is used by over 600 EC employees across Canada - to deliver on statutory requirements and core services, including: the Canadian Environmental Protection Act, the Species at Risk Act, Environmental Regulations, Environmental Emergency Response, and Weather Services."/>
    <s v="ESRI_Canada_Limited"/>
    <x v="5"/>
    <s v="Multiple vendors including ESRI as primary application vendor"/>
    <x v="21"/>
    <s v="Multiple"/>
    <s v="Information Management Services,Information Technology Services"/>
    <s v="ECC-1159"/>
    <s v="In Production"/>
    <s v="mini_main_super"/>
    <x v="0"/>
    <x v="106"/>
  </r>
  <r>
    <x v="0"/>
    <x v="8"/>
    <x v="2992"/>
    <s v="CEPA Registry"/>
    <s v="The CEPA Registry is a website that is partially driven by a database for certain sections, namely, Public Consultations, Regulations and Other Instruments, Notices, Orders and Permits. The remainder of the site is static content managed through WebSolutions."/>
    <s v=""/>
    <x v="1"/>
    <s v=""/>
    <x v="21"/>
    <s v="3.1.1 - Susbstances Management"/>
    <s v="Other"/>
    <s v="ECC-116"/>
    <s v="In Production"/>
    <s v=""/>
    <x v="0"/>
    <x v="1000"/>
  </r>
  <r>
    <x v="3"/>
    <x v="63"/>
    <x v="2993"/>
    <s v="RT-WaterWeb"/>
    <s v="Web services providing data to the partners/clients http://waterweb2.pyr.ec.gc.ca/PYRWEBSERVICES/service1.asmx  o AIpoll:  to call the web service APIs and ingest time series data into Hydnow on hourly basis o AIMMPoll: to call the web service APIs and ingest field measurements into Hydnow on daily basis o AIRatingTablePoll: to call the web service APIs and ingest rating curve into Hydnow on weekly basis o Email service: to send real time data to clients via email  o Email service: to send rating curve to clients via email o AIrunner: to generate .csv files and upload the files to the EC datamart.  Real Time Water Web data source; also see &quot;WaterOffice website&quot; in HPC &amp; NOC  Related to Aquarius"/>
    <s v=""/>
    <x v="1"/>
    <s v="0"/>
    <x v="21"/>
    <s v="1.2.3 Hydrometric Services"/>
    <s v="Other"/>
    <s v="ECC-1160"/>
    <s v="In Production"/>
    <s v="web"/>
    <x v="1"/>
    <x v="1001"/>
  </r>
  <r>
    <x v="4"/>
    <x v="5"/>
    <x v="2994"/>
    <s v="ACD/Percepta"/>
    <s v="ACD Licence Server is a server base software used to managed licence usage of the client desktop software: ACD/Labs Percepta (APM ID 1155)."/>
    <s v=""/>
    <x v="1"/>
    <s v=""/>
    <x v="21"/>
    <s v=""/>
    <s v=""/>
    <s v="ECC-1163"/>
    <s v="In Production"/>
    <s v=""/>
    <x v="0"/>
    <x v="106"/>
  </r>
  <r>
    <x v="4"/>
    <x v="5"/>
    <x v="2995"/>
    <s v="RepliWeb"/>
    <s v="Web Deployment tool"/>
    <s v=""/>
    <x v="1"/>
    <s v=""/>
    <x v="21"/>
    <s v=""/>
    <s v=""/>
    <s v="ECC-1168"/>
    <s v="In Production"/>
    <s v=""/>
    <x v="0"/>
    <x v="1002"/>
  </r>
  <r>
    <x v="4"/>
    <x v="5"/>
    <x v="2996"/>
    <s v="ArcGIS"/>
    <s v="Web Mapping"/>
    <s v=""/>
    <x v="1"/>
    <s v=""/>
    <x v="21"/>
    <s v=""/>
    <s v=""/>
    <s v="ECC-1169"/>
    <s v="In Production"/>
    <s v=""/>
    <x v="0"/>
    <x v="1002"/>
  </r>
  <r>
    <x v="0"/>
    <x v="8"/>
    <x v="2997"/>
    <s v="Disclosure T&amp;H"/>
    <s v="This application will be used by the respective financial officers of Environment Canada and the Canadian Environmental Assessment Agency to report on travel and hospitality expenditures by senior departmental officials"/>
    <s v=""/>
    <x v="1"/>
    <s v=""/>
    <x v="21"/>
    <s v="4.1.2 Resource Management Services"/>
    <s v="Financial Management Services"/>
    <s v="ECC-117"/>
    <s v="In Production"/>
    <s v=""/>
    <x v="0"/>
    <x v="1003"/>
  </r>
  <r>
    <x v="4"/>
    <x v="5"/>
    <x v="191"/>
    <s v="CF"/>
    <s v="Web Application Development"/>
    <s v=""/>
    <x v="1"/>
    <s v=""/>
    <x v="21"/>
    <s v=""/>
    <s v=""/>
    <s v="ECC-1170"/>
    <s v="In Production"/>
    <s v=""/>
    <x v="0"/>
    <x v="1002"/>
  </r>
  <r>
    <x v="4"/>
    <x v="5"/>
    <x v="2998"/>
    <s v="GetAccess"/>
    <s v="GCCF tool to validate user login to applications"/>
    <s v=""/>
    <x v="1"/>
    <s v=""/>
    <x v="21"/>
    <s v=""/>
    <s v=""/>
    <s v="ECC-1171"/>
    <s v="In Production"/>
    <s v=""/>
    <x v="0"/>
    <x v="1004"/>
  </r>
  <r>
    <x v="4"/>
    <x v="5"/>
    <x v="241"/>
    <s v="TFS"/>
    <s v="Application Lifecycle Management hub for Visual Studio"/>
    <s v=""/>
    <x v="1"/>
    <s v=""/>
    <x v="21"/>
    <s v=""/>
    <s v=""/>
    <s v="ECC-1172"/>
    <s v="In Production"/>
    <s v=""/>
    <x v="0"/>
    <x v="1005"/>
  </r>
  <r>
    <x v="4"/>
    <x v="5"/>
    <x v="2999"/>
    <s v="WPT"/>
    <s v="Application Deployment Tool"/>
    <s v=""/>
    <x v="1"/>
    <s v=""/>
    <x v="21"/>
    <s v=""/>
    <s v=""/>
    <s v="ECC-1173"/>
    <s v="In Production"/>
    <s v=""/>
    <x v="1"/>
    <x v="1005"/>
  </r>
  <r>
    <x v="4"/>
    <x v="5"/>
    <x v="2090"/>
    <s v="WebTrends"/>
    <s v="Web Statistics gathering tool"/>
    <s v=""/>
    <x v="1"/>
    <s v=""/>
    <x v="21"/>
    <s v=""/>
    <s v=""/>
    <s v="ECC-1174"/>
    <s v="In Production"/>
    <s v=""/>
    <x v="0"/>
    <x v="1006"/>
  </r>
  <r>
    <x v="3"/>
    <x v="4"/>
    <x v="3000"/>
    <s v="IceAtlas"/>
    <s v="Web portal for 30-Year Climatic Ice Atlas Charts  http://iceweb1.cis.ec.gc.ca/30Atlas/page1.xhtml"/>
    <s v="Microsoft_Corporation"/>
    <x v="1"/>
    <s v="0"/>
    <x v="21"/>
    <s v="2.2.2 Meteorological and Ice Services in Support of Marine Navigation"/>
    <s v="Other"/>
    <s v="ECC-1175"/>
    <s v="In Production"/>
    <s v="web"/>
    <x v="0"/>
    <x v="274"/>
  </r>
  <r>
    <x v="2"/>
    <x v="52"/>
    <x v="3001"/>
    <s v="S3C"/>
    <s v="Automatic email service of weather forecast information/bulletins. Clients have to subscribe to a distribution list.Cette base de donnée est monté sur SQL.http://s3c.quebec.int.ec.gc.ca/s3c/"/>
    <s v=""/>
    <x v="1"/>
    <s v="0"/>
    <x v="21"/>
    <s v="2.1.1 Weather Observations , Forecasts and Warnings"/>
    <s v="Other"/>
    <s v="ECC-1176"/>
    <s v="In Production"/>
    <s v="web"/>
    <x v="1"/>
    <x v="1001"/>
  </r>
  <r>
    <x v="3"/>
    <x v="15"/>
    <x v="3002"/>
    <s v="iNotify"/>
    <s v="Formerly known as &quot;Chatterbox&quot; Re-engineering of the way Weatheradio is operated, hardware included To replace Avipads system (ID 577) which is Weatheradio text-to-speech (TTS) engine and sends forecasts and warnings in voice files to Weatheradio transmitters.   Susan Wild, May 2016: boxes will be installed at Weather Radio Sites, not in Data Centres"/>
    <s v="Other"/>
    <x v="1"/>
    <s v="TLC Solutions’ ChatterBox Voice and SMS Traffic Generator is a self-contained system that generates background voice chatter and SMS messages on GSM a"/>
    <x v="21"/>
    <s v="2.1.1 Weather Observations , Forecasts and Warnings"/>
    <s v="Other"/>
    <s v="ECC-1178"/>
    <s v="In Production"/>
    <s v="desktop"/>
    <x v="0"/>
    <x v="86"/>
  </r>
  <r>
    <x v="6"/>
    <x v="35"/>
    <x v="3003"/>
    <s v="Thermobot"/>
    <s v="http://dv-eg.edm.ab.ec.gc.ca/thermobot/display.html?path=prai_sfc_cnv&amp;type=table&amp;maxImg=17"/>
    <s v=""/>
    <x v="1"/>
    <s v="0"/>
    <x v="21"/>
    <s v="2.1.1 Weather and Environmental Observations, Forecasts and Warnings"/>
    <s v="Other"/>
    <s v="ECC-1179"/>
    <s v="In Production"/>
    <s v="web"/>
    <x v="1"/>
    <x v="86"/>
  </r>
  <r>
    <x v="0"/>
    <x v="8"/>
    <x v="3004"/>
    <s v="Disclosure G&amp;H"/>
    <s v="This application will be used by the respective Materiel Management Officer of Environment Canada and the Canadian Environmental Assessment Agency to consolidate contracts issued over $10,000 by or on behalf of EC"/>
    <s v=""/>
    <x v="1"/>
    <s v=""/>
    <x v="21"/>
    <s v="4.1.2 Resource Management Services"/>
    <s v="Financial Management Services"/>
    <s v="ECC-118"/>
    <s v="In Production"/>
    <s v=""/>
    <x v="0"/>
    <x v="1003"/>
  </r>
  <r>
    <x v="6"/>
    <x v="35"/>
    <x v="3005"/>
    <s v="FNP"/>
    <s v="A watch system used by forecaster in Atlantic region.  This is used in PSO-East for a number of Pop ups, but one that we feel is missions critical is its role in tsunami alerting.  Unlike weather, there is no other mechanism to inform the forecasters that condition are deteriorating. The Tsunami alerts from the US National Tsunami Warning Center as the only indication that our office must respond with an alert of our own.  The FNP notifies the forecasters of such bulletin giving them a critical start to the 10-15 minute process for creating and transmitting of the alerts. "/>
    <s v=""/>
    <x v="1"/>
    <s v="0"/>
    <x v="21"/>
    <s v="2.1.1 Weather and Environmental Observations, Forecasts and Warnings"/>
    <s v="Other"/>
    <s v="ECC-1180"/>
    <s v="In Production"/>
    <s v="rich"/>
    <x v="1"/>
    <x v="1007"/>
  </r>
  <r>
    <x v="6"/>
    <x v="35"/>
    <x v="3006"/>
    <s v="Meteo4U-SLL"/>
    <s v="The Meteo4U framework is a framework allowing quick and easy development of a Web mapping front-end to display and interact with geospatial data on a map from multiple sources. The Meteo4U framework relies on the CMCDataServer to access meteorological data and together allows the dissemination of weather forecasts and related information directly on an interactive web map and through web services standards. Meteo4U is a core component of the Interactive Data Base project, but is also used for other purposes.The user interface (UI) of Meteo4U is purely built on open source JavaScript libraries. (Source: https://wiki.cmc.ec.gc.ca/wiki/Meteo4u )  Street Level Lightning (SLL)is a Web Mapping Application which is used to display Lightning Forecasts and hist"/>
    <s v=""/>
    <x v="1"/>
    <s v="0"/>
    <x v="21"/>
    <s v="2.1.1 Weather and Environmental Observations, Forecasts and Warnings"/>
    <s v="Other"/>
    <s v="ECC-1181"/>
    <s v="In Production"/>
    <s v="web"/>
    <x v="1"/>
    <x v="86"/>
  </r>
  <r>
    <x v="5"/>
    <x v="14"/>
    <x v="3007"/>
    <s v="MM-DWS"/>
    <s v="ADS MetManager installation used enlisted military met-techs to brief the troops in theatre and should not be confused with the Regional MetManager (Reg-MM).  Same code base but different uses.  MetManager, the one developed using 100% DND VNR funds is owned by DND and will continue to operate on the DND secure network. It will NOT be decommissioned. It is registered in the DND APM."/>
    <s v=""/>
    <x v="1"/>
    <s v="0"/>
    <x v="21"/>
    <s v="2.2.3 Meteorological Services in Support of Military Operations"/>
    <s v="Other"/>
    <s v="ECC-1182"/>
    <s v="In Production"/>
    <s v="rich"/>
    <x v="1"/>
    <x v="106"/>
  </r>
  <r>
    <x v="0"/>
    <x v="0"/>
    <x v="3008"/>
    <s v="ECITON"/>
    <s v="This is an application for the exchange of Notice requests required for EIHWHRMR regulations. This is a VB.NET web service component which will integrate with Powerbuilder and Oracle for the exchange of XML between EC and larger players in the regulated hazardous waste community"/>
    <s v=""/>
    <x v="1"/>
    <s v=""/>
    <x v="21"/>
    <s v=""/>
    <s v="Management and Oversight Services"/>
    <s v="ECC-1183"/>
    <s v="In Production"/>
    <s v=""/>
    <x v="1"/>
    <x v="1008"/>
  </r>
  <r>
    <x v="0"/>
    <x v="8"/>
    <x v="3009"/>
    <s v="CPPIC2"/>
    <s v="Canadian Pollution Prevention Information Clearinghouse (CPPIC), an online database and comprehensive resource that provides Canadians with the information they need to put pollution prevention (P2) into practice"/>
    <s v=""/>
    <x v="1"/>
    <s v=""/>
    <x v="21"/>
    <s v="3.1 Substances &amp; Waste Management"/>
    <s v="Other"/>
    <s v="ECC-119"/>
    <s v="In Production"/>
    <s v=""/>
    <x v="0"/>
    <x v="1009"/>
  </r>
  <r>
    <x v="3"/>
    <x v="45"/>
    <x v="3010"/>
    <s v="Discovery PSES"/>
    <s v="Datawarehouse &amp; Portal application"/>
    <s v="Oracle_Canada_ULC"/>
    <x v="63"/>
    <s v=""/>
    <x v="21"/>
    <s v="HR"/>
    <s v="Other"/>
    <s v="ECC-1197"/>
    <s v="In Production"/>
    <s v=""/>
    <x v="0"/>
    <x v="1010"/>
  </r>
  <r>
    <x v="3"/>
    <x v="31"/>
    <x v="3011"/>
    <s v="Discovery HRSO"/>
    <m/>
    <s v="Oracle_Canada_ULC"/>
    <x v="28"/>
    <s v=""/>
    <x v="21"/>
    <s v="HR"/>
    <s v="Other"/>
    <s v="ECC-1198"/>
    <s v="In Production"/>
    <s v=""/>
    <x v="0"/>
    <x v="1011"/>
  </r>
  <r>
    <x v="3"/>
    <x v="45"/>
    <x v="3012"/>
    <s v="Discovery G&amp;C"/>
    <s v="Datawarehouse &amp; Reporting application"/>
    <s v="Oracle_Canada_ULC"/>
    <x v="63"/>
    <s v=""/>
    <x v="21"/>
    <s v="Finance"/>
    <s v="Other"/>
    <s v="ECC-1199"/>
    <s v="In Production"/>
    <s v=""/>
    <x v="0"/>
    <x v="1012"/>
  </r>
  <r>
    <x v="3"/>
    <x v="45"/>
    <x v="3013"/>
    <s v="LTCEC"/>
    <s v="Datawarehouse &amp; .Net application"/>
    <s v="Oracle_Canada_ULC"/>
    <x v="63"/>
    <s v="0"/>
    <x v="21"/>
    <s v="2.1.3 Climate Information, Predictions and Tools"/>
    <s v="Other"/>
    <s v="ECC-1200"/>
    <s v="In Production"/>
    <s v="rich"/>
    <x v="0"/>
    <x v="1010"/>
  </r>
  <r>
    <x v="6"/>
    <x v="71"/>
    <x v="3014"/>
    <s v="CA-RPRT"/>
    <s v="An automated report required by, and supplied to the WMO which lists Canadian CLIMATE &amp; weather monitoring stations"/>
    <s v=""/>
    <x v="1"/>
    <s v="0"/>
    <x v="21"/>
    <s v="2.1.3 Climate Information, Predictions and Tools"/>
    <s v="Other"/>
    <s v="ECC-1201"/>
    <s v="In Production"/>
    <s v="rich"/>
    <x v="1"/>
    <x v="1013"/>
  </r>
  <r>
    <x v="6"/>
    <x v="35"/>
    <x v="3015"/>
    <s v="CA-WO"/>
    <s v="A PHP Web application disseminate water to public"/>
    <s v=""/>
    <x v="1"/>
    <s v="0"/>
    <x v="21"/>
    <s v="2.1.3 Climate Information, Predictions and Tools"/>
    <s v="Other"/>
    <s v="ECC-1202"/>
    <s v="In Production"/>
    <s v="web"/>
    <x v="1"/>
    <x v="1014"/>
  </r>
  <r>
    <x v="3"/>
    <x v="45"/>
    <x v="3016"/>
    <s v="CA-Cable"/>
    <s v="A ColdFusion application that maintains the cableway metadata"/>
    <s v=""/>
    <x v="1"/>
    <s v="0"/>
    <x v="21"/>
    <s v="2.1.3 Climate Information, Predictions and Tools"/>
    <s v="Other"/>
    <s v="ECC-1203"/>
    <s v="In Production"/>
    <s v="rich"/>
    <x v="1"/>
    <x v="1015"/>
  </r>
  <r>
    <x v="3"/>
    <x v="45"/>
    <x v="3017"/>
    <s v="CA-KPIX"/>
    <s v="A Java ingester feeds the KPIX data to archive"/>
    <s v=""/>
    <x v="1"/>
    <s v="0"/>
    <x v="21"/>
    <s v="2.1.3 Climate Information, Predictions and Tools"/>
    <s v="Other"/>
    <s v="ECC-1204"/>
    <s v="In Production"/>
    <s v="rich"/>
    <x v="1"/>
    <x v="1016"/>
  </r>
  <r>
    <x v="3"/>
    <x v="45"/>
    <x v="3018"/>
    <s v="WINIDE"/>
    <s v="This application is used to send WinIDE data to archive at WinID stations"/>
    <s v=""/>
    <x v="1"/>
    <s v="0"/>
    <x v="21"/>
    <s v="2.1.3 Climate Information, Predictions and Tools"/>
    <s v="Other"/>
    <s v="ECC-1205"/>
    <s v="In Production"/>
    <s v="rich"/>
    <x v="1"/>
    <x v="1017"/>
  </r>
  <r>
    <x v="3"/>
    <x v="46"/>
    <x v="3019"/>
    <s v="CA-BE"/>
    <s v="A Perl script that can be used to extract bulletins from the archive"/>
    <s v=""/>
    <x v="1"/>
    <s v="0"/>
    <x v="21"/>
    <s v="2.1.3 Climate Information, Predictions and Tools"/>
    <s v="Other"/>
    <s v="ECC-1206"/>
    <s v="In Production"/>
    <s v="rich"/>
    <x v="1"/>
    <x v="1018"/>
  </r>
  <r>
    <x v="3"/>
    <x v="46"/>
    <x v="3020"/>
    <s v="CA-BLKEX"/>
    <s v="A shell script with SQL to extract subset of archive data in a flat file structure"/>
    <s v=""/>
    <x v="1"/>
    <s v="0"/>
    <x v="21"/>
    <s v="2.1.3 Climate Information, Predictions and Tools"/>
    <s v="Other"/>
    <s v="ECC-1207"/>
    <s v="In Production"/>
    <s v="rich"/>
    <x v="1"/>
    <x v="1018"/>
  </r>
  <r>
    <x v="3"/>
    <x v="46"/>
    <x v="3021"/>
    <s v="CA-RADEX"/>
    <s v="A ColdFusion application to extract radar data. Web application / Intranet  application that displays historical radar images by station/date/time (Requires login)"/>
    <s v=""/>
    <x v="1"/>
    <s v="0"/>
    <x v="21"/>
    <s v="2.1.3 Climate Information, Predictions and Tools"/>
    <s v="Other"/>
    <s v="ECC-1208"/>
    <s v="In Production"/>
    <s v="rich"/>
    <x v="1"/>
    <x v="1019"/>
  </r>
  <r>
    <x v="3"/>
    <x v="46"/>
    <x v="3022"/>
    <s v="CA-SIS"/>
    <s v="MS Access application to maintain CLIMATE station metadata.  Contains information about all CLIMATE stations across Canada from latitude, longitude and elevation to instruments and observing programs at the stations."/>
    <s v=""/>
    <x v="1"/>
    <s v="0"/>
    <x v="21"/>
    <s v="2.1.3 Climate Information, Predictions and Tools"/>
    <s v="Other"/>
    <s v="ECC-1209"/>
    <s v="In Production"/>
    <s v="rich"/>
    <x v="1"/>
    <x v="1020"/>
  </r>
  <r>
    <x v="3"/>
    <x v="46"/>
    <x v="3023"/>
    <s v="CA-FI"/>
    <s v="A java ingester feeds lightening and other type of datasets to ingest layer"/>
    <s v=""/>
    <x v="1"/>
    <s v="0"/>
    <x v="21"/>
    <s v="2.1.3 Climate Information, Predictions and Tools"/>
    <s v="Other"/>
    <s v="ECC-1210"/>
    <s v="In Production"/>
    <s v="rich"/>
    <x v="1"/>
    <x v="1016"/>
  </r>
  <r>
    <x v="3"/>
    <x v="46"/>
    <x v="3024"/>
    <s v="CA-IMDB"/>
    <s v="A ColdFusion app and Java scripts to upload scanned paper forms and site maps to archive"/>
    <s v=""/>
    <x v="1"/>
    <s v="0"/>
    <x v="21"/>
    <s v="2.1.3 Climate Information, Predictions and Tools"/>
    <s v="Other"/>
    <s v="ECC-1211"/>
    <s v="In Production"/>
    <s v="rich"/>
    <x v="1"/>
    <x v="1021"/>
  </r>
  <r>
    <x v="3"/>
    <x v="46"/>
    <x v="3025"/>
    <s v="CA-UAEX"/>
    <s v="A shell script with SQl to extract upper air data in a flat file structure"/>
    <s v=""/>
    <x v="1"/>
    <s v="0"/>
    <x v="21"/>
    <s v="2.1.3 Climate Information, Predictions and Tools"/>
    <s v="Other"/>
    <s v="ECC-1212"/>
    <s v="In Production"/>
    <s v="rich"/>
    <x v="1"/>
    <x v="1013"/>
  </r>
  <r>
    <x v="3"/>
    <x v="46"/>
    <x v="3026"/>
    <s v="CA-INV"/>
    <s v="A shell script with SQl to generate dataset inventories by year"/>
    <s v=""/>
    <x v="1"/>
    <s v="0"/>
    <x v="21"/>
    <s v="2.1.3 Climate Information, Predictions and Tools"/>
    <s v="Other"/>
    <s v="ECC-1213"/>
    <s v="In Production"/>
    <s v="rich"/>
    <x v="1"/>
    <x v="1013"/>
  </r>
  <r>
    <x v="3"/>
    <x v="46"/>
    <x v="3027"/>
    <s v="CA-WINV"/>
    <s v="A shell script with SQL to generate water inventories"/>
    <s v=""/>
    <x v="1"/>
    <s v="0"/>
    <x v="21"/>
    <s v="2.1.3 Climate Information, Predictions and Tools"/>
    <s v="Other"/>
    <s v="ECC-1214"/>
    <s v="In Production"/>
    <s v="rich"/>
    <x v="1"/>
    <x v="1013"/>
  </r>
  <r>
    <x v="3"/>
    <x v="46"/>
    <x v="3028"/>
    <s v="CA-BAR"/>
    <s v="Produce barometer calibration files for WinIDE.  The barometry program compares any given barometer with a standard barometer to ensure that the readings from the barometer at a station are accurate."/>
    <s v=""/>
    <x v="1"/>
    <s v="0"/>
    <x v="21"/>
    <s v="2.1.3 Climate Information, Predictions and Tools"/>
    <s v="Other"/>
    <s v="ECC-1215"/>
    <s v="In Production"/>
    <s v="rich"/>
    <x v="1"/>
    <x v="1022"/>
  </r>
  <r>
    <x v="3"/>
    <x v="46"/>
    <x v="3029"/>
    <s v="CA-QC"/>
    <s v="A QC application used by archive operation to ingest, process and QC CLIMATE data.  The climatological data processed by the Ingest system is subjected to quality control checks before being uploaded to the Canadian CLIMATE Archive."/>
    <s v=""/>
    <x v="1"/>
    <s v="0"/>
    <x v="21"/>
    <s v="2.1.3 Climate Information, Predictions and Tools"/>
    <s v="Other"/>
    <s v="ECC-1216"/>
    <s v="In Production"/>
    <s v="rich"/>
    <x v="1"/>
    <x v="1023"/>
  </r>
  <r>
    <x v="3"/>
    <x v="46"/>
    <x v="3030"/>
    <s v="CA-RPM"/>
    <s v="Application feed bulletins to QC system from archive"/>
    <s v=""/>
    <x v="1"/>
    <s v="0"/>
    <x v="21"/>
    <s v="2.1.3 Climate Information, Predictions and Tools"/>
    <s v="Other"/>
    <s v="ECC-1217"/>
    <s v="In Production"/>
    <s v="rich"/>
    <x v="1"/>
    <x v="1024"/>
  </r>
  <r>
    <x v="3"/>
    <x v="46"/>
    <x v="3031"/>
    <s v="CA-PDS"/>
    <s v="Application ingest bulletins to archive in real-time( files from CMC)"/>
    <s v=""/>
    <x v="1"/>
    <s v="0"/>
    <x v="21"/>
    <s v="2.1.3 Climate Information, Predictions and Tools"/>
    <s v="Other"/>
    <s v="ECC-1218"/>
    <s v="In Production"/>
    <s v="rich"/>
    <x v="1"/>
    <x v="1016"/>
  </r>
  <r>
    <x v="3"/>
    <x v="46"/>
    <x v="3032"/>
    <s v="CA-WSEC"/>
    <s v="A ColdFusion solution to publish CLIMATE data for external clients"/>
    <s v=""/>
    <x v="1"/>
    <s v="0"/>
    <x v="21"/>
    <s v="2.1.3 Climate Information, Predictions and Tools"/>
    <s v="Other"/>
    <s v="ECC-1219"/>
    <s v="In Production"/>
    <s v="rich"/>
    <x v="1"/>
    <x v="1025"/>
  </r>
  <r>
    <x v="0"/>
    <x v="0"/>
    <x v="3033"/>
    <s v="DASP"/>
    <s v="Environment Canada administers a permit system controlling the disposal of waste and other matter at sea. Each permit is granted following a detailed assessment and sets conditions to protect the marine environment and human health."/>
    <s v=""/>
    <x v="1"/>
    <s v=""/>
    <x v="21"/>
    <s v="3.1.2.2 Marine Pollution"/>
    <s v="Other"/>
    <s v="ECC-122"/>
    <s v="In Production"/>
    <s v=""/>
    <x v="1"/>
    <x v="1026"/>
  </r>
  <r>
    <x v="3"/>
    <x v="46"/>
    <x v="3034"/>
    <s v="CA-HLYCOR"/>
    <s v="Part of the Corrections scripts used by archive operations to correct CLIMATE data. Corrects Hourly data in bulk by the QC technicians."/>
    <s v=""/>
    <x v="1"/>
    <s v="0"/>
    <x v="21"/>
    <s v="2.1.3 Climate Information, Predictions and Tools"/>
    <s v="Other"/>
    <s v="ECC-1220"/>
    <s v="In Production"/>
    <s v="rich"/>
    <x v="1"/>
    <x v="1027"/>
  </r>
  <r>
    <x v="3"/>
    <x v="46"/>
    <x v="3035"/>
    <s v="CA-DLYCOR"/>
    <s v="Part of the Corrections scripts used by archive operations to correct CLIMATE data.  This application allows a user to correct Daily04 data in the Canadian CLIMATE Archive."/>
    <s v=""/>
    <x v="1"/>
    <s v="0"/>
    <x v="21"/>
    <s v="2.1.3 Climate Information, Predictions and Tools"/>
    <s v="Other"/>
    <s v="ECC-1221"/>
    <s v="In Production"/>
    <s v="rich"/>
    <x v="1"/>
    <x v="1027"/>
  </r>
  <r>
    <x v="3"/>
    <x v="46"/>
    <x v="3036"/>
    <s v="CA-HLYARC"/>
    <s v="This application allows a user to correct Hourly data in the Canadian CLIMATE Archive.  Part of the Corrections scripts used by archive operations to correct CLIMATE data"/>
    <s v=""/>
    <x v="1"/>
    <s v="0"/>
    <x v="21"/>
    <s v="2.1.3 Climate Information, Predictions and Tools"/>
    <s v="Other"/>
    <s v="ECC-1222"/>
    <s v="In Production"/>
    <s v="rich"/>
    <x v="1"/>
    <x v="1027"/>
  </r>
  <r>
    <x v="3"/>
    <x v="46"/>
    <x v="3037"/>
    <s v="CA-HYDAT"/>
    <s v="Hydrometric data archive  An application used by Hydrometric personnel to connect production ddatabase to the archive for the purposes of transferring finalized hydrometric data to the Archive for long term storage."/>
    <s v=""/>
    <x v="1"/>
    <s v="0"/>
    <x v="21"/>
    <s v="2.1.3 Climate Information, Predictions and Tools"/>
    <s v="Other"/>
    <s v="ECC-1223"/>
    <s v="In Production"/>
    <s v="rich"/>
    <x v="1"/>
    <x v="1028"/>
  </r>
  <r>
    <x v="3"/>
    <x v="46"/>
    <x v="3038"/>
    <s v="CA-SOLR"/>
    <s v="Ingester, processing system &amp; correction tool designed to handle solar data ( This is not in use now).  The automated ingest, quality control and database archiving software for the Solar Radiation network.  It contains an interactive GUI for the technicians to correct data."/>
    <s v=""/>
    <x v="1"/>
    <s v="0"/>
    <x v="21"/>
    <s v="2.1.3 Climate Information, Predictions and Tools"/>
    <s v="Other"/>
    <s v="ECC-1225"/>
    <s v="In Production"/>
    <s v="rich"/>
    <x v="1"/>
    <x v="1029"/>
  </r>
  <r>
    <x v="3"/>
    <x v="46"/>
    <x v="3039"/>
    <s v="CA-CSCN"/>
    <s v="Monthly report for WMO (DMS soon to replace functionality)"/>
    <s v=""/>
    <x v="1"/>
    <s v="0"/>
    <x v="21"/>
    <s v="2.1.3 Climate Information, Predictions and Tools"/>
    <s v="Other"/>
    <s v="ECC-1226"/>
    <s v="In Production"/>
    <s v="rich"/>
    <x v="1"/>
    <x v="1030"/>
  </r>
  <r>
    <x v="3"/>
    <x v="46"/>
    <x v="3040"/>
    <s v="CA-CDO"/>
    <s v="A PHP web solution to publish CLIMATE data to public.  It is included in # 576 ?  This application allows public access to a subset of the Canadian CLIMATE Archive via the Internet. The data available includes hourly, daily, monthly or almanac data."/>
    <s v=""/>
    <x v="1"/>
    <s v="0"/>
    <x v="21"/>
    <s v="2.1.3 Climate Information, Predictions and Tools"/>
    <s v="Other"/>
    <s v="ECC-1227"/>
    <s v="In Production"/>
    <s v="web"/>
    <x v="1"/>
    <x v="1014"/>
  </r>
  <r>
    <x v="3"/>
    <x v="46"/>
    <x v="3041"/>
    <s v="CA-CISE"/>
    <s v="produce metadata files for SIS and HYDAT"/>
    <s v=""/>
    <x v="1"/>
    <s v="0"/>
    <x v="21"/>
    <s v="2.1.3 Climate Information, Predictions and Tools"/>
    <s v="Other"/>
    <s v="ECC-1228"/>
    <s v="In Production"/>
    <s v="rich"/>
    <x v="1"/>
    <x v="1016"/>
  </r>
  <r>
    <x v="0"/>
    <x v="8"/>
    <x v="3042"/>
    <s v="Contract Disclosure"/>
    <s v="Staging area for proactive disclosure of contracts records/tool for posting to web"/>
    <s v=""/>
    <x v="1"/>
    <s v=""/>
    <x v="21"/>
    <s v="4.1.2 Resource Management Services"/>
    <s v="Financial Management Services"/>
    <s v="ECC-124"/>
    <s v="In Production"/>
    <s v=""/>
    <x v="0"/>
    <x v="1031"/>
  </r>
  <r>
    <x v="0"/>
    <x v="0"/>
    <x v="3043"/>
    <s v="EC RFISS FIRSTS"/>
    <s v="The Federal Identification Registry for Storage Tank Systems (FIRSTS) is Environment Canada’s database of storage tank systems subject to the Storage Tank for Petroleum Products and Allied Petroleum Products Regulations. Owners of storage tank systems (STS) subject to the Regulations must identify their STS to Environment Canada"/>
    <s v=""/>
    <x v="1"/>
    <s v=""/>
    <x v="21"/>
    <s v="3.1 Substances &amp; Waste Management"/>
    <s v="Other"/>
    <s v="ECC-132"/>
    <s v="In Production"/>
    <s v=""/>
    <x v="1"/>
    <x v="1032"/>
  </r>
  <r>
    <x v="4"/>
    <x v="5"/>
    <x v="3044"/>
    <s v="SW-SSA"/>
    <s v="An application that allows authorized program staff to administer access requests within the Single Window system. This app allows staff to view and process requests for access to organizations and reporting applications submitted by Single Window users."/>
    <s v=""/>
    <x v="1"/>
    <s v=""/>
    <x v="21"/>
    <s v=""/>
    <s v=""/>
    <s v="ECC-1322"/>
    <s v="In Production"/>
    <s v=""/>
    <x v="1"/>
    <x v="1033"/>
  </r>
  <r>
    <x v="0"/>
    <x v="5"/>
    <x v="3045"/>
    <s v="CEPA E2"/>
    <m/>
    <s v=""/>
    <x v="1"/>
    <s v=""/>
    <x v="21"/>
    <s v="3.1.4 Environmental Emergencies"/>
    <s v="Other"/>
    <s v="ECC-133"/>
    <s v="In Production"/>
    <s v=""/>
    <x v="0"/>
    <x v="1034"/>
  </r>
  <r>
    <x v="0"/>
    <x v="8"/>
    <x v="3046"/>
    <s v="CITES Breeders"/>
    <s v="Extranet website to manage the Breeders database of CITES"/>
    <s v=""/>
    <x v="1"/>
    <s v=""/>
    <x v="21"/>
    <s v="1.1.2 Species at Risk"/>
    <s v="Other"/>
    <s v="ECC-134"/>
    <s v="In Production"/>
    <s v=""/>
    <x v="1"/>
    <x v="1035"/>
  </r>
  <r>
    <x v="0"/>
    <x v="0"/>
    <x v="3047"/>
    <s v="CITES CoP Extranet"/>
    <s v="Extranet site for co-ordinating national research and response to species nominations &amp; recommendations.  Used to develop Canadian positions for international meetings of the Convention on International Trade of Endangered species"/>
    <s v=""/>
    <x v="1"/>
    <s v=""/>
    <x v="21"/>
    <s v="1.1.2 Species at Risk"/>
    <s v="Other"/>
    <s v="ECC-135"/>
    <s v="In Production"/>
    <s v=""/>
    <x v="1"/>
    <x v="1036"/>
  </r>
  <r>
    <x v="4"/>
    <x v="5"/>
    <x v="3048"/>
    <s v="IDOL"/>
    <s v="Information &amp; data analytics platform that performs text, image, audio, and video analytics across many languages to help you derive insight from your data."/>
    <s v=""/>
    <x v="1"/>
    <s v=""/>
    <x v="21"/>
    <s v=""/>
    <s v=""/>
    <s v="ECC-1360"/>
    <s v="In Production"/>
    <s v=""/>
    <x v="0"/>
    <x v="1037"/>
  </r>
  <r>
    <x v="4"/>
    <x v="5"/>
    <x v="3049"/>
    <s v="WRAT"/>
    <s v="Tool used as an integral part of the Web Renewal Initiative to facilitate the transfer of Web Pages to Canada.ca."/>
    <s v=""/>
    <x v="1"/>
    <s v=""/>
    <x v="21"/>
    <s v=""/>
    <s v=""/>
    <s v="ECC-1361"/>
    <s v="In Production"/>
    <s v=""/>
    <x v="1"/>
    <x v="1038"/>
  </r>
  <r>
    <x v="0"/>
    <x v="13"/>
    <x v="3050"/>
    <s v="SPLEP-SARAPS"/>
    <s v="The purpose of the SARA Permit System (SARAPS) is to provide applicants a user friendly web interface to work on and submit their SARA permit applications electronically to Environment Canada, and also to provide EC staff a streamlined process to review and issue permits."/>
    <s v=""/>
    <x v="1"/>
    <s v=""/>
    <x v="21"/>
    <s v="1.1.2 Species at Risk"/>
    <s v="Other"/>
    <s v="ECC-139"/>
    <s v="In Production"/>
    <s v=""/>
    <x v="1"/>
    <x v="1039"/>
  </r>
  <r>
    <x v="0"/>
    <x v="13"/>
    <x v="3051"/>
    <s v="Info-Recovery"/>
    <s v="Recovery Information Management System tracks the development, approval an dposting of recovery strategies, action plans, and management plans for species at risk."/>
    <s v=""/>
    <x v="1"/>
    <s v=""/>
    <x v="21"/>
    <s v="1.1.2 Species at Risk"/>
    <s v="Other"/>
    <s v="ECC-141"/>
    <s v="In Production"/>
    <s v=""/>
    <x v="1"/>
    <x v="1040"/>
  </r>
  <r>
    <x v="0"/>
    <x v="0"/>
    <x v="3052"/>
    <s v="HSP"/>
    <s v="The Habitat Stewardship Program allocates funds to projects that conserve and protect species at risk and their habitats and help to preserve biodiversity. These funds promote the participation of local communities to help with the recovery of species at risk and prevent other species from becoming a conservation concern.  Selected projects protect or conserve habitats for species listed as &quot;at risk&quot; (endangered, threatened, or of special concern), under the Species at Risk Act. The HSP Tracking system is the on-line system used by recipients who apply to receive funding.  The application allows the receival and reviewal of proposals but is also used to manage all steps of contribution agreements when recipients see their fudning approved (establishmen"/>
    <s v=""/>
    <x v="1"/>
    <s v=""/>
    <x v="21"/>
    <s v="1.1.2 Species at Risk"/>
    <s v="Other"/>
    <s v="ECC-144"/>
    <s v="In Production"/>
    <s v=""/>
    <x v="1"/>
    <x v="1041"/>
  </r>
  <r>
    <x v="0"/>
    <x v="8"/>
    <x v="3053"/>
    <s v="AFSAR"/>
    <s v="The Aboriginal Fund for Species at Risk established in 2004 as an important element of the implementation of the Species at Risk Act (SARA). The protection of species at risk in Canada depends upon a meaningful collaboration with Aboriginal people and organizations in the implementation of programs under the Species at Risk Act. The Act recognizes the role that Aboriginal people play in wildlife conservation and requires that Aboriginal traditional knowledge be taken into account when assessments of which species are at risk are carried out and when protection and recovery measures are developed and implemented. The application allows the receival and reviewal of proposals but is also used to manage all steps of contribution agreements when recipients"/>
    <s v=""/>
    <x v="1"/>
    <s v=""/>
    <x v="21"/>
    <s v="1.1.2 Species at Risk"/>
    <s v="Other"/>
    <s v="ECC-146"/>
    <s v="In Production"/>
    <s v=""/>
    <x v="1"/>
    <x v="1042"/>
  </r>
  <r>
    <x v="0"/>
    <x v="43"/>
    <x v="3054"/>
    <s v="NHSWS"/>
    <s v="Web site which offers a query feature that enables users to retrieve hunting, harvest, age, and sex data for all migratory game bird species found in Canada. These data are derived from harvest surveys run annually by CWS. http://ec.gc.ca/reom-nhs"/>
    <s v=""/>
    <x v="1"/>
    <s v=""/>
    <x v="21"/>
    <s v="1.1 Biodiversity - Wildlife and Habitat"/>
    <s v="Other"/>
    <s v="ECC-150"/>
    <s v="In Production"/>
    <s v=""/>
    <x v="0"/>
    <x v="1000"/>
  </r>
  <r>
    <x v="0"/>
    <x v="0"/>
    <x v="3055"/>
    <s v="IRF"/>
    <s v="As part of the National Strategy for the Protection of Species at Risk, the federal government has established the Interdepartmental Recovery Fund (IRF) for federal departments, agencies and crown corporations. The IRF became operational in the 2002-2003 fiscal year. The IRF provides funding to Other Federal Government Departments (OGDs), namely federal departments, including agencies and crown corporations, other than Environment Canada, Fisheries and Oceans Canada and the Parks Canada Agency for implementing recovery activities for species listed under the Species at Risk Act (SARA) as extirpated, endangered or threatened that are predominantly on OGD lands. The IRF also supports surveys on OGD lands of species assessed by the Committee on the Status"/>
    <s v=""/>
    <x v="1"/>
    <s v=""/>
    <x v="21"/>
    <s v="1.1.2 Species at Risk"/>
    <s v="Other"/>
    <s v="ECC-154"/>
    <s v="In Production"/>
    <s v=""/>
    <x v="1"/>
    <x v="1040"/>
  </r>
  <r>
    <x v="0"/>
    <x v="0"/>
    <x v="3056"/>
    <s v="NEAS"/>
    <s v="Helps environmental assessment practitioners prepare basic environmental assessments of projects for which Environment Canada is a Responsible Authority under the Canadian Environmental Assessment Act."/>
    <s v=""/>
    <x v="1"/>
    <s v=""/>
    <x v="21"/>
    <s v="1.3.2 Ecosystem Assessment and Approaches"/>
    <s v="Other"/>
    <s v="ECC-165"/>
    <s v="In Production"/>
    <s v=""/>
    <x v="1"/>
    <x v="1043"/>
  </r>
  <r>
    <x v="0"/>
    <x v="0"/>
    <x v="3057"/>
    <s v="PCBRS"/>
    <m/>
    <s v=""/>
    <x v="1"/>
    <s v=""/>
    <x v="21"/>
    <s v="3.3 Compliance Promotion and Enforcement -– Pollution"/>
    <s v="Other"/>
    <s v="ECC-171"/>
    <s v="In Production"/>
    <s v=""/>
    <x v="1"/>
    <x v="1044"/>
  </r>
  <r>
    <x v="0"/>
    <x v="16"/>
    <x v="3058"/>
    <s v="CPCRM"/>
    <s v="The application re-uses the EC-CRM architecture whose foundation re-uses the  Microsoft Dynamics CRM COTS product.  The applicatino is used internally by Compliance Promotion staff to manage all Compliance Promotion activities that have been communicated to/from stakeholders outisde the gov't.  These are primarily facilities which are subject to a wide range of regulatory Instruments."/>
    <s v="Microsoft_Corporation"/>
    <x v="1"/>
    <s v=""/>
    <x v="21"/>
    <s v="3.3 Compliance Promotion and Enforcement - Pollution"/>
    <s v="Other"/>
    <s v="ECC-202"/>
    <s v="In Production"/>
    <s v=""/>
    <x v="0"/>
    <x v="1045"/>
  </r>
  <r>
    <x v="0"/>
    <x v="16"/>
    <x v="3059"/>
    <s v="Consultation CRM"/>
    <s v="Consultation tracking system is a Microsoft Dynamics CRM tool, used by program areas across Environment Canada. The system provides consultation practitioners with an intuitive way to track, manage, search and report on information pertaining to public engagement activities (i.e. upper management, central agencies, public). The system also acts as a repository and archive, and provides consultation event information to various partner consultation calendars. Consultation CRM will also be used to power the proposed Stakeholder Registry, which will allow external stakeholders to self-identify themselves for future public engagement activities."/>
    <s v="Microsoft_Corporation"/>
    <x v="1"/>
    <s v=""/>
    <x v="21"/>
    <s v="4.1 Internal Services"/>
    <s v="Other"/>
    <s v="ECC-203"/>
    <s v="In Production"/>
    <s v=""/>
    <x v="0"/>
    <x v="1046"/>
  </r>
  <r>
    <x v="2"/>
    <x v="52"/>
    <x v="3060"/>
    <s v="MS D CRM"/>
    <m/>
    <s v="Microsoft_Corporation"/>
    <x v="64"/>
    <s v=""/>
    <x v="21"/>
    <s v="4.1.2.4 Information Technology"/>
    <s v="Information Technology Services"/>
    <s v="ECC-204"/>
    <s v="In Production"/>
    <s v=""/>
    <x v="0"/>
    <x v="1047"/>
  </r>
  <r>
    <x v="5"/>
    <x v="14"/>
    <x v="3061"/>
    <s v="CESI Web Map"/>
    <s v="Canadian Environment Sustainability Indicators web mapping application. Developed by CSB-BASD in collaboration with SPB Sustainability Directorate. Project Manager: Bill Nixon 905-315-5201, Senior User: Christian Vézina (819) 953-0062, Senior Supplier: Terry Simmons (416) 739-4647"/>
    <s v="_1E_Limited"/>
    <x v="45"/>
    <s v=""/>
    <x v="21"/>
    <s v="1.3.1 Sustainability Reporting and Indicators"/>
    <s v="Other"/>
    <s v="ECC-210"/>
    <s v="In Production"/>
    <s v=""/>
    <x v="1"/>
    <x v="1048"/>
  </r>
  <r>
    <x v="6"/>
    <x v="35"/>
    <x v="3062"/>
    <s v="CPIQ web"/>
    <s v="Internal website which gathers together various links which are important/critical to the QSPC staff such as models, references, procedures, contact lists and emergency/contingency information (http://sqyl07wbprod.quebec.int.ec.gc.ca/cpi/CPIQ_web/)"/>
    <s v=""/>
    <x v="1"/>
    <s v="0"/>
    <x v="21"/>
    <s v="2.1.1 Weather and Environmental Observations, Forecasts and Warnings"/>
    <s v="Other"/>
    <s v="ECC-2110"/>
    <s v="In Production"/>
    <s v="web"/>
    <x v="1"/>
    <x v="1001"/>
  </r>
  <r>
    <x v="5"/>
    <x v="90"/>
    <x v="3063"/>
    <s v="ArcGIS"/>
    <s v="ArcGIS for Server provides a range of web services beyond simple geodata services: Feature, Map, geocoding, Geoprocessing, Image, Globe, Web Editing, KML, OGC, etc.  ArcSDE is a component of ArcGIS for Server. However, it is a distinct server technology for providing geodata services from relational database management systems that pre-dates ArcGIS for Server."/>
    <s v=""/>
    <x v="1"/>
    <s v="0"/>
    <x v="21"/>
    <s v="Science and Technology branch"/>
    <s v="Other"/>
    <s v="ECC-2112"/>
    <s v="In Production"/>
    <s v="web"/>
    <x v="0"/>
    <x v="1049"/>
  </r>
  <r>
    <x v="5"/>
    <x v="94"/>
    <x v="3064"/>
    <s v="MPICH2"/>
    <s v="Message-Passing Interface (MPI) by Argonne National Lab MPICH is a high-performance and widely portable implementation of the Message-Passing Interface (MPI) standard. MPICH runs on parallel systems of all sizes, from multicore nodes to clusters to large supercomputers.  It also provides a vehicle for MPI implementation research and for developing new and better parallel programming environments. MPICH supports the latest version of the MPI standard, MPI-3. Current research in MPICH focuses on scalability to extreme-scale systems of the future.  MPICH2 is an all-new implementation of MPI, designed to support research into high-performance implementations of MPI-1 and MPI-2 functionality. In addition to the features in MPICH, MPICH2 includes support for"/>
    <s v=""/>
    <x v="1"/>
    <s v="0"/>
    <x v="21"/>
    <s v="1.2.3 Hydrometric Services"/>
    <s v="Other"/>
    <s v="ECC-2113"/>
    <s v="In Production"/>
    <s v="desktop"/>
    <x v="0"/>
    <x v="1001"/>
  </r>
  <r>
    <x v="4"/>
    <x v="5"/>
    <x v="3065"/>
    <s v=""/>
    <s v=""/>
    <s v=""/>
    <x v="1"/>
    <s v=""/>
    <x v="21"/>
    <s v=""/>
    <s v=""/>
    <s v="ECC-2114"/>
    <s v="In Production"/>
    <s v="desktop"/>
    <x v="0"/>
    <x v="86"/>
  </r>
  <r>
    <x v="5"/>
    <x v="90"/>
    <x v="3066"/>
    <s v="ArcIMS"/>
    <s v="ArcIMS (standing for Arc Internet Map Server) is a Web Map Server produced by Esri accessible through a web browser. It is a GIS that is designed to serve maps across the Internet. Sometimes these maps are just static images allowing simple panning and zooming, while others are more complex pages.  ArcIMS (Application) ArcIMS Tasker, ArcIMS Z3950, ArcMIS (Monitor)  ArcIMS will no longer be supported with the release of ArcGIS 10.1."/>
    <s v=""/>
    <x v="1"/>
    <s v="0"/>
    <x v="21"/>
    <s v="Science and Technology branch"/>
    <s v="Other"/>
    <s v="ECC-2116"/>
    <s v="In Production"/>
    <s v="web"/>
    <x v="0"/>
    <x v="1049"/>
  </r>
  <r>
    <x v="5"/>
    <x v="90"/>
    <x v="3067"/>
    <s v="ArcSDE"/>
    <s v="ESRI"/>
    <s v=""/>
    <x v="1"/>
    <s v="0"/>
    <x v="21"/>
    <s v="Science and Technology branch"/>
    <s v="Other"/>
    <s v="ECC-2117"/>
    <s v="In Production"/>
    <s v="desktop"/>
    <x v="0"/>
    <x v="1050"/>
  </r>
  <r>
    <x v="4"/>
    <x v="5"/>
    <x v="3068"/>
    <s v="CSSPWT"/>
    <s v="CSSP Web Tools id an application used to deliver Environment Canada’s obligations under the Canadian Shellfish Sanitation Program (CSSP), a federal food safety program to protect Canadians from the health risks associated with the consumption of contaminated bivalve molluscan shellfish (for example, mussels, oysters and clams). This new application will replace the existing Atlantic Shellfish Growing Areas Database (ASGAD) (APM ID 550) and it will consolidate a number of other key data holdings in Atlantic related to pollution source surveys, wastewater system data and modelling results."/>
    <s v=""/>
    <x v="1"/>
    <s v=""/>
    <x v="21"/>
    <s v=""/>
    <s v=""/>
    <s v="ECC-2119"/>
    <s v="In Production"/>
    <s v=""/>
    <x v="1"/>
    <x v="1051"/>
  </r>
  <r>
    <x v="4"/>
    <x v="5"/>
    <x v="3069"/>
    <s v="Bottom substrates"/>
    <s v="Data from underwater video, echo-sounder records, (Geographic Information System) GIS and analyses to characterize bottom substrates in lakes and rivers"/>
    <s v=""/>
    <x v="1"/>
    <s v=""/>
    <x v="21"/>
    <s v=""/>
    <s v=""/>
    <s v="ECC-2120"/>
    <s v="In Production"/>
    <s v=""/>
    <x v="0"/>
    <x v="106"/>
  </r>
  <r>
    <x v="4"/>
    <x v="5"/>
    <x v="3070"/>
    <s v="WILDSPACE"/>
    <s v="Access database containing years of Wildlife data gathered by CWS biologists. This database is being merged with GKMI, but the original data need to be preserved by the time the migration is completed and validated."/>
    <s v=""/>
    <x v="1"/>
    <s v=""/>
    <x v="21"/>
    <s v="EC"/>
    <s v=""/>
    <s v="ECC-2121"/>
    <s v="In Production"/>
    <s v=""/>
    <x v="1"/>
    <x v="86"/>
  </r>
  <r>
    <x v="4"/>
    <x v="5"/>
    <x v="3071"/>
    <s v="CAPMoN Backup"/>
    <s v="Symantec Backup Exec is used to backup both to tape and disk all Telemetry Data for all Capmon sites and Lab and Field data from the Cluster"/>
    <s v=""/>
    <x v="1"/>
    <s v=""/>
    <x v="21"/>
    <s v=""/>
    <s v=""/>
    <s v="ECC-2122"/>
    <s v="In Production"/>
    <s v=""/>
    <x v="1"/>
    <x v="86"/>
  </r>
  <r>
    <x v="0"/>
    <x v="19"/>
    <x v="3072"/>
    <s v="SWRR-NPRI/ON TRA"/>
    <m/>
    <s v=""/>
    <x v="1"/>
    <s v=""/>
    <x v="21"/>
    <s v="3.3 Compliance Promotion and Enforcement -– Pollution"/>
    <s v="Other"/>
    <s v="ECC-213"/>
    <s v="In Production"/>
    <s v=""/>
    <x v="1"/>
    <x v="1052"/>
  </r>
  <r>
    <x v="0"/>
    <x v="43"/>
    <x v="3073"/>
    <s v="NRPWatch-Web"/>
    <s v="Hosting NRIS interface, InfoBase interface and Real-Time Network Status - NRPDisplay"/>
    <s v=""/>
    <x v="1"/>
    <s v="apache.org"/>
    <x v="21"/>
    <s v="2.1.1 Weather and Environmental Observations, Forecasts and Warnings"/>
    <s v="Management and Oversight Services,Other"/>
    <s v="ECC-2130"/>
    <s v="In Production"/>
    <s v="web"/>
    <x v="1"/>
    <x v="1053"/>
  </r>
  <r>
    <x v="4"/>
    <x v="5"/>
    <x v="3074"/>
    <s v="Aqua-CHCQ"/>
    <s v="TBD"/>
    <s v=""/>
    <x v="1"/>
    <s v="0"/>
    <x v="21"/>
    <s v="1.2.3 Hydrometric Services"/>
    <s v="Other"/>
    <s v="ECC-2131"/>
    <s v="In Production"/>
    <s v="desktop"/>
    <x v="0"/>
    <x v="86"/>
  </r>
  <r>
    <x v="12"/>
    <x v="111"/>
    <x v="3075"/>
    <s v="Aqua-FTP"/>
    <s v="TBD"/>
    <s v=""/>
    <x v="1"/>
    <s v="0"/>
    <x v="21"/>
    <s v="1.2.3 Hydrometric Services"/>
    <s v="Other"/>
    <s v="ECC-2132"/>
    <s v="In Production"/>
    <s v="desktop"/>
    <x v="0"/>
    <x v="1001"/>
  </r>
  <r>
    <x v="0"/>
    <x v="11"/>
    <x v="3076"/>
    <s v="Articulate"/>
    <s v="Articulate Online is a user-friendly hosted service that allows you to track how employees, customers, and prospects interact with your e-learning courses, assessments, and presentations. And publishing and delivering that content is a snap. Hydrometric technicians need to learn proper methods for the measurement of discharge and other operations (including hos).  The system allows them to complete training lessons related to these duties and responsibilities.  Doing so via online training, water survey of Canada is able to reduce the amount of time away from their home office, reduce travel time, provide training in a timely manner, and make it available as refresher for those who completed it already."/>
    <s v=""/>
    <x v="1"/>
    <s v="0"/>
    <x v="21"/>
    <s v="2.1.1 Weather and Environmental Observations, Forecasts and Warnings"/>
    <s v="Other"/>
    <s v="ECC-2133"/>
    <s v="In Production"/>
    <s v="web"/>
    <x v="0"/>
    <x v="1054"/>
  </r>
  <r>
    <x v="4"/>
    <x v="5"/>
    <x v="3077"/>
    <s v="CornwallCmd"/>
    <s v="TBD"/>
    <s v=""/>
    <x v="1"/>
    <s v="0"/>
    <x v="21"/>
    <s v="1.2.3 Hydrometric Services"/>
    <s v="Other"/>
    <s v="ECC-2136"/>
    <s v="In Production"/>
    <s v="desktop"/>
    <x v="1"/>
    <x v="1001"/>
  </r>
  <r>
    <x v="5"/>
    <x v="94"/>
    <x v="3078"/>
    <s v="FlvCalcDaily"/>
    <s v="TBD"/>
    <s v=""/>
    <x v="1"/>
    <s v="0"/>
    <x v="21"/>
    <s v="1.2.3 Hydrometric Services"/>
    <s v="Other"/>
    <s v="ECC-2137"/>
    <s v="In Production"/>
    <s v="desktop"/>
    <x v="1"/>
    <x v="1001"/>
  </r>
  <r>
    <x v="7"/>
    <x v="108"/>
    <x v="3079"/>
    <s v="NRPWatch-Backup"/>
    <s v="Anonymous FTP backup of site configurations.  Subset of NRPWatch functions. Should be migrated to SFTP or SCP during transition."/>
    <s v="Other"/>
    <x v="1"/>
    <s v="Tied to Linux version used."/>
    <x v="21"/>
    <s v="2.1.1 Weather and Environmental Observations, Forecasts and Warnings"/>
    <s v="Management and Oversight Services,Other"/>
    <s v="ECC-2138"/>
    <s v="In Production"/>
    <s v="rich"/>
    <x v="0"/>
    <x v="1055"/>
  </r>
  <r>
    <x v="6"/>
    <x v="57"/>
    <x v="3080"/>
    <s v="NRPWatch-Moodle"/>
    <s v="Online training access"/>
    <s v=""/>
    <x v="1"/>
    <s v="Moodle.Org"/>
    <x v="21"/>
    <s v="2.1.1 Weather and Environmental Observations, Forecasts and Warnings"/>
    <s v="Management and Oversight Services,Other"/>
    <s v="ECC-2139"/>
    <s v="In Production"/>
    <s v="web"/>
    <x v="1"/>
    <x v="1056"/>
  </r>
  <r>
    <x v="1"/>
    <x v="75"/>
    <x v="3081"/>
    <s v="NRPWatch"/>
    <s v="The NRPWatch computer system is designed to achieve high reliability of the stored data.  The system is used continuously for various National Radar Program data management.  The system provides functionality for data storage, file servers, web page development and access, training deployment and site system backup.  The NRPwatch system has become a vital component to operation of the Environment Canada National Radar Program.   http://nrpwatchtor.ontario.int.ec.gc.ca/nrp_display/index.php.  Sub components are: • NRPWatch Active system Backups • FTP Server (Radar Configuration Archiving) • Apache Webserver (module) • PHP Scripting language • MySQL Server module • BigBrother • NRPWatch Display • Moodle Online Training  • NRPWatch WebGallery"/>
    <s v=""/>
    <x v="1"/>
    <s v="0"/>
    <x v="21"/>
    <s v="2.1.1 Weather and Environmental Observations, Forecasts and Warnings"/>
    <s v="Management and Oversight Services,Other"/>
    <s v="ECC-2142"/>
    <s v="In Production"/>
    <s v="web"/>
    <x v="1"/>
    <x v="1057"/>
  </r>
  <r>
    <x v="6"/>
    <x v="35"/>
    <x v="3082"/>
    <s v="NAWW"/>
    <s v="NAWW is a web page (http://watermonitor.gov/naww/index.php) of the canadian counterpart of the american WaterWatch webpage described below:  WaterWatch (http://waterwatch.usgs.gov) is a U.S. Geological Survey (USGS) World Wide Web site that displays maps, graphs, and tables describing real-time, recent, and past streamflow conditions for the United States. The real-time information generally is updated on an hourly basis. WaterWatch provides stream gage-based maps that show the location of more than 3,000 long-term (30 years or more) USGS stream gages; use colors to represent streamflow conditions compared to historical streamflow; feature a point-and-click interface allowing users to retrieve graphs of stream stage (water elevation) and flow; and high"/>
    <s v=""/>
    <x v="1"/>
    <s v="0"/>
    <x v="21"/>
    <s v="1.2.3 Hydrometric Services"/>
    <s v="Other"/>
    <s v="ECC-2143"/>
    <s v="In Production"/>
    <s v="web"/>
    <x v="1"/>
    <x v="1001"/>
  </r>
  <r>
    <x v="7"/>
    <x v="108"/>
    <x v="3083"/>
    <s v="NRPWatch-Clone"/>
    <s v="Copies latest snapshot of NRPWatchTor to NRPWatchCal to ensure operational and hot-spare are in sync (daily)"/>
    <s v=""/>
    <x v="1"/>
    <s v="0"/>
    <x v="21"/>
    <s v="2.1.1 Weather and Environmental Observations, Forecasts and Warnings"/>
    <s v="Management and Oversight Services,Other"/>
    <s v="ECC-2144"/>
    <s v="In Production"/>
    <s v="rich"/>
    <x v="1"/>
    <x v="1058"/>
  </r>
  <r>
    <x v="6"/>
    <x v="35"/>
    <x v="3084"/>
    <s v="NRPWatch-Display"/>
    <s v="NRP Network View http://nrpwatchtor.ontario.int.ec.gc.ca/nrp_display/index.php  MSC WEO-OR AMOS Reporting System for Radar maintenance"/>
    <s v=""/>
    <x v="1"/>
    <s v="0"/>
    <x v="21"/>
    <s v="2.1.1 Weather and Environmental Observations, Forecasts and Warnings"/>
    <s v="Management and Oversight Services,Other"/>
    <s v="ECC-2145"/>
    <s v="In Production"/>
    <s v="web"/>
    <x v="1"/>
    <x v="1059"/>
  </r>
  <r>
    <x v="6"/>
    <x v="35"/>
    <x v="3085"/>
    <s v="NRPWatch-Gallery"/>
    <s v="Web access to network photo gallery.  Allows display and management of photographs"/>
    <s v=""/>
    <x v="1"/>
    <s v="GalleryProject.org"/>
    <x v="21"/>
    <s v="2.1.1 Weather and Environmental Observations, Forecasts and Warnings"/>
    <s v="Management and Oversight Services,Other"/>
    <s v="ECC-2146"/>
    <s v="In Production"/>
    <s v="web"/>
    <x v="1"/>
    <x v="1057"/>
  </r>
  <r>
    <x v="4"/>
    <x v="5"/>
    <x v="3086"/>
    <s v="ParsPart"/>
    <s v="TBD"/>
    <s v="Other"/>
    <x v="1"/>
    <s v="0"/>
    <x v="21"/>
    <s v="TBD"/>
    <s v="Other"/>
    <s v="ECC-2147"/>
    <s v="In Production"/>
    <s v="desktop"/>
    <x v="0"/>
    <x v="1001"/>
  </r>
  <r>
    <x v="4"/>
    <x v="5"/>
    <x v="3087"/>
    <s v="Tortoise"/>
    <s v="TortoiseSVN is a Subversion client, implemented as a Microsoft Windows shell extension, that helps programmers manage different versions of the source code for their programs. It is a free software released under the GNU General Public License."/>
    <s v=""/>
    <x v="1"/>
    <s v="0"/>
    <x v="21"/>
    <s v="1.2.3 Hydrometric Services"/>
    <s v="Other"/>
    <s v="ECC-2149"/>
    <s v="In Production"/>
    <s v="desktop"/>
    <x v="1"/>
    <x v="1001"/>
  </r>
  <r>
    <x v="5"/>
    <x v="25"/>
    <x v="3088"/>
    <s v="CABIN"/>
    <s v="The Canadian Aquatic Biomonitoring Network (CABIN) is an integrated national network for the collection, management, assessment, and distribution of bioassessment data. CABIN aims to provide long-term monitoring and assessment of aquatic ecosystem health by utilizing the Reference Condition Approach (RCA) applied to benthic macro-invertebrates."/>
    <s v=""/>
    <x v="1"/>
    <s v=""/>
    <x v="21"/>
    <s v="1.2.1 Water Quality and Aquatic Ecosystems Health"/>
    <s v="Other"/>
    <s v="ECC-221"/>
    <s v="In Production"/>
    <s v=""/>
    <x v="0"/>
    <x v="1060"/>
  </r>
  <r>
    <x v="5"/>
    <x v="94"/>
    <x v="3089"/>
    <s v="CCCMA-Data"/>
    <s v="This application is comprised of: CCCma web server which provides access to CCCma climate model data, for external users in Canada and internationally.   CCCma OpenDAP server which runs Earth System Grid Federation (ESGF) software, which has been developed by an academic / government consortium of climate modelling centres to distribute climate model output."/>
    <s v=""/>
    <x v="1"/>
    <s v=""/>
    <x v="21"/>
    <s v="2.1.3 Climate Information, Predictions and Tools"/>
    <s v="Other"/>
    <s v="ECC-222"/>
    <s v="In Production"/>
    <s v=""/>
    <x v="0"/>
    <x v="1061"/>
  </r>
  <r>
    <x v="5"/>
    <x v="94"/>
    <x v="3090"/>
    <s v="CCCMA-Plots"/>
    <s v="A set of applications facilitating the development, analysis, visualisation, internal documentation and validation of EC's climate models, as well as the models themselves."/>
    <s v=""/>
    <x v="1"/>
    <s v=""/>
    <x v="21"/>
    <s v="2.1.3 Climate Information, Predictions and Tools"/>
    <s v="Other"/>
    <s v="ECC-223"/>
    <s v="In Production"/>
    <s v=""/>
    <x v="0"/>
    <x v="1061"/>
  </r>
  <r>
    <x v="0"/>
    <x v="8"/>
    <x v="3091"/>
    <s v="GHGRP Online Query Tool"/>
    <s v="Publication of the facility-reported greenhouse gas (GHG) data - create personalized queries   (Unclassified as long as it only queries the subset that EC publishes.  Complete dataset is Protected B)"/>
    <s v=""/>
    <x v="1"/>
    <s v=""/>
    <x v="21"/>
    <s v="3.2 Climate Change and Clean Air"/>
    <s v="Other"/>
    <s v="ECC-227"/>
    <s v="In Production"/>
    <s v=""/>
    <x v="0"/>
    <x v="1062"/>
  </r>
  <r>
    <x v="5"/>
    <x v="5"/>
    <x v="3092"/>
    <s v="SORBENT"/>
    <s v="ESTS has a commitment under the World Class Tanker Safety TB sub for the databases as deliverables. In addition, we anticipate that legislative changes currently before parliament and additional changes in the coming year will mandate additional and/or expanded databases for spill response technologies."/>
    <s v=""/>
    <x v="1"/>
    <s v=""/>
    <x v="21"/>
    <s v="1.2 Water Resources"/>
    <s v="Other"/>
    <s v="ECC-237"/>
    <s v="In Production"/>
    <s v="web"/>
    <x v="0"/>
    <x v="1002"/>
  </r>
  <r>
    <x v="5"/>
    <x v="99"/>
    <x v="3093"/>
    <s v="ETC Oil Properties"/>
    <s v="This is a web based application developed at River Road for the Emergencies Science and Technology Section"/>
    <s v="Microsoft_Corporation"/>
    <x v="65"/>
    <s v=""/>
    <x v="21"/>
    <s v="1.2.1 Water Quality and Aquatic Ecosystems Health"/>
    <s v="Other"/>
    <s v="ECC-239"/>
    <s v="In Production"/>
    <s v="web"/>
    <x v="0"/>
    <x v="1063"/>
  </r>
  <r>
    <x v="5"/>
    <x v="99"/>
    <x v="3094"/>
    <s v="ETC Spilltox"/>
    <s v="This is a web based application developed at River Road for the Emergencies Science and Technology Section"/>
    <s v="Microsoft_Corporation"/>
    <x v="65"/>
    <s v=""/>
    <x v="21"/>
    <s v="1.2.1 Water Quality and Aquatic Ecosystems Health"/>
    <s v="Other"/>
    <s v="ECC-243"/>
    <s v="In Production"/>
    <s v="web"/>
    <x v="0"/>
    <x v="1063"/>
  </r>
  <r>
    <x v="0"/>
    <x v="8"/>
    <x v="3095"/>
    <s v="SECP"/>
    <s v="Search Engine for Chemicals, biochemicals, polymers and biopolymers published in the Canada Gazette. Dynamic information and connected to the NSNT system (see NSNT System above)"/>
    <s v=""/>
    <x v="1"/>
    <s v=""/>
    <x v="21"/>
    <s v="3.1.1 Chemicals Management"/>
    <s v="Other"/>
    <s v="ECC-244"/>
    <s v="In Production"/>
    <s v=""/>
    <x v="0"/>
    <x v="988"/>
  </r>
  <r>
    <x v="0"/>
    <x v="7"/>
    <x v="3096"/>
    <s v="Jervis"/>
    <s v="Jervis is a meteorological product archive which was developed by Ford Doherty in 1998. Over the years, its utility has grown to become an indispensable tool for forecasters in PYR and apparently, other regions as well. There is no other system which offers all the archive products that Jervis offers (~7000 products and 52,000 files, mostly image and text) combined with efficiency of storage (~6.0 GB of data per day; quite small compared to Ninjo - storage requirements).    This archiving tool helps forecasters for case studies in order to better understand a problematic situation in order to improve forecasting skills. Without this tool, the case studies will be reduced to almost nothing. There is a need to build requirements for incorporation into th"/>
    <s v=""/>
    <x v="1"/>
    <s v="0"/>
    <x v="21"/>
    <s v="2.1.1 Weather and Environmental Observations, Forecasts and Warnings"/>
    <s v="Other"/>
    <s v="ECC-25"/>
    <s v="In Production"/>
    <s v="web"/>
    <x v="1"/>
    <x v="106"/>
  </r>
  <r>
    <x v="8"/>
    <x v="83"/>
    <x v="3097"/>
    <s v="RISS"/>
    <m/>
    <s v=""/>
    <x v="1"/>
    <s v=""/>
    <x v="21"/>
    <s v="3.1.2 Effluent Management"/>
    <s v="Other"/>
    <s v="ECC-262"/>
    <s v="In Production"/>
    <s v=""/>
    <x v="1"/>
    <x v="1064"/>
  </r>
  <r>
    <x v="5"/>
    <x v="94"/>
    <x v="3098"/>
    <s v="CCCSN"/>
    <s v="Website portal providing access to climate change scenario data to other government departments, and other stakeholders.  This is the primary mechanism by which the climate scenarios data is made available to users.  The application is developed and maintained internally."/>
    <s v=""/>
    <x v="1"/>
    <s v=""/>
    <x v="21"/>
    <s v="2.1.3 Climate Information, Predictions and Tools"/>
    <s v="Other"/>
    <s v="ECC-265"/>
    <s v="In Production"/>
    <s v=""/>
    <x v="0"/>
    <x v="1061"/>
  </r>
  <r>
    <x v="0"/>
    <x v="0"/>
    <x v="3099"/>
    <s v="CEPA P2"/>
    <s v="Facilitate reporting of schedules by entities subject to P2 Notices.  Management of submitted schedules by Client.  reporting of accepted schedules to the general public."/>
    <s v=""/>
    <x v="1"/>
    <s v=""/>
    <x v="21"/>
    <s v="3.1.1 Substances Management"/>
    <s v="Other"/>
    <s v="ECC-272"/>
    <s v="In Production"/>
    <s v=""/>
    <x v="1"/>
    <x v="1040"/>
  </r>
  <r>
    <x v="0"/>
    <x v="8"/>
    <x v="3100"/>
    <s v="SEO"/>
    <s v="Search Engine for Chemicals organisms published in the Canada Gazette. Dynamic information and connected to the NSNT system  (see NSNT System above)"/>
    <s v=""/>
    <x v="1"/>
    <s v=""/>
    <x v="21"/>
    <s v="3.1.1 Chemicals Management"/>
    <s v="Other"/>
    <s v="ECC-273"/>
    <s v="In Production"/>
    <s v=""/>
    <x v="0"/>
    <x v="988"/>
  </r>
  <r>
    <x v="3"/>
    <x v="63"/>
    <x v="3101"/>
    <s v="DARTS"/>
    <s v="The Data logger Acquisition, Retrieval and Transmission System (DARTS) captures data from automatic weather stations, in particular Auto8 stations, logs the raw data, formats it and transmits it to its point of use. CSIDial, CSIconvert, CATransmit, DARTSdisplay  National Data collection software interface to CSI data-loggers.  Collects real-time weather observations from CSI data-loggers. (SMB et mission critical)"/>
    <s v=""/>
    <x v="1"/>
    <s v="0"/>
    <x v="21"/>
    <s v="2.1.1 Weather and Environmental Observations, Forecasts and Warnings"/>
    <s v="Other"/>
    <s v="ECC-28"/>
    <s v="In Production"/>
    <s v="rich"/>
    <x v="1"/>
    <x v="1065"/>
  </r>
  <r>
    <x v="0"/>
    <x v="28"/>
    <x v="3102"/>
    <s v="Climat Québec"/>
    <s v="Web portal to access Quebec CLIMATE data. The information contained on this site is used to respond to media requests by WPMs and/or 1-900 consulting line agents. The raw information available on the National CLIMATE website is not enough.  http://climat-quebec.qc.ca/CC-DEV/trunk/index.php/pages/dai"/>
    <s v=""/>
    <x v="1"/>
    <s v="0"/>
    <x v="21"/>
    <s v="2.1.3 Climate Information, Predictions and Tools"/>
    <s v="Other"/>
    <s v="ECC-285"/>
    <s v="In Production"/>
    <s v="web"/>
    <x v="1"/>
    <x v="1066"/>
  </r>
  <r>
    <x v="3"/>
    <x v="31"/>
    <x v="3103"/>
    <s v="PRISM"/>
    <s v="Data managemenent system for the Canadian Shellfish Sanitation Program in Qc. NOTE: The MOLLUSCA public facing web-site has been decommissioned and removed from PRISM."/>
    <s v=""/>
    <x v="1"/>
    <s v=""/>
    <x v="21"/>
    <s v="1.2.1 Water Quality and Aquatic Ecosystems Health"/>
    <s v="Other"/>
    <s v="ECC-287"/>
    <s v="In Production"/>
    <s v="web"/>
    <x v="1"/>
    <x v="1067"/>
  </r>
  <r>
    <x v="4"/>
    <x v="5"/>
    <x v="3104"/>
    <s v="MGHB"/>
    <s v="Externally hosted application allowing members of the public to undertake on-line purchases of hunting permits. On-line credit card payment is provided via the Government of Canada Receiver-General Buy Button process. Hunting permits are delivered to purchasers via email."/>
    <s v=""/>
    <x v="1"/>
    <s v=""/>
    <x v="21"/>
    <s v=""/>
    <s v=""/>
    <s v="ECC-3002"/>
    <s v="In Production"/>
    <s v=""/>
    <x v="0"/>
    <x v="86"/>
  </r>
  <r>
    <x v="4"/>
    <x v="5"/>
    <x v="3105"/>
    <s v="SparxEA"/>
    <s v="COTS tool to help business analysts within IMD-BADM and elsewhere in ECCC manage their software requirements."/>
    <s v=""/>
    <x v="1"/>
    <s v=""/>
    <x v="21"/>
    <s v=""/>
    <s v=""/>
    <s v="ECC-3003"/>
    <s v="In Production"/>
    <s v=""/>
    <x v="0"/>
    <x v="1068"/>
  </r>
  <r>
    <x v="4"/>
    <x v="5"/>
    <x v="3106"/>
    <s v="GAVIA"/>
    <s v="Internal CRM application to replace the 14+ year old NEMISIS application (APM ID: 513) used to support Enforcement activities. Gavia was formerly called Business Renewal Systems (BSR)."/>
    <s v=""/>
    <x v="1"/>
    <s v=""/>
    <x v="21"/>
    <s v=""/>
    <s v=""/>
    <s v="ECC-3009"/>
    <s v="In Production"/>
    <s v="web"/>
    <x v="0"/>
    <x v="1069"/>
  </r>
  <r>
    <x v="4"/>
    <x v="5"/>
    <x v="3107"/>
    <s v="Collaboration"/>
    <s v="A tool used by the Canadian Environmental Assessment Agency to share information collaboratively internally."/>
    <s v=""/>
    <x v="1"/>
    <s v=""/>
    <x v="21"/>
    <s v=""/>
    <s v=""/>
    <s v="ECC-3012"/>
    <s v="In Production"/>
    <s v=""/>
    <x v="0"/>
    <x v="86"/>
  </r>
  <r>
    <x v="5"/>
    <x v="91"/>
    <x v="3108"/>
    <s v="WKR"/>
    <s v="King Radar Centre, Ontario, provides real time weather radar surveillance with geographic coverage of the Greater Toronto and Southern Ontario 24 hours a day / 7 days a week to the Ontario Storm Prediction Center."/>
    <s v=""/>
    <x v="1"/>
    <s v=""/>
    <x v="21"/>
    <s v="2.1.1 Weather Observation, Forecast and Warnings"/>
    <s v="Other"/>
    <s v="ECC-3020"/>
    <s v="In Production"/>
    <s v="web"/>
    <x v="1"/>
    <x v="1070"/>
  </r>
  <r>
    <x v="5"/>
    <x v="100"/>
    <x v="3109"/>
    <s v="MIKE"/>
    <s v="Hydrodynamic modelling application for predicting sewage impacts on molluscan shellfish harvest areas"/>
    <s v="Other"/>
    <x v="1"/>
    <s v="MIKE by DHI"/>
    <x v="21"/>
    <s v="1.2.1 Water Quality and Aquatic Ecosystems Health"/>
    <s v="Other"/>
    <s v="ECC-3021"/>
    <s v="In Production"/>
    <s v="desktop"/>
    <x v="0"/>
    <x v="146"/>
  </r>
  <r>
    <x v="5"/>
    <x v="100"/>
    <x v="3110"/>
    <s v="OILMAP"/>
    <s v="Commercial software OILMAP - Oil Spill Model and Response System, providing oil fate &amp; behaviour and trajectory predictions"/>
    <s v="Other"/>
    <x v="1"/>
    <s v="RPS-ASA OILMAP"/>
    <x v="21"/>
    <s v="3.1.4 Environmental Emergencies"/>
    <s v="Other"/>
    <s v="ECC-3022"/>
    <s v="In Production"/>
    <s v="desktop"/>
    <x v="0"/>
    <x v="1071"/>
  </r>
  <r>
    <x v="5"/>
    <x v="100"/>
    <x v="3111"/>
    <s v="CHEMMAP"/>
    <s v="Commercial software CHEMMAP - Chemical Discharge Modeling System, providing chemical spill fate &amp; behaviour and trajectory predictions"/>
    <s v="Other"/>
    <x v="1"/>
    <s v="RPS-ASA CHEMMAP"/>
    <x v="21"/>
    <s v="3.1.4 Environmental Emergencies"/>
    <s v="Other"/>
    <s v="ECC-3023"/>
    <s v="In Production"/>
    <s v="desktop"/>
    <x v="0"/>
    <x v="1071"/>
  </r>
  <r>
    <x v="3"/>
    <x v="31"/>
    <x v="3112"/>
    <s v="Discoverer"/>
    <s v="Datawarehouse &amp; Reporting application"/>
    <s v="Oracle_Canada_ULC"/>
    <x v="28"/>
    <s v=""/>
    <x v="21"/>
    <s v="ECCC Strategic Outcome 1: Canada’s natural environment is conserved and restored for present and future generations_x000a_ECCC Strategic Outcome 2: Canadians are equipped to make informed decision on changing weather, water and climate conditions_x000a_ECCC Strategic Outcome 3: Threats to Canadians and their environment from pollution are minimized_x000a_Pollution_x000a_3.1 Substances and_x000a_Waste Management_x000a_1.1.1 Biodiversity Policy_x000a_and Priorities_x000a_1.1.2 Species at Risk_x000a_2.2.1 Meteorological_x000a_Services in Support of_x000a_Air Navigation_x000a_3.1.1 Substances_x000a_Management_x000a_1.3.1 Sustainability_x000a_Reporting and_x000a_Indicators_x000a_1.2.1 Water Quality and_x000a_Aquatic Ecosystems_x000a_Health_x000a_1.3.3 Community_x000a_Engagement_x000a_1.3.3.2 Environmental_x000a_Damages Fund_x000a_2.1.1 Weather_x000a_Observations, Forecasts_x000a_and Warnings_x000a_2.1.2 Health-related_x000a_Meteorological_x000a_Information_x000a_3.1.2 Effluent_x000a_Management_x000a_2.2.2 Meteorological and_x000a_Ice Services in Support_x000a_of Marine Navigation_x000a_1.3.3.1 EcoAction Community_x000a_Funding_x000a_3.2 Climate Change_x000a_and Clean Air_x000a_3.2.2 International_x000a_Climate Change and_x000a_Clean Air Partnerships_x000a_2.1.3 Climate_x000a_Information, Predictions_x000a_and Tools_x000a_1.3.4 Great Lakes_x000a_1.3.3.3 Environmental Youth_x000a_Employment_x000a_3.2.3 Environmental_x000a_Technology_x000a_3.1.4 Environmental_x000a_Emergencies_x000a_1.2.2 Water Resource_x000a_Management and Use_x000a_1.3.2 Ecosystem and_x000a_Environmental_x000a_Assessments_x000a_1.4 Compliance_x000a_Promotion and_x000a_Enforcement -- Wildlife_x000a_2.2.3 Meteorological_x000a_Services in Support of_x000a_Military Operations_x000a_3.1.5 Contaminated_x000a_Sites_x000a_3.1.3 Marine Pollution_x000a_Strategic Outcomes_x000a_Programs_x000a_Sub-Programs_x000a_Sub-Sub-Programs_x000a_4.1 Internal Services"/>
    <s v="Information Technology Services"/>
    <s v="ECC-3026"/>
    <s v="In Production"/>
    <s v="mini_main_super"/>
    <x v="0"/>
    <x v="130"/>
  </r>
  <r>
    <x v="3"/>
    <x v="30"/>
    <x v="3113"/>
    <s v="WQI Web Service"/>
    <s v="Support use of the CESI WQI calculator. The calculator is used within ECCC and within the provinces and pulls data from the web service."/>
    <s v=""/>
    <x v="1"/>
    <s v=""/>
    <x v="21"/>
    <s v="Freshwater Quality Monitoring and Surveillance"/>
    <s v="Information Management Services"/>
    <s v="ECC-3027"/>
    <s v="In Production"/>
    <s v="web"/>
    <x v="1"/>
    <x v="1072"/>
  </r>
  <r>
    <x v="5"/>
    <x v="25"/>
    <x v="3114"/>
    <s v="RTWQM Interface"/>
    <s v="Graphing and hardware deployment tracking"/>
    <s v=""/>
    <x v="1"/>
    <s v=""/>
    <x v="21"/>
    <s v="Freshwater Quality Monitoring and Surveillance"/>
    <s v="Information Management Services"/>
    <s v="ECC-3028"/>
    <s v="In Production"/>
    <s v="web"/>
    <x v="1"/>
    <x v="1073"/>
  </r>
  <r>
    <x v="5"/>
    <x v="100"/>
    <x v="3115"/>
    <s v="EcRtWscService"/>
    <s v="The mechanism which transfers data from all the co-located Water Survey / Water Quality Monitoring stations in Canada into WQMS Database (RTDB) through HYDNOW"/>
    <s v=""/>
    <x v="1"/>
    <s v=""/>
    <x v="21"/>
    <s v="Freshwater Quality Monitoring and Surveillance"/>
    <s v="Information Management Services"/>
    <s v="ECC-3029"/>
    <s v="In Production"/>
    <s v="web"/>
    <x v="1"/>
    <x v="1074"/>
  </r>
  <r>
    <x v="5"/>
    <x v="90"/>
    <x v="3116"/>
    <s v="EnvdatKML"/>
    <s v="Displays all the Water Quality Monitoring stations in Atlantic Canada, which is used for new station assignments and location analysis."/>
    <s v=""/>
    <x v="1"/>
    <s v=""/>
    <x v="21"/>
    <s v="Freshwater Quality Monitoring and Surveillance"/>
    <s v="Information Management Services"/>
    <s v="ECC-3030"/>
    <s v="In Production"/>
    <s v="web"/>
    <x v="1"/>
    <x v="1075"/>
  </r>
  <r>
    <x v="4"/>
    <x v="5"/>
    <x v="3117"/>
    <s v="RTWQCamera"/>
    <s v="Storage of real time photos from automated WQ Stations"/>
    <s v=""/>
    <x v="1"/>
    <s v=""/>
    <x v="21"/>
    <s v="Freshwater Quality Monitoring and Surveillance"/>
    <s v="Information Management Services"/>
    <s v="ECC-3031"/>
    <s v="In Production"/>
    <s v="web"/>
    <x v="1"/>
    <x v="1076"/>
  </r>
  <r>
    <x v="0"/>
    <x v="8"/>
    <x v="3118"/>
    <s v="BBDPS"/>
    <s v="information on birds banded in North America and recovered world wide. Banders submit their data electronically. Databases are shared with the U.S. Information on Canadian Banders/permittees as required by the Migratory Birds Convention Act."/>
    <s v=""/>
    <x v="1"/>
    <s v=""/>
    <x v="21"/>
    <s v="1.1.3 Migratory Birds"/>
    <s v="Other"/>
    <s v="ECC-305"/>
    <s v="In Production"/>
    <s v=""/>
    <x v="0"/>
    <x v="988"/>
  </r>
  <r>
    <x v="6"/>
    <x v="35"/>
    <x v="3119"/>
    <s v="Hurricane"/>
    <s v="Hurricane GUI is still needed because it provides the calculation of the Trapped Fetch wave information once a TC track and intensity has been forecast.  This provides the forecaster with unique insight into the dangerous ocean wave potential for our marine and coastal clients. A replacement is being sought, but not developed at this time."/>
    <s v=""/>
    <x v="1"/>
    <s v="0"/>
    <x v="21"/>
    <s v="2.1.1 Weather and Environmental Observations, Forecasts and Warnings"/>
    <s v="Other"/>
    <s v="ECC-3050"/>
    <s v="In Production"/>
    <s v="rich"/>
    <x v="1"/>
    <x v="86"/>
  </r>
  <r>
    <x v="4"/>
    <x v="5"/>
    <x v="3120"/>
    <s v="WXradio"/>
    <s v="Weatheradio is a network of radio transmitters stretching from the Gulf of Mexico into Canada’s Arctic and from Newfoundland to Vancouver Island.  These transmitters provide continuous broadcasts of weather information and instant updates when weather threatens.   Weatheradio Canada is operated by Environment Canada's Meteorological Service and broadcasts weather and environmental information 24 hours a day in both official languages on 7 dedicated frequencies within the VHF public service band.  This permits the transmission of a tone and Specific Area Message Encoding (SAME) codes ahead of a warning message that will activate the Weatheradio receiver and alert you to an incoming important message."/>
    <s v=""/>
    <x v="1"/>
    <s v="0"/>
    <x v="21"/>
    <s v="2.1.1 Weather Observations , Forecasts and Warnings"/>
    <s v="Other"/>
    <s v="ECC-3051"/>
    <s v="In Production"/>
    <s v="desktop"/>
    <x v="1"/>
    <x v="86"/>
  </r>
  <r>
    <x v="6"/>
    <x v="35"/>
    <x v="3121"/>
    <s v="WxView"/>
    <s v="The PSPC &quot;WxViewer&quot; system collects mostly image data and provides a web based user interface to the stored images.  The images can be edited and combined during the ingest process and images forwarded elsewhere. The WxViewer is the main conduit for image data into the Jervis archive and should be viewed as an integral part of it.    WxViewer for PSPC forecast operations:  The WxViewer provides fast and easy access to a number of our most used image products. The application is simple to use and reliable. The image editing (quilts, multispectral satellite imagery), the easy access to recent images and the ability to animate images leads to frequent use on the forecast desk. The WxViewer handles most of the ingest issues for the Jervis archive. It provi"/>
    <s v=""/>
    <x v="1"/>
    <s v="0"/>
    <x v="21"/>
    <s v="2.1.1 Weather and Environmental Observations, Forecasts and Warnings"/>
    <s v="Other"/>
    <s v="ECC-3052"/>
    <s v="In Production"/>
    <s v="web"/>
    <x v="1"/>
    <x v="86"/>
  </r>
  <r>
    <x v="6"/>
    <x v="35"/>
    <x v="3122"/>
    <s v="CEE"/>
    <s v="CEE for PSPC forecast operations CEE is an aggregator of land and marine surface observations that presents data in a fast and consistent way to the forecaster. This is particularly useful in the complex terrain of BC and Yukon as heavy use of non-ECCC stations is standard practice. About 100 BC MOT and Forestry Service stations are used as primary verification points for our warnings and forecasts and another 100 are used as secondary stations. Lighthouse stations and weather buoys on the coast are crucial to both the marine and public forecast programs. Inland, nearby stations tend to be poorly correlated due to intervening orography so graphical displays like Ninjo are less efficient, requiring either a separate text entry box or a slow pan and zoom"/>
    <s v=""/>
    <x v="1"/>
    <s v="0"/>
    <x v="21"/>
    <s v="2.1.1 Weather and Environmental Observations, Forecasts and Warnings"/>
    <s v="Other"/>
    <s v="ECC-3053"/>
    <s v="In Production"/>
    <s v="rich"/>
    <x v="1"/>
    <x v="86"/>
  </r>
  <r>
    <x v="6"/>
    <x v="71"/>
    <x v="3123"/>
    <s v="MSA"/>
    <s v="Application used by forecaster to write marine synopsis"/>
    <s v=""/>
    <x v="1"/>
    <s v="0"/>
    <x v="21"/>
    <s v="2.1.1 Weather and Environmental Observations, Forecasts and Warnings"/>
    <s v="Other"/>
    <s v="ECC-3054"/>
    <s v="In Production"/>
    <s v="rich"/>
    <x v="1"/>
    <x v="1007"/>
  </r>
  <r>
    <x v="5"/>
    <x v="90"/>
    <x v="3124"/>
    <s v="MASAS"/>
    <s v="Canada’s Multi-Agency Situational Awareness System (MASAS) is an information aggregation system that facilitates sharing situational awareness within the public safety community. Information shared relates to incidents and planned events. It includes public alerts, risks to responders, and community profiles. MASAS is managed by CANOPS.http://www.canops.org/?page=AboutMASAS  Hundreds of Canadian public safety organizations have access to MASAS, and several first response agencies use it to help reduce call times and improve the safety of responders. MASAS is also being used to prepare for and mitigate resource conflicts before and during planned events. E.g. Marathons, festivals.  In this case, MASAS is not a GUI but a script to feed MASAS with weather"/>
    <s v=""/>
    <x v="1"/>
    <s v="0"/>
    <x v="21"/>
    <s v="2.1.1 Weather and Environmental Observations, Forecasts and Warnings"/>
    <s v="Other"/>
    <s v="ECC-3055"/>
    <s v="In Production"/>
    <s v="web"/>
    <x v="1"/>
    <x v="86"/>
  </r>
  <r>
    <x v="5"/>
    <x v="94"/>
    <x v="3125"/>
    <s v="FireWork"/>
    <s v="FireWork is an air quality forecasting system which incorporates forest fire emissions. The system is composed of a few Maestro suites containing running in operations in seasonal mode.  The FW suite runs twice a day and uses Canadian and American hotspot data obtained from the Canadian Wildland Fire Information System. The data is retrieved by the DADS group and processed by the Bluesky framework as well as SMOKE in order to be transformed into emissions files that GEM-MACH can ingest. The GM suite is a copy of the GM suite from the operational RAQDPS suite slightly modified to to ingest forest fire emissions. The GEM-MACH binary itself has not been modified, as the forest fire emissions are merely treated as major point emissions sources and merged w"/>
    <s v=""/>
    <x v="1"/>
    <s v="0"/>
    <x v="21"/>
    <s v="2.1.1 Weather and Environmental Observations, Forecasts and Warnings"/>
    <s v="Other"/>
    <s v="ECC-3056"/>
    <s v="In Production"/>
    <s v="desktop"/>
    <x v="1"/>
    <x v="86"/>
  </r>
  <r>
    <x v="3"/>
    <x v="46"/>
    <x v="3126"/>
    <s v="CLDNget"/>
    <s v="CLDN get is an application that parses the relevant data fields from the full Canadian Lightning Detection Network (CLDN) data stream. 6 of about 16 field are parsed out by CLDNget.  The full CLDN data stream is sent by Vaisala, the company that produces the lightning solutions (essentially the lat/long of the strikes plus other information such as polarity, current etc) from their office in Tucson, AZ to CMC. CLDNget then parses the data stream so that lightning data can be used in MSC applications such as Ninjo which is used by our operational meteorologists.   The need has now arisen for a data display that requires some of the other CLDN data fields that have to this point not been parsed by CLDNget. The current CLDNget would be maintained to serve"/>
    <s v=""/>
    <x v="1"/>
    <s v="0"/>
    <x v="21"/>
    <s v="2.1.1 Weather and Environmental Observations, Forecasts and Warnings"/>
    <s v="Other"/>
    <s v="ECC-3057"/>
    <s v="In Production"/>
    <s v="desktop"/>
    <x v="1"/>
    <x v="86"/>
  </r>
  <r>
    <x v="6"/>
    <x v="71"/>
    <x v="3127"/>
    <s v="METAREAs"/>
    <s v="MSC’s METAREAs Marine Forecast and Warning Program is tailored to ensure compliance with the relevant international standards for this type of service. METAREAs marine forecast bulletins are issued twice daily at regularly scheduled times during the Arctic shipping season, and consist of a detailed description of expected marine weather conditions over a two day period. Marine weather parameters of paramount interest to mariners such as wind, visibility, waves and sea ice conditions are included in the METAREAs marine forecast bulletins.  Marine forecasts and warning to CCG north of 67th parallel."/>
    <s v=""/>
    <x v="1"/>
    <s v="0"/>
    <x v="21"/>
    <s v="2.2.2 Meteorological and Ice Services in Support of Marine Navigation"/>
    <s v="Other"/>
    <s v="ECC-3058"/>
    <s v="In Production"/>
    <s v="rich"/>
    <x v="1"/>
    <x v="86"/>
  </r>
  <r>
    <x v="5"/>
    <x v="90"/>
    <x v="3128"/>
    <s v="ArcGIS suite"/>
    <s v="ArcGIS is a geographic information system (GIS) for working with maps and geographic information. It is used for: creating and using maps; compiling geographic data; analyzing mapped information; sharing and discovering geographic information; using maps and geographic information in a range of applications; and managing geographic information in a database.  The system provides an infrastructure for making maps and geographic information available throughout an organization, across a community, and openly on the Web.  ArcMap is the main component of Esri's ArcGIS suite of geospatial processing programs, and is used primarily to view, edit, create, and analyze geospatial data. ArcMap allows the user to explore data within a data set, symbolize features"/>
    <s v=""/>
    <x v="1"/>
    <s v="0"/>
    <x v="21"/>
    <s v="2.2.2 Meteorological and Ice Services in Support of Marine Navigation"/>
    <s v="Other"/>
    <s v="ECC-3059"/>
    <s v="In Production"/>
    <s v="desktop"/>
    <x v="0"/>
    <x v="1077"/>
  </r>
  <r>
    <x v="6"/>
    <x v="35"/>
    <x v="3129"/>
    <s v="ProdDash"/>
    <s v="GUI that monitors products/derived products and deadlines"/>
    <s v=""/>
    <x v="1"/>
    <s v="0"/>
    <x v="21"/>
    <s v="2.2.2 Meteorological and Ice Services in Support of Marine Navigation"/>
    <s v="Other"/>
    <s v="ECC-3060"/>
    <s v="In Production"/>
    <s v="rich"/>
    <x v="1"/>
    <x v="1077"/>
  </r>
  <r>
    <x v="3"/>
    <x v="46"/>
    <x v="3130"/>
    <s v="OD-CIS"/>
    <s v="GUI  (workstation application) It's a combination of internally developed software and commercial products (ESRI ArcView, MS Exchange) used to order RADARSAT date for ingestion and analysis by the Canadian Ice Service.  Sub-components: • Satellite (SAR) image ordering desktop application • Server side components"/>
    <s v=""/>
    <x v="1"/>
    <s v="0"/>
    <x v="21"/>
    <s v="2.2.2 Meteorological and Ice Services in Support of Marine Navigation"/>
    <s v="Other"/>
    <s v="ECC-3061"/>
    <s v="In Production"/>
    <s v="desktop"/>
    <x v="1"/>
    <x v="1077"/>
  </r>
  <r>
    <x v="4"/>
    <x v="5"/>
    <x v="3131"/>
    <s v="CCG-PRT"/>
    <s v="A client-server application with an intranet interface to facilitate the collection and reporting of service performance metric for the CCG. Uses Crystal Reports (COTS) for report generation.   Sub-components: • Server side components • Data capture client application • Monthly reports • Seasonal reports"/>
    <s v=""/>
    <x v="1"/>
    <s v="0"/>
    <x v="21"/>
    <s v="2.2.2 Meteorological and Ice Services in Support of Marine Navigation"/>
    <s v="Other"/>
    <s v="ECC-3065"/>
    <s v="In Production"/>
    <s v="web"/>
    <x v="1"/>
    <x v="86"/>
  </r>
  <r>
    <x v="12"/>
    <x v="111"/>
    <x v="3132"/>
    <s v="CIS-PDS"/>
    <s v="CIS-PDS is completely different from the national PDS application. The two systems share only their name.  A collection of tools, scripts and applications for the conversion, packaging and delivery of CIS and other weather products (charts and bulletins). Products are delivered as files.  Uses Oracle RDBMS. It is developed by EC but relies on licenses from ESRI ArcInfo and Leica Imagine to process proprietary data types. Tools are VB6 applications.  Sub-components: • Server side components • PDS Administration Tool • PDS Monitoring and reporting Tool • PDS Spatial Data Modelling Tool"/>
    <s v=""/>
    <x v="1"/>
    <s v="0"/>
    <x v="21"/>
    <s v="2.2.2 Meteorological and Ice Services in Support of Marine Navigation"/>
    <s v="Other"/>
    <s v="ECC-3066"/>
    <s v="In Production"/>
    <s v="desktop"/>
    <x v="1"/>
    <x v="1078"/>
  </r>
  <r>
    <x v="5"/>
    <x v="90"/>
    <x v="3133"/>
    <s v="CIS-WEB"/>
    <s v="Dynamic web site. For clarity… this references the CIS “applications” web site, not the CIS static (WebSolutions/Canada.ca) site. A collection of applications to disseminate Ice product and information to the public via a web interface.  Sub-components:  • Live products • ISTOP Calendar • Ice Calendar • IceGraph • BullThreader • Online charts archive interface  It includes: - former APM id# 258 named -Product list-. An Ice center web page to list their products:  http://ice-glaces.ec.gc.ca/app/WsvPageDsp.cfm?Lang=eng&amp;lnid=5&amp;ScndLvl=no&amp;ID=10910"/>
    <s v=""/>
    <x v="1"/>
    <s v="0"/>
    <x v="21"/>
    <s v="2.2.2 Meteorological and Ice Services in Support of Marine Navigation"/>
    <s v="Other"/>
    <s v="ECC-3070"/>
    <s v="In Production"/>
    <s v="web"/>
    <x v="1"/>
    <x v="86"/>
  </r>
  <r>
    <x v="4"/>
    <x v="5"/>
    <x v="3134"/>
    <s v="APDSI"/>
    <s v="Acquisition, processing and display of SAR satellite imagery. Data sources. Back application. Support"/>
    <s v=""/>
    <x v="1"/>
    <s v="0"/>
    <x v="21"/>
    <s v="2.2.2 Meteorological and Ice Services in Support of Marine Navigation"/>
    <s v="Other"/>
    <s v="ECC-3071"/>
    <s v="In Production"/>
    <s v="rich"/>
    <x v="1"/>
    <x v="86"/>
  </r>
  <r>
    <x v="4"/>
    <x v="5"/>
    <x v="3135"/>
    <s v="MAVSI"/>
    <s v="Import and display of Modis, AVHRR and VIRRS satellite imagery"/>
    <s v=""/>
    <x v="1"/>
    <s v="0"/>
    <x v="21"/>
    <s v="2.2.2 Meteorological and Ice Services in Support of Marine Navigation"/>
    <s v="Other"/>
    <s v="ECC-3072"/>
    <s v="In Production"/>
    <s v="rich"/>
    <x v="1"/>
    <x v="86"/>
  </r>
  <r>
    <x v="4"/>
    <x v="5"/>
    <x v="3136"/>
    <s v="SSI"/>
    <s v="Acquisition, processing and display of Sentinel Satellite imagery: https://sentinel.esa.int/web/sentinel/sentinel-data-access"/>
    <s v=""/>
    <x v="1"/>
    <s v="0"/>
    <x v="21"/>
    <s v="2.2.2 Meteorological and Ice Services in Support of Marine Navigation"/>
    <s v="Other"/>
    <s v="ECC-3073"/>
    <s v="In Production"/>
    <s v="rich"/>
    <x v="1"/>
    <x v="86"/>
  </r>
  <r>
    <x v="4"/>
    <x v="5"/>
    <x v="3137"/>
    <s v="IBM"/>
    <s v="The tool is used to alert users (NavCanada, DND, forecasters, etc.) of outages. Some of these outages for example are: GOES satellite major outage, meteorological station outage, radar outage, building evacuation outage, and the list are endless. The reasons why this tool is ESSENTIAL for our work. http://infolane.on.ec.gc.ca/ibm-terry/   It is vital the tool be kept up and on a dedicated 24/7 server since NMD duties are conducted 24/7 and are very important to MSC customers and users; hence I reiterate the term VITAL.  Linked to #716 ??"/>
    <s v=""/>
    <x v="1"/>
    <s v="0"/>
    <x v="21"/>
    <s v="2.1.1 Weather and Environmental Observations, Forecasts and Warnings"/>
    <s v="Other"/>
    <s v="ECC-3074"/>
    <s v="In Production"/>
    <s v="web"/>
    <x v="1"/>
    <x v="86"/>
  </r>
  <r>
    <x v="4"/>
    <x v="5"/>
    <x v="3138"/>
    <s v="CAP / IALERT"/>
    <s v="The Common Alerting Protocol (CAP) is an XML-based data format for exchanging public warnings and emergencies between alerting technologies. CAP allows a warning message to be consistently disseminated simultaneously over many warning systems to many applications. CAP increases warning effectiveness and simplifies the task of activating a warning for responsible officials.  In Canada, a working group composed of public alerting practitioners and government agencies has developed a CAP Canadian Profile (CAP-CP) based on CAP but specialized to address the needs of Canadian public alerting stakeholders, such as bilingualism, geocoding for Canada, managed lists of locations and events, etc. The Canadian government has adopted CAP-CP for its National Public"/>
    <s v=""/>
    <x v="1"/>
    <s v="0"/>
    <x v="21"/>
    <s v="2.1.1 Weather and Environmental Observations, Forecasts and Warnings"/>
    <s v="Other"/>
    <s v="ECC-3075"/>
    <s v="In Production"/>
    <s v="rich"/>
    <x v="1"/>
    <x v="86"/>
  </r>
  <r>
    <x v="4"/>
    <x v="5"/>
    <x v="3139"/>
    <s v="Bulltrans"/>
    <s v="All translation scripts that feed and extracts bulletins to/from the translation server in Dorval"/>
    <s v=""/>
    <x v="1"/>
    <s v="0"/>
    <x v="21"/>
    <s v="2.1.1 Weather and Environmental Observations, Forecasts and Warnings"/>
    <s v="Other"/>
    <s v="ECC-3076"/>
    <s v="In Production"/>
    <s v="rich"/>
    <x v="1"/>
    <x v="86"/>
  </r>
  <r>
    <x v="4"/>
    <x v="5"/>
    <x v="3140"/>
    <s v="IFW"/>
    <s v="Integrated Forecaster workstation an app ? Application to edit menu in IFW ?  – no mention of the IFW anywhere here or in the detailed tabs.  Has NinJo become the IFW?  I always felt NinJo is part of the overall IFW so shouldn’t it be explicitly listed as an app or infrastructure carrying the Mission Critical Apps?"/>
    <s v=""/>
    <x v="1"/>
    <s v="0"/>
    <x v="21"/>
    <s v="2.1.1 Weather and Environmental Observations, Forecasts and Warnings"/>
    <s v="Other"/>
    <s v="ECC-3077"/>
    <s v="In Production"/>
    <s v="rich"/>
    <x v="1"/>
    <x v="86"/>
  </r>
  <r>
    <x v="4"/>
    <x v="5"/>
    <x v="3141"/>
    <s v="ATADs"/>
    <s v="This telephone service provides weather forecasts, current weather conditions, information on impending hazardous weather, as well as other environmental information for your local area. The recordings are updated as soon as conditions change. Recorded information is in both English and French. For some communities in the North, a limited amount of weather information is also provided in the Inuktitut language."/>
    <s v=""/>
    <x v="1"/>
    <s v="0"/>
    <x v="21"/>
    <s v="2.1.1 Weather and Environmental Observations, Forecasts and Warnings"/>
    <s v="Other"/>
    <s v="ECC-3079"/>
    <s v="In Production"/>
    <s v="desktop"/>
    <x v="1"/>
    <x v="86"/>
  </r>
  <r>
    <x v="4"/>
    <x v="5"/>
    <x v="3142"/>
    <s v="nSWED"/>
    <s v="nSWED  web site is an interface to Meteorological Service of Canada (MSC)’s official repository of severe weather events reported in Canada. Having a single repository of severe weather events will help create the foundation for a nationally consistent approach to assess the performance of MSC's alert program. http://nswed.ec.gc.ca/sweet-site/"/>
    <s v=""/>
    <x v="1"/>
    <s v="0"/>
    <x v="21"/>
    <s v="2.1.1 Weather and Environmental Observations, Forecasts and Warnings"/>
    <s v="Other"/>
    <s v="ECC-3080"/>
    <s v="In Production"/>
    <s v="web"/>
    <x v="1"/>
    <x v="86"/>
  </r>
  <r>
    <x v="5"/>
    <x v="90"/>
    <x v="3143"/>
    <s v="N-Batch"/>
    <s v="NinJo Batch  generates graphical preconfigured products (images and vector products) automatically for specific customers:  -pg, png, tiff... -PDF, SVG, FLASH, PS -includes animations"/>
    <s v=""/>
    <x v="1"/>
    <s v=""/>
    <x v="21"/>
    <s v="2.1.1 Weather and Environmental Observations, Forecasts and Warnings"/>
    <s v="Other"/>
    <s v="ECC-3081"/>
    <s v="In Production"/>
    <s v="rich"/>
    <x v="1"/>
    <x v="106"/>
  </r>
  <r>
    <x v="5"/>
    <x v="90"/>
    <x v="3144"/>
    <s v="Avalanche"/>
    <s v="Script to feed the Avalanche wed site, in Brithish Columbia with NinJo Batch outputs. The latter  generates graphical preconfigured products (images and vector products) automatically for specific customers:  -pg, png, tiff... -PDF, SVG, FLASH, PS -includes animations"/>
    <s v=""/>
    <x v="1"/>
    <s v=""/>
    <x v="21"/>
    <s v="2.1.1 Weather and Environmental Observations, Forecasts and Warnings"/>
    <s v="Other"/>
    <s v="ECC-3082"/>
    <s v="In Production"/>
    <s v="rich"/>
    <x v="1"/>
    <x v="106"/>
  </r>
  <r>
    <x v="5"/>
    <x v="25"/>
    <x v="3145"/>
    <s v="Egrapher"/>
    <s v="Tool supporting data access and validation by ECCC water quality scientists."/>
    <s v=""/>
    <x v="1"/>
    <s v=""/>
    <x v="21"/>
    <s v="Freshwater Quality Monitoring and Surveillance"/>
    <s v="Information Management Services"/>
    <s v="ECC-3088"/>
    <s v="In Production"/>
    <s v="desktop"/>
    <x v="1"/>
    <x v="1079"/>
  </r>
  <r>
    <x v="3"/>
    <x v="4"/>
    <x v="3146"/>
    <s v="Data Warehouse"/>
    <s v="The data warehouse provides access to water quality data from all authoritative freshwater quality monitoring databases in the WQMSD of ECCC."/>
    <s v=""/>
    <x v="1"/>
    <s v=""/>
    <x v="21"/>
    <s v="Freshwater Quality Monitoring and Surveillance"/>
    <s v="Information Management Services"/>
    <s v="ECC-3089"/>
    <s v="In Production"/>
    <s v="web"/>
    <x v="1"/>
    <x v="1080"/>
  </r>
  <r>
    <x v="1"/>
    <x v="86"/>
    <x v="3147"/>
    <s v="OZUV"/>
    <s v="Script to monitor ozone and UV values. http://www.ec.gc.ca/uv/Default.asp?lang=En&amp;n=C74058DD-1"/>
    <s v=""/>
    <x v="1"/>
    <s v="0"/>
    <x v="21"/>
    <s v="2.1.1 Weather and Environmental Observations, Forecasts and Warnings"/>
    <s v="Other"/>
    <s v="ECC-430"/>
    <s v="In Production"/>
    <s v="rich"/>
    <x v="1"/>
    <x v="106"/>
  </r>
  <r>
    <x v="4"/>
    <x v="5"/>
    <x v="3148"/>
    <s v="VEERR"/>
    <m/>
    <s v=""/>
    <x v="1"/>
    <s v=""/>
    <x v="21"/>
    <s v="3.2 Climate Change and Clean Air"/>
    <s v="Other"/>
    <s v="ECC-467"/>
    <s v="In Production"/>
    <s v=""/>
    <x v="1"/>
    <x v="1081"/>
  </r>
  <r>
    <x v="0"/>
    <x v="28"/>
    <x v="3149"/>
    <s v="Dendroica"/>
    <s v="A partnership website that was developed cooperatively between the U.S. Geological Survey, Mexico’s CONABIO and Environment Canada to help users learn to identify birds by sight and by sound."/>
    <s v=""/>
    <x v="1"/>
    <s v=""/>
    <x v="21"/>
    <s v="1.1.3 Migratory Birds"/>
    <s v="Other"/>
    <s v="ECC-468"/>
    <s v="In Production"/>
    <s v=""/>
    <x v="1"/>
    <x v="1082"/>
  </r>
  <r>
    <x v="0"/>
    <x v="8"/>
    <x v="3150"/>
    <s v="SBC"/>
    <s v="The SBC site is used for displaying trend data along with expert evaluation of the trend data for birds that inhabit Canada. The site combines several data sources and provides an administration portion so experts can enter a analysis of data used. Selected data and the expert analysis can then be viewed by the general public."/>
    <s v=""/>
    <x v="1"/>
    <s v=""/>
    <x v="21"/>
    <s v="1.1.3 Migratory Birds"/>
    <s v="Other"/>
    <s v="ECC-469"/>
    <s v="In Production"/>
    <s v=""/>
    <x v="0"/>
    <x v="1083"/>
  </r>
  <r>
    <x v="0"/>
    <x v="8"/>
    <x v="3151"/>
    <s v="CABB"/>
    <s v="The Atlas presents a comprehensive overview of bird-banding results involving Canada, for all species other than game birds. A suite of programs using UNIX utilities, SAS, and Powerpoint cleans up and translates raw band encounter data in order to show the geographic distribution of encounters while eliminating redundant observations."/>
    <s v=""/>
    <x v="1"/>
    <s v=""/>
    <x v="21"/>
    <s v="1.1.3 Migratory Birds"/>
    <s v="Other"/>
    <s v="ECC-470"/>
    <s v="In Production"/>
    <s v=""/>
    <x v="0"/>
    <x v="1084"/>
  </r>
  <r>
    <x v="3"/>
    <x v="31"/>
    <x v="3152"/>
    <s v="CNMTS"/>
    <m/>
    <s v=""/>
    <x v="1"/>
    <s v=""/>
    <x v="21"/>
    <s v="3.1.1 Substances &amp; Waste Management"/>
    <s v="Other"/>
    <s v="ECC-472"/>
    <s v="In Production"/>
    <s v=""/>
    <x v="1"/>
    <x v="1085"/>
  </r>
  <r>
    <x v="0"/>
    <x v="0"/>
    <x v="3153"/>
    <s v="SDERCR-RFRERS"/>
    <s v="Regulatory reporting"/>
    <s v=""/>
    <x v="1"/>
    <s v=""/>
    <x v="21"/>
    <s v="3.2 Climate Change and Clean Air"/>
    <s v="Other"/>
    <s v="ECC-476"/>
    <s v="In Production"/>
    <s v=""/>
    <x v="1"/>
    <x v="1086"/>
  </r>
  <r>
    <x v="3"/>
    <x v="46"/>
    <x v="3154"/>
    <s v="JOSM"/>
    <s v="The data portal offers visitors an overview of the monitoring process along with a map identifying specific water, air, land and biodiversity monitoring sites. Users can see what is being monitored and the data that has been gathered for each site. As new data is collected, analyzed and validated, it will be posted and become publicly accessible."/>
    <s v="ESRI_Canada_Limited"/>
    <x v="1"/>
    <s v=""/>
    <x v="21"/>
    <s v="4.1.1 Governance and Management Support"/>
    <s v="Other"/>
    <s v="ECC-477"/>
    <s v="In Production"/>
    <s v=""/>
    <x v="1"/>
    <x v="1087"/>
  </r>
  <r>
    <x v="0"/>
    <x v="19"/>
    <x v="3155"/>
    <s v="SWRR-ON GHG"/>
    <m/>
    <s v=""/>
    <x v="1"/>
    <s v=""/>
    <x v="21"/>
    <s v="3.3 Compliance Promotion and Enforcement -– Pollution"/>
    <s v="Other"/>
    <s v="ECC-478"/>
    <s v="In Production"/>
    <s v=""/>
    <x v="1"/>
    <x v="1052"/>
  </r>
  <r>
    <x v="0"/>
    <x v="19"/>
    <x v="3156"/>
    <s v="SWRR-EC GHG/AB GHG"/>
    <m/>
    <s v=""/>
    <x v="1"/>
    <s v=""/>
    <x v="21"/>
    <s v="3.3 Compliance Promotion and Enforcement -– Pollution"/>
    <s v="Other"/>
    <s v="ECC-479"/>
    <s v="In Production"/>
    <s v=""/>
    <x v="1"/>
    <x v="1052"/>
  </r>
  <r>
    <x v="0"/>
    <x v="19"/>
    <x v="3157"/>
    <s v="SWRR-BC GHG"/>
    <m/>
    <s v=""/>
    <x v="1"/>
    <s v=""/>
    <x v="21"/>
    <s v="3.3 Compliance Promotion and Enforcement -– Pollution"/>
    <s v="Other"/>
    <s v="ECC-481"/>
    <s v="In Production"/>
    <s v=""/>
    <x v="1"/>
    <x v="1052"/>
  </r>
  <r>
    <x v="0"/>
    <x v="19"/>
    <x v="3158"/>
    <s v="SWRR-CMP"/>
    <m/>
    <s v=""/>
    <x v="1"/>
    <s v=""/>
    <x v="21"/>
    <s v="3.3 Compliance Promotion and Enforcement -– Pollution"/>
    <s v="Other"/>
    <s v="ECC-482"/>
    <s v="In Production"/>
    <s v=""/>
    <x v="1"/>
    <x v="1052"/>
  </r>
  <r>
    <x v="0"/>
    <x v="8"/>
    <x v="3159"/>
    <s v="ERRIS"/>
    <s v="There are 2560 wastewater systems subject to the Wastewater System Effluent Regulations across Canada.  Those regulatees are required by the regulations to use ERRIS to report on effluent quality and toxicity. Reporting on a quaterly or yearly basis is mandatory and submissions are used for analysis, compliance verification and enforcement purposes.  ERRIS is in line with Environment Canada Single Window reporting strategy which allows regulatees to report on several regulations and to provincial governments through one web portal, thus lessening the burden on regulatees and contributing to effective and efficient utilization of resources, reducing duplication where possible, sharing of data, and standardized, consistent data management."/>
    <s v=""/>
    <x v="1"/>
    <s v=""/>
    <x v="21"/>
    <s v="3.1.2 Waste Management"/>
    <s v="Other"/>
    <s v="ECC-488"/>
    <s v="In Production"/>
    <s v=""/>
    <x v="1"/>
    <x v="1088"/>
  </r>
  <r>
    <x v="0"/>
    <x v="28"/>
    <x v="3160"/>
    <s v="ECDC"/>
    <s v="The Environment Canada Data Catalogue provides a one-stop solution to describing, publishing and discovering EC’s environmental and scientific data.  This tool and service will enable EC employees and program areas to: -Search the catalogue to discover and access environmental and scientific data; -Quickly and easily describe EC datasets using the standards-based metadata creation tools; -Make data available to EC employees or external stakeholders by publishing datasets to the internal EC Data Catalogue or external websites/portals, such as the Government of Canada Open Data Portal."/>
    <s v="Other"/>
    <x v="1"/>
    <s v="N/A (Open Source), Geonetwork Open Source"/>
    <x v="21"/>
    <s v="4.1.2.3 Information Management"/>
    <s v="Other"/>
    <s v="ECC-489"/>
    <s v="In Production"/>
    <s v=""/>
    <x v="0"/>
    <x v="1089"/>
  </r>
  <r>
    <x v="4"/>
    <x v="5"/>
    <x v="3161"/>
    <s v="PSL"/>
    <s v="Web site that supports the St. Lawrence action plan.  This is a partnership between EC and Quebec.  This application was developed and is hosted and maintained by a third party.  EC is the primary user and therefore the Business Owner."/>
    <s v=""/>
    <x v="1"/>
    <s v=""/>
    <x v="21"/>
    <s v="4.1 Internal Services"/>
    <s v=""/>
    <s v="ECC-49"/>
    <s v="In Production"/>
    <s v=""/>
    <x v="1"/>
    <x v="86"/>
  </r>
  <r>
    <x v="6"/>
    <x v="21"/>
    <x v="3162"/>
    <s v="EC Alert me"/>
    <s v="Automated delivery system of weather alerts/information on mobile platform and PC. User are Emergency Management organisations, Media and in the future Public in general"/>
    <s v=""/>
    <x v="1"/>
    <s v="0"/>
    <x v="21"/>
    <s v="2.1.1 Weather and Environmental Observations, Forecasts and Warnings"/>
    <s v="Other"/>
    <s v="ECC-491"/>
    <s v="In Production"/>
    <s v="rich"/>
    <x v="1"/>
    <x v="106"/>
  </r>
  <r>
    <x v="0"/>
    <x v="8"/>
    <x v="3163"/>
    <s v="SARA"/>
    <s v="The SARA Public Registry is a website that is partially driven by 5 different databases (SARB, InfoR, IRF, SARA Registry, and SARA Permitting),  for certain sections, namely, Species List, Permits &amp; Agreements, Public Consultations, What's new. The remainder of the site is static content managed through WebSolutions."/>
    <s v=""/>
    <x v="1"/>
    <s v=""/>
    <x v="21"/>
    <s v="1.1.2 Species at Risk"/>
    <s v="Other"/>
    <s v="ECC-493"/>
    <s v="In Production"/>
    <s v="web"/>
    <x v="0"/>
    <x v="1090"/>
  </r>
  <r>
    <x v="0"/>
    <x v="0"/>
    <x v="3164"/>
    <s v="SWIM"/>
    <m/>
    <s v=""/>
    <x v="1"/>
    <s v=""/>
    <x v="21"/>
    <s v="3.3 Compliance Promotion and Enforcement -– Pollution"/>
    <s v="Other"/>
    <s v="ECC-495"/>
    <s v="In Production"/>
    <s v=""/>
    <x v="1"/>
    <x v="1091"/>
  </r>
  <r>
    <x v="5"/>
    <x v="90"/>
    <x v="3165"/>
    <s v="E2MS"/>
    <s v="E2MS is a national mapping application that will enable the collection and provision of detailed information expertise regarding environmental resources and environmental emergencies to support decision making throughout all regions of Canada.  E2MS is aimed at seamlessly integrating and making accessible datasets from a diverse group of mapping application.  The Environmental Emergencies Mapping System is a common operating system to support decision making and operational requirements. It allows an EEO to locate where an incident is, visualize it in its environmental context, and prioritize environmental sensitivities"/>
    <s v="ESRI_Canada_Limited"/>
    <x v="45"/>
    <s v=""/>
    <x v="21"/>
    <s v="3.1 Substances &amp; Waste Management"/>
    <s v="Other"/>
    <s v="ECC-498"/>
    <s v="In Production"/>
    <s v=""/>
    <x v="0"/>
    <x v="1092"/>
  </r>
  <r>
    <x v="0"/>
    <x v="7"/>
    <x v="1038"/>
    <s v="CCM"/>
    <s v="Correspondance tracking"/>
    <s v="WorkDynamics_Technologies_Inc"/>
    <x v="0"/>
    <s v=""/>
    <x v="21"/>
    <s v="4.1 Internal Services"/>
    <s v="Communications Services,Financial Management Services,Human Resources Management Services,Legal Services,Management and Oversight Services"/>
    <s v="ECC-499"/>
    <s v="In Production"/>
    <s v="web"/>
    <x v="0"/>
    <x v="1093"/>
  </r>
  <r>
    <x v="1"/>
    <x v="12"/>
    <x v="3166"/>
    <s v="Assyst"/>
    <s v="IT Asset and Service Management application that captures, assigns responsibility and tracks the status for service requests and their solutions."/>
    <s v="Other"/>
    <x v="1"/>
    <s v="Sierra Systems, Axios Assysts"/>
    <x v="21"/>
    <s v="4.1.2.4 Information Technology"/>
    <s v="Information Management Services,Information Technology Services"/>
    <s v="ECC-500"/>
    <s v="In Production"/>
    <s v=""/>
    <x v="0"/>
    <x v="1094"/>
  </r>
  <r>
    <x v="0"/>
    <x v="8"/>
    <x v="3167"/>
    <s v="FDT"/>
    <s v="The Financial Delegation Tool(FDT) is an electronic environment designed to maintain the daily processing of FINANCIAL DELEGATION REQUESTS (FDR) for the financial branch of the department."/>
    <s v=""/>
    <x v="1"/>
    <s v=""/>
    <x v="21"/>
    <s v="4.1.2.2 Financial Management"/>
    <s v="Financial Management Services,Human Resources Management Services"/>
    <s v="ECC-501"/>
    <s v="In Production"/>
    <s v=""/>
    <x v="1"/>
    <x v="1095"/>
  </r>
  <r>
    <x v="0"/>
    <x v="8"/>
    <x v="3168"/>
    <s v="ARMS"/>
    <s v="This web based program is used to manage and describe real property assest."/>
    <s v=""/>
    <x v="1"/>
    <s v=""/>
    <x v="21"/>
    <s v="4.1.3.1 Real Property"/>
    <s v="Real Property Services"/>
    <s v="ECC-502"/>
    <s v="In Production"/>
    <s v=""/>
    <x v="1"/>
    <x v="1096"/>
  </r>
  <r>
    <x v="0"/>
    <x v="8"/>
    <x v="3169"/>
    <s v="RETT"/>
    <s v="RETT is a a ColdFusion application used by the Real Property Section to keep track of transactions regarding real property contracts"/>
    <s v=""/>
    <x v="1"/>
    <s v=""/>
    <x v="21"/>
    <s v="4.1.3.1 Real Property"/>
    <s v="Real Property Services"/>
    <s v="ECC-503"/>
    <s v="In Production"/>
    <s v=""/>
    <x v="1"/>
    <x v="1097"/>
  </r>
  <r>
    <x v="5"/>
    <x v="99"/>
    <x v="3170"/>
    <s v="Element (AKA NLIMS)"/>
    <s v="This is a national centralized application for the management of laboratory information which will be used by all EC operational labs across Canada."/>
    <s v="Other"/>
    <x v="1"/>
    <s v="Promium, ELEMENT"/>
    <x v="21"/>
    <s v="1.2.1 Water Quality and Aquatic Ecosystems Health"/>
    <s v="Other"/>
    <s v="ECC-504"/>
    <s v="In Production"/>
    <s v=""/>
    <x v="0"/>
    <x v="1098"/>
  </r>
  <r>
    <x v="0"/>
    <x v="43"/>
    <x v="3171"/>
    <s v="CMS"/>
    <s v="Software system that provides website authoring, collaboration, and administration tools designed to allow users with little knowledge of web programming languages or markup languages to create and manage website content with relative ease."/>
    <s v="Other"/>
    <x v="1"/>
    <s v="Boxer, Belus"/>
    <x v="21"/>
    <s v="4.1.2.4 Information Technology"/>
    <s v="Information Management Services"/>
    <s v="ECC-505"/>
    <s v="In Production"/>
    <s v=""/>
    <x v="1"/>
    <x v="1099"/>
  </r>
  <r>
    <x v="0"/>
    <x v="8"/>
    <x v="3172"/>
    <s v="ET"/>
    <s v="This internal application provides an on-line national departmental telephone directory. EnviroTel is the only source of updates to the Government Electronic Directory Services (GEDS)."/>
    <s v=""/>
    <x v="1"/>
    <s v=""/>
    <x v="21"/>
    <s v="4.1.2.1 Human Resources Management"/>
    <s v="Human Resources Management Services"/>
    <s v="ECC-509"/>
    <s v="In Production"/>
    <s v=""/>
    <x v="1"/>
    <x v="1100"/>
  </r>
  <r>
    <x v="0"/>
    <x v="16"/>
    <x v="3173"/>
    <s v="NEMESIS"/>
    <m/>
    <s v=""/>
    <x v="1"/>
    <s v=""/>
    <x v="21"/>
    <s v="1.4 CompliancePromotion andEnforcement -- Wildlife3.3 CompliancePromotion andEnforcement -- Pollution"/>
    <s v="Other"/>
    <s v="ECC-513"/>
    <s v="In Production"/>
    <s v=""/>
    <x v="1"/>
    <x v="1101"/>
  </r>
  <r>
    <x v="0"/>
    <x v="0"/>
    <x v="3174"/>
    <s v="RSAR"/>
    <s v="Regulatory reporting"/>
    <s v=""/>
    <x v="1"/>
    <s v=""/>
    <x v="21"/>
    <s v="3.1 Substances &amp; Waste Management"/>
    <s v="Other"/>
    <s v="ECC-517"/>
    <s v="In Production"/>
    <s v=""/>
    <x v="1"/>
    <x v="1102"/>
  </r>
  <r>
    <x v="0"/>
    <x v="8"/>
    <x v="3175"/>
    <s v="BBS"/>
    <s v="The Breeding Bird Survey (BBS) is an annual survey of landbirds designed to detect and monitor long term changes in populations. It is jointly coordinated by the Canadian Wildlife Service and the U.S. Geological Service. The BBS began in Canada in 1967. This database provides detailed results of the most recent analyses of the data"/>
    <s v=""/>
    <x v="1"/>
    <s v=""/>
    <x v="21"/>
    <s v="1.1.3 Migratory Birds"/>
    <s v="Other"/>
    <s v="ECC-519"/>
    <s v="In Production"/>
    <s v=""/>
    <x v="0"/>
    <x v="1103"/>
  </r>
  <r>
    <x v="0"/>
    <x v="8"/>
    <x v="3176"/>
    <s v="SOS"/>
    <s v="Management tool for personnel working for Environment Canada and their security clearances."/>
    <s v=""/>
    <x v="1"/>
    <s v=""/>
    <x v="21"/>
    <s v="4.1.2.4 Information Technology"/>
    <s v="Other"/>
    <s v="ECC-531"/>
    <s v="In Production"/>
    <s v=""/>
    <x v="1"/>
    <x v="1104"/>
  </r>
  <r>
    <x v="3"/>
    <x v="31"/>
    <x v="3177"/>
    <s v="PeopleSoft DW"/>
    <m/>
    <s v="Other"/>
    <x v="1"/>
    <s v="Oracle Canada ULC, Discoverer User Edition"/>
    <x v="21"/>
    <s v="4.1.2.1 Human Resources Management"/>
    <s v="Human Resources Management Services"/>
    <s v="ECC-532"/>
    <s v="In Production"/>
    <s v=""/>
    <x v="0"/>
    <x v="1105"/>
  </r>
  <r>
    <x v="3"/>
    <x v="31"/>
    <x v="3178"/>
    <s v="Financial DW"/>
    <m/>
    <s v="Other"/>
    <x v="1"/>
    <s v="Oracle Canada ULC, Discoverer User Edition"/>
    <x v="21"/>
    <s v="4.1.2.2 Financial Management"/>
    <s v="Financial Management Services"/>
    <s v="ECC-533"/>
    <s v="In Production"/>
    <s v=""/>
    <x v="0"/>
    <x v="1106"/>
  </r>
  <r>
    <x v="0"/>
    <x v="7"/>
    <x v="3179"/>
    <s v="ECollab"/>
    <s v="Ecollab is the departmental document management system, based on SharePoint 2007 infrastructure."/>
    <s v="Other"/>
    <x v="1"/>
    <s v="Microsoft Corporation, SharePoint2007"/>
    <x v="21"/>
    <s v="4.1.2 Resource Management Services"/>
    <s v="Information Management Services"/>
    <s v="ECC-543"/>
    <s v="In Production"/>
    <s v=""/>
    <x v="0"/>
    <x v="1107"/>
  </r>
  <r>
    <x v="4"/>
    <x v="5"/>
    <x v="3180"/>
    <s v="LMS"/>
    <m/>
    <s v=""/>
    <x v="1"/>
    <s v=""/>
    <x v="21"/>
    <s v="1.4 Compliance Promotion and Enforcement -- Wildlife &amp; 3.3 Compliance Promotion and Enforcement -- Pollution"/>
    <s v=""/>
    <s v="ECC-546"/>
    <s v="In Production"/>
    <s v=""/>
    <x v="1"/>
    <x v="86"/>
  </r>
  <r>
    <x v="4"/>
    <x v="5"/>
    <x v="3181"/>
    <s v="IDEA"/>
    <s v="The IDEA data management system supports the $3.5B Federal Contaminated Sites Action Plan (FCSAP) for 2005-2020. This online extranet system is used daily by over 20 departments to apply for FCSAP eligibility; and approve, track and report on the funding and status of 16,000 federal contaminated sites. Funding applications may contain Protected B information and require timely responses to coordinate, approve and reallocate funding and track performance reporting. The system is being hosted by Shared Services."/>
    <s v=""/>
    <x v="1"/>
    <s v=""/>
    <x v="21"/>
    <s v="3.1 Substances and Waste Management"/>
    <s v=""/>
    <s v="ECC-547"/>
    <s v="In Production"/>
    <s v=""/>
    <x v="1"/>
    <x v="86"/>
  </r>
  <r>
    <x v="3"/>
    <x v="31"/>
    <x v="3182"/>
    <s v="HRSO"/>
    <m/>
    <s v="Other"/>
    <x v="1"/>
    <s v="Oracle Canada ULC, Oracle Portal"/>
    <x v="21"/>
    <s v="4.1.2.1 Human Resources Management"/>
    <s v="Human Resources Management Services"/>
    <s v="ECC-548"/>
    <s v="In Production"/>
    <s v=""/>
    <x v="0"/>
    <x v="1105"/>
  </r>
  <r>
    <x v="3"/>
    <x v="45"/>
    <x v="3183"/>
    <s v="SSDB and SDMRS"/>
    <s v="The application(s) acts as a water quality data repository and and provides a user interface for data  queries and reporting.  The application is also a geographical information system and allows for spatial query and mapping in support of program operations."/>
    <s v=""/>
    <x v="1"/>
    <s v=""/>
    <x v="21"/>
    <s v="1.1 Biodiversity - Wildlife and Habitat"/>
    <s v="Other"/>
    <s v="ECC-551"/>
    <s v="In Production"/>
    <s v=""/>
    <x v="1"/>
    <x v="10"/>
  </r>
  <r>
    <x v="3"/>
    <x v="45"/>
    <x v="3184"/>
    <s v="Real-time"/>
    <s v="Water quality stations monitor hourly for temperature, dissolved oxygen, pH, specific conductance and turbidity to enable detection of spills, specific events and trends in water quality, and to report on the status of aquatic ecosystems. Also used for managing info about water quality instruments at each station"/>
    <s v=""/>
    <x v="1"/>
    <s v=""/>
    <x v="21"/>
    <s v="1.2.1 Water Quality and Aquatic Ecosystems Health"/>
    <s v="Other"/>
    <s v="ECC-552"/>
    <s v="In Production"/>
    <s v=""/>
    <x v="1"/>
    <x v="1108"/>
  </r>
  <r>
    <x v="3"/>
    <x v="45"/>
    <x v="3185"/>
    <s v="NAQUA and VDI"/>
    <s v="Water Quality Data from Atlantic Oceanic Watershed (goes back as far as 1930s), storage and tools for data entry and extraction"/>
    <s v=""/>
    <x v="1"/>
    <s v=""/>
    <x v="21"/>
    <s v="1.2.1 Water Quality and Aquatic Ecosystems Health"/>
    <s v="Other"/>
    <s v="ECC-556"/>
    <s v="In Production"/>
    <s v=""/>
    <x v="1"/>
    <x v="1109"/>
  </r>
  <r>
    <x v="5"/>
    <x v="14"/>
    <x v="3186"/>
    <s v="GENIE"/>
    <s v="Web Mapping Application allowing access (visualize, query and download) water quality data produced or managed by the Fresh Water Quality Monitoring Division of S&amp;T-Water."/>
    <s v="Other"/>
    <x v="1"/>
    <s v="Geomap GIS of America, GoMap Web"/>
    <x v="21"/>
    <s v="1.2.1 Water Quality and Aquatic Ecosystems Health"/>
    <s v="Other"/>
    <s v="ECC-557"/>
    <s v="In Production"/>
    <s v=""/>
    <x v="0"/>
    <x v="1110"/>
  </r>
  <r>
    <x v="3"/>
    <x v="45"/>
    <x v="3187"/>
    <s v="ACBIS"/>
    <s v="Designed for processing, archiving and dissemination of PNRs aquatic chemistry and biology data."/>
    <s v=""/>
    <x v="1"/>
    <s v=""/>
    <x v="21"/>
    <s v="1.2 Water Resources"/>
    <s v="Other"/>
    <s v="ECC-560"/>
    <s v="In Production"/>
    <s v=""/>
    <x v="1"/>
    <x v="1111"/>
  </r>
  <r>
    <x v="3"/>
    <x v="45"/>
    <x v="3188"/>
    <s v="PY ENVIRODAT"/>
    <s v="Pacific and Yukon ENVIRODAT stores, quality assures and disseminates long-term water quality data.  PY ENVIRODAT stores 35 years of long-term water quality monitoring information.  eGrapher allows users to visualize, extract and quality assure and quality control water quality data.  The web extraction tool allows EC clients, provincial partners, and the informed public to download and extact water quality data."/>
    <s v=""/>
    <x v="1"/>
    <s v=""/>
    <x v="21"/>
    <s v="1.2.1 Water Quality and Aquatic Ecosystems Health"/>
    <s v="Other"/>
    <s v="ECC-561"/>
    <s v="In Production"/>
    <s v=""/>
    <x v="0"/>
    <x v="1112"/>
  </r>
  <r>
    <x v="3"/>
    <x v="45"/>
    <x v="3189"/>
    <s v="PY Buoy Websites"/>
    <s v="The Fraser River buoy monitors water quality, hydrometric and meteological conditions in real-time within the Fraser River estuary.  This environmental area has been identified as an area of concern in the Pacific watershed. The Osooos buoy monitors in real-time a transboundry reach of the Okanagan river.  Due to the rapid urbanization and high agricultural utilization of the region, this is an area of concern to the Federal government."/>
    <s v=""/>
    <x v="1"/>
    <s v=""/>
    <x v="21"/>
    <s v="1.2.1 Water Quality and Aquatic Ecosystems Health"/>
    <s v="Other"/>
    <s v="ECC-562"/>
    <s v="In Production"/>
    <s v=""/>
    <x v="0"/>
    <x v="1112"/>
  </r>
  <r>
    <x v="0"/>
    <x v="0"/>
    <x v="3190"/>
    <s v="ECOAction"/>
    <s v="Grants &amp; Contributions tracking system"/>
    <s v=""/>
    <x v="1"/>
    <s v=""/>
    <x v="21"/>
    <s v="4.1.2 Resource Management Services"/>
    <s v="Other"/>
    <s v="ECC-563"/>
    <s v="In Production"/>
    <s v=""/>
    <x v="1"/>
    <x v="1113"/>
  </r>
  <r>
    <x v="0"/>
    <x v="16"/>
    <x v="3191"/>
    <s v="APCM"/>
    <m/>
    <s v="Other"/>
    <x v="1"/>
    <s v="CSDC Enterprise Solution, AccessPro Case Management"/>
    <x v="21"/>
    <s v="4.1.1 Governance and Management Support"/>
    <s v="Management and Oversight Services"/>
    <s v="ECC-565"/>
    <s v="In Production"/>
    <s v=""/>
    <x v="0"/>
    <x v="1114"/>
  </r>
  <r>
    <x v="5"/>
    <x v="94"/>
    <x v="3192"/>
    <s v="MVS"/>
    <s v="MVS is collection of MSC verification apps (Susan Wild 2015). This system is for verification and performance assessment on meteorological forecasts and observed data"/>
    <s v=""/>
    <x v="1"/>
    <s v="0"/>
    <x v="21"/>
    <s v="2.1.1 Weather and Environmental Observations, Forecasts and Warnings"/>
    <s v="Other"/>
    <s v="ECC-575"/>
    <s v="In Production"/>
    <s v="rich"/>
    <x v="1"/>
    <x v="1115"/>
  </r>
  <r>
    <x v="5"/>
    <x v="90"/>
    <x v="3193"/>
    <s v="MDS"/>
    <s v="This system disseminates meteorological forecasts, warnings, observations, and other related data; and has over 60 million visits per month:  • Weather Office webpage • Water Office webpage • CLIMATE Archive: Archive Online  http://weather.gc.ca  http://meteo.gc.ca  http://wateroffice.ec.gc.ca  https://weather.gc.ca/eer/vaac/index_e.html (volcanic ash) (See APM id # 708)  http://eau.ec.gc.ca  http://CLIMATE.weather.gc.ca  http://climat.meteo.gc.ca  http://media.weather.gc.ca  http://media.meteo.gc.ca  http://dd.weather.gc.ca  http://dd.meteo.gc.ca  http://dd.beta.weather.gc.ca  http://dd.beta.meteo.gc.ca  http://www.meteo-haiti.gouv.ht  http://ecalertme.weather.gc.ca  http://ecalertezmoi.meteo.gc.ca/  http://data.ec.gc.ca  http://donnes.ec.gc.ca  http:"/>
    <s v=""/>
    <x v="1"/>
    <s v="0"/>
    <x v="21"/>
    <s v="2.1.1 Weather and Environmental Observations, Forecasts and Warnings"/>
    <s v="Other"/>
    <s v="ECC-576"/>
    <s v="In Production"/>
    <s v="web"/>
    <x v="1"/>
    <x v="1116"/>
  </r>
  <r>
    <x v="3"/>
    <x v="15"/>
    <x v="3194"/>
    <s v="AVIPaDS"/>
    <s v="Weatheradio text-to-speech (TTS) engine and sends forecasts and warnings in voice files to Weatheradio transmitters"/>
    <s v=""/>
    <x v="1"/>
    <s v="0"/>
    <x v="21"/>
    <s v="2.1.1 Weather and Environmental Observations, Forecasts and Warnings"/>
    <s v="Other"/>
    <s v="ECC-577"/>
    <s v="In Production"/>
    <s v="desktop"/>
    <x v="1"/>
    <x v="1117"/>
  </r>
  <r>
    <x v="5"/>
    <x v="90"/>
    <x v="3195"/>
    <s v="NinJo"/>
    <s v="NinJo is a modern all-purpose forecaster workstation system for processing and displaying meteorological data, from the integration of raw data to its usage for forecasting purposes. It includes all NinJo functionalities.  MSC and ADS ( Aviation and Defence Services  )  forecasters are using this application.  CBAS=Products visualization and Warning dissemination (WARP)"/>
    <s v=""/>
    <x v="1"/>
    <s v="0"/>
    <x v="21"/>
    <s v="2.1.1 Weather and Environmental Observations, Forecasts and Warnings"/>
    <s v="Other"/>
    <s v="ECC-578"/>
    <s v="In Production"/>
    <s v="rich"/>
    <x v="1"/>
    <x v="1118"/>
  </r>
  <r>
    <x v="5"/>
    <x v="94"/>
    <x v="3196"/>
    <s v="URP"/>
    <s v="Weather Radar Processing and Visualization application. Radar (URP)is an SMB application. URP = Unified Radar Processing. The application gathers data from weather radar sites and produces GIF images of weather events, such as thunderstorms, for forecasters, the Web and external clients such as the Weather Net. individual &amp; composite products archive Interactive Viewer Radar CUM"/>
    <s v=""/>
    <x v="1"/>
    <s v="0"/>
    <x v="21"/>
    <s v="2.1.1 Weather and Environmental Observations, Forecasts and Warnings"/>
    <s v="Other"/>
    <s v="ECC-579"/>
    <s v="In Production"/>
    <s v="rich"/>
    <x v="1"/>
    <x v="1119"/>
  </r>
  <r>
    <x v="6"/>
    <x v="71"/>
    <x v="3197"/>
    <s v="BullPrep"/>
    <s v="MSC forecast and warning bulletin creation, update and amendment software. Sub-components:  • Xpredit • Transitmonitor • Many more..."/>
    <s v=""/>
    <x v="1"/>
    <s v="0"/>
    <x v="21"/>
    <s v="2.1.1 Weather and Environmental Observations, Forecasts and Warnings"/>
    <s v="Other"/>
    <s v="ECC-580"/>
    <s v="In Production"/>
    <s v="rich"/>
    <x v="1"/>
    <x v="1007"/>
  </r>
  <r>
    <x v="3"/>
    <x v="63"/>
    <x v="3198"/>
    <s v="MDAS"/>
    <s v="System to acquire real time weather and environmental data.   It includes 30 WBS  The Weather Buoy System (WBS) was developed in the early 1990's as a joint effort by PYR Informatics and PYR Marine Operations, in response to the need to service an expanding marine buoy network. Over time, the system was expanded to service all the buoys in the Canadian buoy Program, from the Atlantic to the Pacific.  WBS now decodes all Canadian weather buoy data, creating the SMVD, SIVD and SNVD reports that are transmitted to the weather circuits every hour. The decodes are controlled by a set of configuration parameters that are maintained interactively by marine data technicians. Statistics are kept on all aspects of the buoys and are interactively accessible throu"/>
    <s v=""/>
    <x v="1"/>
    <s v="0"/>
    <x v="21"/>
    <s v="2.1.1 Weather and Environmental Observations, Forecasts and Warnings"/>
    <s v="Other"/>
    <s v="ECC-581"/>
    <s v="In Production"/>
    <s v="rich"/>
    <x v="1"/>
    <x v="106"/>
  </r>
  <r>
    <x v="3"/>
    <x v="63"/>
    <x v="3199"/>
    <s v="MDMS"/>
    <s v="Data management services for real time meteorological data"/>
    <s v=""/>
    <x v="1"/>
    <s v="0"/>
    <x v="21"/>
    <s v="2.1.1 Weather and Environmental Observations, Forecasts and Warnings"/>
    <s v="Other"/>
    <s v="ECC-582"/>
    <s v="In Production"/>
    <s v="rich"/>
    <x v="1"/>
    <x v="1120"/>
  </r>
  <r>
    <x v="5"/>
    <x v="94"/>
    <x v="3200"/>
    <s v="MASPS"/>
    <s v="Business logic components to process, quality assess and create products for real time meteorological data (SAA)"/>
    <s v=""/>
    <x v="1"/>
    <s v="0"/>
    <x v="21"/>
    <s v="2.1.1 Weather and Environmental Observations, Forecasts and Warnings"/>
    <s v="Other"/>
    <s v="ECC-583"/>
    <s v="In Production"/>
    <s v="rich"/>
    <x v="1"/>
    <x v="1121"/>
  </r>
  <r>
    <x v="5"/>
    <x v="90"/>
    <x v="3201"/>
    <s v="ISIS"/>
    <s v="The main ice analysis, bulletin generation, and operational chart production system for the Canadian Ice Service. It uses a combination of internally developed applications, commercial software (ESRI ArcView, ArcInfo, Leica Imagine). Sub-Components: • Ice Analyses • Sea Ice and Lake Ice forecasts and warnings • Daily Sea Ice and Lake Ice charts • Weekly Sea ice and Lake ice weekly charts • Lake Ice Monitoring"/>
    <s v=""/>
    <x v="1"/>
    <s v=""/>
    <x v="21"/>
    <s v="2.2.2 Meteorological and Ice Services in Support of Marine Navigation"/>
    <s v="Other"/>
    <s v="ECC-584"/>
    <s v="In Production"/>
    <s v="rich"/>
    <x v="1"/>
    <x v="1122"/>
  </r>
  <r>
    <x v="5"/>
    <x v="90"/>
    <x v="3202"/>
    <s v="Polaris"/>
    <s v="The newly developed ice analysis system to replace legacy ISIS.  Canadian Ice Service second generation Ice Analysis and Forecasting system, also known as the NAIS common production system. Polaris 1.0 released for user tryouts and in quasi-operation mode. Replace ISIS; operational by December 2011 (level 1)"/>
    <s v=""/>
    <x v="1"/>
    <s v=""/>
    <x v="21"/>
    <s v="2.2.2 Meteorological and Ice Services in Support of Marine Navigation"/>
    <s v="Other"/>
    <s v="ECC-585"/>
    <s v="In Production"/>
    <s v="rich"/>
    <x v="1"/>
    <x v="1123"/>
  </r>
  <r>
    <x v="5"/>
    <x v="90"/>
    <x v="3203"/>
    <s v="BAPS"/>
    <s v="A client-server application to predict ice berg movements in commercial shipping lanes in Canadian waters. It uses ArcView (an ESRI GIS product) at the client end to display actual and predicted iceberg movements and to generate navigational charts. Sub-components: • Iceberg bulletins • Iceberg charts"/>
    <s v=""/>
    <x v="1"/>
    <s v=""/>
    <x v="21"/>
    <s v="2.2.2 Meteorological and Ice Services in Support of Marine Navigation"/>
    <s v="Other"/>
    <s v="ECC-586"/>
    <s v="In Production"/>
    <s v="rich"/>
    <x v="1"/>
    <x v="1124"/>
  </r>
  <r>
    <x v="5"/>
    <x v="90"/>
    <x v="3204"/>
    <s v="ISTOP"/>
    <s v="Oil Spills Tracking Application. A client server application to analyse RADARSAT images for the purpose of identifying possible bilge oil pollution from commercial ships.  It uses a combination of internally developed applications, commercial software (ESRI ArcGIS, ArcView, ArcInfo, Leica Imagine, Oracle).  Sub-components: • Oil spill monitoring • Ocean Monitoring Workstation (OMW)"/>
    <s v=""/>
    <x v="1"/>
    <s v=""/>
    <x v="21"/>
    <s v="2.2.2 Meteorological and Ice Services in Support of Marine Navigation"/>
    <s v="Other"/>
    <s v="ECC-587"/>
    <s v="In Production"/>
    <s v="rich"/>
    <x v="1"/>
    <x v="1125"/>
  </r>
  <r>
    <x v="5"/>
    <x v="90"/>
    <x v="3205"/>
    <s v="IceVu"/>
    <s v="IceVu is the primary tool used by Ice Service Specialists  (ISS) to provide operational support to the Coast Guard icebreaking program. It provides a method for ISS &amp; CCG clients to receive and view imagery as well as allow reception and display of EC ice and weather products. It is composed of COTS software modified by CIS and additional software developed by CIS. Sub-components: • Data management tools  • Communication tools • Navigational tool"/>
    <s v=""/>
    <x v="1"/>
    <s v=""/>
    <x v="21"/>
    <s v="2.2.2 Meteorological and Ice Services in Support of Marine Navigation"/>
    <s v="Other"/>
    <s v="ECC-588"/>
    <s v="In Production"/>
    <s v="desktop"/>
    <x v="1"/>
    <x v="1126"/>
  </r>
  <r>
    <x v="5"/>
    <x v="90"/>
    <x v="3206"/>
    <s v="ICEggs"/>
    <s v="This is a custom built application developed and released by Cogénie using MapInfo COTS.  Sub-components: • Data management tools  • Communication tools • Navigational tool (not supported)"/>
    <s v=""/>
    <x v="1"/>
    <s v=""/>
    <x v="21"/>
    <s v="2.2.2 Meteorological and Ice Services in Support of Marine Navigation"/>
    <s v="Other"/>
    <s v="ECC-589"/>
    <s v="In Production"/>
    <s v="desktop"/>
    <x v="1"/>
    <x v="1127"/>
  </r>
  <r>
    <x v="5"/>
    <x v="90"/>
    <x v="3207"/>
    <s v="ICE Flight Planning"/>
    <s v="A desktop application based on ESRI’s ArcObject library. Used to plan the flight routes, plot, report, and manage flight plans for ice and pollution reconnaissance missions. Sub-components"/>
    <s v=""/>
    <x v="1"/>
    <s v=""/>
    <x v="21"/>
    <s v="2.2.2 Meteorological and Ice Services in Support of Marine Navigation"/>
    <s v="Other"/>
    <s v="ECC-591"/>
    <s v="In Production"/>
    <s v="rich"/>
    <x v="1"/>
    <x v="1128"/>
  </r>
  <r>
    <x v="5"/>
    <x v="90"/>
    <x v="3208"/>
    <s v="ICE Tracker"/>
    <s v="Applied science application to track Ice drift. Automatically detect ice drift / ice motion from overlapped SAR image pairs acquired from different time. Application is based on Matlab and ArcGIS COTS."/>
    <s v=""/>
    <x v="1"/>
    <s v=""/>
    <x v="21"/>
    <s v="2.2.2 Meteorological and Ice Services in Support of Marine Navigation"/>
    <s v="Other"/>
    <s v="ECC-592"/>
    <s v="In Production"/>
    <s v="rich"/>
    <x v="1"/>
    <x v="1129"/>
  </r>
  <r>
    <x v="5"/>
    <x v="94"/>
    <x v="3209"/>
    <s v="CIOM"/>
    <s v="Coupled Ice Ocean Model – developed by Bedford Institute of Oceanography (DFO)"/>
    <s v=""/>
    <x v="1"/>
    <s v="0"/>
    <x v="21"/>
    <s v="2.2.2 Meteorological and Ice Services in Support of Marine Navigation"/>
    <s v="Other"/>
    <s v="ECC-593"/>
    <s v="In Production"/>
    <s v="rich"/>
    <x v="1"/>
    <x v="1130"/>
  </r>
  <r>
    <x v="5"/>
    <x v="94"/>
    <x v="3210"/>
    <s v="CECOM"/>
    <s v="Canadian East coast Coupled Ocean Model - developed by Bedford Institute of Oceanography (DFO). Same as CIOM but provides higher resolution and bigger domain."/>
    <s v=""/>
    <x v="1"/>
    <s v="0"/>
    <x v="21"/>
    <s v="2.2.2 Meteorological and Ice Services in Support of Marine Navigation"/>
    <s v="Other"/>
    <s v="ECC-594"/>
    <s v="In Production"/>
    <s v="mini_main_super"/>
    <x v="1"/>
    <x v="1130"/>
  </r>
  <r>
    <x v="5"/>
    <x v="90"/>
    <x v="3211"/>
    <s v="MSS-6000"/>
    <s v="The system is built for real time monitoring and analysis of the sea surface. This system is installed onboard ice patrol airplanes for the purpose of ( before called Radar Imaging Acquisition, viewing, etc.). It has been developed by Swedish Space Corporation"/>
    <s v=""/>
    <x v="1"/>
    <s v=""/>
    <x v="21"/>
    <s v="2.2.2 Meteorological and Ice Services in Support of Marine Navigation"/>
    <s v="Other"/>
    <s v="ECC-595"/>
    <s v="In Production"/>
    <s v="rich"/>
    <x v="1"/>
    <x v="1131"/>
  </r>
  <r>
    <x v="5"/>
    <x v="14"/>
    <x v="3212"/>
    <s v="MM-reg"/>
    <s v="Still use in PSO to fill gap for NinJo in places.  Legacy Branch of DND's MetManager. The regional MM will eventually be phased out/decommissioned. This Regional MetManager (Reg-MM)  should not be confused with the MetManager installation used enlisted military met-techs to brief the troops in theatre.  Same code base but different uses.  Reg-MM runs in all SPCs and CMACs.  MetManager, the one developed using 100% DND VNR funds is owned by DND and will continue to operate on the DND secure network. It will NOT be decommissioned. It is registered in the DND APM. So from now on we should refer this to Regional MetManager."/>
    <s v=""/>
    <x v="1"/>
    <s v="0"/>
    <x v="21"/>
    <s v="2.1.1 Weather and Environmental Observations, Forecasts and Warnings"/>
    <s v="Other"/>
    <s v="ECC-596"/>
    <s v="In Production"/>
    <s v="rich"/>
    <x v="1"/>
    <x v="106"/>
  </r>
  <r>
    <x v="5"/>
    <x v="94"/>
    <x v="3213"/>
    <s v="NWEPS"/>
    <s v="Entails the use of &quot;modelling&quot; of the physics of the atmosphere in order to obtain a forecast through the use of &quot;Supercomputers&quot;.  Lead time ranging from 1-2 hours to extended range (monthly and seasonal scale).  Includes data observations to ensure that the predictions are accurate.  RDPS:  Regional Deterministic Prediction System REPS:  Regional Ensemble Prediction System GDPS:  Global Deterministic Prediction System GEPS: Global Ensemble Prediction System HRDPS:  High Resolution Deterministic Prediction System  The above Operational System are using various configurations of the tools below: GEM (numerical model for atmospheric prediction) EnKF (Ensemble Kalman filter for ensemble data assimilation) 4DVar:  four dimension variational data assimilat"/>
    <s v=""/>
    <x v="1"/>
    <s v="0"/>
    <x v="21"/>
    <s v="2.1.1 Weather and Environmental Observations, Forecasts and Warnings"/>
    <s v="Other"/>
    <s v="ECC-597"/>
    <s v="In Production"/>
    <s v="mini_main_super"/>
    <x v="1"/>
    <x v="106"/>
  </r>
  <r>
    <x v="5"/>
    <x v="94"/>
    <x v="3214"/>
    <s v="SCRIBE"/>
    <s v="Post Processing Application for weather service product generation.  SCRIBE is an Expert System capable of generating automatically or interactively any type of weather products for a region or a specific locality .The data that feed the system come from a set of matrices which are generated after the 00, 06, 12,18Z model runs. These matrices contain different types of weather elements such as NWP output, statistical guidance form PP model and UMOS model and other analyses model and climatology data. The time resolution is 3 hours. Once ready  these regular matrices are sent to each regional SCRIBE system.   Public, Air quality, Marine and specialized weather forecast are generated in SCRIBE.  Sub-components/sources: -UMOS:  Updatable Model Output Stat"/>
    <s v=""/>
    <x v="1"/>
    <s v="0"/>
    <x v="21"/>
    <s v="2.1.1 Weather and Environmental Observations, Forecasts and Warnings"/>
    <s v="Other"/>
    <s v="ECC-598"/>
    <s v="In Production"/>
    <s v="rich"/>
    <x v="1"/>
    <x v="1132"/>
  </r>
  <r>
    <x v="12"/>
    <x v="74"/>
    <x v="3215"/>
    <s v="Atlantic Telecom"/>
    <s v="Telecom package for Linux; rpm file"/>
    <s v=""/>
    <x v="1"/>
    <s v="0"/>
    <x v="21"/>
    <s v="2.1.1 Weather and Environmental Observations, Forecasts and Warnings"/>
    <s v="Other"/>
    <s v="ECC-599"/>
    <s v="In Production"/>
    <s v="rich"/>
    <x v="1"/>
    <x v="1133"/>
  </r>
  <r>
    <x v="6"/>
    <x v="71"/>
    <x v="3216"/>
    <s v="EAP"/>
    <s v="Edigraf is a Forecast Preparation Tool used to prepare maps in weather forecasting offices. The maps, showing isobars, satellite images, etc. are displayed interactively. The application is written in C used by CMACs.  Edigraf is used to produce graphical severe weather prognostics (E.g.: coordination precipitation (quantities, type, timing)). NinJo offers no alternative until now."/>
    <s v=""/>
    <x v="1"/>
    <s v="0"/>
    <x v="21"/>
    <s v="2.1.1 Weather and Environmental Observations, Forecasts and Warnings"/>
    <s v="Other"/>
    <s v="ECC-601"/>
    <s v="In Production"/>
    <s v="rich"/>
    <x v="1"/>
    <x v="1134"/>
  </r>
  <r>
    <x v="3"/>
    <x v="46"/>
    <x v="3217"/>
    <s v="GOES"/>
    <s v="GOES satellite image processing software (COTS by Global Imaging Inc. http://www.globalimaging.com/) Sub-components:  -Goestx -GRIS -SAN (Sun angle normalization) Installed in Edmonton and Dartmouth"/>
    <s v=""/>
    <x v="1"/>
    <s v="0"/>
    <x v="21"/>
    <s v="2.2.1 Meteorological Services in Support of Air Navigation"/>
    <s v="Other"/>
    <s v="ECC-602"/>
    <s v="In Production"/>
    <s v="rich"/>
    <x v="0"/>
    <x v="1135"/>
  </r>
  <r>
    <x v="3"/>
    <x v="46"/>
    <x v="3218"/>
    <s v="HRPT"/>
    <s v="Satellite receiver Polar Orbit. TeraScan is an Integrated system of hardware and software designed for automated reception of data from meteorological/environmental satellites and for processing the data into images and data overlays. (COTS software  by Seaspace Corporation - http://www.seaspace.com/)   HRPT systems are located in: Gander NL, (single system) Edmonton AB (2 production systems), Stony Plain AB (single system), Resolute Bay, NWT (DFO) (single system) CMC-Montreal, QC : Used at CMC:  https://wiki.cmc.ec.gc.ca/wiki/VAAC/Terascan_Instructions  Predictions activities (John Parker, Sept 2016):  if GOES gets listed as an enable application, than we can do with delays in the uptime of the HRPT.  However it does become more mission critical the f"/>
    <s v=""/>
    <x v="1"/>
    <s v="0"/>
    <x v="21"/>
    <s v="2.1.1 Weather and Environmental Observations, Forecasts and Warnings"/>
    <s v="Other"/>
    <s v="ECC-603"/>
    <s v="In Production"/>
    <s v="desktop"/>
    <x v="0"/>
    <x v="106"/>
  </r>
  <r>
    <x v="6"/>
    <x v="35"/>
    <x v="3219"/>
    <s v="MultiAlert"/>
    <s v="MultiAlert is a Graphical Interface Alert Program that makes meteorologists aware of the fact that pilot reports may contain items of interest to their site, such as severe weather moving into their area."/>
    <s v=""/>
    <x v="1"/>
    <s v="0"/>
    <x v="21"/>
    <s v="2.1.1 Weather and Environmental Observations, Forecasts and Warnings"/>
    <s v="Other"/>
    <s v="ECC-604"/>
    <s v="In Production"/>
    <s v="rich"/>
    <x v="1"/>
    <x v="979"/>
  </r>
  <r>
    <x v="6"/>
    <x v="71"/>
    <x v="3220"/>
    <s v="RTAF"/>
    <s v="Roving TAF (Terminal Aerodrome Forecast) is a forecast preparation tool that holds metadata for all Canadian airports and is used to prepare an aviation forecast for each airport. A TAF bulletin consists of multiple tasks that can be assigned to multiple forecasters. RTAF distributes 227 airports between multiple forecasters so tasks can be shared. Used in Edmonton/Montreal only."/>
    <s v=""/>
    <x v="1"/>
    <s v="0"/>
    <x v="21"/>
    <s v="2.2.1 Meteorological Services in Support of Air Navigation"/>
    <s v="Other"/>
    <s v="ECC-605"/>
    <s v="In Production"/>
    <s v="rich"/>
    <x v="1"/>
    <x v="1136"/>
  </r>
  <r>
    <x v="6"/>
    <x v="35"/>
    <x v="3221"/>
    <s v="Weather Watch / Veille"/>
    <s v="Weather Watch is a national application used by forecasters. It uses Scribe data and weather observations data to compare forecasts with actual observations for aviation, public, marine, and air quality bulletins, identifies locations where there are discrepancies between the two, alerts forecasters and seeks ways to improve the accuracy of data. Updates are sent every 10 minutes for aviation bulletins. There is no replacement  tool in NinJo. This software was modified to use the METAR code, according to a MSC decision several years. The disappearance of the METAR code reduces the usefulness of the application for the public program.  Compares and displays forecast and observed values for aviation, public, marine, air quality / Le programme de veiled s"/>
    <s v=""/>
    <x v="1"/>
    <s v="0"/>
    <x v="21"/>
    <s v="2.1.1 Weather and Environmental Observations, Forecasts and Warnings"/>
    <s v="Other"/>
    <s v="ECC-607"/>
    <s v="In Production"/>
    <s v="rich"/>
    <x v="1"/>
    <x v="979"/>
  </r>
  <r>
    <x v="12"/>
    <x v="111"/>
    <x v="3222"/>
    <s v="MetPX"/>
    <s v="MetPX is a collection of tools created to support data acquisition, routing, and dissemination in a meteorological context. MetPX is a message switching/exchange system for use with WMO Global Telecommunications System circuits based on TCP/IP. It is intended for use in industrial/government weather forecast operations.   In January 2014, a new (experimental) real-time notification service for data updates was added to MetPX (announcement). It is using the Advanced Message Queuing Protocol (AMQP) with RabbitMQ open source software.  http://metpx.sourceforge.net/"/>
    <s v=""/>
    <x v="1"/>
    <s v="0"/>
    <x v="21"/>
    <s v="2.1.1 Weather and Environmental Observations, Forecasts and Warnings"/>
    <s v="Other"/>
    <s v="ECC-608"/>
    <s v="In Production"/>
    <s v="rich"/>
    <x v="1"/>
    <x v="106"/>
  </r>
  <r>
    <x v="5"/>
    <x v="99"/>
    <x v="3223"/>
    <s v="Target"/>
    <s v="This is an intermediary software used for processing analytical data (Burlington)"/>
    <s v="Other"/>
    <x v="1"/>
    <s v=""/>
    <x v="21"/>
    <s v="PAA: 1.2.1 Water Quality and Aquatic Ecosystems Health"/>
    <s v="Other"/>
    <s v="ECC-616"/>
    <s v="In Production"/>
    <s v=""/>
    <x v="0"/>
    <x v="1137"/>
  </r>
  <r>
    <x v="0"/>
    <x v="7"/>
    <x v="3224"/>
    <s v="NIRT CRM"/>
    <s v="Customer Relationship Management system that facilities the communication between the National Inquiry Response Team (NIRT) and the Canadian public. All feedback that is received by the NIRT is responded to and stored in the system. The system will also produce reports and metrics based on all feedback. The system is built using Microsoft Dynamics CRM, with a number customizations built using JavaScript and VB.Net."/>
    <s v=""/>
    <x v="1"/>
    <s v="0"/>
    <x v="21"/>
    <s v="2.1 Weather and Environmental Services for Canadians_x000a_2.2 Weather and Environmental Services for Targeted users."/>
    <s v="Other"/>
    <s v="ECC-621"/>
    <s v="In Production"/>
    <s v="web"/>
    <x v="1"/>
    <x v="1138"/>
  </r>
  <r>
    <x v="0"/>
    <x v="5"/>
    <x v="3225"/>
    <s v="SWMRS"/>
    <s v="The Seasonal Water Monitoring and Reporting System (SWMR) will allow monitoring staff to report recreational water quality information such as E.coli electronically so the information can be utilized to report on beach closures. Application developed by IT Ontario Region. Responsible IT Development Manager Terry Simmons (416)739-4647. IT Project Leader Herman Mok (416)739-4303"/>
    <s v=""/>
    <x v="1"/>
    <s v=""/>
    <x v="21"/>
    <s v="1.3.4 Ecosystem Initiatives"/>
    <s v="Other"/>
    <s v="ECC-623"/>
    <s v="In Production"/>
    <s v=""/>
    <x v="1"/>
    <x v="1090"/>
  </r>
  <r>
    <x v="0"/>
    <x v="5"/>
    <x v="3226"/>
    <s v="EC Science Alert"/>
    <s v="This system is meant to manage information S&amp;T publications, mainly formal publications (i.e., articles in peer-review journals) authored by a member of EC's S&amp;T community"/>
    <s v=""/>
    <x v="1"/>
    <s v=""/>
    <x v="21"/>
    <s v="3. Threats to Canadians and their environment from pollution are minimized"/>
    <s v="Other"/>
    <s v="ECC-624"/>
    <s v="In Production"/>
    <s v=""/>
    <x v="1"/>
    <x v="1139"/>
  </r>
  <r>
    <x v="3"/>
    <x v="63"/>
    <x v="3227"/>
    <s v="HCReports"/>
    <s v="This is a Cold -Fusion (MX) report creation application. Users are limited to WRMD and EC Enforcement across Canada. It is a query and search engine for the creation of HTML, PDF and MS Excel reports summarizing activities related to Transboundary Hazardous Waste Movements. Data extracted from CNMTS database"/>
    <s v=""/>
    <x v="1"/>
    <s v=""/>
    <x v="21"/>
    <s v="3.1.1 Substances &amp; Waste Management"/>
    <s v="Other"/>
    <s v="ECC-626"/>
    <s v="In Production"/>
    <s v=""/>
    <x v="1"/>
    <x v="1140"/>
  </r>
  <r>
    <x v="3"/>
    <x v="31"/>
    <x v="3228"/>
    <s v="ODSTS"/>
    <s v="ODSTS is used by the Ozone Layer Protection and Export Controls Section of the Chemicals Production Division to issue authorizations under the Ozone Depleting Substances Regulations 1998 and manage and report on domestic consumption of ozone-depleting substances."/>
    <s v=""/>
    <x v="1"/>
    <s v=""/>
    <x v="21"/>
    <s v="3.1.1 Substances Management"/>
    <s v="Other"/>
    <s v="ECC-627"/>
    <s v="In Production"/>
    <s v=""/>
    <x v="1"/>
    <x v="1043"/>
  </r>
  <r>
    <x v="0"/>
    <x v="8"/>
    <x v="3229"/>
    <s v="GandC"/>
    <s v="Application that Acquires the information from and Oracle database financial and imports the data into and SQL Database and publishes the information on a static published table to an external database that allows the general public to access the related information on grants and contributions."/>
    <s v=""/>
    <x v="1"/>
    <s v=""/>
    <x v="21"/>
    <s v="4.1.2 Resource Management Services"/>
    <s v="Financial Management Services"/>
    <s v="ECC-630"/>
    <s v="In Production"/>
    <s v=""/>
    <x v="1"/>
    <x v="1141"/>
  </r>
  <r>
    <x v="4"/>
    <x v="5"/>
    <x v="3230"/>
    <s v="ESE"/>
    <s v="Contains information on Environment Canada’s science and technical experts; including: their job title and role, location, current research/S&amp;T, key publications, affiliations, awards, education, and contact information."/>
    <s v=""/>
    <x v="1"/>
    <s v=""/>
    <x v="21"/>
    <s v="3.1 Substances and Waste Management"/>
    <s v="Other"/>
    <s v="ECC-636"/>
    <s v="In Production"/>
    <s v=""/>
    <x v="0"/>
    <x v="1142"/>
  </r>
  <r>
    <x v="0"/>
    <x v="7"/>
    <x v="3231"/>
    <s v="Horizon"/>
    <s v="Horizon Integrated Library System, maintained by the System's Librarian in Burlington, is the automated system that manages and tracks all aspects of library work from the general public access catalogue, acquisitions, serial publication management, including checkin and claiming, cataloguing, and circulation (checkin, checkout, claiming, reporting).  Various international library standards, such as MARC21 coding are either embedded into the software, or incorporated into the software functionality."/>
    <s v="Other"/>
    <x v="1"/>
    <s v="Horizon,SirsiDynix"/>
    <x v="21"/>
    <s v="4.1.2 Resource Management Services"/>
    <s v="Information Management Services"/>
    <s v="ECC-639"/>
    <s v="In Production"/>
    <s v=""/>
    <x v="0"/>
    <x v="1143"/>
  </r>
  <r>
    <x v="0"/>
    <x v="13"/>
    <x v="3232"/>
    <s v="DRAMS"/>
    <s v="Records Management System"/>
    <s v=""/>
    <x v="1"/>
    <s v=""/>
    <x v="21"/>
    <s v="4.1.1 Governance and Management Support"/>
    <s v="Information Management Services"/>
    <s v="ECC-640"/>
    <s v="In Production"/>
    <s v=""/>
    <x v="0"/>
    <x v="1144"/>
  </r>
  <r>
    <x v="3"/>
    <x v="31"/>
    <x v="3233"/>
    <s v="ESP"/>
    <s v="This is a cots product which enables a clear language querying and alias based dataview front end to the CNMTS database."/>
    <s v="Other"/>
    <x v="1"/>
    <s v="Speedware -&gt; Esperant"/>
    <x v="21"/>
    <s v="3.1.1 Substances &amp; Waste Management"/>
    <s v="Other"/>
    <s v="ECC-641"/>
    <s v="In Production"/>
    <s v=""/>
    <x v="0"/>
    <x v="1145"/>
  </r>
  <r>
    <x v="3"/>
    <x v="4"/>
    <x v="3234"/>
    <s v="CIDAS"/>
    <s v="Canadian Ice Data Archive System for long term storage. Non mission critical by Darlene Langlois. Sept 2016"/>
    <s v="Oracle_Canada_ULC"/>
    <x v="63"/>
    <s v="0"/>
    <x v="21"/>
    <s v="2.2.2 Meteorological and Ice Services in Support of Marine Navigation"/>
    <s v="Acquisition Services,Other"/>
    <s v="ECC-642"/>
    <s v="In Production"/>
    <s v="rich"/>
    <x v="1"/>
    <x v="1146"/>
  </r>
  <r>
    <x v="0"/>
    <x v="8"/>
    <x v="3235"/>
    <s v="CA-HAD"/>
    <s v="The CLIMATE Hardcopy Archive Search Engine was developed to search the CHAD database to find information about the availability of original meteorological source documents or their backups for the CLIMATE stations within Canada."/>
    <s v=""/>
    <x v="1"/>
    <s v="0"/>
    <x v="21"/>
    <s v="2.1.3 Climate Information, Predictions and Tools"/>
    <s v="Other"/>
    <s v="ECC-649"/>
    <s v="In Production"/>
    <s v="rich"/>
    <x v="1"/>
    <x v="106"/>
  </r>
  <r>
    <x v="0"/>
    <x v="8"/>
    <x v="3236"/>
    <s v="CA-RID"/>
    <s v="The national radar archive software responsible for archiving the volume scans along with appropriate metadata."/>
    <s v=""/>
    <x v="1"/>
    <s v="0"/>
    <x v="21"/>
    <s v="2.1.3 Climate Information, Predictions and Tools"/>
    <s v="Other"/>
    <s v="ECC-650"/>
    <s v="In Production"/>
    <s v="rich"/>
    <x v="1"/>
    <x v="106"/>
  </r>
  <r>
    <x v="0"/>
    <x v="8"/>
    <x v="3237"/>
    <s v="HYDAT"/>
    <s v="HYDAT is a relational database that contains the actual computed data for the stations listed in HYDEX. These data include: daily and monthly means of flow, water levels and sediment concentrations (for sediment sites). For some sites, peaks and extremes are also recorded. Each year, a CD-ROM of selected hydrometric data in Canada is produced and is up-to-date to the previous year.  Peak and extreme values are also recorded. This data is distributed via the web, and as a downloadable Microsoft Access database."/>
    <s v=""/>
    <x v="1"/>
    <s v=""/>
    <x v="21"/>
    <s v="211Y - 2.1.1 Weather Observations, Forecasts and Warnings"/>
    <s v="Information Management Services"/>
    <s v="ECC-656"/>
    <s v="In Production"/>
    <s v="rich"/>
    <x v="1"/>
    <x v="106"/>
  </r>
  <r>
    <x v="0"/>
    <x v="8"/>
    <x v="3238"/>
    <s v="HYDEX-CF"/>
    <s v="HYDEX Cold fusion is an application that interfaces to HYDEX.   Hydex is a relational database (APM id # 1224) that contains inventory information on all stream flow, water level, and sediment stations (both active and discontinued) that are operated by Water Survey and qualified contributors  in Canada. This database contains information about the station location, equipment, and type(s), amount and period of data collected, and station costing arrangements."/>
    <s v=""/>
    <x v="1"/>
    <s v="0"/>
    <x v="21"/>
    <s v="1.2.3 Hydrometric Services"/>
    <s v="Other"/>
    <s v="ECC-657"/>
    <s v="In Production"/>
    <s v="rich"/>
    <x v="1"/>
    <x v="106"/>
  </r>
  <r>
    <x v="0"/>
    <x v="8"/>
    <x v="3239"/>
    <s v="CA-CDI"/>
    <s v="All observed climatological data is ingested through this system. This includes hourly, synoptic, daily, marine and supplementary data. Supplementary data includes evaporation, wind, soil temperatures, radiation, bright sunshine and rainfall."/>
    <s v=""/>
    <x v="1"/>
    <s v="0"/>
    <x v="21"/>
    <s v="2.1.3 Climate Information, Predictions and Tools"/>
    <s v="Other"/>
    <s v="ECC-658"/>
    <s v="In Production"/>
    <s v="rich"/>
    <x v="1"/>
    <x v="106"/>
  </r>
  <r>
    <x v="0"/>
    <x v="8"/>
    <x v="3240"/>
    <s v="CA-US"/>
    <s v="This system uploads climatological data that has been ingested and quality controlled into the Canadian CLIMATE Archive."/>
    <s v=""/>
    <x v="1"/>
    <s v="0"/>
    <x v="21"/>
    <s v="2.1.3 Climate Information, Predictions and Tools"/>
    <s v="Other"/>
    <s v="ECC-662"/>
    <s v="In Production"/>
    <s v="rich"/>
    <x v="1"/>
    <x v="106"/>
  </r>
  <r>
    <x v="6"/>
    <x v="71"/>
    <x v="3241"/>
    <s v="CBE"/>
    <s v="Atlantic"/>
    <s v=""/>
    <x v="1"/>
    <s v="0"/>
    <x v="21"/>
    <s v="2.1.3 Climate Information, Predictions and Tools"/>
    <s v="Other"/>
    <s v="ECC-664"/>
    <s v="In Production"/>
    <s v="desktop"/>
    <x v="1"/>
    <x v="106"/>
  </r>
  <r>
    <x v="0"/>
    <x v="8"/>
    <x v="3242"/>
    <s v="ClearSCADA"/>
    <s v="ClearSCADA is an open software platform that provides powerful features for remote management of critical infrastructure; scalable for large enterprise environments and effective for small systems.  National Collection System servicing regions and Real-time water web CIOB central support  Historical data is collected by single or redundant servers over dedicated long-distance communication infrastructure and made available to local and remote users via integrated clients or third-party data management applications.   This battery backup allows the instrumentation and control system (SCADA=supervisory control and data acquisition) to operate continuously during power disturbances; thus avoiding the unscheduled shutdown of experimental systems"/>
    <s v=""/>
    <x v="1"/>
    <s v="0"/>
    <x v="21"/>
    <s v="1.2.3 Hydrometric Services"/>
    <s v="Other"/>
    <s v="ECC-665"/>
    <s v="In Production"/>
    <s v="rich"/>
    <x v="0"/>
    <x v="106"/>
  </r>
  <r>
    <x v="4"/>
    <x v="5"/>
    <x v="3243"/>
    <s v="ILEX"/>
    <s v="National Collection System servicing regions and Real-time water web CIOB central support"/>
    <s v=""/>
    <x v="1"/>
    <s v="0"/>
    <x v="21"/>
    <s v="1.2.3 Hydrometric Services"/>
    <s v="Other"/>
    <s v="ECC-666"/>
    <s v="In Production"/>
    <s v="rich"/>
    <x v="1"/>
    <x v="106"/>
  </r>
  <r>
    <x v="6"/>
    <x v="35"/>
    <x v="3244"/>
    <s v="AQUARIUS"/>
    <s v="AQUARIUS software allows the Water Survey of Canada to process, quality control and display water quantity time series data, build hydrological rating curves, and derive and publish hydrological data in near real-time."/>
    <s v=""/>
    <x v="1"/>
    <s v="0"/>
    <x v="21"/>
    <s v="1.2.3 Hydrometric Services"/>
    <s v="Other"/>
    <s v="ECC-667"/>
    <s v="In Production"/>
    <s v="desktop"/>
    <x v="0"/>
    <x v="106"/>
  </r>
  <r>
    <x v="3"/>
    <x v="4"/>
    <x v="3245"/>
    <s v="ATOME"/>
    <s v="Weather and Environmental Services - Weather and Hydrometric Data Acquisition System ATOME, is used to collect data in real time by modem or file transfer protocol from Environment Canada's stations or partners. The data is converted into a standard format for validation. After processing, the observations are filed and distributed. Hydrométrie Alcan Mesonet MEFQ Sopfeu RMCQ CUM"/>
    <s v=""/>
    <x v="1"/>
    <s v="0"/>
    <x v="21"/>
    <s v="2.1.1 Weather and Environmental Observations, Forecasts and Warnings"/>
    <s v="Other"/>
    <s v="ECC-668"/>
    <s v="In Production"/>
    <s v="rich"/>
    <x v="1"/>
    <x v="1147"/>
  </r>
  <r>
    <x v="5"/>
    <x v="94"/>
    <x v="3246"/>
    <s v="Flowcal"/>
    <s v="Script to calculate water flow"/>
    <s v=""/>
    <x v="1"/>
    <s v="0"/>
    <x v="21"/>
    <s v="1.2.3 Hydrometric Services"/>
    <s v="Other"/>
    <s v="ECC-669"/>
    <s v="In Production"/>
    <s v="desktop"/>
    <x v="1"/>
    <x v="106"/>
  </r>
  <r>
    <x v="5"/>
    <x v="94"/>
    <x v="3247"/>
    <s v="MRFF"/>
    <s v="Script that produces flood forecast for the Mackenzie River Customized water quantity calculation software"/>
    <s v=""/>
    <x v="1"/>
    <s v="0"/>
    <x v="21"/>
    <s v="1.2.3 Hydrometric Services"/>
    <s v="Other"/>
    <s v="ECC-672"/>
    <s v="In Production"/>
    <s v="desktop"/>
    <x v="1"/>
    <x v="106"/>
  </r>
  <r>
    <x v="3"/>
    <x v="45"/>
    <x v="3248"/>
    <s v="LOGVu"/>
    <s v="Generic Dataloggerviewer V1.0  Dave Hutchison author To be phased out Water Survey Canada"/>
    <s v=""/>
    <x v="1"/>
    <s v="0"/>
    <x v="21"/>
    <s v="2.1.1 Weather and Environmental Observations, Forecasts and Warnings"/>
    <s v="Other"/>
    <s v="ECC-674"/>
    <s v="In Production"/>
    <s v="desktop"/>
    <x v="1"/>
    <x v="106"/>
  </r>
  <r>
    <x v="1"/>
    <x v="86"/>
    <x v="3249"/>
    <s v="POPUPS"/>
    <s v="Provides notifications to Forecaster workstations.  This is a situational awareness system for forecasters. It monitors their transmitted bulletins, weather warnings from other centers, observations and alert forecasters when receiving or transmitting bulletins problems occur."/>
    <s v=""/>
    <x v="1"/>
    <s v="0"/>
    <x v="21"/>
    <s v="2.1.1 Weather and Environmental Observations, Forecasts and Warnings"/>
    <s v="Other"/>
    <s v="ECC-675"/>
    <s v="In Production"/>
    <s v="rich"/>
    <x v="1"/>
    <x v="979"/>
  </r>
  <r>
    <x v="3"/>
    <x v="46"/>
    <x v="3250"/>
    <s v="ASCAT"/>
    <s v="Stitch and print satellite derived ocean wave data."/>
    <s v=""/>
    <x v="1"/>
    <s v="0"/>
    <x v="21"/>
    <s v="2.1.1 Weather and Environmental Observations, Forecasts and Warnings"/>
    <s v="Other"/>
    <s v="ECC-676"/>
    <s v="In Production"/>
    <s v="desktop"/>
    <x v="1"/>
    <x v="106"/>
  </r>
  <r>
    <x v="6"/>
    <x v="35"/>
    <x v="3251"/>
    <s v="AirNOW"/>
    <s v="A Quebec region script that allows generating air-now compatible products in QC. It extracts and format AQ information from BDQ and sends it to CMC datamart. An American website (Airnow) extracts Canadian data to be  displayed.  http://www.airnow.gov/index.cfm?action=airnow.canada.  The system must remain accessible. Linked to BDQ"/>
    <s v=""/>
    <x v="1"/>
    <s v="0"/>
    <x v="21"/>
    <s v="2.1.2 Health-related Meteorological Information"/>
    <s v="Other"/>
    <s v="ECC-677"/>
    <s v="In Production"/>
    <s v="web"/>
    <x v="1"/>
    <x v="1148"/>
  </r>
  <r>
    <x v="6"/>
    <x v="35"/>
    <x v="3252"/>
    <s v="CMACweb"/>
    <s v="CMAC Webpage provide information and links to various forecasting aids, processes and procedures"/>
    <s v=""/>
    <x v="1"/>
    <s v="0"/>
    <x v="21"/>
    <s v="2.2.1 Meteorological Services in Support of Air Navigation"/>
    <s v="Other"/>
    <s v="ECC-678"/>
    <s v="In Production"/>
    <s v="web"/>
    <x v="1"/>
    <x v="106"/>
  </r>
  <r>
    <x v="6"/>
    <x v="71"/>
    <x v="3253"/>
    <s v="AMSXCN20"/>
    <s v="Automatically produces the SXCN20 bulletin every hour, which is a table format collection of Newfoundland costal observations."/>
    <s v=""/>
    <x v="1"/>
    <s v="0"/>
    <x v="21"/>
    <s v="2.1.1 Weather and Environmental Observations, Forecasts and Warnings"/>
    <s v="Other"/>
    <s v="ECC-679"/>
    <s v="In Production"/>
    <s v="rich"/>
    <x v="1"/>
    <x v="106"/>
  </r>
  <r>
    <x v="12"/>
    <x v="111"/>
    <x v="325"/>
    <s v="DAS"/>
    <s v="Data Collection/Processing System. Includes get_collection, RAprocess, SR (Second Release).  Gets collection of weather observations from the AM database and readies the bulletins to be sent back to Weather Stations.  A collection of tools, scripts and applications to do the data acquisition, pre-processing, and geo-coding of satellite images and other ice and weather data feeds. It is developed by EC but relies on licenses for ESRI ArcInfo and Leica Imagine to process proprietary data types. We have hp-ux, Linux and Windows DAS Workers.  Sub-components:  • Server side components • SAR (RADARSAT1, RADARSAT2, ENVISAT) image data • ALOS image data • CMC AM/IM data  • IceEGG field data • MODIS image data • QUCKSCAT image data • AVHRR image data • SSMI ima"/>
    <s v=""/>
    <x v="1"/>
    <s v="0"/>
    <x v="21"/>
    <s v="2.2.2 Meteorological and Ice Services in Support of Marine Navigation"/>
    <s v="Other"/>
    <s v="ECC-680"/>
    <s v="In Production"/>
    <s v="rich"/>
    <x v="1"/>
    <x v="1133"/>
  </r>
  <r>
    <x v="6"/>
    <x v="35"/>
    <x v="3254"/>
    <s v="ENSIM"/>
    <s v="Produces NAEFS output images and PCA analysis"/>
    <s v=""/>
    <x v="1"/>
    <s v="0"/>
    <x v="21"/>
    <s v="2.1.1 Weather and Environmental Observations, Forecasts and Warnings"/>
    <s v="Other"/>
    <s v="ECC-681"/>
    <s v="In Production"/>
    <s v="rich"/>
    <x v="1"/>
    <x v="106"/>
  </r>
  <r>
    <x v="6"/>
    <x v="71"/>
    <x v="3255"/>
    <s v="FuzzTAF"/>
    <s v="TAF Guidance that incorporates NWP with climatology"/>
    <s v=""/>
    <x v="1"/>
    <s v="0"/>
    <x v="21"/>
    <s v="2.2.1 Meteorological Services in Support of Air Navigation"/>
    <s v="Other"/>
    <s v="ECC-682"/>
    <s v="In Production"/>
    <s v="rich"/>
    <x v="1"/>
    <x v="106"/>
  </r>
  <r>
    <x v="3"/>
    <x v="45"/>
    <x v="3256"/>
    <s v="MEST"/>
    <s v="GeoNetwork  is a standards-based, open source catalogue application for managing spatial metadata and data. GeoNetwork provides a web based interface for creating, importing, validating, harvesting and editing metadata records. Searching can be done on local and distributed catalogues based on a variety of criteria such as titles, keywords, spatial and temporal extents. ISO profiles are supported and scheduled harvesting and synchronisation of metadata records from other distributed catalogues is available.  MEST software (Metadata Entry and Search Tool). http://geonetwork-opensource.org/"/>
    <s v=""/>
    <x v="1"/>
    <s v="N/A"/>
    <x v="21"/>
    <s v="2.1.1 Weather and Environmental Observations, Forecasts and Warnings"/>
    <s v="Other"/>
    <s v="ECC-683"/>
    <s v="In Production"/>
    <s v="web"/>
    <x v="0"/>
    <x v="106"/>
  </r>
  <r>
    <x v="6"/>
    <x v="71"/>
    <x v="3257"/>
    <s v="Edigraf-CMC"/>
    <s v="GFA is a specialized version of Edigraf created specifically to produce Graphical Forecasts for Aviation (GFA). It consists of various wrappers and scripts that run Edigraf, produce the required forecasts and transmit the end product to the users. Also  used for reviewing fore area products that are in currently in a &quot;work in progress&quot; state.  Edigraf is a C application while the wrappers are primarily Korne shells and the scripts are PERL. Run in Edmonton and Montreal only for all Canada GFA."/>
    <s v=""/>
    <x v="1"/>
    <s v="0"/>
    <x v="21"/>
    <s v="2.2.1 Meteorological Services in Support of Air Navigation"/>
    <s v="Other"/>
    <s v="ECC-684"/>
    <s v="In Production"/>
    <s v="rich"/>
    <x v="1"/>
    <x v="979"/>
  </r>
  <r>
    <x v="6"/>
    <x v="35"/>
    <x v="3258"/>
    <s v="HIW Aware"/>
    <s v="Alert program for severe weather for PASPC"/>
    <s v=""/>
    <x v="1"/>
    <s v="0"/>
    <x v="21"/>
    <s v="2.1.1 Weather and Environmental Observations, Forecasts and Warnings"/>
    <s v="Other"/>
    <s v="ECC-685"/>
    <s v="In Production"/>
    <s v="rich"/>
    <x v="1"/>
    <x v="106"/>
  </r>
  <r>
    <x v="6"/>
    <x v="71"/>
    <x v="3259"/>
    <s v="HYDFLD"/>
    <s v="This is run out of prediction operations in PSO-E and serves the province of New Brunswick during flooding season and following high rainfall events to enable their flood-forecasting program.  Produce products related to flood forecasting and the FGCN01 CWHX bulletin  used in Atlantic."/>
    <s v=""/>
    <x v="1"/>
    <s v="0"/>
    <x v="21"/>
    <s v="1.2.3 Hydrometric Services"/>
    <s v="Other"/>
    <s v="ECC-686"/>
    <s v="In Production"/>
    <s v="desktop"/>
    <x v="1"/>
    <x v="106"/>
  </r>
  <r>
    <x v="3"/>
    <x v="63"/>
    <x v="3260"/>
    <s v="IERM"/>
    <s v="This system permits the modelling of the response of the St-Lawrence ecosystem to a change in one or many physical parameters. Based on Bayfield.  Geographic area : Cornwall - Québec."/>
    <s v="Oracle_Canada_ULC"/>
    <x v="66"/>
    <s v="Il s''agit d''une application que nous avons programmée qui utilise Oracle comme entrepôt de données."/>
    <x v="21"/>
    <s v="1.2.3 Hydrometric Services"/>
    <s v="Other"/>
    <s v="ECC-687"/>
    <s v="In Production"/>
    <s v="desktop"/>
    <x v="0"/>
    <x v="1149"/>
  </r>
  <r>
    <x v="6"/>
    <x v="35"/>
    <x v="3261"/>
    <s v="MAX"/>
    <s v="XWindows Graphic interface application to visualise meteorological fields coming out of Numerical model runs at CMC.  Some considered it obsoleted but it is essential to Vizaweb.  ADS uses MAX2"/>
    <s v=""/>
    <x v="1"/>
    <s v="0"/>
    <x v="21"/>
    <s v="2.1.1 Weather and Environmental Observations, Forecasts and Warnings"/>
    <s v="Other"/>
    <s v="ECC-688"/>
    <s v="In Production"/>
    <s v="rich"/>
    <x v="1"/>
    <x v="106"/>
  </r>
  <r>
    <x v="6"/>
    <x v="35"/>
    <x v="3262"/>
    <s v="Meteogram"/>
    <s v="Time cross-sectional weather information/display"/>
    <s v=""/>
    <x v="1"/>
    <s v="0"/>
    <x v="21"/>
    <s v="2.1.1 Weather and Environmental Observations, Forecasts and Warnings"/>
    <s v="Other"/>
    <s v="ECC-689"/>
    <s v="In Production"/>
    <s v="rich"/>
    <x v="1"/>
    <x v="106"/>
  </r>
  <r>
    <x v="6"/>
    <x v="35"/>
    <x v="3263"/>
    <s v="MDP"/>
    <s v="Multiple GUIs for forecaster convenience: print public, marine, scribe forecasts; unit converters; temperature modification model; SA trend sheet. Dryco calculator and display GUI. Wave model display GUI. Max/min temperature display GUI. Centered tendency calculation and display GUI. SCRIBE element display GUI (WXMX).   Not an ASA APP (Wild)"/>
    <s v=""/>
    <x v="1"/>
    <s v="0"/>
    <x v="21"/>
    <s v="2.1.1 Weather and Environmental Observations, Forecasts and Warnings"/>
    <s v="Other"/>
    <s v="ECC-690"/>
    <s v="In Production"/>
    <s v="rich"/>
    <x v="1"/>
    <x v="106"/>
  </r>
  <r>
    <x v="5"/>
    <x v="94"/>
    <x v="3264"/>
    <s v="STLR model"/>
    <s v="Permits physical and hydrodynamic modelling of the St-Lawrence river, based on a finite element model from Cornwall to Trois-Rivieres. Integrates data from multiple sources such as Hydrographic service of Canada, Hydro-Quebec, Alcan and EC field work. Modelled parameters include water temperature, currents, etc...Modelleur is a suite which includes dispersim and hydrosim."/>
    <s v=""/>
    <x v="1"/>
    <s v="0"/>
    <x v="21"/>
    <s v="1.2.3 Hydrometric Services"/>
    <s v="Other"/>
    <s v="ECC-691"/>
    <s v="In Production"/>
    <s v="desktop"/>
    <x v="1"/>
    <x v="106"/>
  </r>
  <r>
    <x v="3"/>
    <x v="4"/>
    <x v="3265"/>
    <s v="BDQ"/>
    <s v="Repository for surface data with quality control including water discharge and levels from EC and partners. First prototype for DMF QA/QC system - Oracle RDBMS support dependency"/>
    <s v=""/>
    <x v="1"/>
    <s v="0"/>
    <x v="21"/>
    <s v="2.1.1 Weather and Environmental Observations, Forecasts and Warnings"/>
    <s v="Other"/>
    <s v="ECC-692"/>
    <s v="In Production"/>
    <s v="rich"/>
    <x v="1"/>
    <x v="1150"/>
  </r>
  <r>
    <x v="6"/>
    <x v="35"/>
    <x v="3266"/>
    <s v="OSPC Web"/>
    <s v="Internal website which gathers together various links which are important/critical to the OSPC such as models, references, procedures, contact lists and emergency/contingency information (http://ospcweb.to.on.ec.gc.ca) http://ospcweb.to.on.ec.gc.ca/index.htm"/>
    <s v=""/>
    <x v="1"/>
    <s v="0"/>
    <x v="21"/>
    <s v="2.1.1 Weather and Environmental Observations, Forecasts and Warnings"/>
    <s v="Other"/>
    <s v="ECC-693"/>
    <s v="In Production"/>
    <s v="web"/>
    <x v="1"/>
    <x v="106"/>
  </r>
  <r>
    <x v="6"/>
    <x v="35"/>
    <x v="3267"/>
    <s v="Quilt"/>
    <s v="Script that extracts multiple existing weather maps from the Image Manager database and stitches them together (like a quilt) to form a single view of the weather event. Used by weather forecasters. Scheduling varies from site to site."/>
    <s v=""/>
    <x v="1"/>
    <s v="0"/>
    <x v="21"/>
    <s v="2.1.1 Weather and Environmental Observations, Forecasts and Warnings"/>
    <s v="Other"/>
    <s v="ECC-694"/>
    <s v="In Production"/>
    <s v="rich"/>
    <x v="1"/>
    <x v="106"/>
  </r>
  <r>
    <x v="3"/>
    <x v="46"/>
    <x v="3268"/>
    <s v="RMSIS"/>
    <s v="Scripts to generate Multispectral satellite imagery"/>
    <s v=""/>
    <x v="1"/>
    <s v="0"/>
    <x v="21"/>
    <s v="2.1.1 Weather and Environmental Observations, Forecasts and Warnings"/>
    <s v="Other"/>
    <s v="ECC-695"/>
    <s v="In Production"/>
    <s v="rich"/>
    <x v="1"/>
    <x v="106"/>
  </r>
  <r>
    <x v="6"/>
    <x v="35"/>
    <x v="3269"/>
    <s v="RCM"/>
    <s v="Simple webpage that checks Manitoba road conditions and plots them red/clear on FP regions a la the weatheroffice warning page/battle board"/>
    <s v=""/>
    <x v="1"/>
    <s v="0"/>
    <x v="21"/>
    <s v="2.1.1 Weather and Environmental Observations, Forecasts and Warnings"/>
    <s v="Other"/>
    <s v="ECC-696"/>
    <s v="In Production"/>
    <s v="web"/>
    <x v="1"/>
    <x v="106"/>
  </r>
  <r>
    <x v="0"/>
    <x v="28"/>
    <x v="3270"/>
    <s v="RCS"/>
    <s v="Interactive Web Searching page for CLIMATE information"/>
    <s v=""/>
    <x v="1"/>
    <s v="0"/>
    <x v="21"/>
    <s v="2.1.3 Climate Information, Predictions and Tools"/>
    <s v="Other"/>
    <s v="ECC-697"/>
    <s v="In Production"/>
    <s v="web"/>
    <x v="1"/>
    <x v="106"/>
  </r>
  <r>
    <x v="5"/>
    <x v="94"/>
    <x v="3271"/>
    <s v="SHOP"/>
    <s v="Modèle hydrodynamique sur le Fleuve St-Laurent fonctionnant en temps réel en mode operationnel expérimental au CMC. Les données en temps réel sont tirées de la BDQ"/>
    <s v=""/>
    <x v="1"/>
    <s v="0"/>
    <x v="21"/>
    <s v="1.2.3 Hydrometric Services"/>
    <s v="Other"/>
    <s v="ECC-698"/>
    <s v="In Production"/>
    <s v="desktop"/>
    <x v="1"/>
    <x v="106"/>
  </r>
  <r>
    <x v="5"/>
    <x v="25"/>
    <x v="3272"/>
    <s v="HydroWeb"/>
    <s v="Application faisant des statistiques à la demande sur les niveaux et débits du fleuve St-Laurent. Implique la BDQ et Bayfield."/>
    <s v=""/>
    <x v="1"/>
    <s v="0"/>
    <x v="21"/>
    <s v="1.2.3 Hydrometric Services"/>
    <s v="Other"/>
    <s v="ECC-699"/>
    <s v="In Production"/>
    <s v="web"/>
    <x v="1"/>
    <x v="99"/>
  </r>
  <r>
    <x v="5"/>
    <x v="94"/>
    <x v="3273"/>
    <s v="Smog"/>
    <s v="Air Quality smog scripts."/>
    <s v=""/>
    <x v="1"/>
    <s v="0"/>
    <x v="21"/>
    <s v="1.2.3 Hydrometric Services"/>
    <s v="Other"/>
    <s v="ECC-700"/>
    <s v="In Production"/>
    <s v="rich"/>
    <x v="1"/>
    <x v="106"/>
  </r>
  <r>
    <x v="6"/>
    <x v="35"/>
    <x v="3274"/>
    <s v="SPI"/>
    <s v="SPI is a scientific and meteorological virtual globe offering immense processing, analysis and visualization capabilities, with a user interface similar to Google Earth and NASA World Wind. It was developed over the past 8 years within the Environmental Emergency Response Division of the Canadian Meteorological Center to enable operational and R&amp;D users to manage the response and the execution of dispersion models in a highly user-friendly way. It allows the manipulate of FST files for model output"/>
    <s v=""/>
    <x v="1"/>
    <s v="0"/>
    <x v="21"/>
    <s v="2.1.1 Weather and Environmental Observations, Forecasts and Warnings"/>
    <s v="Other"/>
    <s v="ECC-701"/>
    <s v="In Production"/>
    <s v="rich"/>
    <x v="1"/>
    <x v="106"/>
  </r>
  <r>
    <x v="3"/>
    <x v="46"/>
    <x v="3275"/>
    <s v="STCKWND"/>
    <s v="Information for NB Power is created in the preparation of the FRCN01 bulletin."/>
    <s v=""/>
    <x v="1"/>
    <s v="0"/>
    <x v="21"/>
    <s v="1.2.3 Hydrometric Services"/>
    <s v="Other"/>
    <s v="ECC-702"/>
    <s v="In Production"/>
    <s v="rich"/>
    <x v="1"/>
    <x v="106"/>
  </r>
  <r>
    <x v="5"/>
    <x v="94"/>
    <x v="3276"/>
    <s v="Surge"/>
    <s v="The operational model that enables the storm surge warning program.  The description of the scope of this model in the detailed app list is not good.  This model serves all of Atlantic Canada and the Gulf of Saint Lawrence.  Sub component: -Storm surge viewer because the model output is not available through NinJo yet."/>
    <s v=""/>
    <x v="1"/>
    <s v="0"/>
    <x v="21"/>
    <s v="2.1.1 Weather and Environmental Observations, Forecasts and Warnings"/>
    <s v="Other"/>
    <s v="ECC-703"/>
    <s v="In Production"/>
    <s v="rich"/>
    <x v="1"/>
    <x v="106"/>
  </r>
  <r>
    <x v="3"/>
    <x v="46"/>
    <x v="3277"/>
    <s v="SX2Bufr"/>
    <s v="Converts SX messages into BUFR"/>
    <s v=""/>
    <x v="1"/>
    <s v="0"/>
    <x v="21"/>
    <s v="2.1.1 Weather and Environmental Observations, Forecasts and Warnings"/>
    <s v="Other"/>
    <s v="ECC-704"/>
    <s v="In Production"/>
    <s v="rich"/>
    <x v="1"/>
    <x v="106"/>
  </r>
  <r>
    <x v="6"/>
    <x v="35"/>
    <x v="3278"/>
    <s v="UPS fog"/>
    <s v="Interface to show United Parcel Service (UPS) fog reports"/>
    <s v=""/>
    <x v="1"/>
    <s v="0"/>
    <x v="21"/>
    <s v="2.1.1 Weather Observations , Forecasts and Warnings"/>
    <s v="Other"/>
    <s v="ECC-707"/>
    <s v="In Production"/>
    <s v="rich"/>
    <x v="1"/>
    <x v="106"/>
  </r>
  <r>
    <x v="6"/>
    <x v="35"/>
    <x v="3279"/>
    <s v="VA web"/>
    <s v="Provides information concerning Volcanic Ash for forecasters https://weather.gc.ca/eer/vaac/index_e.html"/>
    <s v=""/>
    <x v="1"/>
    <s v="0"/>
    <x v="21"/>
    <s v="2.1.1 Weather and Environmental Observations, Forecasts and Warnings"/>
    <s v="Other"/>
    <s v="ECC-708"/>
    <s v="In Production"/>
    <s v="web"/>
    <x v="1"/>
    <x v="106"/>
  </r>
  <r>
    <x v="6"/>
    <x v="35"/>
    <x v="3280"/>
    <s v="WatchDog"/>
    <s v="Warning system for late forecasts."/>
    <s v=""/>
    <x v="1"/>
    <s v="0"/>
    <x v="21"/>
    <s v="2.1.1 Weather and Environmental Observations, Forecasts and Warnings"/>
    <s v="Other"/>
    <s v="ECC-709"/>
    <s v="In Production"/>
    <s v="rich"/>
    <x v="1"/>
    <x v="106"/>
  </r>
  <r>
    <x v="0"/>
    <x v="13"/>
    <x v="3281"/>
    <s v="BCEPS"/>
    <s v="This application manages and administers the issuance of export and import permits under the Covention on International Trade for the Endangered  Species"/>
    <s v=""/>
    <x v="1"/>
    <s v=""/>
    <x v="21"/>
    <s v="1.1.2 Species at Risk"/>
    <s v="Other"/>
    <s v="ECC-715"/>
    <s v="In Production"/>
    <s v=""/>
    <x v="1"/>
    <x v="1151"/>
  </r>
  <r>
    <x v="6"/>
    <x v="35"/>
    <x v="3282"/>
    <s v="TRENDVu"/>
    <s v="An application that allows viewing of CLIMATE trend data. Includes the programs 'tv' and 'trend'"/>
    <s v=""/>
    <x v="1"/>
    <s v="0"/>
    <x v="21"/>
    <s v="2.1.3 Climate Information, Predictions and Tools"/>
    <s v="Other"/>
    <s v="ECC-714"/>
    <s v="In Production"/>
    <s v="desktop"/>
    <x v="1"/>
    <x v="106"/>
  </r>
  <r>
    <x v="1"/>
    <x v="86"/>
    <x v="3283"/>
    <s v="NRIS"/>
    <s v="System utilized to monitor the status of the radar network in real-time. Reports on network status, outages and other non-conformities"/>
    <s v=""/>
    <x v="1"/>
    <s v="0"/>
    <x v="21"/>
    <s v="2.1.1 Weather and Environmental Observations, Forecasts and Warnings"/>
    <s v="Other"/>
    <s v="ECC-716"/>
    <s v="In Production"/>
    <s v="rich"/>
    <x v="1"/>
    <x v="106"/>
  </r>
  <r>
    <x v="2"/>
    <x v="10"/>
    <x v="3284"/>
    <s v="InfoBase"/>
    <s v="A tool for the National Radar Program to track all parts and components"/>
    <s v=""/>
    <x v="1"/>
    <s v="0"/>
    <x v="21"/>
    <s v="2.1.1 Weather and Environmental Observations, Forecasts and Warnings"/>
    <s v="Other"/>
    <s v="ECC-717"/>
    <s v="In Production"/>
    <s v="desktop"/>
    <x v="1"/>
    <x v="106"/>
  </r>
  <r>
    <x v="1"/>
    <x v="86"/>
    <x v="3285"/>
    <s v="NDQAD-AR"/>
    <s v="System utilized to ticket data/sensor issues and track responses"/>
    <s v="Microsoft_Corporation"/>
    <x v="1"/>
    <s v="0"/>
    <x v="21"/>
    <s v="2.1.1 Weather and Environmental Observations, Forecasts and Warnings"/>
    <s v="Other"/>
    <s v="ECC-718"/>
    <s v="In Production"/>
    <s v="rich"/>
    <x v="0"/>
    <x v="106"/>
  </r>
  <r>
    <x v="6"/>
    <x v="35"/>
    <x v="3286"/>
    <s v="NDQAD-DVT"/>
    <s v="Set of tools and applications used to visualize and assess data quality"/>
    <s v=""/>
    <x v="1"/>
    <s v="0"/>
    <x v="21"/>
    <s v="2.1.1 Weather and Environmental Observations, Forecasts and Warnings"/>
    <s v="Other"/>
    <s v="ECC-719"/>
    <s v="In Production"/>
    <s v="rich"/>
    <x v="1"/>
    <x v="106"/>
  </r>
  <r>
    <x v="2"/>
    <x v="10"/>
    <x v="3287"/>
    <s v="ALM"/>
    <s v="Used to track status and condition of assets along with their maintenance activities"/>
    <s v="Other"/>
    <x v="1"/>
    <s v="0"/>
    <x v="21"/>
    <s v="2.1.1 Weather and Environmental Observations, Forecasts and Warnings"/>
    <s v="Other"/>
    <s v="ECC-720"/>
    <s v="In Production"/>
    <s v="rich"/>
    <x v="0"/>
    <x v="106"/>
  </r>
  <r>
    <x v="2"/>
    <x v="10"/>
    <x v="3288"/>
    <s v="SERTEC"/>
    <s v="Legacy custom system that also tracks the status and maintenance of stations for Quebec. A technical services SQLServer database used by weather service inspectors. It contains technical data for all weather stations, such as calibration details and status, maintenance schedule and status, outstanding repairs required, equipment configuration, etc."/>
    <s v=""/>
    <x v="1"/>
    <s v="0"/>
    <x v="21"/>
    <s v="2.1.1 Weather and Environmental Observations, Forecasts and Warnings"/>
    <s v="Other"/>
    <s v="ECC-721"/>
    <s v="In Production"/>
    <s v="desktop"/>
    <x v="1"/>
    <x v="146"/>
  </r>
  <r>
    <x v="0"/>
    <x v="8"/>
    <x v="3289"/>
    <s v="JICC"/>
    <s v="Station configuration system for the Surface Weather Network utilized to supress data and identify operational sensors"/>
    <s v=""/>
    <x v="1"/>
    <s v="0"/>
    <x v="21"/>
    <s v="2.1.1 Weather Observations , Forecasts and Warnings"/>
    <s v="Other"/>
    <s v="ECC-722"/>
    <s v="In Production"/>
    <s v="desktop"/>
    <x v="1"/>
    <x v="106"/>
  </r>
  <r>
    <x v="4"/>
    <x v="5"/>
    <x v="3290"/>
    <s v="Trend Analysis and L"/>
    <s v="TO PERFORM STATISTICAL ANALYSIS TO DETECT, ESTIMATE TREND AND CHEMICAL LOADINGS IN UPSTREAM DOWNSTREAM WATER SYSTEMS. THE PROGRAM HAS THE CAPABILITY TO HANDLE DATA WHEN SOME VALUES ARE BELOW DETECTION LIMIT(CENSORED).  DESKTOP APPLICATION"/>
    <s v=""/>
    <x v="1"/>
    <s v=""/>
    <x v="21"/>
    <s v=""/>
    <s v=""/>
    <s v="ECC-724"/>
    <s v="In Production"/>
    <s v=""/>
    <x v="1"/>
    <x v="1152"/>
  </r>
  <r>
    <x v="4"/>
    <x v="5"/>
    <x v="3291"/>
    <s v="ONELAY/POLTRA"/>
    <s v="This software package contains two computer application programs, ONELAY and POLTRA, written in FORTRAN, for simulating lake circulations and pollutant transports for a lake. The  ONELAY program is based on a free-surface, vertically integrated lake hydrodynamics model. Its input includes lake shape and bathymetry, time series and locations of river inflows and outflows, wind and spatial averaging  DESKTOP APPLICATION"/>
    <s v=""/>
    <x v="1"/>
    <s v=""/>
    <x v="21"/>
    <s v="1.2 Water Resources"/>
    <s v=""/>
    <s v="ECC-725"/>
    <s v="In Production"/>
    <s v="desktop"/>
    <x v="1"/>
    <x v="86"/>
  </r>
  <r>
    <x v="4"/>
    <x v="5"/>
    <x v="3292"/>
    <s v="GEM-MACH"/>
    <s v="This is an Ai r Quality Forecasting model based upon GEMDM weather forecast model. GEM-MACH stands for Global Environmental Multiscale -Modelling Air quality and Chemistry. This model is run operationally on daily basis to provide  Air Quality forecast to Canadians. This model is also applied for various research projects such as Oil Sands, AQMEII2, Arctic Research, Air Quality Data Assimilation, Hg research etc. Input to this model are meteorological data, physical data sets and Emissions."/>
    <s v=""/>
    <x v="1"/>
    <s v=""/>
    <x v="21"/>
    <s v=""/>
    <s v=""/>
    <s v="ECC-727"/>
    <s v="In Production"/>
    <s v=""/>
    <x v="1"/>
    <x v="86"/>
  </r>
  <r>
    <x v="4"/>
    <x v="5"/>
    <x v="3293"/>
    <s v="AURAMS"/>
    <s v="This is an   older version of Air Quality model developed before GEM-MACH. AURAMS stands for &quot;A Unifified Regional Atmospheric Modelling System&quot;. Input to this model are meteorological data, physical data sets and Emissions."/>
    <s v=""/>
    <x v="1"/>
    <s v=""/>
    <x v="21"/>
    <s v=""/>
    <s v=""/>
    <s v="ECC-728"/>
    <s v="In Production"/>
    <s v=""/>
    <x v="1"/>
    <x v="86"/>
  </r>
  <r>
    <x v="4"/>
    <x v="5"/>
    <x v="3294"/>
    <s v="SMOKE"/>
    <s v="Air Quality models need grid based emissons as input.  The SMOKE application (orginal application from US EPA, but modified for Canadian emissions) is used to prepare the emission input files for GEM-MACH and AURAMS. Input to SMOKE is various raw emissions inventories prepared by various agencies in Canada and USA. SMOKE stands for Sparse Matrix Operator Kernel Emissions&quot;"/>
    <s v=""/>
    <x v="1"/>
    <s v=""/>
    <x v="21"/>
    <s v=""/>
    <s v=""/>
    <s v="ECC-729"/>
    <s v="In Production"/>
    <s v=""/>
    <x v="1"/>
    <x v="86"/>
  </r>
  <r>
    <x v="0"/>
    <x v="43"/>
    <x v="3295"/>
    <s v=""/>
    <s v="Contracts Proactive Disclosure application. Pulls data from IFMS and reformats it for population to our public web site. Note - this system is developed and maintained by Industry Canada on our behalf."/>
    <s v=""/>
    <x v="1"/>
    <s v=""/>
    <x v="22"/>
    <s v="Internal Services"/>
    <s v=""/>
    <s v="APP-00887"/>
    <s v="In Production"/>
    <s v=""/>
    <x v="1"/>
    <x v="86"/>
  </r>
  <r>
    <x v="0"/>
    <x v="43"/>
    <x v="3296"/>
    <s v=""/>
    <s v="Grants &amp; Contributions Proactive Disclosure application. Pulls data from CIMS and reformats it for population to our public web site. Note - this system is developed and maintained by Industry Canada on our behalf."/>
    <s v=""/>
    <x v="1"/>
    <s v=""/>
    <x v="22"/>
    <s v="Internal Services"/>
    <s v=""/>
    <s v="APP-00889"/>
    <s v="In Production"/>
    <s v=""/>
    <x v="1"/>
    <x v="86"/>
  </r>
  <r>
    <x v="0"/>
    <x v="43"/>
    <x v="3297"/>
    <s v=""/>
    <s v="Travel &amp; Hospitality Proactive Disclosure application. Pulls data from IFMS and reformats it for population to our public web site. Note - this system is developed and maintained by Industry Canada on our behalf."/>
    <s v=""/>
    <x v="1"/>
    <s v=""/>
    <x v="22"/>
    <s v="Internal Services"/>
    <s v=""/>
    <s v="APP-00893"/>
    <s v="In Production"/>
    <s v=""/>
    <x v="1"/>
    <x v="86"/>
  </r>
  <r>
    <x v="0"/>
    <x v="43"/>
    <x v="3298"/>
    <s v=""/>
    <s v="Reclassification Proactive Disclosure application. Pulls data from HRMS and reformats it for population to our public web site. Note - this system is developed and maintained by Industry Canada on our behalf."/>
    <s v=""/>
    <x v="1"/>
    <s v=""/>
    <x v="22"/>
    <s v="Internal Services"/>
    <s v=""/>
    <s v="APP-00895"/>
    <s v="In Production"/>
    <s v=""/>
    <x v="1"/>
    <x v="86"/>
  </r>
  <r>
    <x v="2"/>
    <x v="9"/>
    <x v="3299"/>
    <s v="FDOGC"/>
    <s v="Project management system for Grants &amp; Contributions. Utilized to manage information before submission to the CMIS system. NOTE: This system is developed and maintained on our behalf by Industry Canada."/>
    <s v=""/>
    <x v="1"/>
    <s v=""/>
    <x v="22"/>
    <s v="Southern Ontario Prosperity Initiatives"/>
    <s v=""/>
    <s v="APP-00897"/>
    <s v="In Production"/>
    <s v=""/>
    <x v="1"/>
    <x v="86"/>
  </r>
  <r>
    <x v="10"/>
    <x v="55"/>
    <x v="3300"/>
    <s v=""/>
    <s v="Parsing application component. Receives PDF form submissions and extracts data to be utilized in FDOGC before uploading to CMIS. NOTE: This system is developed and maintained by Industry Canada on our behalf."/>
    <s v=""/>
    <x v="1"/>
    <s v=""/>
    <x v="22"/>
    <s v="Southern Ontario Prosperity Initiatives"/>
    <s v=""/>
    <s v="APP-00899"/>
    <s v="In Production"/>
    <s v=""/>
    <x v="1"/>
    <x v="86"/>
  </r>
  <r>
    <x v="0"/>
    <x v="11"/>
    <x v="3301"/>
    <s v="QPCards"/>
    <s v="System to manage and update Question Period Cards. NOTE: This system is developed and maintained on our behalf by Industry Canada."/>
    <s v=""/>
    <x v="1"/>
    <s v=""/>
    <x v="22"/>
    <s v="Internal Services"/>
    <s v=""/>
    <s v="APP-00901"/>
    <s v="In Production"/>
    <s v=""/>
    <x v="1"/>
    <x v="86"/>
  </r>
  <r>
    <x v="2"/>
    <x v="10"/>
    <x v="3302"/>
    <s v=""/>
    <s v="BassetPro is a system to help manage an inventory of physical assets. This could be IT equipment, desks and chairs, heritage assets and artwork, safety equipment, archival files, production or test equipment, tools and jigs for maintenance, air conditioning equipment._x000a__x000a_The system uses bar coded identification tags to identify assets, locations, and (sometimes) owners. Hand held computers enable data to be collected easily, quickly and accurately. A full featured desk top element of the system enables information to be analysed and reported."/>
    <s v="SageData Solutions Inc."/>
    <x v="67"/>
    <s v=""/>
    <x v="22"/>
    <s v="Internal Services"/>
    <s v="Materiel Services"/>
    <s v="APP-00908"/>
    <s v="In Production"/>
    <s v=""/>
    <x v="0"/>
    <x v="86"/>
  </r>
  <r>
    <x v="0"/>
    <x v="16"/>
    <x v="3303"/>
    <s v="ATIP"/>
    <s v="Axcess-1 has been developed to meet the specific Access to Information and Privacy (ATIP) requirements of Canadian federal government departments. It combines an integrated document imaging package with an easy to use case management tool._x000a__x000a_Developed on the .Net 2.0 framework, this bilingual solution is fully configurable, allowing users to implement their own unique business processes. With the added functionality of flexible reporting to meet all your standard and ad hoc reporting requirements, Axcess-1 delivers everything you need in an end-to-end ATIP solution."/>
    <s v=""/>
    <x v="14"/>
    <s v=""/>
    <x v="22"/>
    <s v="Internal Services"/>
    <s v="Information Management Services"/>
    <s v="APP-00914"/>
    <s v="In Production"/>
    <s v=""/>
    <x v="0"/>
    <x v="302"/>
  </r>
  <r>
    <x v="0"/>
    <x v="28"/>
    <x v="3304"/>
    <s v="MSB - Search"/>
    <s v="Search tool for looking up MSB registered with FINTRAC"/>
    <s v=""/>
    <x v="1"/>
    <s v=""/>
    <x v="23"/>
    <s v="Compliance"/>
    <s v="Other"/>
    <s v="FINTRAC-1"/>
    <s v="In Production"/>
    <s v="web"/>
    <x v="1"/>
    <x v="1153"/>
  </r>
  <r>
    <x v="8"/>
    <x v="38"/>
    <x v="3305"/>
    <s v="JIRA"/>
    <m/>
    <s v="Other"/>
    <x v="14"/>
    <s v="Atlassian / Jira"/>
    <x v="23"/>
    <s v="Internal Services - Resource Management Services"/>
    <s v="Information Technology Services"/>
    <s v="FINTRAC-10"/>
    <s v="In Production"/>
    <s v=""/>
    <x v="0"/>
    <x v="1154"/>
  </r>
  <r>
    <x v="9"/>
    <x v="112"/>
    <x v="3306"/>
    <s v=""/>
    <m/>
    <s v="Other"/>
    <x v="1"/>
    <s v="Imprivata"/>
    <x v="23"/>
    <s v="Internal Services - Resource Management Services"/>
    <s v="Information Technology Services"/>
    <s v="FINTRAC-100"/>
    <s v="In Production"/>
    <s v=""/>
    <x v="0"/>
    <x v="106"/>
  </r>
  <r>
    <x v="8"/>
    <x v="29"/>
    <x v="3306"/>
    <s v=""/>
    <m/>
    <s v="Other"/>
    <x v="1"/>
    <s v="Java"/>
    <x v="23"/>
    <s v="Internal Services - Resource Management Services"/>
    <s v="Information Technology Services"/>
    <s v="FINTRAC-101"/>
    <s v="In Production"/>
    <s v=""/>
    <x v="0"/>
    <x v="106"/>
  </r>
  <r>
    <x v="6"/>
    <x v="61"/>
    <x v="3306"/>
    <s v=""/>
    <m/>
    <s v="Other"/>
    <x v="1"/>
    <s v="Cardscan -"/>
    <x v="23"/>
    <s v="Internal Services - Resource Management Services"/>
    <s v="Information Technology Services"/>
    <s v="FINTRAC-102"/>
    <s v="In Production"/>
    <s v=""/>
    <x v="0"/>
    <x v="106"/>
  </r>
  <r>
    <x v="10"/>
    <x v="59"/>
    <x v="3306"/>
    <s v=""/>
    <m/>
    <s v="Other"/>
    <x v="1"/>
    <s v="Citrix"/>
    <x v="23"/>
    <s v="Internal Services - Resource Management Services"/>
    <s v="Information Technology Services"/>
    <s v="FINTRAC-103"/>
    <s v="In Production"/>
    <s v=""/>
    <x v="0"/>
    <x v="106"/>
  </r>
  <r>
    <x v="6"/>
    <x v="82"/>
    <x v="3307"/>
    <s v=""/>
    <m/>
    <s v="Other"/>
    <x v="1"/>
    <s v="Crystal Reports"/>
    <x v="23"/>
    <s v="Internal Services - Resource Management Services"/>
    <s v="Information Technology Services"/>
    <s v="FINTRAC-104"/>
    <s v="In Production"/>
    <s v=""/>
    <x v="0"/>
    <x v="106"/>
  </r>
  <r>
    <x v="10"/>
    <x v="55"/>
    <x v="3306"/>
    <s v=""/>
    <m/>
    <s v="Other"/>
    <x v="1"/>
    <s v="avaya"/>
    <x v="23"/>
    <s v="Internal Services - Resource Management Services"/>
    <s v="Information Technology Services"/>
    <s v="FINTRAC-105"/>
    <s v="In Production"/>
    <s v=""/>
    <x v="0"/>
    <x v="106"/>
  </r>
  <r>
    <x v="9"/>
    <x v="49"/>
    <x v="3308"/>
    <s v=""/>
    <m/>
    <s v="Other"/>
    <x v="1"/>
    <s v="safenet token"/>
    <x v="23"/>
    <s v="Internal Services - Resource Management Services"/>
    <s v="Information Technology Services"/>
    <s v="FINTRAC-106"/>
    <s v="In Production"/>
    <s v=""/>
    <x v="0"/>
    <x v="106"/>
  </r>
  <r>
    <x v="6"/>
    <x v="82"/>
    <x v="3306"/>
    <s v=""/>
    <m/>
    <s v="Other"/>
    <x v="1"/>
    <s v="mozilla"/>
    <x v="23"/>
    <s v="Internal Services - Resource Management Services"/>
    <s v="Information Technology Services"/>
    <s v="FINTRAC-107"/>
    <s v="In Production"/>
    <s v=""/>
    <x v="0"/>
    <x v="106"/>
  </r>
  <r>
    <x v="6"/>
    <x v="82"/>
    <x v="3309"/>
    <s v=""/>
    <m/>
    <s v="Other"/>
    <x v="1"/>
    <s v="autocad"/>
    <x v="23"/>
    <s v="Internal Services - Resource Management Services"/>
    <s v="Financial Management Services"/>
    <s v="FINTRAC-108"/>
    <s v="In Production"/>
    <s v=""/>
    <x v="0"/>
    <x v="106"/>
  </r>
  <r>
    <x v="9"/>
    <x v="89"/>
    <x v="3306"/>
    <s v=""/>
    <m/>
    <s v="Other"/>
    <x v="1"/>
    <s v="wireshark"/>
    <x v="23"/>
    <s v="Internal Services - Resource Management Services"/>
    <s v="Information Technology Services"/>
    <s v="FINTRAC-109"/>
    <s v="In Production"/>
    <s v=""/>
    <x v="0"/>
    <x v="106"/>
  </r>
  <r>
    <x v="1"/>
    <x v="12"/>
    <x v="3310"/>
    <s v="ITSM"/>
    <m/>
    <s v="Other"/>
    <x v="14"/>
    <s v="FrontRange / HEAT Service Management"/>
    <x v="23"/>
    <s v="Internal Services - Resource Management Services"/>
    <s v="Information Management Services,Information Technology Services"/>
    <s v="FINTRAC-11"/>
    <s v="In Production"/>
    <s v=""/>
    <x v="0"/>
    <x v="1155"/>
  </r>
  <r>
    <x v="6"/>
    <x v="82"/>
    <x v="3311"/>
    <s v=""/>
    <m/>
    <s v="Other"/>
    <x v="1"/>
    <s v="re-tos"/>
    <x v="23"/>
    <s v="Internal Services - Resource Management Services"/>
    <s v="Financial Management Services"/>
    <s v="FINTRAC-110"/>
    <s v="In Production"/>
    <s v=""/>
    <x v="0"/>
    <x v="106"/>
  </r>
  <r>
    <x v="8"/>
    <x v="29"/>
    <x v="3311"/>
    <s v=""/>
    <m/>
    <s v="Other"/>
    <x v="1"/>
    <s v="hylx"/>
    <x v="23"/>
    <s v="Internal Services - Resource Management Services"/>
    <s v="Information Technology Services"/>
    <s v="FINTRAC-111"/>
    <s v="In Production"/>
    <s v=""/>
    <x v="0"/>
    <x v="106"/>
  </r>
  <r>
    <x v="8"/>
    <x v="29"/>
    <x v="3311"/>
    <s v=""/>
    <m/>
    <s v="Other"/>
    <x v="1"/>
    <s v="eclipse"/>
    <x v="23"/>
    <s v="Internal Services - Resource Management Services"/>
    <s v="Information Technology Services"/>
    <s v="FINTRAC-112"/>
    <s v="In Production"/>
    <s v=""/>
    <x v="0"/>
    <x v="106"/>
  </r>
  <r>
    <x v="8"/>
    <x v="29"/>
    <x v="3311"/>
    <s v=""/>
    <m/>
    <s v="Other"/>
    <x v="1"/>
    <s v="jenkins"/>
    <x v="23"/>
    <s v="Internal Services - Resource Management Services"/>
    <s v="Information Technology Services"/>
    <s v="FINTRAC-113"/>
    <s v="In Production"/>
    <s v=""/>
    <x v="0"/>
    <x v="106"/>
  </r>
  <r>
    <x v="8"/>
    <x v="29"/>
    <x v="3311"/>
    <s v=""/>
    <m/>
    <s v="Other"/>
    <x v="1"/>
    <s v="maven"/>
    <x v="23"/>
    <s v="Internal Services - Resource Management Services"/>
    <s v="Information Technology Services"/>
    <s v="FINTRAC-114"/>
    <s v="In Production"/>
    <s v=""/>
    <x v="0"/>
    <x v="106"/>
  </r>
  <r>
    <x v="8"/>
    <x v="29"/>
    <x v="3311"/>
    <s v=""/>
    <m/>
    <s v="Other"/>
    <x v="1"/>
    <s v="nexus"/>
    <x v="23"/>
    <s v="Internal Services - Resource Management Services"/>
    <s v="Information Technology Services"/>
    <s v="FINTRAC-115"/>
    <s v="In Production"/>
    <s v=""/>
    <x v="0"/>
    <x v="106"/>
  </r>
  <r>
    <x v="8"/>
    <x v="83"/>
    <x v="3311"/>
    <s v=""/>
    <m/>
    <s v="Other"/>
    <x v="1"/>
    <s v="drupal"/>
    <x v="23"/>
    <s v="Internal Services - Resource Management Services"/>
    <s v="Information Technology Services"/>
    <s v="FINTRAC-116"/>
    <s v="In Production"/>
    <s v=""/>
    <x v="0"/>
    <x v="106"/>
  </r>
  <r>
    <x v="8"/>
    <x v="29"/>
    <x v="3311"/>
    <s v=""/>
    <m/>
    <s v=""/>
    <x v="1"/>
    <s v=""/>
    <x v="23"/>
    <s v="Internal Services - Resource Management Services"/>
    <s v="Information Technology Services"/>
    <s v="FINTRAC-117"/>
    <s v="In Production"/>
    <s v=""/>
    <x v="1"/>
    <x v="106"/>
  </r>
  <r>
    <x v="8"/>
    <x v="29"/>
    <x v="3311"/>
    <s v=""/>
    <m/>
    <s v=""/>
    <x v="1"/>
    <s v=""/>
    <x v="23"/>
    <s v="Internal Services - Resource Management Services"/>
    <s v="Information Technology Services"/>
    <s v="FINTRAC-118"/>
    <s v="In Production"/>
    <s v=""/>
    <x v="1"/>
    <x v="106"/>
  </r>
  <r>
    <x v="8"/>
    <x v="29"/>
    <x v="3306"/>
    <s v=""/>
    <m/>
    <s v=""/>
    <x v="1"/>
    <s v=""/>
    <x v="23"/>
    <s v="Internal Services - Resource Management Services"/>
    <s v="Information Technology Services"/>
    <s v="FINTRAC-119"/>
    <s v="In Production"/>
    <s v=""/>
    <x v="1"/>
    <x v="106"/>
  </r>
  <r>
    <x v="8"/>
    <x v="29"/>
    <x v="3311"/>
    <s v=""/>
    <m/>
    <s v=""/>
    <x v="1"/>
    <s v=""/>
    <x v="23"/>
    <s v="Internal Services - Resource Management Services"/>
    <s v="Information Technology Services"/>
    <s v="FINTRAC-120"/>
    <s v="In Production"/>
    <s v=""/>
    <x v="1"/>
    <x v="106"/>
  </r>
  <r>
    <x v="8"/>
    <x v="29"/>
    <x v="3306"/>
    <s v=""/>
    <m/>
    <s v=""/>
    <x v="1"/>
    <s v=""/>
    <x v="23"/>
    <s v="Internal Services - Resource Management Services"/>
    <s v="Information Technology Services"/>
    <s v="FINTRAC-121"/>
    <s v="In Production"/>
    <s v=""/>
    <x v="1"/>
    <x v="106"/>
  </r>
  <r>
    <x v="4"/>
    <x v="5"/>
    <x v="3306"/>
    <s v=""/>
    <s v=""/>
    <s v=""/>
    <x v="1"/>
    <s v=""/>
    <x v="23"/>
    <s v=""/>
    <s v=""/>
    <s v="FINTRAC-122"/>
    <s v="In Production"/>
    <s v=""/>
    <x v="2"/>
    <x v="106"/>
  </r>
  <r>
    <x v="9"/>
    <x v="73"/>
    <x v="3306"/>
    <s v=""/>
    <m/>
    <s v="Other"/>
    <x v="1"/>
    <s v="McAfee"/>
    <x v="23"/>
    <s v="Internal Services - Resource Management Services"/>
    <s v="Information Technology Services"/>
    <s v="FINTRAC-123"/>
    <s v="In Production"/>
    <s v=""/>
    <x v="0"/>
    <x v="106"/>
  </r>
  <r>
    <x v="10"/>
    <x v="69"/>
    <x v="3306"/>
    <s v=""/>
    <m/>
    <s v="Other"/>
    <x v="1"/>
    <s v="WINSCP"/>
    <x v="23"/>
    <s v="Internal Services - Resource Management Services"/>
    <s v="Information Technology Services"/>
    <s v="FINTRAC-124"/>
    <s v="In Production"/>
    <s v=""/>
    <x v="0"/>
    <x v="106"/>
  </r>
  <r>
    <x v="12"/>
    <x v="74"/>
    <x v="3306"/>
    <s v=""/>
    <m/>
    <s v="Other"/>
    <x v="1"/>
    <s v="Forticlient VPN Client"/>
    <x v="23"/>
    <s v="Internal Services - Resource Management Services"/>
    <s v="Information Technology Services"/>
    <s v="FINTRAC-125"/>
    <s v="In Production"/>
    <s v=""/>
    <x v="0"/>
    <x v="106"/>
  </r>
  <r>
    <x v="8"/>
    <x v="29"/>
    <x v="3306"/>
    <s v=""/>
    <m/>
    <s v="Other"/>
    <x v="1"/>
    <s v="Oracle 12g client"/>
    <x v="23"/>
    <s v="Internal Services - Resource Management Services"/>
    <s v="Information Technology Services"/>
    <s v="FINTRAC-126"/>
    <s v="In Production"/>
    <s v=""/>
    <x v="0"/>
    <x v="106"/>
  </r>
  <r>
    <x v="8"/>
    <x v="29"/>
    <x v="3312"/>
    <s v=""/>
    <m/>
    <s v=""/>
    <x v="1"/>
    <s v=""/>
    <x v="23"/>
    <s v="Internal Services - Resource Management Services"/>
    <s v="Information Technology Services"/>
    <s v="FINTRAC-127"/>
    <s v="In Production"/>
    <s v=""/>
    <x v="1"/>
    <x v="106"/>
  </r>
  <r>
    <x v="8"/>
    <x v="29"/>
    <x v="3313"/>
    <s v=""/>
    <m/>
    <s v=""/>
    <x v="1"/>
    <s v=""/>
    <x v="23"/>
    <s v="Internal Services - Resource Management Services"/>
    <s v="Information Technology Services"/>
    <s v="FINTRAC-128"/>
    <s v="In Production"/>
    <s v=""/>
    <x v="1"/>
    <x v="106"/>
  </r>
  <r>
    <x v="8"/>
    <x v="29"/>
    <x v="3314"/>
    <s v=""/>
    <m/>
    <s v=""/>
    <x v="1"/>
    <s v=""/>
    <x v="23"/>
    <s v="Internal Services - Resource Management Services"/>
    <s v="Information Technology Services"/>
    <s v="FINTRAC-129"/>
    <s v="In Production"/>
    <s v=""/>
    <x v="1"/>
    <x v="106"/>
  </r>
  <r>
    <x v="0"/>
    <x v="7"/>
    <x v="3315"/>
    <s v="RDIMS - corporate"/>
    <m/>
    <s v="Other"/>
    <x v="14"/>
    <s v="Open Text / eDOCS"/>
    <x v="23"/>
    <s v="Internal Services - Resource Management Services"/>
    <s v="Information Management Services,Information Technology Services"/>
    <s v="FINTRAC-13"/>
    <s v="In Production"/>
    <s v=""/>
    <x v="0"/>
    <x v="1156"/>
  </r>
  <r>
    <x v="0"/>
    <x v="42"/>
    <x v="3316"/>
    <s v=""/>
    <m/>
    <s v=""/>
    <x v="1"/>
    <s v=""/>
    <x v="23"/>
    <s v="Internal Services - Resource Management Services"/>
    <s v="Information Technology Services"/>
    <s v="FINTRAC-130"/>
    <s v="In Production"/>
    <s v=""/>
    <x v="1"/>
    <x v="106"/>
  </r>
  <r>
    <x v="8"/>
    <x v="29"/>
    <x v="3317"/>
    <s v=""/>
    <m/>
    <s v=""/>
    <x v="1"/>
    <s v=""/>
    <x v="23"/>
    <s v="Internal Services - Resource Management Services"/>
    <s v="Information Technology Services"/>
    <s v="FINTRAC-131"/>
    <s v="In Production"/>
    <s v=""/>
    <x v="1"/>
    <x v="106"/>
  </r>
  <r>
    <x v="0"/>
    <x v="13"/>
    <x v="3318"/>
    <s v="RDS"/>
    <m/>
    <s v=""/>
    <x v="1"/>
    <s v=""/>
    <x v="23"/>
    <s v="Internal Services - Resource Management Services"/>
    <s v="Information Management Services,Information Technology Services"/>
    <s v="FINTRAC-14"/>
    <s v="In Production"/>
    <s v=""/>
    <x v="1"/>
    <x v="1157"/>
  </r>
  <r>
    <x v="8"/>
    <x v="38"/>
    <x v="3319"/>
    <s v="Contour"/>
    <m/>
    <s v="Other"/>
    <x v="14"/>
    <s v="Jama Software / Jama"/>
    <x v="23"/>
    <s v="Internal Services - Resource Management Services"/>
    <s v="Information Management Services,Information Technology Services"/>
    <s v="FINTRAC-15"/>
    <s v="In Production"/>
    <s v=""/>
    <x v="0"/>
    <x v="1158"/>
  </r>
  <r>
    <x v="0"/>
    <x v="19"/>
    <x v="3320"/>
    <s v=""/>
    <s v="Form accessible via the FINTRAC public site that allows members of the public to provide to FINTRAC information about suspicions of money laundering or the financing of terrorist activities."/>
    <s v=""/>
    <x v="1"/>
    <s v=""/>
    <x v="23"/>
    <s v="Compliance"/>
    <s v="Other"/>
    <s v="FINTRAC-16"/>
    <s v="In Production"/>
    <s v="web"/>
    <x v="1"/>
    <x v="86"/>
  </r>
  <r>
    <x v="9"/>
    <x v="44"/>
    <x v="3321"/>
    <s v=""/>
    <m/>
    <s v="Other"/>
    <x v="1"/>
    <s v="Lenel"/>
    <x v="23"/>
    <s v="Internal Services - Governance &amp; Management support"/>
    <s v="Other,Other"/>
    <s v="FINTRAC-17"/>
    <s v="In Production"/>
    <s v=""/>
    <x v="0"/>
    <x v="106"/>
  </r>
  <r>
    <x v="9"/>
    <x v="54"/>
    <x v="3322"/>
    <s v=""/>
    <m/>
    <s v="Other"/>
    <x v="1"/>
    <s v="Easy Lobby"/>
    <x v="23"/>
    <s v="Internal Services - Governance &amp; Management support"/>
    <s v="Other,Other"/>
    <s v="FINTRAC-18"/>
    <s v="In Production"/>
    <s v=""/>
    <x v="0"/>
    <x v="106"/>
  </r>
  <r>
    <x v="10"/>
    <x v="69"/>
    <x v="3323"/>
    <s v=""/>
    <m/>
    <s v=""/>
    <x v="1"/>
    <s v=""/>
    <x v="23"/>
    <s v="Compliance"/>
    <s v="Information Technology Services,Other"/>
    <s v="FINTRAC-19"/>
    <s v="In Production"/>
    <s v=""/>
    <x v="1"/>
    <x v="106"/>
  </r>
  <r>
    <x v="5"/>
    <x v="25"/>
    <x v="3324"/>
    <s v=""/>
    <m/>
    <s v="Other"/>
    <x v="14"/>
    <s v="Caseware"/>
    <x v="23"/>
    <s v="Compliance"/>
    <s v="Other"/>
    <s v="FINTRAC-2"/>
    <s v="In Production"/>
    <s v=""/>
    <x v="0"/>
    <x v="1159"/>
  </r>
  <r>
    <x v="0"/>
    <x v="19"/>
    <x v="3325"/>
    <s v=""/>
    <m/>
    <s v=""/>
    <x v="1"/>
    <s v=""/>
    <x v="23"/>
    <s v="Compliance"/>
    <s v="Other"/>
    <s v="FINTRAC-20"/>
    <s v="In Production"/>
    <s v=""/>
    <x v="1"/>
    <x v="106"/>
  </r>
  <r>
    <x v="0"/>
    <x v="16"/>
    <x v="3326"/>
    <s v=""/>
    <m/>
    <s v=""/>
    <x v="1"/>
    <s v=""/>
    <x v="23"/>
    <s v="Compliance"/>
    <s v="Other"/>
    <s v="FINTRAC-21"/>
    <s v="In Production"/>
    <s v=""/>
    <x v="1"/>
    <x v="106"/>
  </r>
  <r>
    <x v="0"/>
    <x v="16"/>
    <x v="3327"/>
    <s v=""/>
    <m/>
    <s v=""/>
    <x v="1"/>
    <s v=""/>
    <x v="23"/>
    <s v="Compliance"/>
    <s v="Other"/>
    <s v="FINTRAC-23"/>
    <s v="In Production"/>
    <s v=""/>
    <x v="1"/>
    <x v="106"/>
  </r>
  <r>
    <x v="1"/>
    <x v="12"/>
    <x v="3328"/>
    <s v=""/>
    <m/>
    <s v=""/>
    <x v="1"/>
    <s v=""/>
    <x v="23"/>
    <s v="Compliance"/>
    <s v="Other"/>
    <s v="FINTRAC-24"/>
    <s v="In Production"/>
    <s v=""/>
    <x v="1"/>
    <x v="106"/>
  </r>
  <r>
    <x v="0"/>
    <x v="16"/>
    <x v="3329"/>
    <s v=""/>
    <m/>
    <s v=""/>
    <x v="1"/>
    <s v=""/>
    <x v="23"/>
    <s v="Compliance"/>
    <s v="Other"/>
    <s v="FINTRAC-25"/>
    <s v="In Production"/>
    <s v=""/>
    <x v="1"/>
    <x v="106"/>
  </r>
  <r>
    <x v="0"/>
    <x v="16"/>
    <x v="3330"/>
    <s v=""/>
    <m/>
    <s v=""/>
    <x v="1"/>
    <s v=""/>
    <x v="23"/>
    <s v="Compliance"/>
    <s v="Other"/>
    <s v="FINTRAC-26"/>
    <s v="In Production"/>
    <s v=""/>
    <x v="1"/>
    <x v="106"/>
  </r>
  <r>
    <x v="10"/>
    <x v="60"/>
    <x v="3331"/>
    <s v=""/>
    <m/>
    <s v=""/>
    <x v="1"/>
    <s v=""/>
    <x v="23"/>
    <s v="Compliance"/>
    <s v="Other"/>
    <s v="FINTRAC-27"/>
    <s v="In Production"/>
    <s v=""/>
    <x v="1"/>
    <x v="106"/>
  </r>
  <r>
    <x v="0"/>
    <x v="16"/>
    <x v="3332"/>
    <s v=""/>
    <m/>
    <s v=""/>
    <x v="1"/>
    <s v=""/>
    <x v="23"/>
    <s v="Compliance"/>
    <s v="Other"/>
    <s v="FINTRAC-28"/>
    <s v="In Production"/>
    <s v=""/>
    <x v="1"/>
    <x v="106"/>
  </r>
  <r>
    <x v="0"/>
    <x v="16"/>
    <x v="3333"/>
    <s v=""/>
    <m/>
    <s v=""/>
    <x v="1"/>
    <s v=""/>
    <x v="23"/>
    <s v="Compliance"/>
    <s v="Legal Services"/>
    <s v="FINTRAC-29"/>
    <s v="In Production"/>
    <s v=""/>
    <x v="1"/>
    <x v="106"/>
  </r>
  <r>
    <x v="2"/>
    <x v="10"/>
    <x v="3334"/>
    <s v="BassetPro"/>
    <m/>
    <s v="SageData_Solutions_Inc"/>
    <x v="67"/>
    <s v=""/>
    <x v="23"/>
    <s v="Internal Services - Asset Management Services"/>
    <s v="Financial Management Services,Materiel Services"/>
    <s v="FINTRAC-3"/>
    <s v="In Production"/>
    <s v=""/>
    <x v="0"/>
    <x v="1160"/>
  </r>
  <r>
    <x v="10"/>
    <x v="69"/>
    <x v="3335"/>
    <s v=""/>
    <m/>
    <s v=""/>
    <x v="1"/>
    <s v=""/>
    <x v="23"/>
    <s v="Compliance"/>
    <s v="Other"/>
    <s v="FINTRAC-30"/>
    <s v="In Production"/>
    <s v=""/>
    <x v="1"/>
    <x v="106"/>
  </r>
  <r>
    <x v="0"/>
    <x v="19"/>
    <x v="3336"/>
    <s v=""/>
    <m/>
    <s v=""/>
    <x v="1"/>
    <s v=""/>
    <x v="23"/>
    <s v="Compliance"/>
    <s v="Other"/>
    <s v="FINTRAC-32"/>
    <s v="In Production"/>
    <s v=""/>
    <x v="1"/>
    <x v="106"/>
  </r>
  <r>
    <x v="10"/>
    <x v="69"/>
    <x v="3337"/>
    <s v=""/>
    <m/>
    <s v="Other"/>
    <x v="1"/>
    <s v="TradeMerit"/>
    <x v="23"/>
    <s v="Compliance"/>
    <s v="Other"/>
    <s v="FINTRAC-33"/>
    <s v="In Production"/>
    <s v=""/>
    <x v="0"/>
    <x v="106"/>
  </r>
  <r>
    <x v="0"/>
    <x v="7"/>
    <x v="3315"/>
    <s v=""/>
    <m/>
    <s v="Other"/>
    <x v="1"/>
    <s v="Hummingbird"/>
    <x v="23"/>
    <s v="Internal Services - Resource Management Services"/>
    <s v="Information Management Services"/>
    <s v="FINTRAC-34"/>
    <s v="In Production"/>
    <s v=""/>
    <x v="0"/>
    <x v="106"/>
  </r>
  <r>
    <x v="0"/>
    <x v="28"/>
    <x v="3338"/>
    <s v=""/>
    <m/>
    <s v="Other"/>
    <x v="1"/>
    <s v=""/>
    <x v="23"/>
    <s v="Compliance"/>
    <s v="Other"/>
    <s v="FINTRAC-35"/>
    <s v="In Production"/>
    <s v=""/>
    <x v="0"/>
    <x v="106"/>
  </r>
  <r>
    <x v="5"/>
    <x v="25"/>
    <x v="3339"/>
    <s v=""/>
    <m/>
    <s v="Other"/>
    <x v="1"/>
    <s v=""/>
    <x v="23"/>
    <s v="Compliance"/>
    <s v="Other"/>
    <s v="FINTRAC-36"/>
    <s v="In Production"/>
    <s v=""/>
    <x v="0"/>
    <x v="106"/>
  </r>
  <r>
    <x v="0"/>
    <x v="16"/>
    <x v="3340"/>
    <s v=""/>
    <m/>
    <s v="Other"/>
    <x v="1"/>
    <s v=""/>
    <x v="23"/>
    <s v="Government and Management Support"/>
    <s v="Other"/>
    <s v="FINTRAC-37"/>
    <s v="In Production"/>
    <s v=""/>
    <x v="0"/>
    <x v="106"/>
  </r>
  <r>
    <x v="5"/>
    <x v="94"/>
    <x v="3341"/>
    <s v=""/>
    <m/>
    <s v="Other"/>
    <x v="1"/>
    <s v=""/>
    <x v="23"/>
    <s v="Financial Intelligence"/>
    <s v="Other"/>
    <s v="FINTRAC-38"/>
    <s v="In Production"/>
    <s v=""/>
    <x v="0"/>
    <x v="106"/>
  </r>
  <r>
    <x v="5"/>
    <x v="94"/>
    <x v="3341"/>
    <s v=""/>
    <m/>
    <s v="Other"/>
    <x v="1"/>
    <s v=""/>
    <x v="23"/>
    <s v="Financial Intelligence"/>
    <s v="Other"/>
    <s v="FINTRAC-39"/>
    <s v="In Production"/>
    <s v=""/>
    <x v="0"/>
    <x v="106"/>
  </r>
  <r>
    <x v="0"/>
    <x v="28"/>
    <x v="3338"/>
    <s v=""/>
    <m/>
    <s v="Other"/>
    <x v="1"/>
    <s v=""/>
    <x v="23"/>
    <s v="Financial Intelligence"/>
    <s v="Other"/>
    <s v="FINTRAC-40"/>
    <s v="In Production"/>
    <s v=""/>
    <x v="0"/>
    <x v="106"/>
  </r>
  <r>
    <x v="5"/>
    <x v="25"/>
    <x v="3339"/>
    <s v=""/>
    <m/>
    <s v="Other"/>
    <x v="1"/>
    <s v=""/>
    <x v="23"/>
    <s v="Financial Intelligence"/>
    <s v="Other"/>
    <s v="FINTRAC-41"/>
    <s v="In Production"/>
    <s v=""/>
    <x v="0"/>
    <x v="106"/>
  </r>
  <r>
    <x v="5"/>
    <x v="90"/>
    <x v="3342"/>
    <s v=""/>
    <m/>
    <s v="Other"/>
    <x v="1"/>
    <s v=""/>
    <x v="23"/>
    <s v="Financial Intelligence"/>
    <s v="Other"/>
    <s v="FINTRAC-42"/>
    <s v="In Production"/>
    <s v=""/>
    <x v="0"/>
    <x v="106"/>
  </r>
  <r>
    <x v="2"/>
    <x v="2"/>
    <x v="3343"/>
    <s v="FreeBalance"/>
    <m/>
    <s v="Other"/>
    <x v="14"/>
    <s v="Freebalance"/>
    <x v="23"/>
    <s v="Internal Services - Resource Management Services"/>
    <s v="Acquisition Services,Financial Management Services,Travel and Other Administrative Services"/>
    <s v="FINTRAC-5"/>
    <s v="In Production"/>
    <s v=""/>
    <x v="0"/>
    <x v="1161"/>
  </r>
  <r>
    <x v="0"/>
    <x v="7"/>
    <x v="3315"/>
    <s v=""/>
    <m/>
    <s v="Other"/>
    <x v="1"/>
    <s v="hummingbird"/>
    <x v="23"/>
    <s v="Internal Services - Resource Management Services"/>
    <s v="Other"/>
    <s v="FINTRAC-53"/>
    <s v="In Production"/>
    <s v=""/>
    <x v="0"/>
    <x v="106"/>
  </r>
  <r>
    <x v="4"/>
    <x v="5"/>
    <x v="3344"/>
    <s v=""/>
    <m/>
    <s v=""/>
    <x v="1"/>
    <s v=""/>
    <x v="23"/>
    <s v="Internal Services - Resource Management Services"/>
    <s v="Information Technology Services"/>
    <s v="FINTRAC-55"/>
    <s v="In Production"/>
    <s v=""/>
    <x v="1"/>
    <x v="106"/>
  </r>
  <r>
    <x v="8"/>
    <x v="39"/>
    <x v="3345"/>
    <s v=""/>
    <m/>
    <s v="Other"/>
    <x v="1"/>
    <s v="python"/>
    <x v="23"/>
    <s v="Internal Services - Resource Management Services"/>
    <s v="Information Technology Services"/>
    <s v="FINTRAC-56"/>
    <s v="In Production"/>
    <s v=""/>
    <x v="0"/>
    <x v="106"/>
  </r>
  <r>
    <x v="8"/>
    <x v="39"/>
    <x v="3311"/>
    <s v=""/>
    <m/>
    <s v="Other"/>
    <x v="1"/>
    <s v="Putty"/>
    <x v="23"/>
    <s v="Internal Services - Resource Management Services"/>
    <s v="Information Technology Services"/>
    <s v="FINTRAC-57"/>
    <s v="In Production"/>
    <s v=""/>
    <x v="0"/>
    <x v="106"/>
  </r>
  <r>
    <x v="8"/>
    <x v="39"/>
    <x v="3311"/>
    <s v=""/>
    <m/>
    <s v="Other"/>
    <x v="1"/>
    <s v="dynaTrace AJAX Edition"/>
    <x v="23"/>
    <s v="Internal Services - Resource Management Services"/>
    <s v="Information Technology Services"/>
    <s v="FINTRAC-58"/>
    <s v="In Production"/>
    <s v=""/>
    <x v="0"/>
    <x v="106"/>
  </r>
  <r>
    <x v="6"/>
    <x v="36"/>
    <x v="3346"/>
    <s v=""/>
    <m/>
    <s v="Adobe_Systems_Incorporated"/>
    <x v="1"/>
    <s v=""/>
    <x v="23"/>
    <s v="Internal Services - Resource Management Services"/>
    <s v="Other"/>
    <s v="FINTRAC-59"/>
    <s v="In Production"/>
    <s v=""/>
    <x v="0"/>
    <x v="106"/>
  </r>
  <r>
    <x v="2"/>
    <x v="65"/>
    <x v="3347"/>
    <s v="PBHC"/>
    <m/>
    <s v="Other"/>
    <x v="14"/>
    <s v="Freebalance / Performance Building for Human Capital"/>
    <x v="23"/>
    <s v="Internal Services - Resource Management Services"/>
    <s v="Financial Management Services,Information Management Services"/>
    <s v="FINTRAC-6"/>
    <s v="In Production"/>
    <s v=""/>
    <x v="0"/>
    <x v="1161"/>
  </r>
  <r>
    <x v="5"/>
    <x v="100"/>
    <x v="3348"/>
    <s v=""/>
    <m/>
    <s v="Other"/>
    <x v="1"/>
    <s v="ArcGIS Desktop"/>
    <x v="23"/>
    <s v="Financial Intelligence"/>
    <s v="Information Technology Services"/>
    <s v="FINTRAC-60"/>
    <s v="In Production"/>
    <s v=""/>
    <x v="0"/>
    <x v="106"/>
  </r>
  <r>
    <x v="6"/>
    <x v="82"/>
    <x v="3311"/>
    <s v=""/>
    <m/>
    <s v="Other"/>
    <x v="1"/>
    <s v="Beyond Compare Version"/>
    <x v="23"/>
    <s v="Internal Services - Resource Management Services"/>
    <s v="Information Technology Services"/>
    <s v="FINTRAC-61"/>
    <s v="In Production"/>
    <s v=""/>
    <x v="0"/>
    <x v="106"/>
  </r>
  <r>
    <x v="8"/>
    <x v="29"/>
    <x v="3345"/>
    <s v=""/>
    <m/>
    <s v="Microsoft_Corporation"/>
    <x v="1"/>
    <s v=""/>
    <x v="23"/>
    <s v="Internal Services - Resource Management Services"/>
    <s v="Information Technology Services"/>
    <s v="FINTRAC-62"/>
    <s v="In Production"/>
    <s v=""/>
    <x v="0"/>
    <x v="106"/>
  </r>
  <r>
    <x v="3"/>
    <x v="4"/>
    <x v="3349"/>
    <s v=""/>
    <m/>
    <s v="Oracle_Canada_ULC"/>
    <x v="1"/>
    <s v=""/>
    <x v="23"/>
    <s v="Internal Services - Resource Management Services"/>
    <s v="Information Technology Services"/>
    <s v="FINTRAC-63"/>
    <s v="In Production"/>
    <s v=""/>
    <x v="0"/>
    <x v="106"/>
  </r>
  <r>
    <x v="6"/>
    <x v="82"/>
    <x v="3311"/>
    <s v=""/>
    <m/>
    <s v="Other"/>
    <x v="1"/>
    <s v="SSH"/>
    <x v="23"/>
    <s v="Internal Services - Resource Management Services"/>
    <s v="Information Technology Services"/>
    <s v="FINTRAC-64"/>
    <s v="In Production"/>
    <s v=""/>
    <x v="0"/>
    <x v="106"/>
  </r>
  <r>
    <x v="6"/>
    <x v="82"/>
    <x v="3311"/>
    <s v=""/>
    <m/>
    <s v="Other"/>
    <x v="1"/>
    <s v="TextPad"/>
    <x v="23"/>
    <s v="Internal Services - Resource Management Services"/>
    <s v="Information Technology Services"/>
    <s v="FINTRAC-65"/>
    <s v="In Production"/>
    <s v=""/>
    <x v="0"/>
    <x v="106"/>
  </r>
  <r>
    <x v="6"/>
    <x v="82"/>
    <x v="3311"/>
    <s v=""/>
    <m/>
    <s v="Other"/>
    <x v="1"/>
    <s v="Toad for Oracle"/>
    <x v="23"/>
    <s v="Internal Services - Resource Management Services"/>
    <s v="Information Technology Services"/>
    <s v="FINTRAC-66"/>
    <s v="In Production"/>
    <s v=""/>
    <x v="0"/>
    <x v="106"/>
  </r>
  <r>
    <x v="6"/>
    <x v="82"/>
    <x v="3311"/>
    <s v=""/>
    <m/>
    <s v="Other"/>
    <x v="1"/>
    <s v="Vim"/>
    <x v="23"/>
    <s v="Internal Services - Resource Management Services"/>
    <s v="Information Technology Services"/>
    <s v="FINTRAC-67"/>
    <s v="In Production"/>
    <s v=""/>
    <x v="0"/>
    <x v="106"/>
  </r>
  <r>
    <x v="6"/>
    <x v="82"/>
    <x v="3350"/>
    <s v=""/>
    <m/>
    <s v="Other"/>
    <x v="1"/>
    <s v="7Zip"/>
    <x v="23"/>
    <s v="Internal Services - Resource Management Services"/>
    <s v="Information Technology Services"/>
    <s v="FINTRAC-68"/>
    <s v="In Production"/>
    <s v=""/>
    <x v="0"/>
    <x v="106"/>
  </r>
  <r>
    <x v="6"/>
    <x v="35"/>
    <x v="3351"/>
    <s v=""/>
    <s v=""/>
    <s v="Other"/>
    <x v="1"/>
    <s v="Snag it"/>
    <x v="23"/>
    <s v="Internal Services - Resource Management Services"/>
    <s v="Information Technology Services"/>
    <s v="FINTRAC-69"/>
    <s v="In Production"/>
    <s v="desktop"/>
    <x v="0"/>
    <x v="86"/>
  </r>
  <r>
    <x v="2"/>
    <x v="3"/>
    <x v="3352"/>
    <s v="HRWARE"/>
    <m/>
    <s v="Other"/>
    <x v="14"/>
    <s v="HRWare - HRWare"/>
    <x v="23"/>
    <s v="Internal Services - Resource Management Services"/>
    <s v="Human Resources Management Services"/>
    <s v="FINTRAC-7"/>
    <s v="In Production"/>
    <s v=""/>
    <x v="0"/>
    <x v="1162"/>
  </r>
  <r>
    <x v="6"/>
    <x v="27"/>
    <x v="3353"/>
    <s v=""/>
    <s v=""/>
    <s v="Other"/>
    <x v="1"/>
    <s v="Antidote HD"/>
    <x v="23"/>
    <s v="Internal Services - Resource Management Services"/>
    <s v="Information Technology Services"/>
    <s v="FINTRAC-70"/>
    <s v="In Production"/>
    <s v="desktop"/>
    <x v="0"/>
    <x v="86"/>
  </r>
  <r>
    <x v="6"/>
    <x v="35"/>
    <x v="3354"/>
    <s v=""/>
    <s v=""/>
    <s v="Corel_Corporation"/>
    <x v="1"/>
    <s v=""/>
    <x v="23"/>
    <s v="Internal Services - Resource Management Services"/>
    <s v="Information Technology Services"/>
    <s v="FINTRAC-71"/>
    <s v="In Production"/>
    <s v="desktop"/>
    <x v="0"/>
    <x v="86"/>
  </r>
  <r>
    <x v="8"/>
    <x v="29"/>
    <x v="3311"/>
    <s v=""/>
    <m/>
    <s v="Other"/>
    <x v="1"/>
    <s v="MiKTeX"/>
    <x v="23"/>
    <s v="Internal Services - Resource Management Services"/>
    <s v="Information Technology Services"/>
    <s v="FINTRAC-72"/>
    <s v="In Production"/>
    <s v=""/>
    <x v="0"/>
    <x v="106"/>
  </r>
  <r>
    <x v="8"/>
    <x v="29"/>
    <x v="3311"/>
    <s v=""/>
    <m/>
    <s v="Other"/>
    <x v="1"/>
    <s v="OxMetrics"/>
    <x v="23"/>
    <s v="Internal Services - Resource Management Services"/>
    <s v="Information Technology Services"/>
    <s v="FINTRAC-73"/>
    <s v="In Production"/>
    <s v=""/>
    <x v="0"/>
    <x v="106"/>
  </r>
  <r>
    <x v="8"/>
    <x v="29"/>
    <x v="3311"/>
    <s v=""/>
    <m/>
    <s v="Other"/>
    <x v="1"/>
    <s v="SWI-Prolog"/>
    <x v="23"/>
    <s v="Internal Services - Resource Management Services"/>
    <s v="Information Technology Services"/>
    <s v="FINTRAC-74"/>
    <s v="In Production"/>
    <s v=""/>
    <x v="0"/>
    <x v="106"/>
  </r>
  <r>
    <x v="8"/>
    <x v="29"/>
    <x v="3311"/>
    <s v=""/>
    <m/>
    <s v="Other"/>
    <x v="1"/>
    <s v="TeXnicCenter"/>
    <x v="23"/>
    <s v="Internal Services - Resource Management Services"/>
    <s v="Information Technology Services"/>
    <s v="FINTRAC-75"/>
    <s v="In Production"/>
    <s v=""/>
    <x v="0"/>
    <x v="106"/>
  </r>
  <r>
    <x v="8"/>
    <x v="29"/>
    <x v="3311"/>
    <s v=""/>
    <m/>
    <s v="Other"/>
    <x v="1"/>
    <s v="Tinn-R"/>
    <x v="23"/>
    <s v="Internal Services - Resource Management Services"/>
    <s v="Information Technology Services"/>
    <s v="FINTRAC-76"/>
    <s v="In Production"/>
    <s v=""/>
    <x v="0"/>
    <x v="106"/>
  </r>
  <r>
    <x v="8"/>
    <x v="29"/>
    <x v="3307"/>
    <s v=""/>
    <m/>
    <s v="Microsoft_Corporation"/>
    <x v="1"/>
    <s v=""/>
    <x v="23"/>
    <s v="Internal Services - Resource Management Services"/>
    <s v="Information Technology Services"/>
    <s v="FINTRAC-77"/>
    <s v="In Production"/>
    <s v=""/>
    <x v="0"/>
    <x v="106"/>
  </r>
  <r>
    <x v="6"/>
    <x v="82"/>
    <x v="3355"/>
    <s v=""/>
    <m/>
    <s v="Other"/>
    <x v="1"/>
    <s v="nero"/>
    <x v="23"/>
    <s v="Internal Services - Resource Management Services"/>
    <s v="Other"/>
    <s v="FINTRAC-78"/>
    <s v="In Production"/>
    <s v=""/>
    <x v="0"/>
    <x v="106"/>
  </r>
  <r>
    <x v="6"/>
    <x v="36"/>
    <x v="3307"/>
    <s v=""/>
    <m/>
    <s v="Other"/>
    <x v="1"/>
    <s v="cognos"/>
    <x v="23"/>
    <s v="Internal Services - Resource Management Services"/>
    <s v="Information Technology Services"/>
    <s v="FINTRAC-79"/>
    <s v="In Production"/>
    <s v=""/>
    <x v="0"/>
    <x v="106"/>
  </r>
  <r>
    <x v="0"/>
    <x v="16"/>
    <x v="3356"/>
    <s v="AccessPro"/>
    <m/>
    <s v="Other"/>
    <x v="14"/>
    <s v="CDSC Enterprise Solutions"/>
    <x v="23"/>
    <s v="Government and Management Support"/>
    <s v="Information Management Services,Management and Oversight Services"/>
    <s v="FINTRAC-8"/>
    <s v="In Production"/>
    <s v=""/>
    <x v="0"/>
    <x v="1163"/>
  </r>
  <r>
    <x v="9"/>
    <x v="50"/>
    <x v="3308"/>
    <s v=""/>
    <m/>
    <s v="Other"/>
    <x v="1"/>
    <s v="entrust"/>
    <x v="23"/>
    <s v="Internal Services - Resource Management Services"/>
    <s v="Information Technology Services"/>
    <s v="FINTRAC-81"/>
    <s v="In Production"/>
    <s v=""/>
    <x v="0"/>
    <x v="106"/>
  </r>
  <r>
    <x v="6"/>
    <x v="82"/>
    <x v="3357"/>
    <s v=""/>
    <s v=""/>
    <s v="Other"/>
    <x v="1"/>
    <s v="chrome"/>
    <x v="23"/>
    <s v="Internal Services - Resource Management Services"/>
    <s v="Information Technology Services"/>
    <s v="FINTRAC-82"/>
    <s v="In Production"/>
    <s v="desktop"/>
    <x v="0"/>
    <x v="86"/>
  </r>
  <r>
    <x v="6"/>
    <x v="82"/>
    <x v="3358"/>
    <s v=""/>
    <s v=""/>
    <s v="Microsoft_Corporation"/>
    <x v="1"/>
    <s v=""/>
    <x v="23"/>
    <s v="Internal Services - Resource Management Services"/>
    <s v="Information Technology Services"/>
    <s v="FINTRAC-83"/>
    <s v="In Production"/>
    <s v="desktop"/>
    <x v="0"/>
    <x v="86"/>
  </r>
  <r>
    <x v="8"/>
    <x v="29"/>
    <x v="3311"/>
    <s v=""/>
    <m/>
    <s v="Other"/>
    <x v="1"/>
    <s v="collabnet"/>
    <x v="23"/>
    <s v="Internal Services - Resource Management Services"/>
    <s v="Information Technology Services"/>
    <s v="FINTRAC-84"/>
    <s v="In Production"/>
    <s v=""/>
    <x v="0"/>
    <x v="106"/>
  </r>
  <r>
    <x v="8"/>
    <x v="29"/>
    <x v="3311"/>
    <s v=""/>
    <m/>
    <s v="Other"/>
    <x v="1"/>
    <s v="baretrail"/>
    <x v="23"/>
    <s v="Internal Services - Resource Management Services"/>
    <s v="Information Technology Services"/>
    <s v="FINTRAC-85"/>
    <s v="In Production"/>
    <s v=""/>
    <x v="0"/>
    <x v="106"/>
  </r>
  <r>
    <x v="8"/>
    <x v="38"/>
    <x v="3311"/>
    <s v=""/>
    <m/>
    <s v="Other"/>
    <x v="1"/>
    <s v="cygwin"/>
    <x v="23"/>
    <s v="Internal Services - Resource Management Services"/>
    <s v="Information Technology Services"/>
    <s v="FINTRAC-86"/>
    <s v="In Production"/>
    <s v=""/>
    <x v="0"/>
    <x v="106"/>
  </r>
  <r>
    <x v="8"/>
    <x v="38"/>
    <x v="3311"/>
    <s v=""/>
    <m/>
    <s v="Other"/>
    <x v="1"/>
    <s v="gimp"/>
    <x v="23"/>
    <s v="Internal Services - Resource Management Services"/>
    <s v="Information Technology Services"/>
    <s v="FINTRAC-87"/>
    <s v="In Production"/>
    <s v=""/>
    <x v="0"/>
    <x v="106"/>
  </r>
  <r>
    <x v="9"/>
    <x v="56"/>
    <x v="3359"/>
    <s v=""/>
    <m/>
    <s v="McAfee_inc"/>
    <x v="1"/>
    <s v=""/>
    <x v="23"/>
    <s v="Internal Services - Resource Management Services"/>
    <s v="Information Technology Services"/>
    <s v="FINTRAC-88"/>
    <s v="In Production"/>
    <s v=""/>
    <x v="0"/>
    <x v="106"/>
  </r>
  <r>
    <x v="6"/>
    <x v="82"/>
    <x v="3311"/>
    <s v=""/>
    <m/>
    <s v="Microsoft_Corporation"/>
    <x v="1"/>
    <s v=""/>
    <x v="23"/>
    <s v="Internal Services - Resource Management Services"/>
    <s v="Information Technology Services"/>
    <s v="FINTRAC-89"/>
    <s v="In Production"/>
    <s v=""/>
    <x v="0"/>
    <x v="106"/>
  </r>
  <r>
    <x v="1"/>
    <x v="75"/>
    <x v="3306"/>
    <s v=""/>
    <m/>
    <s v="Microsoft_Corporation"/>
    <x v="1"/>
    <s v=""/>
    <x v="23"/>
    <s v="Internal Services - Resource Management Services"/>
    <s v="Information Technology Services"/>
    <s v="FINTRAC-90"/>
    <s v="In Production"/>
    <s v=""/>
    <x v="0"/>
    <x v="106"/>
  </r>
  <r>
    <x v="2"/>
    <x v="10"/>
    <x v="3306"/>
    <s v=""/>
    <m/>
    <s v="SageData_Solutions_Inc"/>
    <x v="1"/>
    <s v=""/>
    <x v="23"/>
    <s v="Internal Services - Resource Management Services"/>
    <s v="Information Technology Services"/>
    <s v="FINTRAC-91"/>
    <s v="In Production"/>
    <s v=""/>
    <x v="0"/>
    <x v="106"/>
  </r>
  <r>
    <x v="6"/>
    <x v="82"/>
    <x v="3350"/>
    <s v=""/>
    <m/>
    <s v="Other"/>
    <x v="1"/>
    <s v="filezilla"/>
    <x v="23"/>
    <s v="Internal Services - Resource Management Services"/>
    <s v="Information Technology Services"/>
    <s v="FINTRAC-92"/>
    <s v="In Production"/>
    <s v=""/>
    <x v="0"/>
    <x v="106"/>
  </r>
  <r>
    <x v="6"/>
    <x v="82"/>
    <x v="3311"/>
    <s v=""/>
    <m/>
    <s v="Microsoft_Corporation"/>
    <x v="1"/>
    <s v=""/>
    <x v="23"/>
    <s v="Internal Services - Resource Management Services"/>
    <s v="Information Technology Services"/>
    <s v="FINTRAC-93"/>
    <s v="In Production"/>
    <s v=""/>
    <x v="0"/>
    <x v="106"/>
  </r>
  <r>
    <x v="6"/>
    <x v="82"/>
    <x v="3306"/>
    <s v=""/>
    <m/>
    <s v=""/>
    <x v="1"/>
    <s v=""/>
    <x v="23"/>
    <s v="Internal Services - Resource Management Services"/>
    <s v="Information Technology Services"/>
    <s v="FINTRAC-94"/>
    <s v="In Production"/>
    <s v=""/>
    <x v="0"/>
    <x v="106"/>
  </r>
  <r>
    <x v="11"/>
    <x v="96"/>
    <x v="3306"/>
    <s v=""/>
    <m/>
    <s v="VMWare_Inc"/>
    <x v="1"/>
    <s v=""/>
    <x v="23"/>
    <s v="Internal Services - Resource Management Services"/>
    <s v="Information Technology Services"/>
    <s v="FINTRAC-95"/>
    <s v="In Production"/>
    <s v=""/>
    <x v="0"/>
    <x v="106"/>
  </r>
  <r>
    <x v="12"/>
    <x v="74"/>
    <x v="3306"/>
    <s v=""/>
    <m/>
    <s v="Other"/>
    <x v="1"/>
    <s v=""/>
    <x v="23"/>
    <s v="Internal Services - Resource Management Services"/>
    <s v="Information Technology Services"/>
    <s v="FINTRAC-96"/>
    <s v="In Production"/>
    <s v=""/>
    <x v="0"/>
    <x v="106"/>
  </r>
  <r>
    <x v="3"/>
    <x v="4"/>
    <x v="3306"/>
    <s v=""/>
    <m/>
    <s v="Other"/>
    <x v="1"/>
    <s v="SQL Management Studio"/>
    <x v="23"/>
    <s v="Internal Services - Resource Management Services"/>
    <s v="Information Technology Services"/>
    <s v="FINTRAC-97"/>
    <s v="In Production"/>
    <s v=""/>
    <x v="0"/>
    <x v="106"/>
  </r>
  <r>
    <x v="6"/>
    <x v="82"/>
    <x v="3308"/>
    <s v=""/>
    <m/>
    <s v="Other"/>
    <x v="1"/>
    <s v="Gpg4win"/>
    <x v="23"/>
    <s v="Internal Services - Resource Management Services"/>
    <s v="Information Technology Services"/>
    <s v="FINTRAC-98"/>
    <s v="In Production"/>
    <s v=""/>
    <x v="0"/>
    <x v="106"/>
  </r>
  <r>
    <x v="6"/>
    <x v="82"/>
    <x v="3311"/>
    <s v=""/>
    <m/>
    <s v="Other"/>
    <x v="1"/>
    <s v="Enterprise Architect"/>
    <x v="23"/>
    <s v="Internal Services - Resource Management Services"/>
    <s v="Information Technology Services"/>
    <s v="FINTRAC-99"/>
    <s v="In Production"/>
    <s v=""/>
    <x v="0"/>
    <x v="106"/>
  </r>
  <r>
    <x v="3"/>
    <x v="46"/>
    <x v="3360"/>
    <s v="TransChenal"/>
    <s v="Scipt permettant de transférer des portée de FTP vers Mont-Joli"/>
    <s v=""/>
    <x v="1"/>
    <s v=""/>
    <x v="24"/>
    <s v="1.8 Marine Navigation"/>
    <s v="Information Management Services"/>
    <s v="DFO-1000"/>
    <s v="In Production"/>
    <s v=""/>
    <x v="1"/>
    <x v="1164"/>
  </r>
  <r>
    <x v="2"/>
    <x v="2"/>
    <x v="3361"/>
    <s v="Traverse"/>
    <s v="Licensing and sales tracking for CHS products"/>
    <s v="Other"/>
    <x v="1"/>
    <s v="Kalibur Solutions - Traverse"/>
    <x v="24"/>
    <s v="1.8 Marine Navigation"/>
    <s v="Other"/>
    <s v="DFO-1002"/>
    <s v="In Production"/>
    <s v="rich"/>
    <x v="0"/>
    <x v="1165"/>
  </r>
  <r>
    <x v="5"/>
    <x v="90"/>
    <x v="3362"/>
    <s v="TWL"/>
    <s v="Historical water level data, station metadata and tidal constituents repository and applications"/>
    <s v=""/>
    <x v="1"/>
    <s v=""/>
    <x v="24"/>
    <s v="3.8 Ocean Forecasting"/>
    <s v="Other"/>
    <s v="DFO-1005"/>
    <s v="In Production"/>
    <s v="web"/>
    <x v="1"/>
    <x v="1166"/>
  </r>
  <r>
    <x v="3"/>
    <x v="4"/>
    <x v="3363"/>
    <s v="URM"/>
    <s v="Removed: Back-end system tool Manages security roles for users of ISDM JavaEE applications"/>
    <s v=""/>
    <x v="1"/>
    <s v=""/>
    <x v="24"/>
    <s v="Internal Services"/>
    <s v="Information Management Services,Information Technology Services"/>
    <s v="DFO-1007"/>
    <s v="In Production"/>
    <s v=""/>
    <x v="1"/>
    <x v="1167"/>
  </r>
  <r>
    <x v="0"/>
    <x v="28"/>
    <x v="3364"/>
    <s v="VDO"/>
    <s v="Permet de valider/invalider des données de la BD ODIN"/>
    <s v=""/>
    <x v="1"/>
    <s v=""/>
    <x v="24"/>
    <s v="1.8 Marine Navigation"/>
    <s v="Information Management Services"/>
    <s v="DFO-1008"/>
    <s v="In Production"/>
    <s v=""/>
    <x v="1"/>
    <x v="1168"/>
  </r>
  <r>
    <x v="0"/>
    <x v="28"/>
    <x v="3365"/>
    <s v="ValidSineco"/>
    <s v="Outil de vérification quotidien des capteurs de niveau d'eau des stations SINECO"/>
    <s v=""/>
    <x v="1"/>
    <s v=""/>
    <x v="24"/>
    <s v="1.8 Marine Navigation"/>
    <s v="Information Management Services"/>
    <s v="DFO-1009"/>
    <s v="In Production"/>
    <s v=""/>
    <x v="1"/>
    <x v="1169"/>
  </r>
  <r>
    <x v="0"/>
    <x v="28"/>
    <x v="3366"/>
    <s v="PacSearch"/>
    <s v="A reporting tool used by the Fisheries Management and C&amp;P to search against licening data, vessel activity and recreational fishing licensing."/>
    <s v=""/>
    <x v="1"/>
    <s v=""/>
    <x v="24"/>
    <s v="1.1 Integrated Fisheries Resource Management"/>
    <s v="Other"/>
    <s v="DFO-1013"/>
    <s v="In Production"/>
    <s v="web"/>
    <x v="1"/>
    <x v="1170"/>
  </r>
  <r>
    <x v="3"/>
    <x v="31"/>
    <x v="3367"/>
    <s v="VHOR"/>
    <s v="Telephone and web based system used to track the hail outs done by harvesters prior to leaving port.  The system is to be taken offline as of of Jan 1 2014."/>
    <s v=""/>
    <x v="1"/>
    <s v=""/>
    <x v="24"/>
    <s v="1.1 Integrated Fisheries Resource Management"/>
    <s v="Other"/>
    <s v="DFO-1014"/>
    <s v="In Production"/>
    <s v="web"/>
    <x v="1"/>
    <x v="1171"/>
  </r>
  <r>
    <x v="3"/>
    <x v="31"/>
    <x v="3368"/>
    <s v="VMS"/>
    <s v="DFO's National VMS system is a satellite based, near real time, positional tracking system. It provides the department with information on a vessel’s location (latitude, longitude), speed and heading at a particular date and time along with the identification of the VMS unit installed on board.  The system is used for tracking fishing vessels as well as DFO and Coast Guard vessels.  Licence conditions in certain fisheries require that fishing vessels carry a VMS unit. VMS can also be used to assist in emergency situations, however, it is not intended to replace existing mandatory safety equipment."/>
    <s v=""/>
    <x v="1"/>
    <s v=""/>
    <x v="24"/>
    <s v="1.1 Integrated Fisheries Resource Management"/>
    <s v="Other"/>
    <s v="DFO-1015"/>
    <s v="In Production"/>
    <s v="web"/>
    <x v="1"/>
    <x v="1172"/>
  </r>
  <r>
    <x v="0"/>
    <x v="43"/>
    <x v="3369"/>
    <s v="WPT"/>
    <s v="Tool to create, manage and publish web site on the Open Web Framework, including Intranet and Internet. Integrated in Open Web Framework. Support 0.01 FTE.  Total Support Cost Score: 1 (&lt;$20K)"/>
    <s v=""/>
    <x v="1"/>
    <s v=""/>
    <x v="24"/>
    <s v="Internal Services"/>
    <s v="Communications Services,Information Management Services"/>
    <s v="DFO-1037"/>
    <s v="In Production"/>
    <s v="web"/>
    <x v="1"/>
    <x v="1173"/>
  </r>
  <r>
    <x v="0"/>
    <x v="28"/>
    <x v="3370"/>
    <s v="SFSS"/>
    <s v="Ensemble d'applications desktop"/>
    <s v=""/>
    <x v="1"/>
    <s v=""/>
    <x v="24"/>
    <s v=""/>
    <s v=""/>
    <s v="DFO-1040"/>
    <s v="In Production"/>
    <s v="desktop"/>
    <x v="1"/>
    <x v="1174"/>
  </r>
  <r>
    <x v="0"/>
    <x v="28"/>
    <x v="3371"/>
    <s v="COMSAMP"/>
    <s v="Ensemble d'applications desktop"/>
    <s v=""/>
    <x v="1"/>
    <s v=""/>
    <x v="24"/>
    <s v=""/>
    <s v=""/>
    <s v="DFO-1041"/>
    <s v="In Production"/>
    <s v="desktop"/>
    <x v="1"/>
    <x v="545"/>
  </r>
  <r>
    <x v="5"/>
    <x v="98"/>
    <x v="3372"/>
    <s v="CARIS notebook"/>
    <s v="Field survey tool"/>
    <s v="Other"/>
    <x v="1"/>
    <s v="CARIS Notebook"/>
    <x v="24"/>
    <s v="1.8 Marine Navigation"/>
    <s v="Other"/>
    <s v="DFO-1053"/>
    <s v="In Production"/>
    <s v=""/>
    <x v="0"/>
    <x v="1175"/>
  </r>
  <r>
    <x v="5"/>
    <x v="90"/>
    <x v="3373"/>
    <s v="Caris SFE"/>
    <s v="Server software for to display CARIS geospatial products on the web"/>
    <s v="Other"/>
    <x v="1"/>
    <s v="CARIS Spatial Fusion"/>
    <x v="24"/>
    <s v="1.8 Marine Navigation"/>
    <s v="Information Management Services"/>
    <s v="DFO-1054"/>
    <s v="In Production"/>
    <s v=""/>
    <x v="0"/>
    <x v="592"/>
  </r>
  <r>
    <x v="5"/>
    <x v="98"/>
    <x v="3374"/>
    <s v="DKart"/>
    <s v="Chart quality assurance tool"/>
    <s v="Other"/>
    <x v="1"/>
    <s v="Jeppesen dKart"/>
    <x v="24"/>
    <s v="1.8 Marine Navigation"/>
    <s v="Other"/>
    <s v="DFO-1056"/>
    <s v="In Production"/>
    <s v=""/>
    <x v="0"/>
    <x v="592"/>
  </r>
  <r>
    <x v="3"/>
    <x v="45"/>
    <x v="3375"/>
    <s v="Filemaker Pro"/>
    <s v="Outil de base de données ISO pour le SHC"/>
    <s v="Other"/>
    <x v="1"/>
    <s v="FileMaker"/>
    <x v="24"/>
    <s v="Internal Services"/>
    <s v="Information Management Services"/>
    <s v="DFO-1057"/>
    <s v="In Production"/>
    <s v=""/>
    <x v="0"/>
    <x v="1176"/>
  </r>
  <r>
    <x v="0"/>
    <x v="88"/>
    <x v="3376"/>
    <s v="WS FTP Pro"/>
    <s v="A FTP server for the distripution of scientific datasets to the public"/>
    <s v="Other"/>
    <x v="1"/>
    <s v="Ipswitch WSFTP"/>
    <x v="24"/>
    <s v="3.7 Hydrographic Products and Services"/>
    <s v="Other"/>
    <s v="DFO-1086"/>
    <s v="In Production"/>
    <s v=""/>
    <x v="0"/>
    <x v="545"/>
  </r>
  <r>
    <x v="6"/>
    <x v="57"/>
    <x v="3377"/>
    <s v="UPK"/>
    <s v="Online Training Tool"/>
    <s v="Oracle_Canada_ULC"/>
    <x v="68"/>
    <s v="Oracle - UPK"/>
    <x v="24"/>
    <s v="Internal Services"/>
    <s v="Financial Management Services"/>
    <s v="DFO-1088"/>
    <s v="In Production"/>
    <s v="rich"/>
    <x v="0"/>
    <x v="1177"/>
  </r>
  <r>
    <x v="0"/>
    <x v="85"/>
    <x v="3378"/>
    <s v="Markview"/>
    <s v="Scanning Software for Accounts Payable"/>
    <s v="Other"/>
    <x v="1"/>
    <s v="Kofax - Markview"/>
    <x v="24"/>
    <s v="Internal Services"/>
    <s v="Financial Management Services"/>
    <s v="DFO-1089"/>
    <s v="In Production"/>
    <s v="rich"/>
    <x v="0"/>
    <x v="1178"/>
  </r>
  <r>
    <x v="0"/>
    <x v="85"/>
    <x v="3379"/>
    <s v="Kofax Capture"/>
    <s v="Scanning Software for Accounts Payable"/>
    <s v="Other"/>
    <x v="1"/>
    <s v="Kofax - Capture"/>
    <x v="24"/>
    <s v="Internal Services"/>
    <s v="Financial Management Services"/>
    <s v="DFO-1090"/>
    <s v="In Production"/>
    <s v="rich"/>
    <x v="0"/>
    <x v="1179"/>
  </r>
  <r>
    <x v="0"/>
    <x v="28"/>
    <x v="3380"/>
    <s v="VDE+"/>
    <s v="Data Entry system for Science data"/>
    <s v="Other"/>
    <x v="1"/>
    <s v="Viking Software"/>
    <x v="24"/>
    <s v="Internal Services"/>
    <s v="Information Technology Services,Other"/>
    <s v="DFO-1091"/>
    <s v="In Production"/>
    <s v="web"/>
    <x v="0"/>
    <x v="1180"/>
  </r>
  <r>
    <x v="3"/>
    <x v="5"/>
    <x v="3381"/>
    <s v="DMP"/>
    <s v="Oracle database under construction to move 30+ years of data from flat files to database for all sections of Science Branch"/>
    <s v="Oracle_Canada_ULC"/>
    <x v="1"/>
    <s v=""/>
    <x v="24"/>
    <s v=""/>
    <s v="Other"/>
    <s v="DFO-1094"/>
    <s v="In Production"/>
    <s v=""/>
    <x v="1"/>
    <x v="1181"/>
  </r>
  <r>
    <x v="0"/>
    <x v="28"/>
    <x v="3382"/>
    <s v="WSDB"/>
    <s v="Oracle dataset and related mantainence utilities relating to information on whale sighting events."/>
    <s v=""/>
    <x v="1"/>
    <s v=""/>
    <x v="24"/>
    <s v="1.1 Integrated Fisheries Resource Management"/>
    <s v="Other"/>
    <s v="DFO-1099"/>
    <s v="In Production"/>
    <s v="rich"/>
    <x v="1"/>
    <x v="1182"/>
  </r>
  <r>
    <x v="0"/>
    <x v="28"/>
    <x v="3383"/>
    <s v="ABLDB"/>
    <s v="Data entry system used by the Aquatic Biotech Lab for DNA Samples tombstone data."/>
    <s v=""/>
    <x v="1"/>
    <s v=""/>
    <x v="24"/>
    <s v="1.6 Biotechnology and Genomics"/>
    <s v="Other"/>
    <s v="DFO-1100"/>
    <s v="In Production"/>
    <s v="rich"/>
    <x v="1"/>
    <x v="1182"/>
  </r>
  <r>
    <x v="6"/>
    <x v="33"/>
    <x v="3384"/>
    <s v="SBRM"/>
    <s v="for code table maintenance and reports of SHIPRQST database. Related to SBR system"/>
    <s v=""/>
    <x v="1"/>
    <s v=""/>
    <x v="24"/>
    <s v="1.11 Climate Change Adaptation Program"/>
    <s v="Other"/>
    <s v="DFO-1101"/>
    <s v="In Production"/>
    <s v="rich"/>
    <x v="1"/>
    <x v="1183"/>
  </r>
  <r>
    <x v="0"/>
    <x v="28"/>
    <x v="3385"/>
    <s v="Otolith Lab"/>
    <s v="Data entry application used by laboratory staff during reading of salmon otoliths for stock ID mass mark applications"/>
    <s v=""/>
    <x v="1"/>
    <s v=""/>
    <x v="24"/>
    <s v="1.1 Integrated Fisheries Resource Management"/>
    <s v="Other"/>
    <s v="DFO-1102"/>
    <s v="In Production"/>
    <s v="web"/>
    <x v="1"/>
    <x v="1184"/>
  </r>
  <r>
    <x v="0"/>
    <x v="28"/>
    <x v="3386"/>
    <s v="Otolith online"/>
    <s v="Web application for review of salmon otolith mass marking application and recovery data."/>
    <s v=""/>
    <x v="1"/>
    <s v=""/>
    <x v="24"/>
    <s v="1.1 Integrated Fisheries Resource Management"/>
    <s v="Other"/>
    <s v="DFO-1103"/>
    <s v="In Production"/>
    <s v="web"/>
    <x v="1"/>
    <x v="1185"/>
  </r>
  <r>
    <x v="0"/>
    <x v="28"/>
    <x v="3387"/>
    <s v="nuSEDS"/>
    <s v="Data entry and analysis of Pacific salmon escapement data"/>
    <s v=""/>
    <x v="1"/>
    <s v=""/>
    <x v="24"/>
    <s v="1.1 Integrated Fisheries Resource Management"/>
    <s v="Other"/>
    <s v="DFO-1104"/>
    <s v="In Production"/>
    <s v="rich"/>
    <x v="1"/>
    <x v="1186"/>
  </r>
  <r>
    <x v="0"/>
    <x v="28"/>
    <x v="3388"/>
    <s v="PADS"/>
    <s v="Data entry and analysis of fish age determination data"/>
    <s v=""/>
    <x v="1"/>
    <s v=""/>
    <x v="24"/>
    <s v="1.1 Integrated Fisheries Resource Management"/>
    <s v="Other"/>
    <s v="DFO-1105"/>
    <s v="In Production"/>
    <s v="rich"/>
    <x v="1"/>
    <x v="1186"/>
  </r>
  <r>
    <x v="0"/>
    <x v="28"/>
    <x v="3389"/>
    <s v="nuSEDS Extractor"/>
    <s v="Data querying and reporting tool for salmon escapement (nuSEDS) and fish aging (PADS) data (MRP Extractor-based)"/>
    <s v=""/>
    <x v="1"/>
    <s v=""/>
    <x v="24"/>
    <s v="1.1 Integrated Fisheries Resource Management"/>
    <s v="Other"/>
    <s v="DFO-1106"/>
    <s v="In Production"/>
    <s v="rich"/>
    <x v="1"/>
    <x v="1187"/>
  </r>
  <r>
    <x v="0"/>
    <x v="28"/>
    <x v="3390"/>
    <s v="MRPSYS"/>
    <m/>
    <s v=""/>
    <x v="1"/>
    <s v=""/>
    <x v="24"/>
    <s v="1.1 Integrated Fisheries Resource Management"/>
    <s v="Other"/>
    <s v="DFO-1107"/>
    <s v="In Production"/>
    <s v="web"/>
    <x v="1"/>
    <x v="1188"/>
  </r>
  <r>
    <x v="0"/>
    <x v="28"/>
    <x v="3391"/>
    <s v="MRPWS"/>
    <s v="A suite of web-based user-centric information interfaces for accessing salmon stock information provided by the MRP System (MRP SYS)"/>
    <s v=""/>
    <x v="1"/>
    <s v=""/>
    <x v="24"/>
    <s v="1.1 Integrated Fisheries Resource Management"/>
    <s v="Other"/>
    <s v="DFO-1108"/>
    <s v="In Production"/>
    <s v="web"/>
    <x v="1"/>
    <x v="1189"/>
  </r>
  <r>
    <x v="0"/>
    <x v="28"/>
    <x v="3392"/>
    <s v="MRPDE"/>
    <s v="Web-based data collection interfaces and associated database for entry of salmon mark recovery field sampling data and lab results."/>
    <s v=""/>
    <x v="1"/>
    <s v=""/>
    <x v="24"/>
    <s v="1.1 Integrated Fisheries Resource Management"/>
    <s v="Other"/>
    <s v="DFO-1110"/>
    <s v="In Production"/>
    <s v="web"/>
    <x v="1"/>
    <x v="1190"/>
  </r>
  <r>
    <x v="0"/>
    <x v="28"/>
    <x v="3393"/>
    <s v="MRPARCH"/>
    <s v="Storage and indexing of scanned field document images"/>
    <s v=""/>
    <x v="1"/>
    <s v=""/>
    <x v="24"/>
    <s v="1.1 Integrated Fisheries Resource Management"/>
    <s v="Other"/>
    <s v="DFO-1111"/>
    <s v="In Production"/>
    <s v="rich"/>
    <x v="1"/>
    <x v="1191"/>
  </r>
  <r>
    <x v="3"/>
    <x v="31"/>
    <x v="3394"/>
    <s v="SFLA"/>
    <s v="(Networked MS Access) Records commercial shellfish harvest log submissions; provides clearance info to PLS Very stable application and needs very little or no support.  When Pacific Licencing Application gets replaced with some National Licencing App, then there will be a burst of activity getting SFLA to communicate with the new licencing system."/>
    <s v=""/>
    <x v="1"/>
    <s v=""/>
    <x v="24"/>
    <s v="1.1 Integrated Fisheries Resource Management"/>
    <s v="Other"/>
    <s v="DFO-1121"/>
    <s v="In Production"/>
    <s v="web"/>
    <x v="1"/>
    <x v="1192"/>
  </r>
  <r>
    <x v="5"/>
    <x v="98"/>
    <x v="3395"/>
    <s v="Species at Risk Web Mapping"/>
    <s v="screening tool for proponents to determine whether their projects require further review by DFO under the Species at Risk Act"/>
    <s v="Other"/>
    <x v="1"/>
    <s v="GeoCortex by Latitude Geographics"/>
    <x v="24"/>
    <s v="2.3 Species at Risk Management"/>
    <s v="Other"/>
    <s v="DFO-1122"/>
    <s v="In Production"/>
    <s v="web"/>
    <x v="0"/>
    <x v="1193"/>
  </r>
  <r>
    <x v="0"/>
    <x v="28"/>
    <x v="3396"/>
    <s v="GFIS - C&amp;P"/>
    <s v="GFIS combines fish catch, effort, quota, and licensing and trip hail information."/>
    <s v=""/>
    <x v="1"/>
    <s v=""/>
    <x v="24"/>
    <s v="1.1 Integrated Fisheries Resource Management"/>
    <s v="Other"/>
    <s v="DFO-1124"/>
    <s v="In Production"/>
    <s v="web"/>
    <x v="1"/>
    <x v="1194"/>
  </r>
  <r>
    <x v="0"/>
    <x v="28"/>
    <x v="3397"/>
    <s v="GFIS - LIC"/>
    <m/>
    <s v=""/>
    <x v="1"/>
    <s v=""/>
    <x v="24"/>
    <s v="1.1 Integrated Fisheries Resource Management"/>
    <s v="Other"/>
    <s v="DFO-1125"/>
    <s v="In Production"/>
    <s v="web"/>
    <x v="1"/>
    <x v="1195"/>
  </r>
  <r>
    <x v="0"/>
    <x v="28"/>
    <x v="3398"/>
    <s v="GFIS - QUOTA"/>
    <s v="GFIS combines fish catch, effort, quota, and licensing and trip hail information."/>
    <s v=""/>
    <x v="1"/>
    <s v=""/>
    <x v="24"/>
    <s v="1.1 Integrated Fisheries Resource Management"/>
    <s v="Other"/>
    <s v="DFO-1126"/>
    <s v="In Production"/>
    <s v="web"/>
    <x v="1"/>
    <x v="116"/>
  </r>
  <r>
    <x v="0"/>
    <x v="28"/>
    <x v="3399"/>
    <s v="GFIS - STATS"/>
    <s v="GFIS combines fish catch, effort, quota, and licensing and trip hail information."/>
    <s v=""/>
    <x v="1"/>
    <s v=""/>
    <x v="24"/>
    <s v="1.1 Integrated Fisheries Resource Management"/>
    <s v="Other"/>
    <s v="DFO-1127"/>
    <s v="In Production"/>
    <s v="web"/>
    <x v="1"/>
    <x v="116"/>
  </r>
  <r>
    <x v="0"/>
    <x v="13"/>
    <x v="3400"/>
    <s v="CC"/>
    <s v="Common Core is a web based repository for all common fields in different fleet application"/>
    <s v=""/>
    <x v="1"/>
    <s v=""/>
    <x v="24"/>
    <s v="3.4 Fleet Operational Readiness"/>
    <s v="Other"/>
    <s v="DFO-1131"/>
    <s v="In Production"/>
    <s v="web"/>
    <x v="1"/>
    <x v="1196"/>
  </r>
  <r>
    <x v="4"/>
    <x v="5"/>
    <x v="3401"/>
    <s v="ISI"/>
    <s v=""/>
    <s v=""/>
    <x v="1"/>
    <s v=""/>
    <x v="24"/>
    <s v=""/>
    <s v=""/>
    <s v="DFO-1134"/>
    <s v="In Production"/>
    <s v=""/>
    <x v="1"/>
    <x v="106"/>
  </r>
  <r>
    <x v="0"/>
    <x v="43"/>
    <x v="3402"/>
    <s v="MyDFO"/>
    <s v="Web Application presenting Comms information"/>
    <s v=""/>
    <x v="1"/>
    <s v=""/>
    <x v="24"/>
    <s v="Internal Services"/>
    <s v="Communications Services"/>
    <s v="DFO-1137"/>
    <s v="In Production"/>
    <s v="web"/>
    <x v="1"/>
    <x v="1197"/>
  </r>
  <r>
    <x v="4"/>
    <x v="5"/>
    <x v="3403"/>
    <s v=""/>
    <s v=""/>
    <s v=""/>
    <x v="1"/>
    <s v=""/>
    <x v="24"/>
    <s v=""/>
    <s v=""/>
    <s v="DFO-1140"/>
    <s v="In Production"/>
    <s v=""/>
    <x v="2"/>
    <x v="106"/>
  </r>
  <r>
    <x v="5"/>
    <x v="90"/>
    <x v="3404"/>
    <s v="OWL"/>
    <s v="IIS/Oracle Web application for data access and presentation of real-time observed tidal levels on Pacific Coast. Uses the Xconnect COTS App for collection of realtime water level data from remote sites (Sutron/Xconnect). See also APM ID 234"/>
    <s v=""/>
    <x v="1"/>
    <s v=""/>
    <x v="24"/>
    <s v="3.7 Hydrographic Products and Services"/>
    <s v="Other"/>
    <s v="DFO-1145"/>
    <s v="In Production"/>
    <s v="web"/>
    <x v="1"/>
    <x v="1198"/>
  </r>
  <r>
    <x v="2"/>
    <x v="3"/>
    <x v="3405"/>
    <s v="CHS Training"/>
    <m/>
    <s v=""/>
    <x v="1"/>
    <s v=""/>
    <x v="24"/>
    <s v="3.7 Hydrographic Products and Services"/>
    <s v="Other"/>
    <s v="DFO-1147"/>
    <s v="In Production"/>
    <s v="web"/>
    <x v="1"/>
    <x v="1199"/>
  </r>
  <r>
    <x v="2"/>
    <x v="58"/>
    <x v="3406"/>
    <s v="CHS QMS"/>
    <s v="Web application for documenting non-conformities, preventative actions, opportunities for improvement in relation to nautical chart production and hydrographic data acquisition; handles work assignment and tracking; supports ISO 9001:2008 certification audits;  hosted by Pacific region but used by all regions. Co-located with Observed Water Levels DB – no additional licence or H/W support costs.  0.07 FTE maintenance.   Support Cost Score: 1 (&lt;$20K)"/>
    <s v=""/>
    <x v="1"/>
    <s v=""/>
    <x v="24"/>
    <s v="3.7 Hydrographic Products and Services"/>
    <s v="Other"/>
    <s v="DFO-1148"/>
    <s v="In Production"/>
    <s v="web"/>
    <x v="1"/>
    <x v="1199"/>
  </r>
  <r>
    <x v="2"/>
    <x v="3"/>
    <x v="3407"/>
    <s v="WebLeave"/>
    <m/>
    <s v=""/>
    <x v="1"/>
    <s v=""/>
    <x v="24"/>
    <s v="3.4 Fleet Operational Readiness"/>
    <s v="Human Resources Management Services"/>
    <s v="DFO-1154"/>
    <s v="In Production"/>
    <s v="web"/>
    <x v="1"/>
    <x v="1200"/>
  </r>
  <r>
    <x v="0"/>
    <x v="28"/>
    <x v="3408"/>
    <s v="MADCE"/>
    <s v="This is a data collection/modelling tool that is used to determine current/water conditions."/>
    <s v=""/>
    <x v="1"/>
    <s v=""/>
    <x v="24"/>
    <s v="3.4 Fleet Operational Readiness"/>
    <s v="Other"/>
    <s v="DFO-1155"/>
    <s v="In Production"/>
    <s v="web"/>
    <x v="1"/>
    <x v="1201"/>
  </r>
  <r>
    <x v="0"/>
    <x v="28"/>
    <x v="3409"/>
    <s v="MFA-CE"/>
    <s v="L’application GAP est un ensemble de sous-systèmes intégrés, fonctionnel depuis janvier 2000, qui a pour but de gérer les activités de la pêche dans l’environnement ORACLE pour la région du Québec.  L'application GAP inclut les sous-systèmes/modules de gestion et d'émission de permis, la gestion des conditions de permis, l'interface avec le paiement des permis par les banques, la gestion des contingents(Quotas)et des classes de permis, la gestion des bateaux et des locations, la gestion des intervenants (pêcheurs), la gestion des prises et efforts, l'interface avec le système des appels de sorties en mer (hail out), la réception et la gestion des appels en mer (hail in), la gestion des données d'acheteurs et un module de gestion des tables de pilotage("/>
    <s v=""/>
    <x v="1"/>
    <s v=""/>
    <x v="24"/>
    <s v="1.1 Integrated Fisheries Resource Management"/>
    <s v="Other"/>
    <s v="DFO-1156"/>
    <s v="In Production"/>
    <s v="rich"/>
    <x v="1"/>
    <x v="1202"/>
  </r>
  <r>
    <x v="0"/>
    <x v="28"/>
    <x v="3410"/>
    <s v="GAP-Permis"/>
    <s v="L’application GAP est un ensemble de sous-systèmes intégrés, fonctionnel depuis janvier 2000, qui a pour but de gérer les activités de la pêche dans l’environnement ORACLE pour la région du Québec.  L'application GAP inclut les sous-systèmes/modules de gestion et d'émission de permis, la gestion des conditions de permis, l'interface avec le paiement des permis par les banques, la gestion des contingents(Quotas)et des classes de permis, la gestion des bateaux et des locations, la gestion des intervenants (pêcheurs), la gestion des prises et efforts, l'interface avec le système des appels de sorties en mer (hail out), la réception et la gestion des appels en mer (hail in), la gestion des données d'acheteurs et un module de gestion des tables de pilotage("/>
    <s v=""/>
    <x v="1"/>
    <s v=""/>
    <x v="24"/>
    <s v="1.1 Integrated Fisheries Resource Management"/>
    <s v="Other"/>
    <s v="DFO-1157"/>
    <s v="In Production"/>
    <s v="rich"/>
    <x v="1"/>
    <x v="1203"/>
  </r>
  <r>
    <x v="0"/>
    <x v="28"/>
    <x v="3411"/>
    <s v="GAP-Achtr"/>
    <s v="L’application GAP est un ensemble de sous-systèmes intégrés, fonctionnel depuis janvier 2000, qui a pour but de gérer les activités de la pêche dans l’environnement ORACLE pour la région du Québec.  L'application GAP inclut les sous-systèmes/modules de gestion et d'émission de permis, la gestion des conditions de permis, l'interface avec le paiement des permis par les banques, la gestion des contingents(Quotas)et des classes de permis, la gestion des bateaux et des locations, la gestion des intervenants (pêcheurs), la gestion des prises et efforts, l'interface avec le système des appels de sorties en mer (hail out), la réception et la gestion des appels en mer (hail in), la gestion des données d'acheteurs et un module de gestion des tables de pilotage("/>
    <s v=""/>
    <x v="1"/>
    <s v=""/>
    <x v="24"/>
    <s v="1.1 Integrated Fisheries Resource Management"/>
    <s v="Other"/>
    <s v="DFO-1158"/>
    <s v="In Production"/>
    <s v="rich"/>
    <x v="1"/>
    <x v="1204"/>
  </r>
  <r>
    <x v="0"/>
    <x v="28"/>
    <x v="3412"/>
    <s v="GAP-PROB"/>
    <s v="L’application GAP est un ensemble de sous-systèmes intégrés, fonctionnel depuis janvier 2000, qui a pour but de gérer les activités de la pêche dans l’environnement ORACLE pour la région du Québec.  L'application GAP inclut les sous-systèmes/modules de gestion et d'émission de permis, la gestion des conditions de permis, l'interface avec le paiement des permis par les banques, la gestion des contingents(Quotas)et des classes de permis, la gestion des bateaux et des locations, la gestion des intervenants (pêcheurs), la gestion des prises et efforts, l'interface avec le système des appels de sorties en mer (hail out), la réception et la gestion des appels en mer (hail in), la gestion des données d'acheteurs et un module de gestion des tables de pilotage("/>
    <s v=""/>
    <x v="1"/>
    <s v=""/>
    <x v="24"/>
    <s v="1.1 Integrated Fisheries Resource Management"/>
    <s v="Other"/>
    <s v="DFO-1159"/>
    <s v="In Production"/>
    <s v="rich"/>
    <x v="1"/>
    <x v="1204"/>
  </r>
  <r>
    <x v="0"/>
    <x v="28"/>
    <x v="3413"/>
    <s v="GAP-GEST"/>
    <s v="L’application GAP est un ensemble de sous-systèmes intégrés, fonctionnel depuis janvier 2000, qui a pour but de gérer les activités de la pêche dans l’environnement ORACLE pour la région du Québec.  L'application GAP inclut les sous-systèmes/modules de gestion et d'émission de permis, la gestion des conditions de permis, l'interface avec le paiement des permis par les banques, la gestion des contingents(Quotas)et des classes de permis, la gestion des bateaux et des locations, la gestion des intervenants (pêcheurs), la gestion des prises et efforts, l'interface avec le système des appels de sorties en mer (hail out), la réception et la gestion des appels en mer (hail in), la gestion des données d'acheteurs et un module de gestion des tables de pilotage("/>
    <s v=""/>
    <x v="1"/>
    <s v=""/>
    <x v="24"/>
    <s v="1.1 Integrated Fisheries Resource Management"/>
    <s v="Other"/>
    <s v="DFO-1160"/>
    <s v="In Production"/>
    <s v="rich"/>
    <x v="1"/>
    <x v="1204"/>
  </r>
  <r>
    <x v="0"/>
    <x v="28"/>
    <x v="3414"/>
    <s v="GAP-Rapport"/>
    <s v="L’application GAP est un ensemble de sous-systèmes intégrés, fonctionnel depuis janvier 2000, qui a pour but de gérer les activités de la pêche dans l’environnement ORACLE pour la région du Québec.  L'application GAP inclut les sous-systèmes/modules de gestion et d'émission de permis, la gestion des conditions de permis, l'interface avec le paiement des permis par les banques, la gestion des contingents(Quotas)et des classes de permis, la gestion des bateaux et des locations, la gestion des intervenants (pêcheurs), la gestion des prises et efforts, l'interface avec le système des appels de sorties en mer (hail out), la réception et la gestion des appels en mer (hail in), la gestion des données d'acheteurs et un module de gestion des tables de pilotage("/>
    <s v=""/>
    <x v="1"/>
    <s v=""/>
    <x v="24"/>
    <s v="1.1 Integrated Fisheries Resource Management"/>
    <s v="Other"/>
    <s v="DFO-1161"/>
    <s v="In Production"/>
    <s v="rich"/>
    <x v="1"/>
    <x v="1205"/>
  </r>
  <r>
    <x v="0"/>
    <x v="28"/>
    <x v="3415"/>
    <s v="GSE"/>
    <s v="Data Entry system for Science data"/>
    <s v=""/>
    <x v="1"/>
    <s v=""/>
    <x v="24"/>
    <s v="1.1 Integrated Fisheries Resource Management"/>
    <s v="Information Management Services"/>
    <s v="DFO-1162"/>
    <s v="In Production"/>
    <s v="rich"/>
    <x v="1"/>
    <x v="1206"/>
  </r>
  <r>
    <x v="0"/>
    <x v="28"/>
    <x v="3416"/>
    <s v="APS-SearchTool"/>
    <s v="Intranet search tool"/>
    <s v=""/>
    <x v="1"/>
    <s v=""/>
    <x v="24"/>
    <s v="Internal Services"/>
    <s v="Information Management Services"/>
    <s v="DFO-1166"/>
    <s v="In Production"/>
    <s v="web"/>
    <x v="1"/>
    <x v="1207"/>
  </r>
  <r>
    <x v="1"/>
    <x v="1"/>
    <x v="3417"/>
    <s v="APS-WebAnalytics"/>
    <s v="Intranet/Internet Web Analytics Platform"/>
    <s v=""/>
    <x v="1"/>
    <s v=""/>
    <x v="24"/>
    <s v="Internal Services"/>
    <s v="Information Technology Services"/>
    <s v="DFO-1168"/>
    <s v="In Production"/>
    <s v="web"/>
    <x v="1"/>
    <x v="1208"/>
  </r>
  <r>
    <x v="1"/>
    <x v="101"/>
    <x v="3418"/>
    <s v="APS-Portal"/>
    <s v="Web-based portal allowing users to access applications deployed in APS web environments. Also enables developers to see deployment history, etc."/>
    <s v=""/>
    <x v="1"/>
    <s v=""/>
    <x v="24"/>
    <s v="Internal Services"/>
    <s v="Information Technology Services"/>
    <s v="DFO-1171"/>
    <s v="In Production"/>
    <s v="web"/>
    <x v="1"/>
    <x v="1209"/>
  </r>
  <r>
    <x v="0"/>
    <x v="18"/>
    <x v="3419"/>
    <s v="SB"/>
    <s v="Tool to gather feedback and ideas for projects"/>
    <s v=""/>
    <x v="1"/>
    <s v=""/>
    <x v="24"/>
    <s v="Internal Services"/>
    <s v="Communications Services"/>
    <s v="DFO-1172"/>
    <s v="In Production"/>
    <s v="rich"/>
    <x v="1"/>
    <x v="1210"/>
  </r>
  <r>
    <x v="0"/>
    <x v="28"/>
    <x v="3420"/>
    <s v="RESSAR"/>
    <s v="Outil permettant au groupe de Recherche et Sauvetage d'obtenir rapidement toutes les ressources et services disponibles près du site où une intervention de sauvetage est effectuée."/>
    <s v=""/>
    <x v="1"/>
    <s v=""/>
    <x v="24"/>
    <s v="3.1 Search and Rescue Services"/>
    <s v="Other"/>
    <s v="DFO-1173"/>
    <s v="In Production"/>
    <s v="rich"/>
    <x v="1"/>
    <x v="1211"/>
  </r>
  <r>
    <x v="0"/>
    <x v="28"/>
    <x v="3421"/>
    <s v="Poaching"/>
    <s v="Formulaire Internet permettant aux citoyens de signaler de possibles actes de braconnage."/>
    <s v=""/>
    <x v="1"/>
    <s v=""/>
    <x v="24"/>
    <s v="2.1 Compliance and Enforcement"/>
    <s v="Other"/>
    <s v="DFO-1175"/>
    <s v="In Production"/>
    <s v="web"/>
    <x v="1"/>
    <x v="1212"/>
  </r>
  <r>
    <x v="1"/>
    <x v="12"/>
    <x v="3422"/>
    <s v="NAMEF"/>
    <s v="This item is only used for incident Leave Change Logging uncheck  An intranet form to provide information needed to create, modify, or destroy a DFO computer account. This also allows the creation of a ticket for this request in ASSYST.  The application old name was &quot;ASSYST Accounts Management&quot;."/>
    <s v=""/>
    <x v="1"/>
    <s v=""/>
    <x v="24"/>
    <s v="Internal Services"/>
    <s v="Information Management Services"/>
    <s v="DFO-1176"/>
    <s v="In Production"/>
    <s v="web"/>
    <x v="1"/>
    <x v="1213"/>
  </r>
  <r>
    <x v="4"/>
    <x v="5"/>
    <x v="3423"/>
    <s v="XCS"/>
    <s v="MS Access based app for managing Credite Card and other expenditures on CCG Vesserls and boat stations in various regions"/>
    <s v=""/>
    <x v="1"/>
    <s v=""/>
    <x v="24"/>
    <s v=""/>
    <s v=""/>
    <s v="DFO-1178"/>
    <s v="In Production"/>
    <s v=""/>
    <x v="1"/>
    <x v="1214"/>
  </r>
  <r>
    <x v="5"/>
    <x v="14"/>
    <x v="3424"/>
    <s v="CTIN"/>
    <s v="Groupe de programmes développés pour interagir avec le COTS (TeraScan).  Part of Remote Sensing/Teledetection system"/>
    <s v="Other"/>
    <x v="1"/>
    <s v="Terascan par Seaspace"/>
    <x v="24"/>
    <s v="3.8 Ocean Forecasting"/>
    <s v="Other"/>
    <s v="DFO-1181"/>
    <s v="In Production"/>
    <s v="web"/>
    <x v="0"/>
    <x v="1215"/>
  </r>
  <r>
    <x v="5"/>
    <x v="5"/>
    <x v="3425"/>
    <s v="Hypoxie"/>
    <s v="Application essentielle utilisée pour le contrôle des bassins à l'Institut scientifique Maurice Lamontagne Desktop application"/>
    <s v=""/>
    <x v="1"/>
    <s v=""/>
    <x v="24"/>
    <s v=""/>
    <s v=""/>
    <s v="DFO-1183"/>
    <s v="In Production"/>
    <s v="desktop"/>
    <x v="1"/>
    <x v="1216"/>
  </r>
  <r>
    <x v="5"/>
    <x v="5"/>
    <x v="3426"/>
    <s v="TempLog"/>
    <s v="Application essentielle utilisée pour le contrôle des bassins à l'Institut scientifique Maurice Lamontagne not on the network"/>
    <s v=""/>
    <x v="1"/>
    <s v=""/>
    <x v="24"/>
    <s v=""/>
    <s v=""/>
    <s v="DFO-1184"/>
    <s v="In Production"/>
    <s v="desktop"/>
    <x v="1"/>
    <x v="1216"/>
  </r>
  <r>
    <x v="0"/>
    <x v="28"/>
    <x v="3427"/>
    <s v="notSHIPS/AVIS"/>
    <s v="Service Web qui permet de récupérer les informations sur les avis écrits enregistrés dans le système Ms-Access FRANKLIN utilisé à C&amp;A, Terre-Neuve et Maritimes. Ces informations sont conservées dans une BD Oracle et une application dynamique permets aux navigateurs de rechercher et visualiser les avis vis l'Internet du MPO."/>
    <s v=""/>
    <x v="1"/>
    <s v=""/>
    <x v="24"/>
    <s v="Internal Services"/>
    <s v="Information Management Services,Real Property Services"/>
    <s v="DFO-1213"/>
    <s v="In Production"/>
    <s v="web"/>
    <x v="1"/>
    <x v="1217"/>
  </r>
  <r>
    <x v="4"/>
    <x v="5"/>
    <x v="3428"/>
    <s v="ISE"/>
    <s v="Ichthyoplankton Surveys Entry and validation forms as well as maintenance to an Oracle database backend."/>
    <s v=""/>
    <x v="1"/>
    <s v=""/>
    <x v="24"/>
    <s v=""/>
    <s v="Other"/>
    <s v="DFO-1215"/>
    <s v="In Production"/>
    <s v="web"/>
    <x v="1"/>
    <x v="1218"/>
  </r>
  <r>
    <x v="2"/>
    <x v="64"/>
    <x v="3429"/>
    <s v="ABB"/>
    <s v="Activity Based Budgetting/Planning tool"/>
    <s v=""/>
    <x v="1"/>
    <s v=""/>
    <x v="24"/>
    <s v="3.4 Fleet Operational Readiness"/>
    <s v="Financial Management Services"/>
    <s v="DFO-1218"/>
    <s v="In Production"/>
    <s v="rich"/>
    <x v="1"/>
    <x v="1219"/>
  </r>
  <r>
    <x v="6"/>
    <x v="57"/>
    <x v="3430"/>
    <s v="NTTT or NT3"/>
    <s v="Tool to track training for CCG Employees"/>
    <s v=""/>
    <x v="1"/>
    <s v=""/>
    <x v="24"/>
    <s v="3.4 Fleet Operational Readiness"/>
    <s v="Human Resources Management Services,Information Management Services"/>
    <s v="DFO-1219"/>
    <s v="In Production"/>
    <s v="rich"/>
    <x v="1"/>
    <x v="1220"/>
  </r>
  <r>
    <x v="0"/>
    <x v="28"/>
    <x v="3431"/>
    <s v="VORS"/>
    <s v="Web Application - Variation Order requests system"/>
    <s v=""/>
    <x v="1"/>
    <s v=""/>
    <x v="24"/>
    <s v="2.2 Fisheries Protection"/>
    <s v="Information Management Services"/>
    <s v="DFO-1228"/>
    <s v="In Production"/>
    <s v="web"/>
    <x v="1"/>
    <x v="1221"/>
  </r>
  <r>
    <x v="5"/>
    <x v="5"/>
    <x v="3432"/>
    <s v="BUOYS"/>
    <s v="L'application des bouées est une application desktop qui existe sur le poste d'acquisition des données de bouées à l'Institut Maurice-Lamontagne pour envoyer celles-ci dans une base de données en temps réel."/>
    <s v=""/>
    <x v="1"/>
    <s v=""/>
    <x v="24"/>
    <s v=""/>
    <s v=""/>
    <s v="DFO-1229"/>
    <s v="In Production"/>
    <s v="desktop"/>
    <x v="1"/>
    <x v="1222"/>
  </r>
  <r>
    <x v="0"/>
    <x v="0"/>
    <x v="3433"/>
    <s v="GCCMS"/>
    <s v="Tracks correspondance for DFO"/>
    <s v="WorkDynamics_Technologies_Inc"/>
    <x v="43"/>
    <s v=""/>
    <x v="24"/>
    <s v="Internal Services"/>
    <s v="Information Management Services"/>
    <s v="DFO-1230"/>
    <s v="In Production"/>
    <s v="rich"/>
    <x v="0"/>
    <x v="88"/>
  </r>
  <r>
    <x v="5"/>
    <x v="90"/>
    <x v="3434"/>
    <s v="WS-Carto"/>
    <s v="Services GIS pour accès aux prévisions de courants et glaces des modèles scientifiques MOGSL, STLE et NEMO http://ws.ns-shc.qc.dfo-mpo.gc.ca/ Système de prévisions de Courants et Glace pour le Golfe et l'Estuaire du St-Laurent. Ce système comprend 3 services web, soir un WMS qui produit des images des données, un  WCS qui fournit les données brutes des couches matricielles et un WFS qui fournit le données brutes des images générées. Entretien des applications installées sur le serveur."/>
    <s v=""/>
    <x v="1"/>
    <s v=""/>
    <x v="24"/>
    <s v="3.7 Hydrographic Products and Services"/>
    <s v="Other"/>
    <s v="DFO-1231"/>
    <s v="In Production"/>
    <s v="web"/>
    <x v="1"/>
    <x v="1223"/>
  </r>
  <r>
    <x v="5"/>
    <x v="90"/>
    <x v="3435"/>
    <s v="CENPWLN"/>
    <s v="CENPWLN is the Water level system for Central and Arctic region. It consists of a network of water level monitors, installed in tidal stations, using hardware by Sutron. Hardware is usually a datalogger device. The Central and Arctic regional office in Burlington, Ontario pulls data (via modem and in some cases via IP) from all sites using Sutron Xconnect software installed on 2 computers (see also APM ID # 234) .  At some sites, the Data logger pushes water level data to the WDS system (see APM ID # 915). At some sites, the Data logger pushes water level data to NOAA via satellite. Sutron Xconnect software writes the data to an Oracle database (xcmanager@ svonburxp166.ent.dfo-mpo.ca:1521/cenpwlnp). There is also a pull from this database for Observed"/>
    <s v=""/>
    <x v="1"/>
    <s v=""/>
    <x v="24"/>
    <s v="3.7 Hydrographic Products and Services"/>
    <s v="Other"/>
    <s v="DFO-1234"/>
    <s v="In Production"/>
    <s v="rich"/>
    <x v="1"/>
    <x v="1224"/>
  </r>
  <r>
    <x v="5"/>
    <x v="90"/>
    <x v="3436"/>
    <s v="ArcGIS LS NCR"/>
    <s v="ESRI ArcGIS License Server - Distributes desktop licenses to clients"/>
    <s v="ESRI_Canada_Limited"/>
    <x v="69"/>
    <s v="ESRI ArcGIS License Manager"/>
    <x v="24"/>
    <s v="Internal Services"/>
    <s v="Information Management Services,Information Technology Services"/>
    <s v="DFO-1235"/>
    <s v="In Production"/>
    <s v="rich"/>
    <x v="0"/>
    <x v="1225"/>
  </r>
  <r>
    <x v="5"/>
    <x v="90"/>
    <x v="3437"/>
    <s v="ArcGIS LS BIO"/>
    <s v="ESRI ArcGIS License Server - Distributes desktop licenses to clients"/>
    <s v="ESRI_Canada_Limited"/>
    <x v="69"/>
    <s v="ESRI ArcGIS License Manager"/>
    <x v="24"/>
    <s v="Internal Services"/>
    <s v="Information Management Services,Information Technology Services"/>
    <s v="DFO-1236"/>
    <s v="In Production"/>
    <s v="rich"/>
    <x v="0"/>
    <x v="1226"/>
  </r>
  <r>
    <x v="5"/>
    <x v="90"/>
    <x v="3438"/>
    <s v="ArcGIS LS C&amp;A"/>
    <s v="ESRI ArcGIS License Server - Distributes desktop licenses to clients"/>
    <s v="ESRI_Canada_Limited"/>
    <x v="69"/>
    <s v="ESRI ArcGIS License Manager"/>
    <x v="24"/>
    <s v="Internal Services"/>
    <s v="Information Management Services,Information Technology Services"/>
    <s v="DFO-1237"/>
    <s v="In Production"/>
    <s v="rich"/>
    <x v="0"/>
    <x v="1227"/>
  </r>
  <r>
    <x v="5"/>
    <x v="90"/>
    <x v="3439"/>
    <s v="ArcGIS LS QC"/>
    <s v="ESRI ArcGIS License Server - Distributes desktop licenses to clients"/>
    <s v="ESRI_Canada_Limited"/>
    <x v="69"/>
    <s v="ESRI ArcGIS License Manager"/>
    <x v="24"/>
    <s v="Internal Services"/>
    <s v="Information Management Services,Information Technology Services"/>
    <s v="DFO-1238"/>
    <s v="In Production"/>
    <s v="rich"/>
    <x v="0"/>
    <x v="1228"/>
  </r>
  <r>
    <x v="5"/>
    <x v="90"/>
    <x v="3440"/>
    <s v="ArcGIS LS PAC"/>
    <s v="ESRI ArcGIS License Server - Distributes desktop licenses to clients"/>
    <s v="ESRI_Canada_Limited"/>
    <x v="69"/>
    <s v="ESRI ArcGIS License Manager"/>
    <x v="24"/>
    <s v="Internal Services"/>
    <s v="Information Management Services,Information Technology Services"/>
    <s v="DFO-1239"/>
    <s v="In Production"/>
    <s v="rich"/>
    <x v="0"/>
    <x v="1229"/>
  </r>
  <r>
    <x v="3"/>
    <x v="45"/>
    <x v="3441"/>
    <s v="ArchivesSHC"/>
    <s v="Archives des données du SHC depuis 1989 (rétention infinie)"/>
    <s v="Other"/>
    <x v="1"/>
    <s v="BackupExec + Drobo"/>
    <x v="24"/>
    <s v="Internal Services"/>
    <s v="Information Management Services"/>
    <s v="DFO-1242"/>
    <s v="In Production"/>
    <s v=""/>
    <x v="0"/>
    <x v="1230"/>
  </r>
  <r>
    <x v="5"/>
    <x v="90"/>
    <x v="3442"/>
    <s v="CSSP"/>
    <s v="GIS app to identify Shellfish openings and closures"/>
    <s v="ESRI_Canada_Limited"/>
    <x v="45"/>
    <s v=""/>
    <x v="24"/>
    <s v="1.5 Aquatic Animal Health"/>
    <s v="Information Management Services,Information Technology Services"/>
    <s v="DFO-1244"/>
    <s v="In Production"/>
    <s v="rich"/>
    <x v="0"/>
    <x v="1231"/>
  </r>
  <r>
    <x v="0"/>
    <x v="43"/>
    <x v="3443"/>
    <s v="CHSNATWEB"/>
    <s v="CHS National website. Canadian Hydrographic Service (CHS)’s exceptional nautical charts and navigational products help ensure the safe navigation of Canada’s waterways."/>
    <s v=""/>
    <x v="1"/>
    <s v=""/>
    <x v="24"/>
    <s v="3.7 Hydrographic Products and Services"/>
    <s v="Communications Services"/>
    <s v="DFO-1245"/>
    <s v="In Production"/>
    <s v="web"/>
    <x v="1"/>
    <x v="1232"/>
  </r>
  <r>
    <x v="5"/>
    <x v="90"/>
    <x v="3444"/>
    <s v="ArcGIS Online"/>
    <s v="ESRI licensed Cloud based GIS software"/>
    <s v="ESRI_Canada_Limited"/>
    <x v="70"/>
    <s v=""/>
    <x v="24"/>
    <s v="Internal Services"/>
    <s v="Information Technology Services"/>
    <s v="DFO-1246"/>
    <s v="In Production"/>
    <s v="web"/>
    <x v="0"/>
    <x v="577"/>
  </r>
  <r>
    <x v="5"/>
    <x v="90"/>
    <x v="3445"/>
    <s v="GeoWizard"/>
    <s v="ET GeoWizards is a set of powerful functions that will help the ArcGIS users to manipulate data with easy. GIS tools that are an extension of ESRI's ArcGIS Desktop software"/>
    <s v="Other"/>
    <x v="1"/>
    <s v="ET SpatialTechniques - ET GeoWizards"/>
    <x v="24"/>
    <s v="Internal Services"/>
    <s v="Information Technology Services"/>
    <s v="DFO-1247"/>
    <s v="In Production"/>
    <s v=""/>
    <x v="0"/>
    <x v="577"/>
  </r>
  <r>
    <x v="5"/>
    <x v="90"/>
    <x v="3446"/>
    <s v="Geocortex"/>
    <s v="GIS tools that are an extension of ESRI's ArcGIS Desktop software"/>
    <s v="Other"/>
    <x v="1"/>
    <s v="Latitude Geographics - Geocortex Essentials"/>
    <x v="24"/>
    <s v="Internal Services"/>
    <s v="Information Technology Services"/>
    <s v="DFO-1248"/>
    <s v="In Production"/>
    <s v=""/>
    <x v="0"/>
    <x v="1233"/>
  </r>
  <r>
    <x v="3"/>
    <x v="45"/>
    <x v="3447"/>
    <s v="HPDProjectReleaser"/>
    <s v="Application permettant d'envoyer une mise-à-jour/release d'une carte marine au HQ. [Outil qui permet de changer le statut d'un projet dans HPD]"/>
    <s v=""/>
    <x v="1"/>
    <s v=""/>
    <x v="24"/>
    <s v="1.8 Marine Navigation"/>
    <s v="Information Management Services"/>
    <s v="DFO-1249"/>
    <s v="In Production"/>
    <s v=""/>
    <x v="1"/>
    <x v="1234"/>
  </r>
  <r>
    <x v="0"/>
    <x v="43"/>
    <x v="3448"/>
    <s v="ISDMNatWeb"/>
    <s v="ISDM National website. Mandate is to manage and archive ocean data collected by DFO, or acquired through national and international programmes conducted in ocean areas adjacent to Canada, and to disseminate data, data products, and services to the marine community in accordance with the policies of the Department."/>
    <s v=""/>
    <x v="1"/>
    <s v=""/>
    <x v="24"/>
    <s v="3.7 Hydrographic Products and Services"/>
    <s v="Communications Services"/>
    <s v="DFO-1250"/>
    <s v="In Production"/>
    <s v="web"/>
    <x v="1"/>
    <x v="1235"/>
  </r>
  <r>
    <x v="3"/>
    <x v="45"/>
    <x v="3449"/>
    <s v="LIMa"/>
    <s v="Application pour faire la gestion des maréomètres (EMS)"/>
    <s v=""/>
    <x v="1"/>
    <s v=""/>
    <x v="24"/>
    <s v="1.8 Marine Navigation"/>
    <s v="Information Management Services"/>
    <s v="DFO-1251"/>
    <s v="In Production"/>
    <s v=""/>
    <x v="1"/>
    <x v="1236"/>
  </r>
  <r>
    <x v="5"/>
    <x v="98"/>
    <x v="3450"/>
    <s v="NaviSailor"/>
    <s v="COTS ECDIS (Electronic Chart Display &amp; Information System) software used by shipping companies and others for chart navigation. Used by CHS for verification and quality assurance of digital chart display on commercial systems."/>
    <s v="Other"/>
    <x v="1"/>
    <s v="Transas NaviSailor"/>
    <x v="24"/>
    <s v="1.8 Marine Navigation"/>
    <s v="Other"/>
    <s v="DFO-1252"/>
    <s v="In Production"/>
    <s v=""/>
    <x v="0"/>
    <x v="545"/>
  </r>
  <r>
    <x v="5"/>
    <x v="98"/>
    <x v="3451"/>
    <s v="OpenCPN"/>
    <s v="Application for viewing nautical charts for overview and verification purposes. Electronic chart viewer software for looking at BSB-format charts."/>
    <s v="Other"/>
    <x v="1"/>
    <s v="OpenCPN"/>
    <x v="24"/>
    <s v="1.8 Marine Navigation"/>
    <s v="Other"/>
    <s v="DFO-1253"/>
    <s v="In Production"/>
    <s v=""/>
    <x v="0"/>
    <x v="545"/>
  </r>
  <r>
    <x v="5"/>
    <x v="94"/>
    <x v="3452"/>
    <s v="Spine.NET"/>
    <s v="Permet de voir en temps réel le niveau d'eau sous la coque du bateau de sondage"/>
    <s v=""/>
    <x v="1"/>
    <s v=""/>
    <x v="24"/>
    <s v="1.8 Marine Navigation"/>
    <s v="Information Management Services"/>
    <s v="DFO-1257"/>
    <s v="In Production"/>
    <s v=""/>
    <x v="1"/>
    <x v="1237"/>
  </r>
  <r>
    <x v="5"/>
    <x v="14"/>
    <x v="3453"/>
    <s v="TidePredTools"/>
    <s v="Application de chargement des prédictions de niveaux d'eau"/>
    <s v=""/>
    <x v="1"/>
    <s v=""/>
    <x v="24"/>
    <s v="1.8 Marine Navigation"/>
    <s v="Other"/>
    <s v="DFO-1258"/>
    <s v="In Production"/>
    <s v="rich"/>
    <x v="1"/>
    <x v="1238"/>
  </r>
  <r>
    <x v="5"/>
    <x v="90"/>
    <x v="3454"/>
    <s v="xTools"/>
    <s v="XTools Pro is a third party extensions for ArcGIS for Desktop end users providing a lot of various tools and features for working with spatial data and attributes in ArcGIS, vector spatial analysis, shape conversion and table management."/>
    <s v="Other"/>
    <x v="1"/>
    <s v="XTools, LLC - Xtools Pro"/>
    <x v="24"/>
    <s v="Internal Services"/>
    <s v="Information Technology Services"/>
    <s v="DFO-1259"/>
    <s v="In Production"/>
    <s v="desktop"/>
    <x v="0"/>
    <x v="1236"/>
  </r>
  <r>
    <x v="0"/>
    <x v="28"/>
    <x v="3455"/>
    <s v="MTRB"/>
    <s v="Application to track TC Board Decision Exemption"/>
    <s v=""/>
    <x v="1"/>
    <s v=""/>
    <x v="24"/>
    <s v="3.4 Fleet Operational Readiness"/>
    <s v="Information Management Services"/>
    <s v="DFO-1260"/>
    <s v="In Production"/>
    <s v="rich"/>
    <x v="1"/>
    <x v="1219"/>
  </r>
  <r>
    <x v="1"/>
    <x v="12"/>
    <x v="3456"/>
    <s v="ICD"/>
    <s v="IT asset and service management software"/>
    <s v="Other"/>
    <x v="1"/>
    <s v="IBM Control Desk"/>
    <x v="24"/>
    <s v="Internal Services"/>
    <s v="Information Management Services,Information Technology Services"/>
    <s v="DFO-1261"/>
    <s v="In Production"/>
    <s v="rich"/>
    <x v="0"/>
    <x v="1239"/>
  </r>
  <r>
    <x v="2"/>
    <x v="40"/>
    <x v="3457"/>
    <s v="PMIS"/>
    <s v="Application for monitoring and controlling capital projects. New module of CCG Financial portal including ABB"/>
    <s v=""/>
    <x v="1"/>
    <s v=""/>
    <x v="24"/>
    <s v="3.4 Fleet Operational Readiness"/>
    <s v="Financial Management Services"/>
    <s v="DFO-1262"/>
    <s v="In Production"/>
    <s v="rich"/>
    <x v="1"/>
    <x v="1219"/>
  </r>
  <r>
    <x v="4"/>
    <x v="5"/>
    <x v="3458"/>
    <s v="ICS"/>
    <s v="Application for effectively reponsing to a potential spill"/>
    <s v="Other"/>
    <x v="1"/>
    <s v="intermedix"/>
    <x v="24"/>
    <s v="3.4 Fleet Operational Readiness"/>
    <s v="Other"/>
    <s v="DFO-1263"/>
    <s v="In Production"/>
    <s v="rich"/>
    <x v="0"/>
    <x v="1240"/>
  </r>
  <r>
    <x v="5"/>
    <x v="90"/>
    <x v="3459"/>
    <s v="PACPWLN"/>
    <s v="PACPWLN is the Water level system for Pacific region. It consists of a network of water level monitors, installed in Pacific coast tidal stations, using hardware by Sutron. Hardware is usually a datalogger device. The Pacific regional office in Sidney at IOS pulls data (via modem and in some cases via IP) from all sites using Sutron Xconnect software installed on 2 computers (see also APM ID # 234) .  At some sites, the Data logger pushes water level data to the WDS system (see APM ID # 915). At some sites, the Data logger pushes water level data to NOAA via satellite. Sutron Xconnect software writes the data to an Oracle database (xcmanager@vsbciosxp75.ent.dfo-mpo.ca:1521/prod1). There is also a pull from this database for Observed Water Levels on the"/>
    <s v="Other"/>
    <x v="1"/>
    <s v="Xconnect by Sutron"/>
    <x v="24"/>
    <s v="3.7 Hydrographic Products and Services"/>
    <s v="Other"/>
    <s v="DFO-1271"/>
    <s v="In Production"/>
    <s v="rich"/>
    <x v="1"/>
    <x v="1224"/>
  </r>
  <r>
    <x v="5"/>
    <x v="94"/>
    <x v="3460"/>
    <s v="ASVPCleaner"/>
    <s v="Permet de nettoyer les données acquises lors de test de vitesse du son dans l'eau"/>
    <s v=""/>
    <x v="1"/>
    <s v=""/>
    <x v="24"/>
    <s v="1.8 Marine Navigation"/>
    <s v="Information Management Services"/>
    <s v="DFO-1273"/>
    <s v="In Production"/>
    <s v="desktop"/>
    <x v="1"/>
    <x v="1241"/>
  </r>
  <r>
    <x v="0"/>
    <x v="62"/>
    <x v="3461"/>
    <s v="NFIS"/>
    <m/>
    <s v="Other"/>
    <x v="1"/>
    <s v="i2 Base"/>
    <x v="24"/>
    <s v=""/>
    <s v="Information Management Services"/>
    <s v="DFO-1275"/>
    <s v="In Production"/>
    <s v="rich"/>
    <x v="1"/>
    <x v="1242"/>
  </r>
  <r>
    <x v="0"/>
    <x v="8"/>
    <x v="3462"/>
    <s v="FRIS"/>
    <s v="The FRIS information gets posted to the DFO website and also on the new Fishing BC app that was developed by an external contractor in partnership with the BC Sport Fishing Institute and DFO. http://www.pac.dfo-mpo.gc.ca/fm-gp/rec/index-eng.html http://www.pac.dfo-mpo.gc.ca/fm-gp/rec/index-fra.html"/>
    <s v=""/>
    <x v="1"/>
    <s v=""/>
    <x v="24"/>
    <s v="1.1 Integrated Fisheries Management"/>
    <s v="Management and Oversight Services"/>
    <s v="DFO-1276"/>
    <s v="In Production"/>
    <s v="rich"/>
    <x v="1"/>
    <x v="1243"/>
  </r>
  <r>
    <x v="4"/>
    <x v="5"/>
    <x v="3463"/>
    <s v="Catalogue"/>
    <s v="The DFO data cataloguing tool is a metadata management tool to manage the departmental inventory of data assets and to support data publication.  This initiative is a collaboration with Environment Canada (EC) and Natural Resources Canada (NRCan)."/>
    <s v="Other"/>
    <x v="1"/>
    <s v="GeoNetwork"/>
    <x v="24"/>
    <s v=""/>
    <s v=""/>
    <s v="DFO-1277"/>
    <s v="In Production"/>
    <s v="rich"/>
    <x v="0"/>
    <x v="106"/>
  </r>
  <r>
    <x v="4"/>
    <x v="5"/>
    <x v="3464"/>
    <s v="ATLAS_DPP"/>
    <s v="Outil cartographique donnant accès aux données sur les espèces et les habitats nécessaires aux opérations de la division de la protection des pêches."/>
    <s v="ESRI_Canada_Limited"/>
    <x v="69"/>
    <s v=""/>
    <x v="24"/>
    <s v=""/>
    <s v=""/>
    <s v="DFO-1278"/>
    <s v="In Production"/>
    <s v=""/>
    <x v="0"/>
    <x v="1244"/>
  </r>
  <r>
    <x v="4"/>
    <x v="5"/>
    <x v="3465"/>
    <s v="ICONTRIBUTE"/>
    <s v="Tool for recording and reporting on Collaborative Agreements (ARC)"/>
    <s v=""/>
    <x v="1"/>
    <s v=""/>
    <x v="24"/>
    <s v=""/>
    <s v=""/>
    <s v="DFO-1279"/>
    <s v="In Production"/>
    <s v=""/>
    <x v="1"/>
    <x v="1245"/>
  </r>
  <r>
    <x v="1"/>
    <x v="101"/>
    <x v="3466"/>
    <s v="IT SELF-SERVICE PORTAL/PORTAIL LIBRE-SERVICE TI"/>
    <s v="This item can only be used to capture incidents ** Leave Change Logging&quot; uncheck&quot;"/>
    <s v="Other"/>
    <x v="1"/>
    <s v="Axios Enterprise"/>
    <x v="24"/>
    <s v="Internal Services"/>
    <s v="Acquisition Services"/>
    <s v="DFO-1280"/>
    <s v="In Production"/>
    <s v=""/>
    <x v="0"/>
    <x v="1246"/>
  </r>
  <r>
    <x v="0"/>
    <x v="7"/>
    <x v="3467"/>
    <s v="RM"/>
    <s v="Paper record Management system"/>
    <s v="Other"/>
    <x v="1"/>
    <s v="Opentext"/>
    <x v="24"/>
    <s v="Internal Services"/>
    <s v="Information Management Services"/>
    <s v="DFO-1281"/>
    <s v="In Production"/>
    <s v="desktop"/>
    <x v="0"/>
    <x v="117"/>
  </r>
  <r>
    <x v="10"/>
    <x v="80"/>
    <x v="3468"/>
    <s v="SWI"/>
    <m/>
    <s v=""/>
    <x v="1"/>
    <s v=""/>
    <x v="24"/>
    <s v=""/>
    <s v="Information Management Services"/>
    <s v="DFO-1282"/>
    <s v="In Production"/>
    <s v=""/>
    <x v="1"/>
    <x v="1247"/>
  </r>
  <r>
    <x v="2"/>
    <x v="2"/>
    <x v="3469"/>
    <s v="KINTANA"/>
    <s v="Change Management Application"/>
    <s v="Hewlett_Packard_Canada_Co"/>
    <x v="1"/>
    <s v=""/>
    <x v="24"/>
    <s v="Internal Services"/>
    <s v="Financial Management Services"/>
    <s v="DFO-1283"/>
    <s v="In Production"/>
    <s v="rich"/>
    <x v="0"/>
    <x v="1243"/>
  </r>
  <r>
    <x v="4"/>
    <x v="5"/>
    <x v="3470"/>
    <s v="FR"/>
    <s v="This software is used to monitor the health of the ColdFusion Application Servers in the Pacific Region.  This software will also be used in the NCR data centre as well in the near future."/>
    <s v=""/>
    <x v="1"/>
    <s v=""/>
    <x v="24"/>
    <s v=""/>
    <s v="Information Management Services"/>
    <s v="DFO-1284"/>
    <s v="In Production"/>
    <s v="web"/>
    <x v="0"/>
    <x v="1248"/>
  </r>
  <r>
    <x v="10"/>
    <x v="84"/>
    <x v="3471"/>
    <s v="APS-LISTS"/>
    <s v="Tool to manage email mailing lists"/>
    <s v="Other"/>
    <x v="1"/>
    <s v="phpList"/>
    <x v="24"/>
    <s v="Internal Services"/>
    <s v="Other"/>
    <s v="DFO-1287"/>
    <s v="In Production"/>
    <s v="web"/>
    <x v="0"/>
    <x v="1249"/>
  </r>
  <r>
    <x v="4"/>
    <x v="5"/>
    <x v="3472"/>
    <s v="AT"/>
    <s v=""/>
    <s v=""/>
    <x v="1"/>
    <s v=""/>
    <x v="24"/>
    <s v=""/>
    <s v=""/>
    <s v="DFO-1289"/>
    <s v="In Production"/>
    <s v=""/>
    <x v="1"/>
    <x v="1246"/>
  </r>
  <r>
    <x v="4"/>
    <x v="5"/>
    <x v="3473"/>
    <s v="BIOINTERWEB"/>
    <s v=""/>
    <s v=""/>
    <x v="1"/>
    <s v=""/>
    <x v="24"/>
    <s v=""/>
    <s v=""/>
    <s v="DFO-1291"/>
    <s v="In Production"/>
    <s v=""/>
    <x v="1"/>
    <x v="117"/>
  </r>
  <r>
    <x v="8"/>
    <x v="38"/>
    <x v="3474"/>
    <s v="BUG"/>
    <s v="Bug tracking tool for developers"/>
    <s v="Other"/>
    <x v="1"/>
    <s v="The Bug Genie"/>
    <x v="24"/>
    <s v="Internal Services"/>
    <s v="Information Technology Services"/>
    <s v="DFO-1292"/>
    <s v="In Production"/>
    <s v="web"/>
    <x v="0"/>
    <x v="1249"/>
  </r>
  <r>
    <x v="4"/>
    <x v="5"/>
    <x v="3475"/>
    <s v=""/>
    <s v=""/>
    <s v=""/>
    <x v="1"/>
    <s v=""/>
    <x v="24"/>
    <s v=""/>
    <s v=""/>
    <s v="DFO-1293"/>
    <s v="In Production"/>
    <s v=""/>
    <x v="2"/>
    <x v="106"/>
  </r>
  <r>
    <x v="4"/>
    <x v="5"/>
    <x v="3476"/>
    <s v="CDA-ADC"/>
    <s v=""/>
    <s v=""/>
    <x v="1"/>
    <s v=""/>
    <x v="24"/>
    <s v=""/>
    <s v=""/>
    <s v="DFO-1294"/>
    <s v="In Production"/>
    <s v=""/>
    <x v="1"/>
    <x v="106"/>
  </r>
  <r>
    <x v="10"/>
    <x v="60"/>
    <x v="3477"/>
    <s v="APSCMDB"/>
    <m/>
    <s v=""/>
    <x v="1"/>
    <s v=""/>
    <x v="24"/>
    <s v="Internal Services"/>
    <s v="Information Technology Services"/>
    <s v="DFO-1296"/>
    <s v="In Production"/>
    <s v="web"/>
    <x v="1"/>
    <x v="1249"/>
  </r>
  <r>
    <x v="0"/>
    <x v="8"/>
    <x v="3478"/>
    <s v="DAISYCMS"/>
    <s v="Wiki-based content management system"/>
    <s v="Other"/>
    <x v="1"/>
    <s v="Daisy CMS"/>
    <x v="24"/>
    <s v="Internal Services"/>
    <s v="Information Management Services"/>
    <s v="DFO-1298"/>
    <s v="In Production"/>
    <s v="web"/>
    <x v="0"/>
    <x v="1250"/>
  </r>
  <r>
    <x v="4"/>
    <x v="5"/>
    <x v="3479"/>
    <s v="EC"/>
    <s v=""/>
    <s v=""/>
    <x v="1"/>
    <s v=""/>
    <x v="24"/>
    <s v=""/>
    <s v=""/>
    <s v="DFO-1302"/>
    <s v="In Production"/>
    <s v=""/>
    <x v="1"/>
    <x v="106"/>
  </r>
  <r>
    <x v="4"/>
    <x v="5"/>
    <x v="3480"/>
    <s v="EOSPCODES"/>
    <s v=""/>
    <s v=""/>
    <x v="1"/>
    <s v=""/>
    <x v="24"/>
    <s v=""/>
    <s v=""/>
    <s v="DFO-1304"/>
    <s v="In Production"/>
    <s v=""/>
    <x v="1"/>
    <x v="1251"/>
  </r>
  <r>
    <x v="4"/>
    <x v="5"/>
    <x v="3481"/>
    <s v="EOSSTD"/>
    <s v=""/>
    <s v=""/>
    <x v="1"/>
    <s v=""/>
    <x v="24"/>
    <s v=""/>
    <s v=""/>
    <s v="DFO-1305"/>
    <s v="In Production"/>
    <s v=""/>
    <x v="1"/>
    <x v="106"/>
  </r>
  <r>
    <x v="3"/>
    <x v="15"/>
    <x v="3482"/>
    <s v="FIMP_ODS"/>
    <s v="Common Vessel Table populated from 5 regional fishing licensing systems"/>
    <s v=""/>
    <x v="1"/>
    <s v="not COTS"/>
    <x v="24"/>
    <s v="Fisheries Management"/>
    <s v="Information Management Services"/>
    <s v="DFO-1306"/>
    <s v="In Production"/>
    <s v="web"/>
    <x v="1"/>
    <x v="1252"/>
  </r>
  <r>
    <x v="4"/>
    <x v="5"/>
    <x v="3483"/>
    <s v=""/>
    <s v=""/>
    <s v=""/>
    <x v="1"/>
    <s v=""/>
    <x v="24"/>
    <s v=""/>
    <s v=""/>
    <s v="DFO-1312"/>
    <s v="In Production"/>
    <s v=""/>
    <x v="2"/>
    <x v="1251"/>
  </r>
  <r>
    <x v="4"/>
    <x v="5"/>
    <x v="3484"/>
    <s v="itl-ac"/>
    <s v="In the Loop is a weekly email newsletter published on the Department’s intranet that keeps employees informed about what’s happening at Fisheries and Oceans Canada and the Canadian Coast Guard"/>
    <s v=""/>
    <x v="1"/>
    <s v=""/>
    <x v="24"/>
    <s v=""/>
    <s v=""/>
    <s v="DFO-1313"/>
    <s v="In Production"/>
    <s v=""/>
    <x v="1"/>
    <x v="1253"/>
  </r>
  <r>
    <x v="4"/>
    <x v="5"/>
    <x v="3485"/>
    <s v=""/>
    <s v=""/>
    <s v=""/>
    <x v="1"/>
    <s v=""/>
    <x v="24"/>
    <s v=""/>
    <s v=""/>
    <s v="DFO-1314"/>
    <s v="In Production"/>
    <s v=""/>
    <x v="2"/>
    <x v="106"/>
  </r>
  <r>
    <x v="4"/>
    <x v="5"/>
    <x v="3486"/>
    <s v="LISTEDISTRIB"/>
    <s v="Registration and management utility of email distribution list for Quebec communications Infoceans  publication"/>
    <s v=""/>
    <x v="1"/>
    <s v=""/>
    <x v="24"/>
    <s v="Internal Services"/>
    <s v="Communications Services"/>
    <s v="DFO-1316"/>
    <s v="In Production"/>
    <s v="web"/>
    <x v="1"/>
    <x v="1254"/>
  </r>
  <r>
    <x v="4"/>
    <x v="5"/>
    <x v="3487"/>
    <s v=""/>
    <s v=""/>
    <s v=""/>
    <x v="1"/>
    <s v=""/>
    <x v="24"/>
    <s v=""/>
    <s v=""/>
    <s v="DFO-1323"/>
    <s v="In Production"/>
    <s v=""/>
    <x v="2"/>
    <x v="106"/>
  </r>
  <r>
    <x v="0"/>
    <x v="28"/>
    <x v="3488"/>
    <s v="NUSEDS_GIS"/>
    <s v="database to relate Pacific salmon escapement data from NUSEDS database to geographic data in order to support mapping using geographic information systems"/>
    <s v=""/>
    <x v="1"/>
    <s v=""/>
    <x v="24"/>
    <s v="1.1 Integrated Fisheries Resource Management"/>
    <s v="Other"/>
    <s v="DFO-1327"/>
    <s v="In Production"/>
    <s v="web"/>
    <x v="1"/>
    <x v="1255"/>
  </r>
  <r>
    <x v="4"/>
    <x v="5"/>
    <x v="3489"/>
    <s v="NOPD"/>
    <s v=""/>
    <s v=""/>
    <x v="1"/>
    <s v=""/>
    <x v="24"/>
    <s v=""/>
    <s v=""/>
    <s v="DFO-1329"/>
    <s v="In Production"/>
    <s v=""/>
    <x v="1"/>
    <x v="106"/>
  </r>
  <r>
    <x v="2"/>
    <x v="10"/>
    <x v="3490"/>
    <s v="OpenLM"/>
    <s v="OpenLM License Management software"/>
    <s v="Other"/>
    <x v="1"/>
    <s v="OpenLM"/>
    <x v="24"/>
    <s v="Internal Services"/>
    <s v="Information Technology Services"/>
    <s v="DFO-1330"/>
    <s v="In Production"/>
    <s v=""/>
    <x v="0"/>
    <x v="537"/>
  </r>
  <r>
    <x v="4"/>
    <x v="5"/>
    <x v="3491"/>
    <s v=""/>
    <s v=""/>
    <s v=""/>
    <x v="1"/>
    <s v=""/>
    <x v="24"/>
    <s v=""/>
    <s v=""/>
    <s v="DFO-1334"/>
    <s v="In Production"/>
    <s v=""/>
    <x v="2"/>
    <x v="106"/>
  </r>
  <r>
    <x v="4"/>
    <x v="5"/>
    <x v="3492"/>
    <s v="AAR"/>
    <m/>
    <s v=""/>
    <x v="1"/>
    <s v=""/>
    <x v="24"/>
    <s v="1.1 Integrated Fisheries Management"/>
    <s v="Information Management Services,Information Technology Services"/>
    <s v="DFO-1340"/>
    <s v="In Production"/>
    <s v="web"/>
    <x v="1"/>
    <x v="1256"/>
  </r>
  <r>
    <x v="0"/>
    <x v="28"/>
    <x v="3493"/>
    <s v="CPMDB"/>
    <s v="New Initiative Tracking tool: To assist in tracking new initiatives in a central location and generate reports on an as required basis"/>
    <s v=""/>
    <x v="1"/>
    <s v=""/>
    <x v="24"/>
    <s v="Internal Services"/>
    <s v="Information Management Services,Information Technology Services,Management and Oversight Services,Other"/>
    <s v="DFO-1354"/>
    <s v="In Production"/>
    <s v="desktop"/>
    <x v="1"/>
    <x v="1257"/>
  </r>
  <r>
    <x v="5"/>
    <x v="14"/>
    <x v="3494"/>
    <s v="WsSentinelleFixed"/>
    <s v="Java web service that disseminates data related to the Quebec region fisheries program called Pêche Sentinelles Fixes"/>
    <s v=""/>
    <x v="1"/>
    <s v=""/>
    <x v="24"/>
    <s v="1.1 Integrated Fisheries Management"/>
    <s v="Information Management Services"/>
    <s v="DFO-1355"/>
    <s v="In Production"/>
    <s v="web"/>
    <x v="1"/>
    <x v="1258"/>
  </r>
  <r>
    <x v="5"/>
    <x v="14"/>
    <x v="3495"/>
    <s v="WsSentinelleMobile"/>
    <s v="Java web service that disseminates data related to the Quebec region fisheries program called Pêche Sentinelles mobile"/>
    <s v=""/>
    <x v="1"/>
    <s v=""/>
    <x v="24"/>
    <s v="1.1 Integrated Fisheries Management"/>
    <s v="Information Management Services"/>
    <s v="DFO-1356"/>
    <s v="In Production"/>
    <s v="web"/>
    <x v="1"/>
    <x v="1258"/>
  </r>
  <r>
    <x v="5"/>
    <x v="14"/>
    <x v="3496"/>
    <s v="WsHalieutique"/>
    <s v=".Net web service that disseminates normalized data gathered during the yearly Teleost surveys (annual fish sampling and monitoring program)"/>
    <s v=""/>
    <x v="1"/>
    <s v=""/>
    <x v="24"/>
    <s v="1.1 Integrated Fisheries Management"/>
    <s v="Information Management Services"/>
    <s v="DFO-1357"/>
    <s v="In Production"/>
    <s v="web"/>
    <x v="1"/>
    <x v="1259"/>
  </r>
  <r>
    <x v="5"/>
    <x v="14"/>
    <x v="3497"/>
    <s v="WsObservations"/>
    <s v=".Net web service that disseminates near real-time data coming from the national oceanographic buoys program as well as annual sampled data coming from thermographs -physical and chemical data"/>
    <s v=""/>
    <x v="1"/>
    <s v=""/>
    <x v="24"/>
    <s v="2.5 Oceans Management"/>
    <s v="Information Management Services"/>
    <s v="DFO-1358"/>
    <s v="In Production"/>
    <s v="web"/>
    <x v="1"/>
    <x v="1259"/>
  </r>
  <r>
    <x v="2"/>
    <x v="2"/>
    <x v="3498"/>
    <s v="ABACUS"/>
    <s v="Financial and Materiel Management System, implementation of Oracle Financials Encompasses: Accounts Payables, Accounts Receivables, Fixed Assets, Government Acquisition Cards, General Ledger, Project Accounting, Purchasing."/>
    <s v="Oracle_Canada_ULC"/>
    <x v="1"/>
    <s v="Oracle - R12.1.3"/>
    <x v="24"/>
    <s v="Internal Services"/>
    <s v="Financial Management Services"/>
    <s v="DFO-164"/>
    <s v="In Production"/>
    <s v="rich"/>
    <x v="0"/>
    <x v="1260"/>
  </r>
  <r>
    <x v="2"/>
    <x v="32"/>
    <x v="2250"/>
    <s v="Site Secure"/>
    <s v="Building and security management software solution  http://www.sitesecuresoftware.com/"/>
    <s v="Other"/>
    <x v="1"/>
    <s v="Site-Secure"/>
    <x v="24"/>
    <s v="Internal Services"/>
    <s v="Real Property Services"/>
    <s v="DFO-185"/>
    <s v="In Production"/>
    <s v="rich"/>
    <x v="0"/>
    <x v="1261"/>
  </r>
  <r>
    <x v="4"/>
    <x v="5"/>
    <x v="3499"/>
    <s v="VHF-DSC"/>
    <s v="Very High Frequency (VHF) Digital Selective Calling (DSC) is a standard for sending pre-defined digital messages via very-high-frequency (VHF) maritime radio systems."/>
    <s v=""/>
    <x v="1"/>
    <s v=""/>
    <x v="24"/>
    <s v=""/>
    <s v=""/>
    <s v="DFO-213"/>
    <s v="In Production"/>
    <s v="appliance"/>
    <x v="0"/>
    <x v="106"/>
  </r>
  <r>
    <x v="5"/>
    <x v="90"/>
    <x v="3500"/>
    <s v="XConnect"/>
    <s v="Is the piece of software used by Atlantic, C&amp;A, and Pacific region of CHS(not Quebec), to poll stations and feed their regional water level system. It’s a COTS supplied by the tides stations vendor(Sutron). Mike Sheward supports it in Pacific region, and help CHS-C&amp;A when they have issues. Craig Wright supports it for Atlantic region."/>
    <s v="Other"/>
    <x v="1"/>
    <s v="Sutron"/>
    <x v="24"/>
    <s v="3.7 Hydrographic Products and Services"/>
    <s v="Other"/>
    <s v="DFO-234"/>
    <s v="In Production"/>
    <s v="rich"/>
    <x v="0"/>
    <x v="1262"/>
  </r>
  <r>
    <x v="2"/>
    <x v="9"/>
    <x v="3501"/>
    <s v="APGIS"/>
    <s v="Manage Contribution Agreements for Aboriginal Programs"/>
    <s v=""/>
    <x v="1"/>
    <s v=""/>
    <x v="24"/>
    <s v="1.2 Aboriginal Strategies and Governance"/>
    <s v="Other"/>
    <s v="DFO-236"/>
    <s v="In Production"/>
    <s v="rich"/>
    <x v="1"/>
    <x v="1263"/>
  </r>
  <r>
    <x v="0"/>
    <x v="28"/>
    <x v="3502"/>
    <s v="ACRDP"/>
    <s v="Project tracking application"/>
    <s v=""/>
    <x v="1"/>
    <s v=""/>
    <x v="24"/>
    <s v="1.3 Sustainable Aquaculture Program"/>
    <s v="Other"/>
    <s v="DFO-239"/>
    <s v="In Production"/>
    <s v="rich"/>
    <x v="1"/>
    <x v="1264"/>
  </r>
  <r>
    <x v="0"/>
    <x v="28"/>
    <x v="3503"/>
    <s v="AIS"/>
    <s v="Search and management of acronyms."/>
    <s v=""/>
    <x v="1"/>
    <s v=""/>
    <x v="24"/>
    <s v="Internal Services"/>
    <s v="Communications Services,Information Management Services"/>
    <s v="DFO-240"/>
    <s v="In Production"/>
    <s v="rich"/>
    <x v="1"/>
    <x v="1265"/>
  </r>
  <r>
    <x v="0"/>
    <x v="28"/>
    <x v="3504"/>
    <s v="ACTIVEFISHING"/>
    <s v="Vessel Hails/Broadcasts daily reports on which fishing vessels in the Pacific fleet are currently carrying out fishing activities. Used largely by C&amp;P"/>
    <s v=""/>
    <x v="1"/>
    <s v=""/>
    <x v="24"/>
    <s v="1.1 Integrated Fisheries Resource Management"/>
    <s v="Other"/>
    <s v="DFO-242"/>
    <s v="In Production"/>
    <s v="web"/>
    <x v="1"/>
    <x v="1266"/>
  </r>
  <r>
    <x v="0"/>
    <x v="28"/>
    <x v="3505"/>
    <s v="AGEDB"/>
    <s v="Data entry system for data specifically related to ageing materials. PED staff conduct ageing research for stock evaluations on a variety of marine finfish to provide scientific advice for fisheries management. Accurate ageing of fish is essential for effective evaluation of stock status. Age-based fisheries assessment models use the history of fish populations, including the number of fish in each year class, to help predict what will happen to the stocks in the future. This AGEDB system is an Oracle Form 10g Intranet web application running internally on the DFOnet(OZ) from Marbiod11. When the application is launched it connects to the mfd_ages (synonymss to groundfish, mfd_port_samples, observer, vdc_dev) schema in the BANK Oracle database which is"/>
    <s v=""/>
    <x v="1"/>
    <s v=""/>
    <x v="24"/>
    <s v="1.1 Integrated Fisheries Resource Management"/>
    <s v="Other"/>
    <s v="DFO-248"/>
    <s v="In Production"/>
    <s v="web"/>
    <x v="1"/>
    <x v="1267"/>
  </r>
  <r>
    <x v="0"/>
    <x v="28"/>
    <x v="3506"/>
    <s v="Aides - Balisage"/>
    <s v="Intranet application to update and monitor buoy tending operations. Also used to display the comlete status of buoy tending operations on Marinfo website."/>
    <s v=""/>
    <x v="1"/>
    <s v=""/>
    <x v="24"/>
    <s v="1.8 Marine Navigation"/>
    <s v="Other"/>
    <s v="DFO-249"/>
    <s v="In Production"/>
    <s v="web"/>
    <x v="1"/>
    <x v="1268"/>
  </r>
  <r>
    <x v="0"/>
    <x v="28"/>
    <x v="3507"/>
    <s v="AIMS"/>
    <s v="Intranet reporting tool on transfers of licences and vessels related to aboriginal"/>
    <s v=""/>
    <x v="1"/>
    <s v=""/>
    <x v="24"/>
    <s v="1.2 Aboriginal Strategies and Governance"/>
    <s v="Other"/>
    <s v="DFO-250"/>
    <s v="In Production"/>
    <s v="web"/>
    <x v="1"/>
    <x v="1265"/>
  </r>
  <r>
    <x v="0"/>
    <x v="87"/>
    <x v="3508"/>
    <s v="Anon QA"/>
    <s v="Form to create a question/answer that can be submitted anonymously on Intranet. Used by IMTS to gather feedback following important initiatives and meetings."/>
    <s v=""/>
    <x v="1"/>
    <s v=""/>
    <x v="24"/>
    <s v="Internal Services"/>
    <s v="Communications Services,Information Management Services"/>
    <s v="DFO-255"/>
    <s v="In Production"/>
    <s v="web"/>
    <x v="1"/>
    <x v="1269"/>
  </r>
  <r>
    <x v="0"/>
    <x v="28"/>
    <x v="3509"/>
    <s v="AQUIIS"/>
    <s v="Aquaculture Management system"/>
    <s v=""/>
    <x v="1"/>
    <s v=""/>
    <x v="24"/>
    <s v="1.3 Sustainable Aquaculture Program"/>
    <s v="Other"/>
    <s v="DFO-261"/>
    <s v="In Production"/>
    <s v="web"/>
    <x v="1"/>
    <x v="1270"/>
  </r>
  <r>
    <x v="0"/>
    <x v="28"/>
    <x v="3510"/>
    <s v="AIS"/>
    <s v="Track information about aquatic invasive species. Aquatic Invasive Species is a web application used to load and store geo-referenced settings of aquatic invasive species in Canada. The goal of the application is centralize geo-referenced data collected and observed by DFO scientists in the effort to visualize and analyse the growth, spread or reduction of aquatic invasive species in Canada. The application is visible on the Internet at www.meds-sdmm.dfo-mpo.gc.ca/ais. The AIS application requires DFO scientists to obtain an account to load PDF documents, add/edit/delete datasets (individually or by spreadsheet), search, and download data.  There are four different types of users: Administrative user is assigned to designated individuals providing them"/>
    <s v=""/>
    <x v="1"/>
    <s v=""/>
    <x v="24"/>
    <s v="2.6 Aquatic Invasive Species"/>
    <s v="Other"/>
    <s v="DFO-263"/>
    <s v="In Production"/>
    <s v="web"/>
    <x v="1"/>
    <x v="1271"/>
  </r>
  <r>
    <x v="2"/>
    <x v="32"/>
    <x v="3511"/>
    <s v="ARCHIBUS"/>
    <m/>
    <s v="Other"/>
    <x v="1"/>
    <s v="Archibus"/>
    <x v="24"/>
    <s v="Internal Services"/>
    <s v="Real Property Services"/>
    <s v="DFO-265"/>
    <s v="In Production"/>
    <s v="rich"/>
    <x v="0"/>
    <x v="1272"/>
  </r>
  <r>
    <x v="0"/>
    <x v="28"/>
    <x v="3512"/>
    <s v="ARGO"/>
    <s v="Manage information about ARGO floats - Global oceanographic measurement equipment. http://www.argo.net/ The Argo data system was developed in 1999 as part of Canada contributions to data management component of the international Argo program. The system is used to process data (temperature, salinity, oxygen and etc.) collected by profiling floats deployed by Canadian scientists. The profiling floats collect data down to 2000 meters and transmit data via satellite system each time they surface. After data have been processing at ISDM, they are available freely to general public within 24 hours of the float surface via Internet and Global Telecommunication System (GTS). The Argo data system runs normally every 6 hours and 7 days a week. The goal of the s"/>
    <s v=""/>
    <x v="1"/>
    <s v=""/>
    <x v="24"/>
    <s v="3.8 Ocean Forecasting"/>
    <s v="Other"/>
    <s v="DFO-267"/>
    <s v="In Production"/>
    <s v="web"/>
    <x v="1"/>
    <x v="1273"/>
  </r>
  <r>
    <x v="0"/>
    <x v="28"/>
    <x v="3513"/>
    <s v="APCM"/>
    <m/>
    <s v="Other"/>
    <x v="1"/>
    <s v="Access Pro Suite"/>
    <x v="24"/>
    <s v="Internal Services"/>
    <s v="Other"/>
    <s v="DFO-273"/>
    <s v="In Production"/>
    <s v="rich"/>
    <x v="0"/>
    <x v="1274"/>
  </r>
  <r>
    <x v="0"/>
    <x v="28"/>
    <x v="3514"/>
    <s v="DIARY"/>
    <s v="The Atlantic Salmon Diary database application supports the entry and reporting of fish data for fish caught at various Nova Scotia rivers and pools."/>
    <s v=""/>
    <x v="1"/>
    <s v=""/>
    <x v="24"/>
    <s v="1.1 Integrated Fisheries Resource Management"/>
    <s v="Other"/>
    <s v="DFO-278"/>
    <s v="In Production"/>
    <s v="rich"/>
    <x v="1"/>
    <x v="1275"/>
  </r>
  <r>
    <x v="0"/>
    <x v="28"/>
    <x v="3515"/>
    <s v="ASEF"/>
    <s v="The Atlantic Salmon Enumeration Facilities (ASEF) Database is an Access database linked to Oracle Tables containing records relating to counts and morphological characteristics of Atlantic salmon captured and released by assessment technicians at enumeration facilities in the Maritimes Region. The database includes statistics on salmon captured over many years."/>
    <s v=""/>
    <x v="1"/>
    <s v=""/>
    <x v="24"/>
    <s v="1.1 Integrated Fisheries Resource Management"/>
    <s v="Other"/>
    <s v="DFO-279"/>
    <s v="In Production"/>
    <s v="rich"/>
    <x v="1"/>
    <x v="1276"/>
  </r>
  <r>
    <x v="0"/>
    <x v="28"/>
    <x v="3516"/>
    <s v="ASIR"/>
    <s v="(http://www.glf.dfo-mpo.gc.ca/Gulf/asir/index) Atlantic salmon returning to some rivers of the Maritime provinces are captured and counted at monitoring facilities. Salmon are captured using various methods. Counts of salmon at barrier fences, counting fences, fishways and at dams usually represent the total run size of fish at that point in the river. Counts at trapnets in estuaries represent partial counts to the river."/>
    <s v=""/>
    <x v="1"/>
    <s v=""/>
    <x v="24"/>
    <s v="1.1 Integrated Fisheries Resource Management"/>
    <s v="Other"/>
    <s v="DFO-280"/>
    <s v="In Production"/>
    <s v="web"/>
    <x v="1"/>
    <x v="1277"/>
  </r>
  <r>
    <x v="0"/>
    <x v="28"/>
    <x v="3517"/>
    <s v="IASLG"/>
    <s v="Outil cartographique donnant accès aux données pertinentes pour la gestion intégrée du Golfe du Saint-Laurent."/>
    <s v=""/>
    <x v="1"/>
    <s v=""/>
    <x v="24"/>
    <s v="1.1 Integrated Fisheries Resource Management"/>
    <s v="Acquisition Services"/>
    <s v="DFO-281"/>
    <s v="In Production"/>
    <s v="rich"/>
    <x v="1"/>
    <x v="1278"/>
  </r>
  <r>
    <x v="0"/>
    <x v="28"/>
    <x v="3518"/>
    <s v="AvaDepth"/>
    <s v="AvaDepth is a computerized Internet reporting system that forecasts available water depths for vessels navigating the Fraser River South Arm Channel."/>
    <s v=""/>
    <x v="1"/>
    <s v=""/>
    <x v="24"/>
    <s v="1.8 Marine Navigation"/>
    <s v="Other"/>
    <s v="DFO-289"/>
    <s v="In Production"/>
    <s v="web"/>
    <x v="1"/>
    <x v="1279"/>
  </r>
  <r>
    <x v="5"/>
    <x v="98"/>
    <x v="3519"/>
    <s v="Fledermaus"/>
    <s v="Backscatter and multi-beam data processing and QA tool"/>
    <s v="Other"/>
    <x v="1"/>
    <s v="QPS Fledermauas"/>
    <x v="24"/>
    <s v="1.8 Marine Navigation"/>
    <s v="Other"/>
    <s v="DFO-291"/>
    <s v="In Production"/>
    <s v=""/>
    <x v="0"/>
    <x v="86"/>
  </r>
  <r>
    <x v="5"/>
    <x v="90"/>
    <x v="3520"/>
    <s v="FME"/>
    <s v="GIS tools that are an extension of ESRI's ArcGIS Desktop software"/>
    <s v="Other"/>
    <x v="1"/>
    <s v="Safe Software - FME Professional"/>
    <x v="24"/>
    <s v="Internal Services"/>
    <s v="Information Technology Services"/>
    <s v="DFO-292"/>
    <s v="In Production"/>
    <s v=""/>
    <x v="0"/>
    <x v="106"/>
  </r>
  <r>
    <x v="1"/>
    <x v="12"/>
    <x v="3521"/>
    <s v="AssystWEB and assystNET"/>
    <s v="IT Service management toolset (ticketing system and client Web portal)  Integrated IT Service Management (ITSM) toolset (Workflow and Service Management –WSM Tool) This software is an integrated tool based on the IT Infrastructure Library (ITIL) set of best practices and were architected around the critical function of configuration management.  Assyst will store such information as the callers name, office location, sotware/hardware configuration, description of incident, action to resolve, etc."/>
    <s v="Other"/>
    <x v="1"/>
    <s v="Axios assyst from Axios"/>
    <x v="24"/>
    <s v="Internal Services"/>
    <s v="Information Management Services,Information Technology Services"/>
    <s v="DFO-295"/>
    <s v="In Production"/>
    <s v="web"/>
    <x v="0"/>
    <x v="1280"/>
  </r>
  <r>
    <x v="10"/>
    <x v="60"/>
    <x v="3522"/>
    <s v="BATMAN"/>
    <s v="Removed: only 1 concurrent user, therefore not an application per TBS criteria Manages batch jobs for ISDM Manages batch jobs for ISDM. The Batch Management (Batman) application allows the remote scheduling and execution of batch jobs. It is comprised of two components: a client written in Jython, and a server written in Java. The client is run from a user's machine on the DFO network and connects to a Batman server instance running on a separate machine. Batman is typically used for running jobs that  take a long time to execute, have heavy resource requirements, need to run outside of regular working hours, or that need to execute on a specific schedule. Batman is not limited in the types of jobs it can execute, so long as the server has the necessar"/>
    <s v=""/>
    <x v="1"/>
    <s v=""/>
    <x v="24"/>
    <s v="Internal Services"/>
    <s v="Information Management Services,Information Technology Services"/>
    <s v="DFO-303"/>
    <s v="In Production"/>
    <s v=""/>
    <x v="1"/>
    <x v="1281"/>
  </r>
  <r>
    <x v="5"/>
    <x v="90"/>
    <x v="3523"/>
    <s v="Biochem"/>
    <s v="(http://www.meds-sdmm.dfo-mpo.gc.ca/BioChem/biochem-eng.htm) Manages a data warehouse of plankton and discrete oceanographic data. BioChem is a web-based application that allows users to query the contents of the BioChem archives, upload and edit data.  The Biochem Archives can be queried over the web by DFO employees, other departments, non-governmental organizations and the general public. Some of the data contained in the BioChem archives is restricted to DFO employees because the data is provided by third parties and arrangements were agreed to. Most of the data in the archives is accessible to the general public. The web application also allows internal DFO data managers to upload and quality control their data into the BioChem archives.  It also"/>
    <s v=""/>
    <x v="1"/>
    <s v=""/>
    <x v="24"/>
    <s v="3.8 Ocean Forecasting"/>
    <s v="Other"/>
    <s v="DFO-308"/>
    <s v="In Production"/>
    <s v="web"/>
    <x v="1"/>
    <x v="1282"/>
  </r>
  <r>
    <x v="0"/>
    <x v="87"/>
    <x v="3524"/>
    <s v="Blog"/>
    <s v="Communication tool for integration in Intranet web sites, used by CIO and other directors."/>
    <s v=""/>
    <x v="1"/>
    <s v=""/>
    <x v="24"/>
    <s v="Internal Services"/>
    <s v="Communications Services,Information Management Services"/>
    <s v="DFO-311"/>
    <s v="In Production"/>
    <s v="web"/>
    <x v="1"/>
    <x v="1269"/>
  </r>
  <r>
    <x v="8"/>
    <x v="37"/>
    <x v="97"/>
    <s v="Bugzilla"/>
    <s v="Software for tracking software bugs in ISDM applications"/>
    <s v="Other"/>
    <x v="1"/>
    <s v="Mozilla, Bugzilla"/>
    <x v="24"/>
    <s v="1.8 Marine Navigation"/>
    <s v="Information Management Services,Information Technology Services"/>
    <s v="DFO-312"/>
    <s v="In Production"/>
    <s v="rich"/>
    <x v="0"/>
    <x v="1283"/>
  </r>
  <r>
    <x v="0"/>
    <x v="28"/>
    <x v="3525"/>
    <s v="INSPECTIONS (ID)"/>
    <m/>
    <s v=""/>
    <x v="1"/>
    <s v=""/>
    <x v="24"/>
    <s v="2.1 Compliance and Enforcement"/>
    <s v="Other"/>
    <s v="DFO-315"/>
    <s v="In Production"/>
    <s v="rich"/>
    <x v="1"/>
    <x v="1170"/>
  </r>
  <r>
    <x v="0"/>
    <x v="28"/>
    <x v="3526"/>
    <s v="PRIORS"/>
    <m/>
    <s v=""/>
    <x v="1"/>
    <s v=""/>
    <x v="24"/>
    <s v="2.1 Compliance and Enforcement"/>
    <s v="Other"/>
    <s v="DFO-316"/>
    <s v="In Production"/>
    <s v="rich"/>
    <x v="1"/>
    <x v="1284"/>
  </r>
  <r>
    <x v="2"/>
    <x v="40"/>
    <x v="3527"/>
    <s v="CPOPS"/>
    <s v="Operational Planning"/>
    <s v=""/>
    <x v="1"/>
    <s v=""/>
    <x v="24"/>
    <s v="2.1 Compliance and Enforcement"/>
    <s v="Other"/>
    <s v="DFO-318"/>
    <s v="In Production"/>
    <s v="rich"/>
    <x v="1"/>
    <x v="1285"/>
  </r>
  <r>
    <x v="6"/>
    <x v="61"/>
    <x v="3528"/>
    <s v="C&amp;P Voluntary Fitness Objective Results"/>
    <s v="Application to allow Fishery Officers to print out certificates of accomplishment and voluntarily enter the time it took them to run C&amp;P fitness activities."/>
    <s v=""/>
    <x v="1"/>
    <s v=""/>
    <x v="24"/>
    <s v="3.3 Maritime Security"/>
    <s v="Other"/>
    <s v="DFO-322"/>
    <s v="In Production"/>
    <s v="rich"/>
    <x v="1"/>
    <x v="1286"/>
  </r>
  <r>
    <x v="6"/>
    <x v="33"/>
    <x v="3529"/>
    <s v="CAL"/>
    <s v="Communication tool for integration in Intranet and Internet websites to create events list and calendars. Used for communicating Public Consultations on Internet."/>
    <s v=""/>
    <x v="1"/>
    <s v=""/>
    <x v="24"/>
    <s v="1.1 Integrated Fisheries Resource Management"/>
    <s v="Communications Services,Communications Services"/>
    <s v="DFO-324"/>
    <s v="In Production"/>
    <s v="web"/>
    <x v="1"/>
    <x v="1287"/>
  </r>
  <r>
    <x v="0"/>
    <x v="28"/>
    <x v="3530"/>
    <s v="CFIN - FOR"/>
    <s v="Application for tracking fishing by foreign vessels"/>
    <s v=""/>
    <x v="1"/>
    <s v=""/>
    <x v="24"/>
    <s v="2.1 Compliance and Enforcement"/>
    <s v="Other"/>
    <s v="DFO-334"/>
    <s v="In Production"/>
    <s v="rich"/>
    <x v="1"/>
    <x v="1288"/>
  </r>
  <r>
    <x v="0"/>
    <x v="28"/>
    <x v="3531"/>
    <s v="CGSDB"/>
    <s v="The Maritimes Groundfish Surveys is a system designed to support data collection at sea, data validation, database support and data analysis used in support of Stock Assessments. The system is a collection of sub  applications used to generate subsamples for aging, select stratified random tow stations, data entry and validation as well as to facilitate the extraction of data housed in the Oracle Groundfish Survey database."/>
    <s v=""/>
    <x v="1"/>
    <s v=""/>
    <x v="24"/>
    <s v="1.1 Integrated Fisheries Resource Management"/>
    <s v="Other"/>
    <s v="DFO-335"/>
    <s v="In Production"/>
    <s v="rich"/>
    <x v="1"/>
    <x v="1289"/>
  </r>
  <r>
    <x v="0"/>
    <x v="28"/>
    <x v="3532"/>
    <s v="CSAS"/>
    <s v="Manage information about scientific DFO events and publications"/>
    <s v=""/>
    <x v="1"/>
    <s v=""/>
    <x v="24"/>
    <s v="2.2 Fisheries Protection"/>
    <s v="Other"/>
    <s v="DFO-336"/>
    <s v="In Production"/>
    <s v="web"/>
    <x v="1"/>
    <x v="1290"/>
  </r>
  <r>
    <x v="5"/>
    <x v="94"/>
    <x v="3533"/>
    <s v="CANSARP"/>
    <s v="The Canadian Search and Rescue Planning program is a critical (in house developed) SAR planning tool in the JRCC and MRSC.  CANSARP combines a search object drift simulation with a SAR planning decision support system.  The most recent version, 5.0, has been developed and maintained in-house by staff at the Canadian Coast Guard College using open source techNo"/>
    <s v=""/>
    <x v="1"/>
    <s v=""/>
    <x v="24"/>
    <s v="3.1 Search and Rescue Services"/>
    <s v="Other"/>
    <s v="DFO-337"/>
    <s v="In Production"/>
    <s v="web"/>
    <x v="1"/>
    <x v="1291"/>
  </r>
  <r>
    <x v="0"/>
    <x v="28"/>
    <x v="3534"/>
    <s v="Capelin Sampling Program"/>
    <s v="The programs allow entry of biological and capture information into a species specific Access database"/>
    <s v=""/>
    <x v="1"/>
    <s v=""/>
    <x v="24"/>
    <s v="2.5 Oceans Management"/>
    <s v="Other"/>
    <s v="DFO-342"/>
    <s v="In Production"/>
    <s v="web"/>
    <x v="1"/>
    <x v="1292"/>
  </r>
  <r>
    <x v="5"/>
    <x v="90"/>
    <x v="3535"/>
    <s v="Caris BDB"/>
    <s v="The CARIS Bathy Database server will store bathymetric sounding data collected by PWGSC Geomatic Services.  The server will be used as an information management, sharing, and dissemination tool between PWGSC, Port Metro Vancouver, mariners and CCG.  The server is hosted by a third-party and is external to DFO.                         Mariners and River Pilots use the information to plan their transits safely and efficiently. Port Metro Vancouver uses the information to coordinate and manage their dredging operations in the Fraser River."/>
    <s v="Other"/>
    <x v="1"/>
    <s v="CARIS Bathy database"/>
    <x v="24"/>
    <s v="1.8 Marine Navigation"/>
    <s v="Other"/>
    <s v="DFO-344"/>
    <s v="In Production"/>
    <s v="web"/>
    <x v="0"/>
    <x v="1293"/>
  </r>
  <r>
    <x v="5"/>
    <x v="98"/>
    <x v="3536"/>
    <s v="CARIS HIPS"/>
    <s v="Software suite for collection and QC of multibeam hydrographic data"/>
    <s v="Other"/>
    <x v="1"/>
    <s v="CARIS HIPS/SIPS"/>
    <x v="24"/>
    <s v="1.8 Marine Navigation"/>
    <s v="Information Management Services"/>
    <s v="DFO-347"/>
    <s v="In Production"/>
    <s v=""/>
    <x v="0"/>
    <x v="10"/>
  </r>
  <r>
    <x v="5"/>
    <x v="98"/>
    <x v="3537"/>
    <s v="CARIS HPD"/>
    <s v="Software suite for the production of nautical charts"/>
    <s v="Other"/>
    <x v="1"/>
    <s v="CARIS Hydrographic Production Database HPD"/>
    <x v="24"/>
    <s v="1.8 Marine Navigation"/>
    <s v="Other"/>
    <s v="DFO-350"/>
    <s v="In Production"/>
    <s v="rich"/>
    <x v="0"/>
    <x v="1294"/>
  </r>
  <r>
    <x v="0"/>
    <x v="28"/>
    <x v="3538"/>
    <s v="KREST"/>
    <s v="The KREST system manages both raw and estimated catch data Recreational and First Nations Food Social and Ceremonial catch in Pacific Region."/>
    <s v=""/>
    <x v="1"/>
    <s v=""/>
    <x v="24"/>
    <s v="1.1 Integrated Fisheries Resource Management"/>
    <s v="Other"/>
    <s v="DFO-355"/>
    <s v="In Production"/>
    <s v="web"/>
    <x v="1"/>
    <x v="1295"/>
  </r>
  <r>
    <x v="4"/>
    <x v="5"/>
    <x v="3539"/>
    <s v="CATCH"/>
    <s v="Catch at age analysis application as part of the stock assessment process.  Catch at Age is a windows application for computing age statistics as part of a stock assessment process. Age statistics are calculated by combining length frequency and age length key sample data and then applying the resulting age length keys to length frequencies."/>
    <s v=""/>
    <x v="1"/>
    <s v=""/>
    <x v="24"/>
    <s v=""/>
    <s v=""/>
    <s v="DFO-356"/>
    <s v="In Production"/>
    <s v=""/>
    <x v="1"/>
    <x v="1148"/>
  </r>
  <r>
    <x v="6"/>
    <x v="33"/>
    <x v="3540"/>
    <s v="Five Star Hotel"/>
    <s v="Five Star  is a hotel management application that is used on the DFO network to manage CCG college bookings/resources."/>
    <s v="Other"/>
    <x v="1"/>
    <s v="Five Star Hotel Systems"/>
    <x v="24"/>
    <s v="3.6 Canadian Coast Guard College"/>
    <s v="Financial Management Services"/>
    <s v="DFO-361"/>
    <s v="In Production"/>
    <s v="rich"/>
    <x v="0"/>
    <x v="1296"/>
  </r>
  <r>
    <x v="0"/>
    <x v="28"/>
    <x v="3541"/>
    <s v="FDAT"/>
    <s v="Intranet application to manage vessel information. Output is sent to both the internet CCG site."/>
    <s v=""/>
    <x v="1"/>
    <s v=""/>
    <x v="24"/>
    <s v="3.4 Fleet Operational Readiness"/>
    <s v="Communications Services,Information Management Services"/>
    <s v="DFO-362"/>
    <s v="In Production"/>
    <s v="web"/>
    <x v="1"/>
    <x v="1297"/>
  </r>
  <r>
    <x v="0"/>
    <x v="13"/>
    <x v="3542"/>
    <s v="IRIS"/>
    <s v="Vessel and helicopter messaging system used to brief senior management. This web based tool also identifies and reports on vessels of interest and operations of interest |"/>
    <s v=""/>
    <x v="1"/>
    <s v=""/>
    <x v="24"/>
    <s v="3.4 Fleet Operational Readiness"/>
    <s v="Information Management Services"/>
    <s v="DFO-363"/>
    <s v="In Production"/>
    <s v="web"/>
    <x v="1"/>
    <x v="1298"/>
  </r>
  <r>
    <x v="2"/>
    <x v="40"/>
    <x v="3543"/>
    <s v="MariTime"/>
    <m/>
    <s v=""/>
    <x v="1"/>
    <s v=""/>
    <x v="24"/>
    <s v="3.4 Fleet Operational Readiness"/>
    <s v="Other"/>
    <s v="DFO-365"/>
    <s v="In Production"/>
    <s v="rich"/>
    <x v="1"/>
    <x v="1299"/>
  </r>
  <r>
    <x v="0"/>
    <x v="28"/>
    <x v="3544"/>
    <s v="notSHIP"/>
    <s v="(http://www.ccg-gcc.gc.ca/eng/CCG/notship) The Canadian Coast Guard (CCG) issues notices to Shipping (notSHIP) to inform mariners about hazards to navigation and to share other important information."/>
    <s v=""/>
    <x v="1"/>
    <s v=""/>
    <x v="24"/>
    <s v="3.2 Marine Communications and Traffic Services"/>
    <s v="Other"/>
    <s v="DFO-366"/>
    <s v="In Production"/>
    <s v="web"/>
    <x v="1"/>
    <x v="1297"/>
  </r>
  <r>
    <x v="0"/>
    <x v="7"/>
    <x v="3545"/>
    <s v="TDMT (aka TDMS)"/>
    <s v="Technical document managenent solution (used for CADKEY diagrams, and detailed electronic schematics) BlueCielo Meridian is a versatile Engineering Content Management solution with a broad range of features, allowing companies in multiple industries to optimize their business processes related to the creation, collaboration and distribution of engineering data."/>
    <s v="Other"/>
    <x v="1"/>
    <s v="BlueCielo ECM - Meridian Enterprise"/>
    <x v="24"/>
    <s v="3.4 Fleet Operational Readiness"/>
    <s v="Other"/>
    <s v="DFO-367"/>
    <s v="In Production"/>
    <s v="rich"/>
    <x v="0"/>
    <x v="1300"/>
  </r>
  <r>
    <x v="2"/>
    <x v="10"/>
    <x v="3546"/>
    <s v="CCRAT"/>
    <s v="Tool to support the administration of the Configuration Change Request (CCR) process, through which changes to CCG assets are requested, vetted, approved and tracked. http://intra.coast-guard.ca/ITS/tools/CCR"/>
    <s v=""/>
    <x v="1"/>
    <s v=""/>
    <x v="24"/>
    <s v="3.4 Fleet Operational Readiness"/>
    <s v="Other"/>
    <s v="DFO-370"/>
    <s v="In Production"/>
    <s v="rich"/>
    <x v="1"/>
    <x v="1301"/>
  </r>
  <r>
    <x v="1"/>
    <x v="1"/>
    <x v="3547"/>
    <s v="CMAT"/>
    <m/>
    <s v=""/>
    <x v="1"/>
    <s v=""/>
    <x v="24"/>
    <s v="Internal Services"/>
    <s v="Information Management Services,Information Technology Services,Management and Oversight Services"/>
    <s v="DFO-373"/>
    <s v="In Production"/>
    <s v="rich"/>
    <x v="1"/>
    <x v="1302"/>
  </r>
  <r>
    <x v="0"/>
    <x v="88"/>
    <x v="3548"/>
    <s v="CSDDP"/>
    <s v="Manage information about CHS Nautical charts and publications"/>
    <s v=""/>
    <x v="1"/>
    <s v=""/>
    <x v="24"/>
    <s v="1.8 Marine Navigation"/>
    <s v="Other"/>
    <s v="DFO-374"/>
    <s v="In Production"/>
    <s v="web"/>
    <x v="1"/>
    <x v="1303"/>
  </r>
  <r>
    <x v="0"/>
    <x v="88"/>
    <x v="3549"/>
    <s v="Chartserver"/>
    <s v="The Chart Server system provides Internet-based distributions of map and chart updates for clients with subscriptions to CHS Digital Chart Updates. It also provides CHS clients and business partners with access to CHS digital data and print ready products in various file formats."/>
    <s v="Other"/>
    <x v="1"/>
    <s v="CARIS ChartServer"/>
    <x v="24"/>
    <s v="1.8 Marine Navigation"/>
    <s v="Other"/>
    <s v="DFO-375"/>
    <s v="In Production"/>
    <s v="web"/>
    <x v="0"/>
    <x v="1304"/>
  </r>
  <r>
    <x v="3"/>
    <x v="30"/>
    <x v="3550"/>
    <s v="CHSDir2"/>
    <s v="Meta Database for Nautical data and Nautical products, CHSDIRII is a tool for managing hydrographic survey metadata and product metadata for the Canadian Hydrographic Service. It provides CHS the ability to track how and when survey data is incorporated into hydrographic products. It also provides business intelligence information for performance management assets."/>
    <s v=""/>
    <x v="1"/>
    <s v=""/>
    <x v="24"/>
    <s v="1.8 Marine Navigation"/>
    <s v="Other"/>
    <s v="DFO-378"/>
    <s v="In Production"/>
    <s v="web"/>
    <x v="1"/>
    <x v="1271"/>
  </r>
  <r>
    <x v="0"/>
    <x v="28"/>
    <x v="3551"/>
    <s v="CTS"/>
    <s v="The Coastal Time Series (CTS) database contains the temperature measurements obtained from long-term temperature monitoring programs. The CTS Query web application allows users to query the data for download and map display."/>
    <s v=""/>
    <x v="1"/>
    <s v=""/>
    <x v="24"/>
    <s v="1.11 Climate Change Adaptation Program"/>
    <s v="Other"/>
    <s v="DFO-382"/>
    <s v="In Production"/>
    <s v="web"/>
    <x v="1"/>
    <x v="1305"/>
  </r>
  <r>
    <x v="0"/>
    <x v="28"/>
    <x v="3552"/>
    <s v="CTSM"/>
    <s v="The Coastal Time Series system was created using Oracle Forms versions 6i and Reports 6i.  It is designed to enable users to update the Coastal Time Series database with temperature data.  The Update Form allows the user to import data into the database, produce an error report for the current data, update the primary database tables, export/import data sets for modification, delete events and corresponding data, and maintain quality flag values."/>
    <s v=""/>
    <x v="1"/>
    <s v=""/>
    <x v="24"/>
    <s v="1.11 Climate Change Adaptation Program"/>
    <s v="Other"/>
    <s v="DFO-383"/>
    <s v="In Production"/>
    <s v="rich"/>
    <x v="1"/>
    <x v="1306"/>
  </r>
  <r>
    <x v="2"/>
    <x v="41"/>
    <x v="3553"/>
    <s v="iAgree"/>
    <s v="Tool for recording and reporting on Collaborative Agreements in DFO"/>
    <s v=""/>
    <x v="1"/>
    <s v=""/>
    <x v="24"/>
    <s v="Internal Services"/>
    <s v="Financial Management Services"/>
    <s v="DFO-388"/>
    <s v="In Production"/>
    <s v="rich"/>
    <x v="1"/>
    <x v="1307"/>
  </r>
  <r>
    <x v="10"/>
    <x v="5"/>
    <x v="3554"/>
    <s v="CLaMS"/>
    <s v="(Mostly used as component in other EFM &amp; Science systems!)  Reference data system. It is a list of standard terminology within the fisheries porftolio)"/>
    <s v=""/>
    <x v="1"/>
    <s v=""/>
    <x v="24"/>
    <s v="1.1 Integrated Fisheries Resource Management"/>
    <s v="Information Management Services"/>
    <s v="DFO-393"/>
    <s v="In Production"/>
    <s v=""/>
    <x v="1"/>
    <x v="1308"/>
  </r>
  <r>
    <x v="0"/>
    <x v="28"/>
    <x v="3555"/>
    <s v="CATS"/>
    <s v="Communications product tracking system"/>
    <s v=""/>
    <x v="1"/>
    <s v=""/>
    <x v="24"/>
    <s v="Internal Services"/>
    <s v="Communications Services"/>
    <s v="DFO-394"/>
    <s v="In Production"/>
    <s v="rich"/>
    <x v="1"/>
    <x v="1309"/>
  </r>
  <r>
    <x v="5"/>
    <x v="91"/>
    <x v="3556"/>
    <s v="CCS"/>
    <m/>
    <s v="Other"/>
    <x v="14"/>
    <s v="Frequentis"/>
    <x v="24"/>
    <s v="1.8 Marine Navigation"/>
    <s v="Communications Services"/>
    <s v="DFO-395"/>
    <s v="In Production"/>
    <s v="rich"/>
    <x v="0"/>
    <x v="106"/>
  </r>
  <r>
    <x v="5"/>
    <x v="90"/>
    <x v="3557"/>
    <s v="ArcGIS"/>
    <s v="ESRI's ArcGIS Desktop suite of software"/>
    <s v="ESRI_Canada_Limited"/>
    <x v="5"/>
    <s v=""/>
    <x v="24"/>
    <s v="Internal Services"/>
    <s v="Information Technology Services"/>
    <s v="DFO-397"/>
    <s v="In Production"/>
    <s v=""/>
    <x v="0"/>
    <x v="1310"/>
  </r>
  <r>
    <x v="0"/>
    <x v="28"/>
    <x v="3558"/>
    <s v="CES"/>
    <m/>
    <s v=""/>
    <x v="1"/>
    <s v=""/>
    <x v="24"/>
    <s v="2.1 Compliance and Enforcement"/>
    <s v="Other"/>
    <s v="DFO-407"/>
    <s v="In Production"/>
    <s v="rich"/>
    <x v="1"/>
    <x v="1311"/>
  </r>
  <r>
    <x v="2"/>
    <x v="51"/>
    <x v="3559"/>
    <s v="CFTS"/>
    <s v="Has more than 1 concurent user. Manages data about conference and foreign travel for DFO"/>
    <s v=""/>
    <x v="1"/>
    <s v=""/>
    <x v="24"/>
    <s v="Internal Services"/>
    <s v="Travel and Other Administrative Services"/>
    <s v="DFO-408"/>
    <s v="In Production"/>
    <s v="rich"/>
    <x v="1"/>
    <x v="1312"/>
  </r>
  <r>
    <x v="2"/>
    <x v="32"/>
    <x v="3560"/>
    <s v="CSM"/>
    <m/>
    <s v=""/>
    <x v="1"/>
    <s v=""/>
    <x v="24"/>
    <s v="Internal Services"/>
    <s v="Real Property Services"/>
    <s v="DFO-410"/>
    <s v="In Production"/>
    <s v="rich"/>
    <x v="1"/>
    <x v="1313"/>
  </r>
  <r>
    <x v="5"/>
    <x v="14"/>
    <x v="3561"/>
    <s v="COP"/>
    <s v="Common Operating Picture: Enterprise GIS solution that provides geospatial capabilities for CCG. This piece has 3 components, GIS Server, GIS portal, desktop analysis."/>
    <s v="Other"/>
    <x v="1"/>
    <s v="ESRI ArcGIS"/>
    <x v="24"/>
    <s v="3.4 Fleet Operational Readiness"/>
    <s v="Other"/>
    <s v="DFO-411"/>
    <s v="In Production"/>
    <s v="rich"/>
    <x v="1"/>
    <x v="1314"/>
  </r>
  <r>
    <x v="0"/>
    <x v="16"/>
    <x v="3562"/>
    <s v="CCM"/>
    <m/>
    <s v="Other"/>
    <x v="1"/>
    <s v="Agnovi Corp.  Cross-Fire"/>
    <x v="24"/>
    <s v="2.1 Compliance and Enforcement"/>
    <s v="Other"/>
    <s v="DFO-438"/>
    <s v="In Production"/>
    <s v="rich"/>
    <x v="0"/>
    <x v="1315"/>
  </r>
  <r>
    <x v="0"/>
    <x v="28"/>
    <x v="3563"/>
    <s v="CRIS"/>
    <s v="The Crustacean Research Information System is used for the collection, editing and maintenance of crustacean at sea sampling, lobster tagging and historic offshore logbook data. There are two similar versions, one for the Intranet and one for the Internet with subset of functionality. The internet and intranet applications allow for entering of data, but the intranet version do not allow users to see data entered by others."/>
    <s v=""/>
    <x v="1"/>
    <s v=""/>
    <x v="24"/>
    <s v="1.1 Integrated Fisheries Resource Management"/>
    <s v="Other"/>
    <s v="DFO-439"/>
    <s v="In Production"/>
    <s v="web"/>
    <x v="1"/>
    <x v="1316"/>
  </r>
  <r>
    <x v="0"/>
    <x v="11"/>
    <x v="3564"/>
    <s v="DFO Collaboration Portal"/>
    <s v="Wiki-based collaboration tool"/>
    <s v=""/>
    <x v="1"/>
    <s v=""/>
    <x v="24"/>
    <s v="Internal Services"/>
    <s v="Information Management Services"/>
    <s v="DFO-444"/>
    <s v="In Production"/>
    <s v="web"/>
    <x v="1"/>
    <x v="1317"/>
  </r>
  <r>
    <x v="0"/>
    <x v="28"/>
    <x v="3565"/>
    <s v="DVS"/>
    <m/>
    <s v=""/>
    <x v="1"/>
    <s v=""/>
    <x v="24"/>
    <s v="2.1 Compliance and Enforcement"/>
    <s v="Other"/>
    <s v="DFO-450"/>
    <s v="In Production"/>
    <s v="rich"/>
    <x v="1"/>
    <x v="1318"/>
  </r>
  <r>
    <x v="2"/>
    <x v="10"/>
    <x v="3566"/>
    <s v="Dépôt 18"/>
    <s v="Gestion des différentes réceptions de marchandises nécessaires aux opérations du MPO, de l’entreposage de ces marchandises, de leurs sorties et aussi de l’inventaire matériel."/>
    <s v=""/>
    <x v="1"/>
    <s v=""/>
    <x v="24"/>
    <s v="Internal Services"/>
    <s v="Financial Management Services,Materiel Services"/>
    <s v="DFO-454"/>
    <s v="In Production"/>
    <s v="rich"/>
    <x v="1"/>
    <x v="1319"/>
  </r>
  <r>
    <x v="0"/>
    <x v="19"/>
    <x v="3567"/>
    <s v="DFO - Forms"/>
    <s v="Website containing DFO approved electronic Forms"/>
    <s v=""/>
    <x v="1"/>
    <s v=""/>
    <x v="24"/>
    <s v="Internal Services"/>
    <s v="Information Management Services"/>
    <s v="DFO-456"/>
    <s v="In Production"/>
    <s v="web"/>
    <x v="1"/>
    <x v="1320"/>
  </r>
  <r>
    <x v="0"/>
    <x v="88"/>
    <x v="3568"/>
    <s v="DFO Digital Image Database for Quebec"/>
    <s v="Banque d'images de la Région du Québec."/>
    <s v="Other"/>
    <x v="1"/>
    <s v="Canto Software/Cumulus"/>
    <x v="24"/>
    <s v="Internal Services"/>
    <s v="Communications Services"/>
    <s v="DFO-458"/>
    <s v="In Production"/>
    <s v="rich"/>
    <x v="0"/>
    <x v="1321"/>
  </r>
  <r>
    <x v="3"/>
    <x v="31"/>
    <x v="3569"/>
    <s v="DMPR"/>
    <s v="Internal database that displays all landings for the Gulf Region for all fisheries under the Dockside Monitoring Program.  This report’s main purpose is to monitor landing on an individual basis."/>
    <s v=""/>
    <x v="1"/>
    <s v=""/>
    <x v="24"/>
    <s v="1.1 Integrated Fisheries Resource Management"/>
    <s v="Other"/>
    <s v="DFO-464"/>
    <s v="In Production"/>
    <s v="web"/>
    <x v="1"/>
    <x v="1322"/>
  </r>
  <r>
    <x v="0"/>
    <x v="28"/>
    <x v="3570"/>
    <s v="Metaframe/ VPN/ web portal"/>
    <s v="Application to allow DMP and Call centre access to Marfis related data."/>
    <s v=""/>
    <x v="1"/>
    <s v=""/>
    <x v="24"/>
    <s v="2.1 Compliance and Enforcement"/>
    <s v="Other"/>
    <s v="DFO-465"/>
    <s v="In Production"/>
    <s v="web"/>
    <x v="1"/>
    <x v="1323"/>
  </r>
  <r>
    <x v="0"/>
    <x v="28"/>
    <x v="3571"/>
    <s v="DAPR"/>
    <s v="DAPR is a Web-based interface providing access over the Internet to a searchable database of over 1,500 scientific papers covering research on the neurotoxin domoic acid and its production by marine diatoms of the genera Pseudo-nitzschia and Nitzschia. The database is updated as new papers are published. http://www.glf.dfo-mpo.gc.ca/Gulf/DAPR"/>
    <s v=""/>
    <x v="1"/>
    <s v=""/>
    <x v="24"/>
    <s v="2.5 Oceans Management"/>
    <s v="Communications Services,Information Management Services"/>
    <s v="DFO-468"/>
    <s v="In Production"/>
    <s v="web"/>
    <x v="1"/>
    <x v="1324"/>
  </r>
  <r>
    <x v="2"/>
    <x v="2"/>
    <x v="3572"/>
    <s v="Dragage 2.0"/>
    <s v="Ce système permet de transmettre à ABACUS toutes les informations nécessaires à la facturation des travaux de dragage effectués par la GCC. Les informations sur le trafic maritime sont fournies par le système INNAV résidant sur un autre réseau opérationnel. La complexité de ce système se retrouve dans les règles d’affaires émises par l’industrie maritime et la GCC."/>
    <s v=""/>
    <x v="1"/>
    <s v=""/>
    <x v="24"/>
    <s v="Internal Services"/>
    <s v="Financial Management Services,Other"/>
    <s v="DFO-469"/>
    <s v="In Production"/>
    <s v="web"/>
    <x v="1"/>
    <x v="1325"/>
  </r>
  <r>
    <x v="3"/>
    <x v="63"/>
    <x v="3573"/>
    <s v="DRIBU"/>
    <s v="DRIBU (DRIfting BUoy) is the real-time processsing of GTS data buoy messages profiles for DBCP and DFO, it is also the delayed-mode processing of buoy products from AOML"/>
    <s v=""/>
    <x v="1"/>
    <s v=""/>
    <x v="24"/>
    <s v="3.8 Ocean Forecasting"/>
    <s v="Other"/>
    <s v="DFO-472"/>
    <s v="In Production"/>
    <s v="web"/>
    <x v="1"/>
    <x v="1326"/>
  </r>
  <r>
    <x v="0"/>
    <x v="28"/>
    <x v="3574"/>
    <s v="DOORS"/>
    <s v="IBM® Rational® DOORS® is a requirements management application for optimizing requirements communication, collaboration and verification throughout the organization and supply chain tp help  meet business goals by managing project scope and cost."/>
    <s v="Other"/>
    <x v="1"/>
    <s v="IBM Rational DOORS"/>
    <x v="24"/>
    <s v="3.4 Fleet Operational Readiness"/>
    <s v="Information Management Services"/>
    <s v="DFO-475"/>
    <s v="In Production"/>
    <s v="rich"/>
    <x v="0"/>
    <x v="1327"/>
  </r>
  <r>
    <x v="0"/>
    <x v="28"/>
    <x v="3575"/>
    <s v="EEL"/>
    <s v="Data Entry system for Eel and Elver data"/>
    <s v=""/>
    <x v="1"/>
    <s v=""/>
    <x v="24"/>
    <s v="1.1 Integrated Fisheries Resource Management"/>
    <s v="Other"/>
    <s v="DFO-481"/>
    <s v="In Production"/>
    <s v="rich"/>
    <x v="1"/>
    <x v="1328"/>
  </r>
  <r>
    <x v="3"/>
    <x v="63"/>
    <x v="3576"/>
    <s v="EFMC"/>
    <s v="Provides a means for DFO employees to complete the annual Fishery Checklist and generates reports on -line Nationally."/>
    <s v=""/>
    <x v="1"/>
    <s v=""/>
    <x v="24"/>
    <s v="1.1 Integrated Fisheries Resource Management"/>
    <s v="Other"/>
    <s v="DFO-484"/>
    <s v="In Production"/>
    <s v="web"/>
    <x v="1"/>
    <x v="1269"/>
  </r>
  <r>
    <x v="0"/>
    <x v="7"/>
    <x v="3577"/>
    <s v="EKME"/>
    <s v="EDRMS for the department of Fisheries and Oceans"/>
    <s v="Other"/>
    <x v="1"/>
    <s v="OpenText"/>
    <x v="24"/>
    <s v="Internal Services"/>
    <s v="Information Management Services"/>
    <s v="DFO-487"/>
    <s v="In Production"/>
    <s v="rich"/>
    <x v="0"/>
    <x v="1329"/>
  </r>
  <r>
    <x v="0"/>
    <x v="28"/>
    <x v="3578"/>
    <s v="ELOG DB"/>
    <s v="The ELOG DB will hold all the catch data collected from actual fishing activities during or immediately following a fishing trip as well as vessel name, vessel registration number, and license number.  Catch, effort, location, and landing information are collected directly at source by the fisher at sea or fishing company and sent via email to DFO in near real time if required. Information collected is directly related to management of fish stocks across Canada and, without this data, Fishery Managers, Conservation and Protection, and Scientists could not meet the obligations to the resources.  This information is critical to conservation (assessment of biomass), Species at Risk (SARA) management, First Nations Food Social and Ceremonial (FSC) requirem"/>
    <s v=""/>
    <x v="1"/>
    <s v=""/>
    <x v="24"/>
    <s v="1.1 Integrated Fisheries Resource Management"/>
    <s v="Other"/>
    <s v="DFO-488"/>
    <s v="In Production"/>
    <s v="web"/>
    <x v="1"/>
    <x v="1330"/>
  </r>
  <r>
    <x v="0"/>
    <x v="8"/>
    <x v="3579"/>
    <s v="ED"/>
    <s v="Employee directory, including employee and user information, integrated in many intranet applications and websites"/>
    <s v=""/>
    <x v="1"/>
    <s v=""/>
    <x v="24"/>
    <s v="Internal Services"/>
    <s v="Communications Services,Information Management Services"/>
    <s v="DFO-494"/>
    <s v="In Production"/>
    <s v="web"/>
    <x v="1"/>
    <x v="1331"/>
  </r>
  <r>
    <x v="4"/>
    <x v="5"/>
    <x v="3580"/>
    <s v="Cognos-BI"/>
    <m/>
    <s v="Other"/>
    <x v="1"/>
    <s v="IBM Cognos BI 10"/>
    <x v="24"/>
    <s v=""/>
    <s v=""/>
    <s v="DFO-495"/>
    <s v="In Production"/>
    <s v="web"/>
    <x v="0"/>
    <x v="0"/>
  </r>
  <r>
    <x v="0"/>
    <x v="28"/>
    <x v="3581"/>
    <s v="EPAD"/>
    <s v="Used for planning and assessment of enhanced Pacific salmon production."/>
    <s v=""/>
    <x v="1"/>
    <s v=""/>
    <x v="24"/>
    <s v="1.4 Salmanoid Enhancement Program"/>
    <s v="Other"/>
    <s v="DFO-500"/>
    <s v="In Production"/>
    <s v="rich"/>
    <x v="1"/>
    <x v="1332"/>
  </r>
  <r>
    <x v="0"/>
    <x v="28"/>
    <x v="3582"/>
    <s v="ENPRO"/>
    <s v="The Enhancement Project Database (Enpro) was developed to provide a consistent format for Salmonid Enhancement Program (SEP) hatcheries in Pacific Region to capture data on salmon adult escapement; egg takes; egg incubation; and juvenile rearing, marking and release. In addition to providing a detailed record of hatchery activities for the individual hatcheries, much of the data is summarized and input into the Enhancement Planning and Assessment Database (EPAD) by the SEP Planning and Assessment Unit (SPA). Providing this data is a requirement of a hatchery's Pacific Aquaculture Regulations Licence."/>
    <s v=""/>
    <x v="1"/>
    <s v=""/>
    <x v="24"/>
    <s v="1.4 Salmanoid Enhancement Program"/>
    <s v="Other"/>
    <s v="DFO-501"/>
    <s v="In Production"/>
    <s v="rich"/>
    <x v="1"/>
    <x v="1333"/>
  </r>
  <r>
    <x v="3"/>
    <x v="31"/>
    <x v="3583"/>
    <s v="ERS"/>
    <s v="Reporting tool based on Cognos for many system like iFleet, MariTime, Sipa"/>
    <s v="Other"/>
    <x v="1"/>
    <s v="IBM Cognos"/>
    <x v="24"/>
    <s v="3.4 Fleet Operational Readiness"/>
    <s v="Information Management Services,Management and Oversight Services"/>
    <s v="DFO-502"/>
    <s v="In Production"/>
    <s v="rich"/>
    <x v="0"/>
    <x v="1334"/>
  </r>
  <r>
    <x v="3"/>
    <x v="63"/>
    <x v="3584"/>
    <s v="EXIM"/>
    <s v="EXIM is able to produce data on international fisheries trade"/>
    <s v=""/>
    <x v="1"/>
    <s v=""/>
    <x v="24"/>
    <s v="1.7 International Engagement"/>
    <s v="Other"/>
    <s v="DFO-510"/>
    <s v="In Production"/>
    <s v="rich"/>
    <x v="1"/>
    <x v="1335"/>
  </r>
  <r>
    <x v="2"/>
    <x v="3"/>
    <x v="3585"/>
    <s v="FTSS"/>
    <s v="System used to track and monitor Fast Track Staffing process"/>
    <s v=""/>
    <x v="1"/>
    <s v=""/>
    <x v="24"/>
    <s v="Internal Services"/>
    <s v="Human Resources Management Services"/>
    <s v="DFO-515"/>
    <s v="In Production"/>
    <s v="rich"/>
    <x v="1"/>
    <x v="1336"/>
  </r>
  <r>
    <x v="2"/>
    <x v="2"/>
    <x v="3586"/>
    <s v="FIN-Analysis"/>
    <s v="Cognos CUBE based reporting tool used by high-level managers and their senior assistants to analyse and report on information drawn from from PeopleSoft, ABACUS, SMIS."/>
    <s v="Other"/>
    <x v="1"/>
    <s v="Cognos"/>
    <x v="24"/>
    <s v="Internal Services"/>
    <s v="Financial Management Services"/>
    <s v="DFO-518"/>
    <s v="In Production"/>
    <s v="rich"/>
    <x v="0"/>
    <x v="1337"/>
  </r>
  <r>
    <x v="0"/>
    <x v="28"/>
    <x v="3587"/>
    <s v="FHAS"/>
    <s v="Aquaculture Rish Health Management tool"/>
    <s v=""/>
    <x v="1"/>
    <s v=""/>
    <x v="24"/>
    <s v="1.3 Sustainable Aquaculture Program"/>
    <s v="Other"/>
    <s v="DFO-519"/>
    <s v="In Production"/>
    <s v="rich"/>
    <x v="1"/>
    <x v="1338"/>
  </r>
  <r>
    <x v="0"/>
    <x v="28"/>
    <x v="3588"/>
    <s v="FCS"/>
    <m/>
    <s v=""/>
    <x v="1"/>
    <s v=""/>
    <x v="24"/>
    <s v="1.1 Integrated Fisheries Resource Management"/>
    <s v="Other"/>
    <s v="DFO-520"/>
    <s v="In Production"/>
    <s v="web"/>
    <x v="1"/>
    <x v="1339"/>
  </r>
  <r>
    <x v="0"/>
    <x v="28"/>
    <x v="3589"/>
    <s v="FEATS"/>
    <m/>
    <s v=""/>
    <x v="1"/>
    <s v=""/>
    <x v="24"/>
    <s v="2.1 Compliance and Enforcement"/>
    <s v="Other"/>
    <s v="DFO-521"/>
    <s v="In Production"/>
    <s v="rich"/>
    <x v="1"/>
    <x v="1340"/>
  </r>
  <r>
    <x v="0"/>
    <x v="28"/>
    <x v="3590"/>
    <s v="FHMIS"/>
    <m/>
    <s v=""/>
    <x v="1"/>
    <s v=""/>
    <x v="24"/>
    <s v="1.1 Integrated Fisheries Resource Management"/>
    <s v="Other"/>
    <s v="DFO-522"/>
    <s v="In Production"/>
    <s v="rich"/>
    <x v="1"/>
    <x v="1341"/>
  </r>
  <r>
    <x v="0"/>
    <x v="28"/>
    <x v="3591"/>
    <s v="FOS"/>
    <s v="Pacific Region Fishery catch &amp; effort and operations management system. FOS consolidates, stores and integrates all of the operational data required to monitor fisheries. FOS integrates with the other main systems PLS and QMS. It is used by RM, C&amp;P, Stock assessment, contractors, general public (via internet reports)."/>
    <s v=""/>
    <x v="1"/>
    <s v=""/>
    <x v="24"/>
    <s v="1.1 Integrated Fisheries Resource Management"/>
    <s v="Other"/>
    <s v="DFO-523"/>
    <s v="In Production"/>
    <s v="web"/>
    <x v="1"/>
    <x v="1266"/>
  </r>
  <r>
    <x v="0"/>
    <x v="28"/>
    <x v="3592"/>
    <s v="FNS"/>
    <s v="Provides the the public and industry with notification of fishery openings, closures and ammendments, and public health notices for PSP marine biotoxin closures. All previous notices are available online for public reference."/>
    <s v=""/>
    <x v="1"/>
    <s v=""/>
    <x v="24"/>
    <s v="1.1 Integrated Fisheries Resource Management"/>
    <s v="Other"/>
    <s v="DFO-525"/>
    <s v="In Production"/>
    <s v="rich"/>
    <x v="1"/>
    <x v="1170"/>
  </r>
  <r>
    <x v="0"/>
    <x v="28"/>
    <x v="3593"/>
    <s v="FOIP"/>
    <s v="Tool for Fisheries officers to view licencing information"/>
    <s v=""/>
    <x v="1"/>
    <s v=""/>
    <x v="24"/>
    <s v="2.1 Compliance and Enforcement"/>
    <s v="Other"/>
    <s v="DFO-527"/>
    <s v="In Production"/>
    <s v="rich"/>
    <x v="1"/>
    <x v="1342"/>
  </r>
  <r>
    <x v="0"/>
    <x v="28"/>
    <x v="3594"/>
    <s v="FOS FNS"/>
    <s v="Allows public to sign up to receive fishery notices by email .  Controls sending and storing Fishery notices. FOS FNS allows a notice to be built, the fishery and areas affected identified and then automatically determines which clients to send notices to via email."/>
    <s v=""/>
    <x v="1"/>
    <s v=""/>
    <x v="24"/>
    <s v="1.1 Integrated Fisheries Resource Management"/>
    <s v="Other"/>
    <s v="DFO-531"/>
    <s v="In Production"/>
    <s v="web"/>
    <x v="1"/>
    <x v="1266"/>
  </r>
  <r>
    <x v="0"/>
    <x v="28"/>
    <x v="3595"/>
    <s v="FOS GF"/>
    <s v="System handles hails, skipper logs, dmp validation logs, notifications to contractors, video catch audit results. Used by contractors to enter data via interface or by upload through web services, C&amp;P and GMU for information and by Stock assessment for data access for analysis."/>
    <s v=""/>
    <x v="1"/>
    <s v=""/>
    <x v="24"/>
    <s v="1.1 Integrated Fisheries Resource Management"/>
    <s v="Other"/>
    <s v="DFO-532"/>
    <s v="In Production"/>
    <s v="web"/>
    <x v="1"/>
    <x v="1266"/>
  </r>
  <r>
    <x v="3"/>
    <x v="46"/>
    <x v="3596"/>
    <s v="FOS Importer"/>
    <m/>
    <s v=""/>
    <x v="1"/>
    <s v=""/>
    <x v="24"/>
    <s v="1.1 Integrated Fisheries Resource Management"/>
    <s v="Other"/>
    <s v="DFO-533"/>
    <s v="In Production"/>
    <s v="web"/>
    <x v="1"/>
    <x v="1343"/>
  </r>
  <r>
    <x v="0"/>
    <x v="28"/>
    <x v="3597"/>
    <s v="FOS SM"/>
    <m/>
    <s v=""/>
    <x v="1"/>
    <s v=""/>
    <x v="24"/>
    <s v="1.1 Integrated Fisheries Resource Management"/>
    <s v="Other"/>
    <s v="DFO-534"/>
    <s v="In Production"/>
    <s v="web"/>
    <x v="1"/>
    <x v="1344"/>
  </r>
  <r>
    <x v="0"/>
    <x v="28"/>
    <x v="3598"/>
    <s v="FOS WS"/>
    <s v="Provides access to FOS catch &amp; effort processing. Used by instrustry service providers."/>
    <s v=""/>
    <x v="1"/>
    <s v=""/>
    <x v="24"/>
    <s v="1.1 Integrated Fisheries Resource Management"/>
    <s v="Other"/>
    <s v="DFO-536"/>
    <s v="In Production"/>
    <s v="web"/>
    <x v="1"/>
    <x v="1266"/>
  </r>
  <r>
    <x v="0"/>
    <x v="87"/>
    <x v="3599"/>
    <s v="FT"/>
    <s v="Communication tool (Forum format) for integration in Intranet and Internet websites. Used by Service Desk and other groups to foster discussions on important matters."/>
    <s v=""/>
    <x v="1"/>
    <s v=""/>
    <x v="24"/>
    <s v="Internal Services"/>
    <s v="Communications Services"/>
    <s v="DFO-542"/>
    <s v="In Production"/>
    <s v="web"/>
    <x v="1"/>
    <x v="1324"/>
  </r>
  <r>
    <x v="0"/>
    <x v="87"/>
    <x v="3600"/>
    <s v="FAQ"/>
    <s v="Communication tool to create FAQ for integration in Intranet and Internet websites"/>
    <s v=""/>
    <x v="1"/>
    <s v=""/>
    <x v="24"/>
    <s v="Internal Services"/>
    <s v="Communications Services"/>
    <s v="DFO-543"/>
    <s v="In Production"/>
    <s v="web"/>
    <x v="1"/>
    <x v="1287"/>
  </r>
  <r>
    <x v="0"/>
    <x v="28"/>
    <x v="3601"/>
    <s v="FS3"/>
    <s v="Fleet Safety Security Management System: Web based system that manages and tracks incidents, non-conformities, audits, safety manual changes, and hazardous occurrences for compliance to the ISM"/>
    <s v=""/>
    <x v="1"/>
    <s v=""/>
    <x v="24"/>
    <s v="3.4 Fleet Operational Readiness"/>
    <s v="Management and Oversight Services"/>
    <s v="DFO-544"/>
    <s v="In Production"/>
    <s v="web"/>
    <x v="1"/>
    <x v="1345"/>
  </r>
  <r>
    <x v="4"/>
    <x v="5"/>
    <x v="3600"/>
    <s v="GAP"/>
    <s v="GAP is Québec region management system of fisheries activities The system has various modules - Permit"/>
    <s v=""/>
    <x v="1"/>
    <s v=""/>
    <x v="24"/>
    <s v=""/>
    <s v=""/>
    <s v="DFO-549"/>
    <s v="In Production"/>
    <s v=""/>
    <x v="1"/>
    <x v="1346"/>
  </r>
  <r>
    <x v="0"/>
    <x v="28"/>
    <x v="3602"/>
    <s v="GaspE"/>
    <m/>
    <s v=""/>
    <x v="1"/>
    <s v=""/>
    <x v="24"/>
    <s v="1.1 Integrated Fisheries Resource Management"/>
    <s v="Other"/>
    <s v="DFO-551"/>
    <s v="In Production"/>
    <s v="rich"/>
    <x v="1"/>
    <x v="1347"/>
  </r>
  <r>
    <x v="0"/>
    <x v="28"/>
    <x v="3603"/>
    <s v="MLGD"/>
    <s v="Genetic, behavioral and ecological information for implementation of the Live Genebanking program in the Maritimes"/>
    <s v=""/>
    <x v="1"/>
    <s v=""/>
    <x v="24"/>
    <s v="1.1 Integrated Fisheries Resource Management"/>
    <s v="Other"/>
    <s v="DFO-552"/>
    <s v="In Production"/>
    <s v="rich"/>
    <x v="1"/>
    <x v="1348"/>
  </r>
  <r>
    <x v="5"/>
    <x v="14"/>
    <x v="3604"/>
    <s v="GeoNetwork"/>
    <s v="Metadata repository for DFO Science metadata records"/>
    <s v="Other"/>
    <x v="1"/>
    <s v="OSS: geonetwork-opensource.org &amp; sourceforge.net/projects/geonetwork/"/>
    <x v="24"/>
    <s v="3.7 Hydrographic Products and Services"/>
    <s v="Other"/>
    <s v="DFO-558"/>
    <s v="In Production"/>
    <s v="rich"/>
    <x v="0"/>
    <x v="1349"/>
  </r>
  <r>
    <x v="5"/>
    <x v="90"/>
    <x v="3605"/>
    <s v="GeoPortal"/>
    <s v="Web Mapping applications for DFO"/>
    <s v="ESRI_Canada_Limited"/>
    <x v="1"/>
    <s v=""/>
    <x v="24"/>
    <s v="Internal Services"/>
    <s v="Communications Services,Information Management Services,Other"/>
    <s v="DFO-559"/>
    <s v="In Production"/>
    <s v="web"/>
    <x v="1"/>
    <x v="1350"/>
  </r>
  <r>
    <x v="0"/>
    <x v="88"/>
    <x v="3606"/>
    <s v="GESTER"/>
    <s v="Land and Territorial info management?"/>
    <s v=""/>
    <x v="1"/>
    <s v=""/>
    <x v="24"/>
    <s v="Internal Services"/>
    <s v="Information Management Services"/>
    <s v="DFO-562"/>
    <s v="In Production"/>
    <s v="rich"/>
    <x v="1"/>
    <x v="1351"/>
  </r>
  <r>
    <x v="2"/>
    <x v="10"/>
    <x v="3607"/>
    <s v="Ateliers"/>
    <s v="Basé sur le système de gestion des marchandises, ce système a été simplifié pour répondre aux besoins plus simples du magasin des Ateliers de la GCC.  Les fonctions incluses dans ce système permettent de maintenant un inventaire précis du matériel pouvant être prêté et vendu aux différents clients internes au MPO."/>
    <s v=""/>
    <x v="1"/>
    <s v=""/>
    <x v="24"/>
    <s v="Internal Services"/>
    <s v="Materiel Services"/>
    <s v="DFO-565"/>
    <s v="In Production"/>
    <s v="rich"/>
    <x v="1"/>
    <x v="1325"/>
  </r>
  <r>
    <x v="2"/>
    <x v="2"/>
    <x v="3608"/>
    <s v="GestionTS"/>
    <s v="Base de données et interface de gestion du temps supplémentaire, pour le SHC région du Québec"/>
    <s v=""/>
    <x v="1"/>
    <s v=""/>
    <x v="24"/>
    <s v="Internal Services"/>
    <s v="Financial Management Services"/>
    <s v="DFO-566"/>
    <s v="In Production"/>
    <s v="rich"/>
    <x v="1"/>
    <x v="1352"/>
  </r>
  <r>
    <x v="5"/>
    <x v="90"/>
    <x v="3609"/>
    <s v="GPS Pathfinder"/>
    <s v="Trimble GPS software"/>
    <s v="Other"/>
    <x v="1"/>
    <s v="Trimble Geospatial - GPS Pathfinder Office"/>
    <x v="24"/>
    <s v="Internal Services"/>
    <s v="Information Technology Services"/>
    <s v="DFO-570"/>
    <s v="In Production"/>
    <s v=""/>
    <x v="0"/>
    <x v="1353"/>
  </r>
  <r>
    <x v="0"/>
    <x v="28"/>
    <x v="3610"/>
    <s v="GFPSDB"/>
    <m/>
    <s v=""/>
    <x v="1"/>
    <s v=""/>
    <x v="24"/>
    <s v="1.1 Integrated Fisheries Resource Management"/>
    <s v="Other"/>
    <s v="DFO-574"/>
    <s v="In Production"/>
    <s v="web"/>
    <x v="1"/>
    <x v="1354"/>
  </r>
  <r>
    <x v="4"/>
    <x v="5"/>
    <x v="3609"/>
    <s v="GFIS"/>
    <m/>
    <s v=""/>
    <x v="1"/>
    <s v=""/>
    <x v="24"/>
    <s v=""/>
    <s v=""/>
    <s v="DFO-576"/>
    <s v="In Production"/>
    <s v=""/>
    <x v="1"/>
    <x v="106"/>
  </r>
  <r>
    <x v="6"/>
    <x v="57"/>
    <x v="3611"/>
    <s v="HTS"/>
    <s v="Habitat Training System"/>
    <s v=""/>
    <x v="1"/>
    <s v=""/>
    <x v="24"/>
    <s v="2.2 Fisheries Protection"/>
    <s v="Other"/>
    <s v="DFO-577"/>
    <s v="In Production"/>
    <s v="rich"/>
    <x v="1"/>
    <x v="1355"/>
  </r>
  <r>
    <x v="0"/>
    <x v="28"/>
    <x v="3612"/>
    <s v="HATDIST"/>
    <s v="Site and species information on the distribution of hatchery-reared Atlantic salmon and trout in the Maritimes"/>
    <s v=""/>
    <x v="1"/>
    <s v=""/>
    <x v="24"/>
    <s v="1.1 Integrated Fisheries Resource Management"/>
    <s v="Other"/>
    <s v="DFO-580"/>
    <s v="In Production"/>
    <s v="rich"/>
    <x v="1"/>
    <x v="1356"/>
  </r>
  <r>
    <x v="0"/>
    <x v="28"/>
    <x v="3613"/>
    <s v="HÉLICO"/>
    <s v="Gestion des demandes pour l'utilisation d'un hélicoptère"/>
    <s v=""/>
    <x v="1"/>
    <s v=""/>
    <x v="24"/>
    <s v="3.4 Fleet Operational Readiness"/>
    <s v="Financial Management Services,Information Management Services,Materiel Services"/>
    <s v="DFO-582"/>
    <s v="In Production"/>
    <s v="rich"/>
    <x v="1"/>
    <x v="1357"/>
  </r>
  <r>
    <x v="0"/>
    <x v="28"/>
    <x v="3614"/>
    <s v="HPA"/>
    <s v="The Harbour Porpoise database application was designed to support the insertion, modification and deletion of By-Catch data collected during the Harbour Porpoise mitigation program."/>
    <s v=""/>
    <x v="1"/>
    <s v=""/>
    <x v="24"/>
    <s v="1.1 Integrated Fisheries Resource Management"/>
    <s v="Other"/>
    <s v="DFO-584"/>
    <s v="In Production"/>
    <s v="rich"/>
    <x v="1"/>
    <x v="1358"/>
  </r>
  <r>
    <x v="2"/>
    <x v="3"/>
    <x v="3615"/>
    <s v="HRCF"/>
    <s v="HR Classification Forms"/>
    <s v=""/>
    <x v="1"/>
    <s v=""/>
    <x v="24"/>
    <s v="Internal Services"/>
    <s v="Human Resources Management Services"/>
    <s v="DFO-586"/>
    <s v="In Production"/>
    <s v="rich"/>
    <x v="1"/>
    <x v="1269"/>
  </r>
  <r>
    <x v="4"/>
    <x v="5"/>
    <x v="3616"/>
    <s v=""/>
    <s v=""/>
    <s v=""/>
    <x v="1"/>
    <s v=""/>
    <x v="24"/>
    <s v=""/>
    <s v=""/>
    <s v="DFO-596"/>
    <s v="In Production"/>
    <s v=""/>
    <x v="2"/>
    <x v="106"/>
  </r>
  <r>
    <x v="0"/>
    <x v="28"/>
    <x v="3617"/>
    <s v="IODIS"/>
    <s v="Icebreaking Operations Data Information Systems (IODIS) was initial developed in 1989, to capture the detailed activities of the Coast Guard vessels while performing icebreaking and ice-related activities.  IODIS is the Icebreaking Program's primary information collection and analysis tool."/>
    <s v=""/>
    <x v="1"/>
    <s v=""/>
    <x v="24"/>
    <s v="3.4 Fleet Operational Readiness"/>
    <s v="Other"/>
    <s v="DFO-598"/>
    <s v="In Production"/>
    <s v="web"/>
    <x v="1"/>
    <x v="1359"/>
  </r>
  <r>
    <x v="2"/>
    <x v="2"/>
    <x v="3618"/>
    <s v="ISFIS"/>
    <s v="Application used to calculate fees and generate fee invoices, which are mailed to Marine Agents representing the owner/ operator/charterer of vessels that use CCG's icebreaking services."/>
    <s v=""/>
    <x v="1"/>
    <s v=""/>
    <x v="24"/>
    <s v="Internal Services"/>
    <s v="Financial Management Services"/>
    <s v="DFO-599"/>
    <s v="In Production"/>
    <s v="rich"/>
    <x v="1"/>
    <x v="1360"/>
  </r>
  <r>
    <x v="0"/>
    <x v="28"/>
    <x v="3619"/>
    <s v="iFLEET"/>
    <s v="iFleet (client/server app)replaced the outdated FAIS application and provides facilities for Sailing orders, capturing position information, fuel transactions, service delivery context, and reporting. This application is used as both an operational tool and a business reporting tool. Operation Centres use this tool to issue and acknowledge sailing order and jobs and the planners use this tool as a means of providing feedback to our clients for service delivery"/>
    <s v=""/>
    <x v="1"/>
    <s v=""/>
    <x v="24"/>
    <s v="3.4 Fleet Operational Readiness"/>
    <s v="Other"/>
    <s v="DFO-601"/>
    <s v="In Production"/>
    <s v="rich"/>
    <x v="1"/>
    <x v="1361"/>
  </r>
  <r>
    <x v="5"/>
    <x v="14"/>
    <x v="3620"/>
    <s v="ImgGeo"/>
    <s v="IMAGEO"/>
    <s v=""/>
    <x v="1"/>
    <s v=""/>
    <x v="24"/>
    <s v="3.7 Hydrographic Products and Services"/>
    <s v="Information Management Services"/>
    <s v="DFO-604"/>
    <s v="In Production"/>
    <s v="rich"/>
    <x v="1"/>
    <x v="1362"/>
  </r>
  <r>
    <x v="0"/>
    <x v="28"/>
    <x v="3621"/>
    <s v="ITL"/>
    <s v="In The Loop Intranet Form"/>
    <s v=""/>
    <x v="1"/>
    <s v=""/>
    <x v="24"/>
    <s v="Internal Services"/>
    <s v="Communications Services,Information Management Services"/>
    <s v="DFO-607"/>
    <s v="In Production"/>
    <s v="web"/>
    <x v="1"/>
    <x v="1269"/>
  </r>
  <r>
    <x v="0"/>
    <x v="28"/>
    <x v="3622"/>
    <s v="ISDB"/>
    <m/>
    <s v=""/>
    <x v="1"/>
    <s v=""/>
    <x v="24"/>
    <s v="1.1 Integrated Fisheries Resource Management"/>
    <s v="Other"/>
    <s v="DFO-608"/>
    <s v="In Production"/>
    <s v="web"/>
    <x v="1"/>
    <x v="1348"/>
  </r>
  <r>
    <x v="2"/>
    <x v="10"/>
    <x v="3621"/>
    <s v="IPI"/>
    <s v="IPI refers to both the underlying Oracle database for Small Craft Harbours and its graphical user interface developed with Oracle Forms."/>
    <s v=""/>
    <x v="1"/>
    <s v=""/>
    <x v="24"/>
    <s v="1.9 Small Craft Harbours"/>
    <s v="Other"/>
    <s v="DFO-610"/>
    <s v="In Production"/>
    <s v="rich"/>
    <x v="1"/>
    <x v="1363"/>
  </r>
  <r>
    <x v="0"/>
    <x v="28"/>
    <x v="3623"/>
    <s v="INNAV"/>
    <m/>
    <s v=""/>
    <x v="1"/>
    <s v=""/>
    <x v="24"/>
    <s v="1.8 Marine Navigation"/>
    <s v="Other"/>
    <s v="DFO-611"/>
    <s v="In Production"/>
    <s v="rich"/>
    <x v="1"/>
    <x v="1364"/>
  </r>
  <r>
    <x v="3"/>
    <x v="63"/>
    <x v="3624"/>
    <s v="ICERS"/>
    <s v="ICERS is able to produce data on commercial fisheries' catch and effort from DFO's easternmost regions (NL, GULF, MARITIMES, QUEBEC)"/>
    <s v=""/>
    <x v="1"/>
    <s v=""/>
    <x v="24"/>
    <s v="1.1 Integrated Fisheries Resource Management"/>
    <s v="Other"/>
    <s v="DFO-613"/>
    <s v="In Production"/>
    <s v="rich"/>
    <x v="1"/>
    <x v="1335"/>
  </r>
  <r>
    <x v="2"/>
    <x v="10"/>
    <x v="3625"/>
    <s v="IRCMS"/>
    <s v="Integrated Response Capacity Management System: In 1994 Environmental response acquired the IRCMS application to provide immediate up-to-date information on the operational status of ER’s pollution countermeasures equipment. The application is COTS (not sure if there is server element or stand alone) and is end of life likely being replaced by Maximo."/>
    <s v="Other"/>
    <x v="1"/>
    <s v="TMA CMMS (TMA Systems, L.L.C)"/>
    <x v="24"/>
    <s v="2.4 Environmental Response Services"/>
    <s v="Other"/>
    <s v="DFO-615"/>
    <s v="In Production"/>
    <s v="web"/>
    <x v="0"/>
    <x v="1365"/>
  </r>
  <r>
    <x v="0"/>
    <x v="11"/>
    <x v="3626"/>
    <s v="Intelex"/>
    <s v="Environmental management support software"/>
    <s v="Other"/>
    <x v="1"/>
    <s v="Intelex"/>
    <x v="24"/>
    <s v="Internal Services"/>
    <s v="Real Property Services"/>
    <s v="DFO-619"/>
    <s v="In Production"/>
    <s v="rich"/>
    <x v="0"/>
    <x v="1366"/>
  </r>
  <r>
    <x v="6"/>
    <x v="82"/>
    <x v="3627"/>
    <s v="IVR"/>
    <s v="IVR Hail Out"/>
    <s v=""/>
    <x v="1"/>
    <s v=""/>
    <x v="24"/>
    <s v="2.1 Compliance and Enforcement"/>
    <s v="Other"/>
    <s v="DFO-620"/>
    <s v="In Production"/>
    <s v="web"/>
    <x v="1"/>
    <x v="1367"/>
  </r>
  <r>
    <x v="2"/>
    <x v="10"/>
    <x v="3628"/>
    <s v="IBN"/>
    <s v="L’application est installé sur plusieurs navires du GCC dans un environnement ORACLE pour la région du Québec"/>
    <s v=""/>
    <x v="1"/>
    <s v=""/>
    <x v="24"/>
    <s v="3.4 Fleet Operational Readiness"/>
    <s v="Other"/>
    <s v="DFO-622"/>
    <s v="In Production"/>
    <s v="web"/>
    <x v="1"/>
    <x v="1368"/>
  </r>
  <r>
    <x v="2"/>
    <x v="51"/>
    <x v="3629"/>
    <s v="iPrivileges"/>
    <s v="iPrivileges is a system that records information about departmental employees’ delegated financial authorities and responsibilities. The information is recorded and saved in the system for user reference as well as for audit purposes to better control all financial aspects of Financial Signing Authority (FSA), Blanket Travel Authority (BTA), Systems etc. The basic information saved in the system for each employee is drawn from other information systems such as Abacus, PeopleSoft and Salary Management Information System (SMIS)."/>
    <s v=""/>
    <x v="1"/>
    <s v=""/>
    <x v="24"/>
    <s v="Internal Services"/>
    <s v="Financial Management Services"/>
    <s v="DFO-627"/>
    <s v="In Production"/>
    <s v="rich"/>
    <x v="1"/>
    <x v="1307"/>
  </r>
  <r>
    <x v="0"/>
    <x v="28"/>
    <x v="3630"/>
    <s v="IQSR"/>
    <s v="Internal web based report used to monitor individual fish harvesters quotas."/>
    <s v=""/>
    <x v="1"/>
    <s v=""/>
    <x v="24"/>
    <s v="1.1 Integrated Fisheries Resource Management"/>
    <s v="Other"/>
    <s v="DFO-628"/>
    <s v="In Production"/>
    <s v="web"/>
    <x v="1"/>
    <x v="1369"/>
  </r>
  <r>
    <x v="1"/>
    <x v="12"/>
    <x v="3631"/>
    <s v="iResolve"/>
    <s v="Issues ticketing/tracking and problem management system.  iResolve tracks all requests for: fixes to problems to financial and administrative systems; system administration (e.g. add users, printer maintenance); all minor changes to financial and administrative systems"/>
    <s v=""/>
    <x v="1"/>
    <s v=""/>
    <x v="24"/>
    <s v="Internal Services"/>
    <s v="Financial Management Services"/>
    <s v="DFO-630"/>
    <s v="In Production"/>
    <s v="rich"/>
    <x v="1"/>
    <x v="1307"/>
  </r>
  <r>
    <x v="0"/>
    <x v="28"/>
    <x v="3632"/>
    <s v="ISDMRS"/>
    <s v="The Request system (Science Request System) consists in a database and online form allowing users from the internet to contact OSD in order to request data or information; and to track those requests for reporting and statistics"/>
    <s v=""/>
    <x v="1"/>
    <s v=""/>
    <x v="24"/>
    <s v="3.8 Ocean Forecasting"/>
    <s v="Other"/>
    <s v="DFO-632"/>
    <s v="In Production"/>
    <s v="web"/>
    <x v="1"/>
    <x v="1370"/>
  </r>
  <r>
    <x v="0"/>
    <x v="0"/>
    <x v="3633"/>
    <s v="MediaWiki"/>
    <s v="Wiki pages for ISDM"/>
    <s v="Other"/>
    <x v="1"/>
    <s v="MediaWiki"/>
    <x v="24"/>
    <s v="Internal Services"/>
    <s v="Information Management Services,Information Technology Services"/>
    <s v="DFO-633"/>
    <s v="In Production"/>
    <s v="rich"/>
    <x v="0"/>
    <x v="1371"/>
  </r>
  <r>
    <x v="1"/>
    <x v="12"/>
    <x v="3634"/>
    <s v="JIRA"/>
    <s v="A proprietary issue tracking product, developed by Atlassian, used for bug tracking, issue tracking and project management"/>
    <s v="Other"/>
    <x v="1"/>
    <s v="Atlassian - JIRA"/>
    <x v="24"/>
    <s v="Internal Services"/>
    <s v="Information Management Services"/>
    <s v="DFO-635"/>
    <s v="In Production"/>
    <s v="rich"/>
    <x v="0"/>
    <x v="1372"/>
  </r>
  <r>
    <x v="2"/>
    <x v="32"/>
    <x v="3635"/>
    <s v="EntraPass"/>
    <s v="Facilities security system for card-access doors http://www.kantech.com/Products/software_entrapass.aspx"/>
    <s v="Other"/>
    <x v="1"/>
    <s v="Kantech; Entrapass Global Edition"/>
    <x v="24"/>
    <s v="Internal Services"/>
    <s v="Real Property Services"/>
    <s v="DFO-640"/>
    <s v="In Production"/>
    <s v="rich"/>
    <x v="0"/>
    <x v="1373"/>
  </r>
  <r>
    <x v="0"/>
    <x v="85"/>
    <x v="3636"/>
    <s v="Kofax Capture NL"/>
    <s v="Kofax Ascent Capture is a document imaging software used by the NL Region Statistics Division to convert incoming catch/effort paper documents to electronic TIF files.  The software automates the scanning, validation, verification, quality control and release, allowing efficient, high volume batch processing.  It also assists in delivering key information from the documents to an Oracle database, which is used by various intranet web pages to retrieve the images.  Access to original input documents is key to various DFO activities including quota monitoring, investigations, court cases and data editing."/>
    <s v="Other"/>
    <x v="1"/>
    <s v="Kofax Ascent Capture"/>
    <x v="24"/>
    <s v="1.1 Integrated Fisheries Resource Management"/>
    <s v="Other"/>
    <s v="DFO-642"/>
    <s v="In Production"/>
    <s v="web"/>
    <x v="0"/>
    <x v="1374"/>
  </r>
  <r>
    <x v="0"/>
    <x v="85"/>
    <x v="3637"/>
    <s v="VRS"/>
    <s v="Kofax Virtual Rescan is an add-on to the Kofax Ascent Capture software that automatically examines documents and applies the correct settings to improve the readability of scanned images."/>
    <s v="Other"/>
    <x v="1"/>
    <s v="Kofax Virtual Rescan"/>
    <x v="24"/>
    <s v="1.1 Integrated Fisheries Resource Management"/>
    <s v="Other"/>
    <s v="DFO-644"/>
    <s v="In Production"/>
    <s v="rich"/>
    <x v="0"/>
    <x v="1375"/>
  </r>
  <r>
    <x v="12"/>
    <x v="74"/>
    <x v="3638"/>
    <s v="LANikom"/>
    <s v="TCP-Com is a software application that replicates the Environment Canada AMIS weather data feed to MDS/NAVTEX at the MCTS Centres. LANikom is the system that feeds weather information to the Marine Communications and Traffic Services (MCTS) Centres across Canada. The system that will replace LANikom (and its end devices, MDS/NAVTEX, at the MCTS Centres) is in the deployment phase, but the actual end date is not certain yet."/>
    <s v="Other"/>
    <x v="1"/>
    <s v="LANTRONIX - TCP-Com"/>
    <x v="24"/>
    <s v="3.2 Marine Communications and Traffic Services"/>
    <s v="Other"/>
    <s v="DFO-647"/>
    <s v="In Production"/>
    <s v="rich"/>
    <x v="0"/>
    <x v="1376"/>
  </r>
  <r>
    <x v="0"/>
    <x v="28"/>
    <x v="3639"/>
    <s v="LPE"/>
    <s v="Associated with the Dockside Monitoring program in Barrington Catch, the LPE system is an external facing web application for entering data for individual fish weights/lengths for large pelagic landings not recorded by MARFIS logs. They system is used by external contractors working for the Large Pelagics section at St. Andrews Biological Station. It is used rarely in terms of time but is accessed on a bi-weekly basis."/>
    <s v=""/>
    <x v="1"/>
    <s v=""/>
    <x v="24"/>
    <s v="1.1 Integrated Fisheries Resource Management"/>
    <s v="Other"/>
    <s v="DFO-648"/>
    <s v="In Production"/>
    <s v="web"/>
    <x v="1"/>
    <x v="1377"/>
  </r>
  <r>
    <x v="0"/>
    <x v="28"/>
    <x v="3640"/>
    <s v="PLS-LRI"/>
    <s v="PLS and NRLS (TWS) web baed revenue tools for Finance staff"/>
    <s v=""/>
    <x v="1"/>
    <s v=""/>
    <x v="24"/>
    <s v="1.1 Integrated Fisheries Resource Management"/>
    <s v="Other"/>
    <s v="DFO-652"/>
    <s v="In Production"/>
    <s v="web"/>
    <x v="1"/>
    <x v="1378"/>
  </r>
  <r>
    <x v="0"/>
    <x v="28"/>
    <x v="3641"/>
    <s v="LCMS"/>
    <s v="Web-based system used for the management of licence conditions and the issuance of all licensing documents (licences, conditions, at-sea observer letters, etc.)"/>
    <s v=""/>
    <x v="1"/>
    <s v=""/>
    <x v="24"/>
    <s v="1.1 Integrated Fisheries Resource Management"/>
    <s v="Other"/>
    <s v="DFO-654"/>
    <s v="In Production"/>
    <s v="web"/>
    <x v="1"/>
    <x v="1379"/>
  </r>
  <r>
    <x v="0"/>
    <x v="28"/>
    <x v="3642"/>
    <s v="LIF"/>
    <s v="Web-based system used for the management and issuance of subsitute operator permits. Is this the same as Request for Licensing Transactions? http://www.glf.dfo-mpo.gc.ca/Gulf/Licenses-Delivery/Request-Licensing-Transactions"/>
    <s v=""/>
    <x v="1"/>
    <s v=""/>
    <x v="24"/>
    <s v="1.1 Integrated Fisheries Resource Management"/>
    <s v="Other"/>
    <s v="DFO-655"/>
    <s v="In Production"/>
    <s v="web"/>
    <x v="1"/>
    <x v="1265"/>
  </r>
  <r>
    <x v="0"/>
    <x v="28"/>
    <x v="3643"/>
    <s v="LIR"/>
    <s v="Web-based report used to query participant, licence and vessels data stored in GFIS"/>
    <s v=""/>
    <x v="1"/>
    <s v=""/>
    <x v="24"/>
    <s v="1.1 Integrated Fisheries Resource Management"/>
    <s v="Other"/>
    <s v="DFO-657"/>
    <s v="In Production"/>
    <s v="web"/>
    <x v="1"/>
    <x v="1265"/>
  </r>
  <r>
    <x v="0"/>
    <x v="28"/>
    <x v="2067"/>
    <s v="LIMS"/>
    <m/>
    <s v="Other"/>
    <x v="14"/>
    <s v="Thermo-Fisher - Nautilus"/>
    <x v="24"/>
    <s v="1.5 Aquatic Animal Health"/>
    <s v="Other"/>
    <s v="DFO-659"/>
    <s v="In Production"/>
    <s v="rich"/>
    <x v="0"/>
    <x v="1380"/>
  </r>
  <r>
    <x v="0"/>
    <x v="28"/>
    <x v="3644"/>
    <s v="LCL"/>
    <s v="Used to assess the stock status of the lobster fishery in the Maritimes Region, data on lobster catch rates and size structure are needed.  The LCL database contains data from dockside samples of the commercial catch lobster catch in LFAs 27-33.  Lobster length and sex are included.  Data on lobster catch rates comes from confidential fishing logs kept voluntarily by a small subset of lobster fishermen."/>
    <s v=""/>
    <x v="1"/>
    <s v=""/>
    <x v="24"/>
    <s v="1.1 Integrated Fisheries Resource Management"/>
    <s v="Other"/>
    <s v="DFO-660"/>
    <s v="In Production"/>
    <s v="rich"/>
    <x v="1"/>
    <x v="1358"/>
  </r>
  <r>
    <x v="2"/>
    <x v="10"/>
    <x v="3645"/>
    <s v="Maintelligence"/>
    <s v="Asset Management and Condition Monitoring System for ‘Large Fleet’ CCG vessels"/>
    <s v="Other"/>
    <x v="1"/>
    <s v="DMSI MainIntelligence"/>
    <x v="24"/>
    <s v="3.4 Fleet Operational Readiness"/>
    <s v="Other"/>
    <s v="DFO-666"/>
    <s v="In Production"/>
    <s v="rich"/>
    <x v="0"/>
    <x v="1381"/>
  </r>
  <r>
    <x v="0"/>
    <x v="28"/>
    <x v="3646"/>
    <s v="MFADSS"/>
    <s v="System includes information to assist with the assessment of proposed and existing aquaculture sites in Nova Scotia and New Brunswick, including the applicant name, exact location of the site, information on the phsyical, chemical and biological characteristics of the site, stocking information (e.g., feeding rates, salmon densities), and environmental assessment results. |"/>
    <s v=""/>
    <x v="1"/>
    <s v=""/>
    <x v="24"/>
    <s v="1.1 Integrated Fisheries Resource Management"/>
    <s v="Other"/>
    <s v="DFO-676"/>
    <s v="In Production"/>
    <s v="rich"/>
    <x v="1"/>
    <x v="1382"/>
  </r>
  <r>
    <x v="0"/>
    <x v="28"/>
    <x v="3647"/>
    <s v="MPIRS"/>
    <m/>
    <s v="Oracle_Canada_ULC"/>
    <x v="1"/>
    <s v="Application Express (APEX)"/>
    <x v="24"/>
    <s v="2.4 Environmental Response Services"/>
    <s v="Legal Services,Management and Oversight Services,Other"/>
    <s v="DFO-678"/>
    <s v="In Production"/>
    <s v="web"/>
    <x v="1"/>
    <x v="1383"/>
  </r>
  <r>
    <x v="2"/>
    <x v="2"/>
    <x v="3648"/>
    <s v="iCollect"/>
    <s v="iCollect is basically a replacement for the foreign vessel component of MSFIS, through which agents deal with the internal MSFIS and accessible to them through the web rather than as a standalone application on their desks."/>
    <s v=""/>
    <x v="1"/>
    <s v=""/>
    <x v="24"/>
    <s v="Internal Services"/>
    <s v="Financial Management Services"/>
    <s v="DFO-679"/>
    <s v="In Production"/>
    <s v="web"/>
    <x v="1"/>
    <x v="1384"/>
  </r>
  <r>
    <x v="2"/>
    <x v="2"/>
    <x v="3649"/>
    <s v="MSFIS"/>
    <s v="Application used to calculate fees and generate fee invoices, which are mailed to owner/ operator/charterer of vessels that use CCG's aids to navigation."/>
    <s v=""/>
    <x v="1"/>
    <s v=""/>
    <x v="24"/>
    <s v="Internal Services"/>
    <s v="Financial Management Services"/>
    <s v="DFO-680"/>
    <s v="In Production"/>
    <s v="rich"/>
    <x v="1"/>
    <x v="1385"/>
  </r>
  <r>
    <x v="5"/>
    <x v="90"/>
    <x v="3650"/>
    <s v="Marinfo"/>
    <s v="Marinfo est principalement un portail Internet, comprenant des pages dites statiques, et d'autres dites dynamiques.  Les pages dynamiques contiennent de l'information qui varie en fonction de ce que le visiteur demande. C'est le cas notamment des avis à la navigation en vigueur dans un secteur sélectionné par le visiteur."/>
    <s v=""/>
    <x v="1"/>
    <s v=""/>
    <x v="24"/>
    <s v="1.8 Marine Navigation"/>
    <s v="Other"/>
    <s v="DFO-681"/>
    <s v="In Production"/>
    <s v="web"/>
    <x v="1"/>
    <x v="1386"/>
  </r>
  <r>
    <x v="0"/>
    <x v="28"/>
    <x v="3651"/>
    <s v="MARFIS"/>
    <s v="MARFIS supports the monitoring of fishing activity and conduct transactional processes in support of the Maritime regional fish management program for Fisheries and Aquaculture Management (FAM). The system is also used to monitor some quota for other regions fisheries.  Business records are a significant part of MARFIS. The historical data contributes to management decisions with respect to terms and conditions associated with licence issuance.  Licence renewal, business transactions, terms and conditions are determined by a number of factors, of which historical entitlements, quantities, locations and dependence on fishing as part of a fisher’s livelihood, all tracked in MARFIS, are contributors. MARFIS also now interfaces with the National Online Lic"/>
    <s v=""/>
    <x v="1"/>
    <s v=""/>
    <x v="24"/>
    <s v="1.1 Integrated Fisheries Resource Management"/>
    <s v="Other"/>
    <s v="DFO-683"/>
    <s v="In Production"/>
    <s v="web"/>
    <x v="1"/>
    <x v="1387"/>
  </r>
  <r>
    <x v="0"/>
    <x v="28"/>
    <x v="3652"/>
    <s v="MRP Extractor"/>
    <s v="Web-based reporting tool to provide summary or detailed ad-hoc custom query results from specified larger dataset"/>
    <s v=""/>
    <x v="1"/>
    <s v=""/>
    <x v="24"/>
    <s v="1.1 Integrated Fisheries Resource Management"/>
    <s v="Other"/>
    <s v="DFO-686"/>
    <s v="In Production"/>
    <s v="web"/>
    <x v="1"/>
    <x v="1388"/>
  </r>
  <r>
    <x v="0"/>
    <x v="28"/>
    <x v="3653"/>
    <s v="MASE"/>
    <s v="Atlantic salmon biological and site information from the Mactaquac Sorting Facility"/>
    <s v=""/>
    <x v="1"/>
    <s v=""/>
    <x v="24"/>
    <s v="1.1 Integrated Fisheries Resource Management"/>
    <s v="Other"/>
    <s v="DFO-687"/>
    <s v="In Production"/>
    <s v="rich"/>
    <x v="1"/>
    <x v="1389"/>
  </r>
  <r>
    <x v="2"/>
    <x v="10"/>
    <x v="3654"/>
    <s v="Maximo (MIMS)"/>
    <s v="Asset Management System for shore based systems, ‘Small Fleet’ CCG vessels, and ITS supported electronics equipment (ship and shore)"/>
    <s v="Other"/>
    <x v="1"/>
    <s v="IBM Maximo Asset Management"/>
    <x v="24"/>
    <s v="3.4 Fleet Operational Readiness"/>
    <s v="Acquisition Services,Management and Oversight Services,Materiel Services"/>
    <s v="DFO-691"/>
    <s v="In Production"/>
    <s v="rich"/>
    <x v="0"/>
    <x v="1390"/>
  </r>
  <r>
    <x v="4"/>
    <x v="5"/>
    <x v="3655"/>
    <s v="MDS/NAVTEX"/>
    <s v="Message Data System and automatic message broadcasting system (MDS/NAVTEX). NAVTEX is an internationally coordinated narrow band direct printing broadcast. NAVTEX is an international service for the broadcast and automatic reception of marine safety information (MSI) by means of narrow band direct-printing using MF frequencies. The NAVTEX System has the ability to compile, edit, schedule and automatically transmit NAVTEX messages"/>
    <s v=""/>
    <x v="1"/>
    <s v=""/>
    <x v="24"/>
    <s v=""/>
    <s v=""/>
    <s v="DFO-692"/>
    <s v="In Production"/>
    <s v="appliance"/>
    <x v="0"/>
    <x v="106"/>
  </r>
  <r>
    <x v="0"/>
    <x v="43"/>
    <x v="3656"/>
    <s v="MRA"/>
    <s v="Publication of news releases on Internet"/>
    <s v=""/>
    <x v="1"/>
    <s v=""/>
    <x v="24"/>
    <s v="1.1 Integrated Fisheries Resource Management"/>
    <s v="Communications Services,Information Management Services"/>
    <s v="DFO-694"/>
    <s v="In Production"/>
    <s v="web"/>
    <x v="1"/>
    <x v="1287"/>
  </r>
  <r>
    <x v="0"/>
    <x v="87"/>
    <x v="3657"/>
    <s v="MBT"/>
    <s v="Communication tool for Intranet to post announcement and news"/>
    <s v=""/>
    <x v="1"/>
    <s v=""/>
    <x v="24"/>
    <s v="Internal Services"/>
    <s v="Communications Services"/>
    <s v="DFO-699"/>
    <s v="In Production"/>
    <s v=""/>
    <x v="1"/>
    <x v="1391"/>
  </r>
  <r>
    <x v="3"/>
    <x v="31"/>
    <x v="3658"/>
    <s v="MRS"/>
    <s v="MRS is a database containing all relevant financial and materiel information for reporting purposes. It received financial/materiel information from ABACUS, HR information from PeopleSoft, and salary information from SMIS.  MRS is used to produce three different categories of reports:  1. Finance and Materiel reports generated automatically from a menu selection or with the ability to filter on the data prior to generating a report.  2. HR reports with the ability to filter on the data prior to generating a report.  3. DACS reports with the ability to filter on the data prior to generating a report."/>
    <s v=""/>
    <x v="1"/>
    <s v=""/>
    <x v="24"/>
    <s v="Internal Services"/>
    <s v="Financial Management Services"/>
    <s v="DFO-711"/>
    <s v="In Production"/>
    <s v="rich"/>
    <x v="1"/>
    <x v="1392"/>
  </r>
  <r>
    <x v="3"/>
    <x v="31"/>
    <x v="3659"/>
    <s v="MRS WEB Reports"/>
    <s v="Web interface for MRS"/>
    <s v=""/>
    <x v="1"/>
    <s v=""/>
    <x v="24"/>
    <s v="Internal Services"/>
    <s v="Financial Management Services"/>
    <s v="DFO-712"/>
    <s v="In Production"/>
    <s v="web"/>
    <x v="1"/>
    <x v="1393"/>
  </r>
  <r>
    <x v="3"/>
    <x v="31"/>
    <x v="3660"/>
    <s v="MRS Impromptu"/>
    <s v="Impromptu is a reporting tool used to retrieve data from the MRS Database. Impromptu reports do not save data, they save the report structure."/>
    <s v=""/>
    <x v="1"/>
    <s v=""/>
    <x v="24"/>
    <s v="Internal Services"/>
    <s v="Financial Management Services"/>
    <s v="DFO-714"/>
    <s v="In Production"/>
    <s v="rich"/>
    <x v="1"/>
    <x v="1394"/>
  </r>
  <r>
    <x v="2"/>
    <x v="64"/>
    <x v="3661"/>
    <s v="iMYFPS"/>
    <s v="Cognos CUBE based reporting tool used by high-level managers and their senior assistants for multi-year financial planning based on information drawn from from PeopleSoft, ABACUS, SMIS."/>
    <s v=""/>
    <x v="1"/>
    <s v=""/>
    <x v="24"/>
    <s v="Internal Services"/>
    <s v="Financial Management Services"/>
    <s v="DFO-718"/>
    <s v="In Production"/>
    <s v="rich"/>
    <x v="1"/>
    <x v="1307"/>
  </r>
  <r>
    <x v="7"/>
    <x v="113"/>
    <x v="1882"/>
    <s v="Nagios"/>
    <s v="Removed: System/platform software Système de surveillance des systèmes informatiques du SHC région du Québec"/>
    <s v="Other"/>
    <x v="1"/>
    <s v="Nagios (logiciel libre)"/>
    <x v="24"/>
    <s v="Internal Services"/>
    <s v="Information Technology Services"/>
    <s v="DFO-720"/>
    <s v="In Production"/>
    <s v=""/>
    <x v="0"/>
    <x v="1395"/>
  </r>
  <r>
    <x v="2"/>
    <x v="3"/>
    <x v="3662"/>
    <s v="NAKISAOMWA"/>
    <s v="Web-deployed COTS application that provides a detailed view of the current organisational structure."/>
    <s v="Other"/>
    <x v="1"/>
    <s v="Nakisa"/>
    <x v="24"/>
    <s v="Internal Services"/>
    <s v="Human Resources Management Services,Information Management Services,Management and Oversight Services"/>
    <s v="DFO-721"/>
    <s v="In Production"/>
    <s v="web"/>
    <x v="0"/>
    <x v="1396"/>
  </r>
  <r>
    <x v="0"/>
    <x v="28"/>
    <x v="3663"/>
    <s v="Waves"/>
    <s v="National database repository for ocean wave data"/>
    <s v=""/>
    <x v="1"/>
    <s v=""/>
    <x v="24"/>
    <s v="3.8 Ocean Forecasting"/>
    <s v="Other"/>
    <s v="DFO-722"/>
    <s v="In Production"/>
    <s v="web"/>
    <x v="1"/>
    <x v="1397"/>
  </r>
  <r>
    <x v="9"/>
    <x v="54"/>
    <x v="3664"/>
    <s v="eACCESS"/>
    <s v="SAML-based Single Sign On solution (authentication) The National Electronic Access Solution (eAccess) is a recent implementation of a Federated Identification Management framework (FIM). The use of FIM is an important service in order for DFO to provide an online self-serve channel. Also FIM provides/ will provide DFO clients with a single, secure, and web-based access application to: • Conduct e-transactions (licensing, payments, quota transfers, vessel transfers, etc.) during or after normal business hours • Access information or generate reports on the client’s own fishing activities • Access other information (licensing, conditions, and variation and prohibition orders The use of FIM is critical as it allows users to employ the same user name, pass"/>
    <s v=""/>
    <x v="1"/>
    <s v=""/>
    <x v="24"/>
    <s v="Internal Services"/>
    <s v="Information Technology Services"/>
    <s v="DFO-724"/>
    <s v="In Production"/>
    <s v="web"/>
    <x v="1"/>
    <x v="1398"/>
  </r>
  <r>
    <x v="4"/>
    <x v="5"/>
    <x v="3665"/>
    <s v=""/>
    <s v=""/>
    <s v=""/>
    <x v="1"/>
    <s v=""/>
    <x v="24"/>
    <s v=""/>
    <s v=""/>
    <s v="DFO-725"/>
    <s v="In Production"/>
    <s v=""/>
    <x v="2"/>
    <x v="106"/>
  </r>
  <r>
    <x v="0"/>
    <x v="28"/>
    <x v="3666"/>
    <s v="NOLS"/>
    <s v="This is a national web-based system that applies to holders of commercial &amp; recreational fishing licences managed by Fisheries and Oceans Canada. The system allows external users to view holdings, pay fees using GoC RGBB, to view and print licences and other fishing documents, and to submit licensing-related requests to DFO for action. An internal Smart Client Windows application allows DFO staff members  to view and action tasks and fisher requests. External interfaces include:  - GCKey &amp; eAccess for authentication - Goc RGBB for payment of fees - processing of bank payment files for fees paid at banking institutions, - links to 6 regional systems that allows the passing of fees owing &amp; completed licensing document to NOLS - passing paid fees from NOL"/>
    <s v=""/>
    <x v="1"/>
    <s v=""/>
    <x v="24"/>
    <s v="1.1 Integrated Fisheries Resource Management"/>
    <s v="Other"/>
    <s v="DFO-729"/>
    <s v="In Production"/>
    <s v="web"/>
    <x v="1"/>
    <x v="1399"/>
  </r>
  <r>
    <x v="0"/>
    <x v="28"/>
    <x v="3667"/>
    <s v="NRLS"/>
    <s v="A public facing licensing system which allows sport fishermen to buy recreational fishing licenses on the internet. This portion of the system is the public internet site where people can buy a license. It includes a link to an online credit card processing company called Chase Paymentech (e-xact)."/>
    <s v=""/>
    <x v="1"/>
    <s v=""/>
    <x v="24"/>
    <s v="1.1 Integrated Fisheries Resource Management"/>
    <s v="Other"/>
    <s v="DFO-730"/>
    <s v="In Production"/>
    <s v="web"/>
    <x v="1"/>
    <x v="1266"/>
  </r>
  <r>
    <x v="0"/>
    <x v="28"/>
    <x v="3668"/>
    <s v="NRLS-ADMIN"/>
    <s v="An internal administration system for the National Recreational Licensing System (NRLS) which allows the Pacific Licensing Unit's licensing staff to view and generate reports on the NRLS data, and to manage sport fishermen user records."/>
    <s v=""/>
    <x v="1"/>
    <s v=""/>
    <x v="24"/>
    <s v="1.1 Integrated Fisheries Resource Management"/>
    <s v="Other"/>
    <s v="DFO-731"/>
    <s v="In Production"/>
    <s v="web"/>
    <x v="1"/>
    <x v="1170"/>
  </r>
  <r>
    <x v="0"/>
    <x v="28"/>
    <x v="3669"/>
    <s v="NSLIS"/>
    <s v="Provides functionality to handle the issuance of Section 52 licences and acts as a central repository for all Pacific region S52 licences to allow for ease of reporting given recent Larocque and APPFA court decisions."/>
    <s v=""/>
    <x v="1"/>
    <s v=""/>
    <x v="24"/>
    <s v="1.1 Integrated Fisheries Resource Management"/>
    <s v="Other"/>
    <s v="DFO-733"/>
    <s v="In Production"/>
    <s v="web"/>
    <x v="1"/>
    <x v="1170"/>
  </r>
  <r>
    <x v="2"/>
    <x v="3"/>
    <x v="3670"/>
    <s v="FTForms"/>
    <s v="System used to track and monitor Fast Track Staffing process"/>
    <s v=""/>
    <x v="1"/>
    <s v=""/>
    <x v="24"/>
    <s v="Internal Services"/>
    <s v="Human Resources Management Services"/>
    <s v="DFO-737"/>
    <s v="In Production"/>
    <s v="rich"/>
    <x v="1"/>
    <x v="1269"/>
  </r>
  <r>
    <x v="3"/>
    <x v="31"/>
    <x v="3671"/>
    <s v="NLFIN"/>
    <s v="This bank describes information collected to track licences issued to commercial fish harvesters and fishing vessels. The personal information may include full name, address, telephone number, date of birth, homeport, fishing status, fees paid, financial information, vessel name, vessel specifications, species licence entitlements, individual quotas, actual catch figures and other DFO identification numbers, as well as a listing of all gear identification (trap tags or net labels) or species harvest control devices (such as tuna tags) issued."/>
    <s v=""/>
    <x v="1"/>
    <s v=""/>
    <x v="24"/>
    <s v="1.1 Integrated Fisheries Resource Management"/>
    <s v="Other"/>
    <s v="DFO-740"/>
    <s v="In Production"/>
    <s v="rich"/>
    <x v="1"/>
    <x v="1400"/>
  </r>
  <r>
    <x v="3"/>
    <x v="31"/>
    <x v="3672"/>
    <s v="NLCE"/>
    <s v="The Newfoundland Region Catch and Effort system (NLCE) provides detailed information on landings and fishing activity in the region which is essential to the scientific research, stock assessment, quota monitoring, enforcement, licensing, policy analysis, and statistics functions of the DFO."/>
    <s v=""/>
    <x v="1"/>
    <s v=""/>
    <x v="24"/>
    <s v="1.1 Integrated Fisheries Resource Management"/>
    <s v="Other"/>
    <s v="DFO-741"/>
    <s v="In Production"/>
    <s v="rich"/>
    <x v="1"/>
    <x v="1401"/>
  </r>
  <r>
    <x v="0"/>
    <x v="28"/>
    <x v="3673"/>
    <s v="ISRS"/>
    <s v="Intranet application with output on Internet. To provide users with the status of rivers during the angling season i.e. open, closed, partially closed. (application)"/>
    <s v=""/>
    <x v="1"/>
    <s v=""/>
    <x v="24"/>
    <s v="1.1 Integrated Fisheries Resource Management"/>
    <s v="Communications Services,Information Management Services"/>
    <s v="DFO-744"/>
    <s v="In Production"/>
    <s v="web"/>
    <x v="1"/>
    <x v="1402"/>
  </r>
  <r>
    <x v="0"/>
    <x v="19"/>
    <x v="3674"/>
    <s v="NLSF"/>
    <s v="NL Salmon Form"/>
    <s v=""/>
    <x v="1"/>
    <s v=""/>
    <x v="24"/>
    <s v="1.1 Integrated Fisheries Resource Management"/>
    <s v="Other"/>
    <s v="DFO-745"/>
    <s v="In Production"/>
    <s v="web"/>
    <x v="1"/>
    <x v="1287"/>
  </r>
  <r>
    <x v="2"/>
    <x v="10"/>
    <x v="2104"/>
    <s v="Nucleus"/>
    <s v="Software to track CHS licensing and intelectual property"/>
    <s v="Other"/>
    <x v="1"/>
    <s v="Future Path Development Group Inc. - Nucleus"/>
    <x v="24"/>
    <s v="3.7 Hydrographic Products and Services"/>
    <s v="Legal Services"/>
    <s v="DFO-756"/>
    <s v="In Production"/>
    <s v="web"/>
    <x v="0"/>
    <x v="1403"/>
  </r>
  <r>
    <x v="11"/>
    <x v="68"/>
    <x v="3675"/>
    <s v="ObsTR"/>
    <s v="Outil de visualisation des observatiNo"/>
    <s v=""/>
    <x v="1"/>
    <s v=""/>
    <x v="24"/>
    <s v="1.8 Marine Navigation"/>
    <s v="Information Management Services"/>
    <s v="DFO-758"/>
    <s v="In Production"/>
    <s v=""/>
    <x v="1"/>
    <x v="1404"/>
  </r>
  <r>
    <x v="0"/>
    <x v="28"/>
    <x v="3676"/>
    <s v="OCDM"/>
    <s v="The Ocean Climate system was created using Oracle Forms versions 6i and Reports 6i.  It is designed to enable users to update the Ocean Climate database with temperature, salinity and density data.  The Update Form allows the user to import data into the database, produce an error report for the current data, update the primary database tables, export/import data sets for modification, delete events and corresponding data, and maintain quality flag values."/>
    <s v=""/>
    <x v="1"/>
    <s v=""/>
    <x v="24"/>
    <s v="1.11 Climate Change Adaptation Program"/>
    <s v="Other"/>
    <s v="DFO-763"/>
    <s v="In Production"/>
    <s v="rich"/>
    <x v="1"/>
    <x v="1306"/>
  </r>
  <r>
    <x v="3"/>
    <x v="63"/>
    <x v="3677"/>
    <s v="OCEAN"/>
    <s v="Oceans is the real-time processsing of global temperature-salinity (GTS) ocean profiles for Global Temperature-Salinity Profile Project ( GTSPP) and DFO, it is also the delayed-mode processing of ocean profiles (XBT, CTD, bottle data, etc) from DFO and of other provenance if collected in the Canadian waters. "/>
    <s v=""/>
    <x v="1"/>
    <s v=""/>
    <x v="24"/>
    <s v="3.8 Ocean Forecasting"/>
    <s v="Other"/>
    <s v="DFO-764"/>
    <s v="In Production"/>
    <s v="web"/>
    <x v="1"/>
    <x v="1405"/>
  </r>
  <r>
    <x v="0"/>
    <x v="28"/>
    <x v="3678"/>
    <s v="OCD"/>
    <s v="The Ocean Climate Database system houses binned temperature, depth, and salinity data for the North West Atlantic. The Ocean Climate query application is a web interface that allows the users to submit queries against the database. The query is placed in a queue which is processed by a back-end application called ‘Query Agent’. The resulting data is placed on the FTP server and the FTP link is sent to the user via email."/>
    <s v=""/>
    <x v="1"/>
    <s v=""/>
    <x v="24"/>
    <s v="1.11 Climate Change Adaptation Program"/>
    <s v="Other"/>
    <s v="DFO-765"/>
    <s v="In Production"/>
    <s v="web"/>
    <x v="1"/>
    <x v="1406"/>
  </r>
  <r>
    <x v="0"/>
    <x v="28"/>
    <x v="3679"/>
    <s v="OCDB"/>
    <s v="The Ocean Color Database consists of satelite measurement of chlorophyll data for Northwest Atlantic. The Ocean Color query application is a web interface that allows the users to submit queries against the database. The query is placed in a queue which is processed by a back-end application called ‘Query Agent’. The resulting data is placed on the FTP server and the FTP link is sent to the user via email."/>
    <s v=""/>
    <x v="1"/>
    <s v=""/>
    <x v="24"/>
    <s v="1.11 Climate Change Adaptation Program"/>
    <s v="Other"/>
    <s v="DFO-767"/>
    <s v="In Production"/>
    <s v="web"/>
    <x v="1"/>
    <x v="1406"/>
  </r>
  <r>
    <x v="0"/>
    <x v="28"/>
    <x v="3680"/>
    <s v="OCDBM"/>
    <s v="This system was developed using Oracle Forms versions 6i and Reports 6i.  It facilitate the loading of the remote sensing chlorophyll data obtained from NASA(collected by SeaWiFS sensors on satellties) into the Ocean Colour Database, an Oracle backend  The data loaded are a subset of NASA's global dataset for the North West Atlantic. SQL loader is used to load the data into a temporary table. This GUI app allows the system maintainer to apply the identtification of the datasource(satellite type), perform basic quality assurance and move the data into production table."/>
    <s v=""/>
    <x v="1"/>
    <s v=""/>
    <x v="24"/>
    <s v="1.11 Climate Change Adaptation Program"/>
    <s v="Other"/>
    <s v="DFO-768"/>
    <s v="In Production"/>
    <s v="rich"/>
    <x v="1"/>
    <x v="1407"/>
  </r>
  <r>
    <x v="0"/>
    <x v="28"/>
    <x v="3681"/>
    <s v="ODI"/>
    <s v="The Ocean Data Inventory (ODI) database contains the inventory of the oceanographic time series data held by the Branch.   The ODI query system is a web interface that allows the users to query the data temporally and geographically in order to determine what data files to request for further analysis.  This is available on the internet to the public."/>
    <s v=""/>
    <x v="1"/>
    <s v=""/>
    <x v="24"/>
    <s v="1.11 Climate Change Adaptation Program"/>
    <s v="Other"/>
    <s v="DFO-769"/>
    <s v="In Production"/>
    <s v="web"/>
    <x v="1"/>
    <x v="1408"/>
  </r>
  <r>
    <x v="0"/>
    <x v="28"/>
    <x v="3682"/>
    <s v="ODIM"/>
    <s v="The Ocean Data Inventory Database Update is a multi-form, stand-alone application that was created using Oracle Forms versions 6i and Reports 6i.  The system is used to import raw data into the database, produce error reports, update the database, import/export data sets for future editing, delete events and maintain quality flag values."/>
    <s v=""/>
    <x v="1"/>
    <s v=""/>
    <x v="24"/>
    <s v="1.11 Climate Change Adaptation Program"/>
    <s v="Other"/>
    <s v="DFO-770"/>
    <s v="In Production"/>
    <s v="rich"/>
    <x v="1"/>
    <x v="1306"/>
  </r>
  <r>
    <x v="5"/>
    <x v="90"/>
    <x v="3683"/>
    <s v="OCSIWA"/>
    <s v="National Atlas Coral and Sponge Distribution"/>
    <s v=""/>
    <x v="1"/>
    <s v=""/>
    <x v="24"/>
    <s v="2.5 Oceans Management"/>
    <s v="Other"/>
    <s v="DFO-779"/>
    <s v="In Production"/>
    <s v="rich"/>
    <x v="1"/>
    <x v="1409"/>
  </r>
  <r>
    <x v="0"/>
    <x v="28"/>
    <x v="3684"/>
    <s v="ODIN"/>
    <s v="Vintage, but mission critical system used by CHS-Quebec to acquire, manage and broadcast water level observation to external and internal clients."/>
    <s v=""/>
    <x v="1"/>
    <s v=""/>
    <x v="24"/>
    <s v="1.8 Marine Navigation"/>
    <s v="Information Management Services"/>
    <s v="DFO-785"/>
    <s v="In Production"/>
    <s v="web"/>
    <x v="1"/>
    <x v="1410"/>
  </r>
  <r>
    <x v="0"/>
    <x v="28"/>
    <x v="3685"/>
    <s v="CLAM"/>
    <m/>
    <s v=""/>
    <x v="1"/>
    <s v=""/>
    <x v="24"/>
    <s v="1.1 Integrated Fisheries Resource Management"/>
    <s v="Other"/>
    <s v="DFO-787"/>
    <s v="In Production"/>
    <s v="web"/>
    <x v="1"/>
    <x v="1411"/>
  </r>
  <r>
    <x v="0"/>
    <x v="28"/>
    <x v="3686"/>
    <s v="OSS"/>
    <s v="The Offshore Scallop Surveys is a data entry system and Oracle database for the storage and retrieval of field data collected during annual dredge surveys of the major offshore scallop grounds off Nova Scotia.  These data provide the main source of information on the abundance, biomass, growth, size composition, and spatial distribution of sea scallops used for stock assessements to provide scientific advice to fisheries managers and the fishing industry on fishing plans."/>
    <s v=""/>
    <x v="1"/>
    <s v=""/>
    <x v="24"/>
    <s v="1.1 Integrated Fisheries Resource Management"/>
    <s v="Other"/>
    <s v="DFO-788"/>
    <s v="In Production"/>
    <s v="rich"/>
    <x v="1"/>
    <x v="1412"/>
  </r>
  <r>
    <x v="5"/>
    <x v="90"/>
    <x v="3687"/>
    <s v="SII-1  MAPSTER"/>
    <s v="Provide GIS to support DFO Science http://geoportal.gc.ca/eng/Gallery/ApplicationProfile/2  The purpose of MAPSTER is to provide simple access to fish and fish habitat map information for a widely dispersed and diverse group of users. Users include DFO staff, NGO's, Industry, First Nations, consultants and the general public. Over 700 fish and fish habitat layers covering British Columbia, the Yukon Territory, and the Canadian pacific offshore area can currently be displayed and queried through MAPSTER's interactive map interface."/>
    <s v="ESRI_Canada_Limited"/>
    <x v="45"/>
    <s v=""/>
    <x v="24"/>
    <s v="2.5 Oceans Management"/>
    <s v="Information Management Services,Information Technology Services"/>
    <s v="DFO-789"/>
    <s v="In Production"/>
    <s v="rich"/>
    <x v="0"/>
    <x v="1413"/>
  </r>
  <r>
    <x v="0"/>
    <x v="43"/>
    <x v="3688"/>
    <s v="Hub"/>
    <s v="Main component to generate applications, sites and pages for Internet and Intranet."/>
    <s v=""/>
    <x v="1"/>
    <s v=""/>
    <x v="24"/>
    <s v="Internal Services"/>
    <s v="Information Technology Services"/>
    <s v="DFO-790"/>
    <s v="In Production"/>
    <s v="web"/>
    <x v="1"/>
    <x v="1414"/>
  </r>
  <r>
    <x v="2"/>
    <x v="20"/>
    <x v="3689"/>
    <s v="OMS"/>
    <s v="Web-based system used for the management and issuance of variation and prohibition orders"/>
    <s v=""/>
    <x v="1"/>
    <s v=""/>
    <x v="24"/>
    <s v="1.1 Integrated Fisheries Resource Management"/>
    <s v="Other"/>
    <s v="DFO-797"/>
    <s v="In Production"/>
    <s v="web"/>
    <x v="1"/>
    <x v="1286"/>
  </r>
  <r>
    <x v="0"/>
    <x v="28"/>
    <x v="3690"/>
    <s v="OSUM"/>
    <s v="This is an Oracle 6i Forms application used to manage user accounts created for various internet query applications which provide access to physical oceanographic data to end users.  These applications include Ocean Data Inventory (ODI), Sea Surface Temperature (SST), Ocean Colour Database (OCDB), Ocean Climate (OCD), and Coastal Time Series (CTS)."/>
    <s v=""/>
    <x v="1"/>
    <s v=""/>
    <x v="24"/>
    <s v="1.1 Integrated Fisheries Resource Management"/>
    <s v="Other"/>
    <s v="DFO-800"/>
    <s v="In Production"/>
    <s v="rich"/>
    <x v="1"/>
    <x v="1306"/>
  </r>
  <r>
    <x v="0"/>
    <x v="28"/>
    <x v="3691"/>
    <s v="OTOINV"/>
    <s v="This application, OTOINV, contains information relating to the Population Ecology collection of Otoliths data which is stored at the St. Andrews Biological Station (SABS). There are three categories in the collection, samples taken from the Groundfish Surveys, samples taken from Port Samples and other samples that do not belong to the first two categories. The Otolith Inventory application is used to access the database for entry, maintenance and query"/>
    <s v=""/>
    <x v="1"/>
    <s v=""/>
    <x v="24"/>
    <s v="1.1 Integrated Fisheries Resource Management"/>
    <s v="Other"/>
    <s v="DFO-802"/>
    <s v="In Production"/>
    <s v="rich"/>
    <x v="1"/>
    <x v="1289"/>
  </r>
  <r>
    <x v="0"/>
    <x v="43"/>
    <x v="3692"/>
    <s v="Adm"/>
    <s v="Main effort tool to track projects, tasks, metrics and effort for IMTS Application Development"/>
    <s v=""/>
    <x v="1"/>
    <s v=""/>
    <x v="24"/>
    <s v="Internal Services"/>
    <s v="Communications Services,Financial Management Services,Human Resources Management Services,Information Management Services,Information Technology Services"/>
    <s v="DFO-806"/>
    <s v="In Production"/>
    <s v="rich"/>
    <x v="1"/>
    <x v="1269"/>
  </r>
  <r>
    <x v="0"/>
    <x v="42"/>
    <x v="3693"/>
    <s v="OWFP"/>
    <s v="Main website of the Open Web Framework intranet."/>
    <s v=""/>
    <x v="1"/>
    <s v=""/>
    <x v="24"/>
    <s v="Internal Services"/>
    <s v="Communications Services"/>
    <s v="DFO-807"/>
    <s v="In Production"/>
    <s v="web"/>
    <x v="1"/>
    <x v="1286"/>
  </r>
  <r>
    <x v="0"/>
    <x v="28"/>
    <x v="3694"/>
    <s v="PLS"/>
    <s v="Pacific Region's commercial fishing licencing system - Legacy system"/>
    <s v=""/>
    <x v="1"/>
    <s v=""/>
    <x v="24"/>
    <s v="1.1 Integrated Fisheries Resource Management"/>
    <s v="Other"/>
    <s v="DFO-813"/>
    <s v="In Production"/>
    <s v="rich"/>
    <x v="1"/>
    <x v="1415"/>
  </r>
  <r>
    <x v="6"/>
    <x v="82"/>
    <x v="3695"/>
    <s v="Pacific notification System (Inbound)"/>
    <s v="Public phones in for variation and prohibition order notices"/>
    <s v=""/>
    <x v="1"/>
    <s v=""/>
    <x v="24"/>
    <s v="1.1 Integrated Fisheries Resource Management"/>
    <s v="Other"/>
    <s v="DFO-814"/>
    <s v="In Production"/>
    <s v="rich"/>
    <x v="1"/>
    <x v="1416"/>
  </r>
  <r>
    <x v="0"/>
    <x v="28"/>
    <x v="3696"/>
    <s v="GATEWAY"/>
    <s v="Pacific Region Client Dashboard providing customized view of access to systems in the Pacific region"/>
    <s v=""/>
    <x v="1"/>
    <s v=""/>
    <x v="24"/>
    <s v="1.1 Integrated Fisheries Resource Management"/>
    <s v="Other"/>
    <s v="DFO-816"/>
    <s v="In Production"/>
    <s v="rich"/>
    <x v="1"/>
    <x v="1417"/>
  </r>
  <r>
    <x v="2"/>
    <x v="32"/>
    <x v="3697"/>
    <s v="PRED"/>
    <s v="Environmental management support software"/>
    <s v=""/>
    <x v="1"/>
    <s v=""/>
    <x v="24"/>
    <s v="Internal Services"/>
    <s v="Real Property Services"/>
    <s v="DFO-817"/>
    <s v="In Production"/>
    <s v="rich"/>
    <x v="1"/>
    <x v="1418"/>
  </r>
  <r>
    <x v="9"/>
    <x v="54"/>
    <x v="3698"/>
    <s v="PacAdmin"/>
    <s v="Administration system which controls authroization and access to specific Pacific region applications"/>
    <s v=""/>
    <x v="1"/>
    <s v=""/>
    <x v="24"/>
    <s v="1.1 Integrated Fisheries Resource Management"/>
    <s v="Other"/>
    <s v="DFO-818"/>
    <s v="In Production"/>
    <s v="rich"/>
    <x v="1"/>
    <x v="1419"/>
  </r>
  <r>
    <x v="0"/>
    <x v="11"/>
    <x v="3699"/>
    <s v="CONFLUENCE"/>
    <s v="Team collaboration software, wiki and knowledgebase, developed by Atlassian, used to collect and maintain information"/>
    <s v="Other"/>
    <x v="1"/>
    <s v="Atlassian - Conflucence"/>
    <x v="24"/>
    <s v="Internal Services"/>
    <s v="Information Management Services"/>
    <s v="DFO-819"/>
    <s v="In Production"/>
    <s v="web"/>
    <x v="0"/>
    <x v="1420"/>
  </r>
  <r>
    <x v="0"/>
    <x v="28"/>
    <x v="3700"/>
    <s v="PSD"/>
    <s v="The Population Ecology Section staff conduct research and stock evaluations to provide scientific advice for fisheries management and the Species at Risk program. Scientific information is gathered from field surveys, tagging programs, aging studies, commercial catch data, and field and laboratory studies. | The Pelagic Samples Database is made up of historical and current biological sampling data for herring in the Maritimes Region.  The application can be used to input data, query, or generate reports."/>
    <s v=""/>
    <x v="1"/>
    <s v=""/>
    <x v="24"/>
    <s v="1.1 Integrated Fisheries Resource Management"/>
    <s v="Other"/>
    <s v="DFO-822"/>
    <s v="In Production"/>
    <s v="rich"/>
    <x v="1"/>
    <x v="1289"/>
  </r>
  <r>
    <x v="4"/>
    <x v="5"/>
    <x v="3701"/>
    <s v="PEOPLESOFT_HR"/>
    <s v="DFO HR data from Dept of Agriculture"/>
    <s v=""/>
    <x v="1"/>
    <s v=""/>
    <x v="24"/>
    <s v=""/>
    <s v=""/>
    <s v="DFO-823"/>
    <s v="In Production"/>
    <s v=""/>
    <x v="0"/>
    <x v="106"/>
  </r>
  <r>
    <x v="0"/>
    <x v="88"/>
    <x v="3702"/>
    <s v="OWF-PGM"/>
    <s v="OWF module to allow incorporating photo galleries in Web applications"/>
    <s v=""/>
    <x v="1"/>
    <s v=""/>
    <x v="24"/>
    <s v="Internal Services"/>
    <s v="Communications Services"/>
    <s v="DFO-825"/>
    <s v="In Production"/>
    <s v="web"/>
    <x v="1"/>
    <x v="1421"/>
  </r>
  <r>
    <x v="0"/>
    <x v="8"/>
    <x v="3703"/>
    <s v="Polaris"/>
    <s v="Open Source Content management system for C&amp;A Intranet Environment"/>
    <s v=""/>
    <x v="1"/>
    <s v=""/>
    <x v="24"/>
    <s v="Internal Services"/>
    <s v="Information Management Services,Information Technology Services"/>
    <s v="DFO-829"/>
    <s v="In Production"/>
    <s v="web"/>
    <x v="1"/>
    <x v="1422"/>
  </r>
  <r>
    <x v="2"/>
    <x v="51"/>
    <x v="3704"/>
    <s v="iDisclose"/>
    <s v="Confirmed by Finance that this is a component of ABACUS (APM ID 164) System used to track and report on proactive disclosure related the Travel and Hospitality policy"/>
    <s v=""/>
    <x v="1"/>
    <s v=""/>
    <x v="24"/>
    <s v="Internal Services"/>
    <s v="Financial Management Services"/>
    <s v="DFO-839"/>
    <s v="In Production"/>
    <s v="rich"/>
    <x v="1"/>
    <x v="1307"/>
  </r>
  <r>
    <x v="0"/>
    <x v="43"/>
    <x v="3705"/>
    <s v="Pilaf"/>
    <s v="Removed: Software development tool Provide CLF2 tools for other ISDM JavaEE applications"/>
    <s v=""/>
    <x v="1"/>
    <s v=""/>
    <x v="24"/>
    <s v="Internal Services"/>
    <s v="Information Management Services,Information Technology Services"/>
    <s v="DFO-840"/>
    <s v="In Production"/>
    <s v=""/>
    <x v="1"/>
    <x v="1423"/>
  </r>
  <r>
    <x v="3"/>
    <x v="4"/>
    <x v="3706"/>
    <s v="PDB"/>
    <s v="CHS Product and source data repository Front-end forms server retired per email from L. Patterson March 23, 2015"/>
    <s v=""/>
    <x v="1"/>
    <s v=""/>
    <x v="24"/>
    <s v="1.8 Marine Navigation"/>
    <s v="Other"/>
    <s v="DFO-841"/>
    <s v="In Production"/>
    <s v="rich"/>
    <x v="1"/>
    <x v="1148"/>
  </r>
  <r>
    <x v="0"/>
    <x v="16"/>
    <x v="3707"/>
    <s v="PATH"/>
    <m/>
    <s v=""/>
    <x v="1"/>
    <s v=""/>
    <x v="24"/>
    <s v="2.2 Fisheries Protection"/>
    <s v="Other"/>
    <s v="DFO-842"/>
    <s v="In Production"/>
    <s v="rich"/>
    <x v="1"/>
    <x v="1424"/>
  </r>
  <r>
    <x v="2"/>
    <x v="32"/>
    <x v="3708"/>
    <s v="Pulse EMS"/>
    <s v="Real Time Energy Monitoring Dashboard Application Third-party cloud-based application (SaaS)."/>
    <s v="Other"/>
    <x v="1"/>
    <s v="Pulse Energy Inc Pulse Energy EMS Software"/>
    <x v="24"/>
    <s v="Internal Services"/>
    <s v="Real Property Services"/>
    <s v="DFO-845"/>
    <s v="In Production"/>
    <s v="web"/>
    <x v="0"/>
    <x v="1425"/>
  </r>
  <r>
    <x v="2"/>
    <x v="58"/>
    <x v="3709"/>
    <s v="Q-Pulse"/>
    <s v="The main purpose for Q-Pulse is to electronically manage the quality management system of 4 DFO laboratories which are doing diagnostic and research testing on behalf of the of  NAAHP (National Aquatic Animal Health Program), including the document control procedure for standard operating procedures, test method protocols, minutes from meetings, forms, etc.  This software enables staff to have electronic access the approved current version of any quality document."/>
    <s v="Other"/>
    <x v="1"/>
    <s v="Vendor: Stuart Connell (Process Power Solutions) - Product:  Q-Pulse"/>
    <x v="24"/>
    <s v="1.5 Aquatic Animal Health"/>
    <s v="Other"/>
    <s v="DFO-850"/>
    <s v="In Production"/>
    <s v="rich"/>
    <x v="0"/>
    <x v="1426"/>
  </r>
  <r>
    <x v="3"/>
    <x v="31"/>
    <x v="3710"/>
    <s v="QR"/>
    <s v="Internal and External Web based report that displays all quota’s and landings for all fisheries under the Dockside Monitoring Program.  This report is broke down by several different ways depending on the species, for example:  Fleet, zone or province."/>
    <s v=""/>
    <x v="1"/>
    <s v=""/>
    <x v="24"/>
    <s v="1.1 Integrated Fisheries Resource Management"/>
    <s v="Other"/>
    <s v="DFO-851"/>
    <s v="In Production"/>
    <s v="web"/>
    <x v="1"/>
    <x v="1427"/>
  </r>
  <r>
    <x v="4"/>
    <x v="5"/>
    <x v="3711"/>
    <s v="QA"/>
    <s v="The Query Agent is a java servlet running on an Intranet server marbiod11 in support of the query applications OCD (Ocean Climate Database), OCDB (Ocean Color Database) and SST (Sea Surface Temperature). This is a utility that runs periodically looking for new queries submitted by users against the above databases.  These queries are then processed and the results are packaged and made available on the FTP server, Starfish.  The user is then emailed by this utility informing them that their results are available for them to download."/>
    <s v=""/>
    <x v="1"/>
    <s v=""/>
    <x v="24"/>
    <s v="1.11 Climate Change Adaptation Program"/>
    <s v="Information Management Services"/>
    <s v="DFO-855"/>
    <s v="In Production"/>
    <s v=""/>
    <x v="1"/>
    <x v="1428"/>
  </r>
  <r>
    <x v="0"/>
    <x v="28"/>
    <x v="3712"/>
    <s v="QMS"/>
    <s v="Pacific Region's quota management system used by the Groundfish Management Unit to allocated and distribute quota to both commerical and recreational (halibut recreational) licences."/>
    <s v=""/>
    <x v="1"/>
    <s v=""/>
    <x v="24"/>
    <s v="1.1 Integrated Fisheries Resource Management"/>
    <s v="Other"/>
    <s v="DFO-856"/>
    <s v="In Production"/>
    <s v="web"/>
    <x v="1"/>
    <x v="1170"/>
  </r>
  <r>
    <x v="2"/>
    <x v="32"/>
    <x v="3713"/>
    <s v="RPIMS"/>
    <m/>
    <s v="Other"/>
    <x v="1"/>
    <s v="Archibus"/>
    <x v="24"/>
    <s v="Internal Services"/>
    <s v="Real Property Services"/>
    <s v="DFO-860"/>
    <s v="In Production"/>
    <s v="rich"/>
    <x v="0"/>
    <x v="1272"/>
  </r>
  <r>
    <x v="2"/>
    <x v="32"/>
    <x v="3714"/>
    <s v="RPIS"/>
    <s v="(Retired per Julien Tremblay 17-Jun-2014) Tracks real property information for DFO."/>
    <s v=""/>
    <x v="1"/>
    <s v=""/>
    <x v="24"/>
    <s v="Internal Services"/>
    <s v="Real Property Services"/>
    <s v="DFO-861"/>
    <s v="In Production"/>
    <s v=""/>
    <x v="1"/>
    <x v="1429"/>
  </r>
  <r>
    <x v="5"/>
    <x v="90"/>
    <x v="3715"/>
    <s v="RTWL"/>
    <s v="CHS has tide gauges deployed in the Maritimes, and internal process downloads the data and updates the Oracle database on Kamsok in real-time.  The RTWL application provides an interactive map to view the locations and information about the tidal gauges, as well as to view historical data in the past and predicted water levels in the future. The Real Time Water Level System (RTWL) enables access to water level information retrieved from the tide gauge installations around Atlantic Provinces and Labrador.  The water level is retrieved from these tide gauges, stored in the Oracle database, and made available in real (or near real) time.  This information is used by Environment Canada and Provincial Emergency Preparedness Organizations.  The access to dat"/>
    <s v=""/>
    <x v="1"/>
    <s v=""/>
    <x v="24"/>
    <s v="1.8 Marine Navigation"/>
    <s v="Other"/>
    <s v="DFO-864"/>
    <s v="In Production"/>
    <s v="web"/>
    <x v="1"/>
    <x v="1430"/>
  </r>
  <r>
    <x v="0"/>
    <x v="28"/>
    <x v="3716"/>
    <s v="REFDIFFTOOL"/>
    <s v="Used to compare data values residing in the Reference Data Repository. Used to maintain data quality."/>
    <s v=""/>
    <x v="1"/>
    <s v=""/>
    <x v="24"/>
    <s v="1.1 Integrated Fisheries Resource Management"/>
    <s v="Other"/>
    <s v="DFO-865"/>
    <s v="In Production"/>
    <s v="rich"/>
    <x v="1"/>
    <x v="1431"/>
  </r>
  <r>
    <x v="0"/>
    <x v="28"/>
    <x v="3717"/>
    <s v="REFDATA"/>
    <s v="PacFish Reference Data Repository Database used to store data standards, such as common codes, for use by data systems located in the Pacific Region."/>
    <s v=""/>
    <x v="1"/>
    <s v=""/>
    <x v="24"/>
    <s v="1.1 Integrated Fisheries Resource Management"/>
    <s v="Other"/>
    <s v="DFO-866"/>
    <s v="In Production"/>
    <s v="rich"/>
    <x v="1"/>
    <x v="1431"/>
  </r>
  <r>
    <x v="4"/>
    <x v="5"/>
    <x v="3718"/>
    <s v="CSD"/>
    <s v="Removed: according to the PRA/SOS, this application is web-based client-server, but has only 1 user. Le répertoire des sites contaminés aide la biologiste principale sites contaminés à la DRGE a donner des avis au sujet de site contaminés fédéraux pouvant impacter la vie aquatique.  L’application lui permet de  - Superposer sur une carte différentes sources d’information comme les sites contaminés fédéraux et les données du système information géographique de l’habitat du poisson; - Entrer des notes et des observations; - Rechercher rapidement des sites et des observations; • Produire des rapports et des cartes."/>
    <s v=""/>
    <x v="1"/>
    <s v=""/>
    <x v="24"/>
    <s v=""/>
    <s v=""/>
    <s v="DFO-871"/>
    <s v="In Production"/>
    <s v=""/>
    <x v="1"/>
    <x v="1432"/>
  </r>
  <r>
    <x v="1"/>
    <x v="12"/>
    <x v="3719"/>
    <s v="RMT"/>
    <s v="Main tool to manage ongoing support for web sites, applications (Intranet and Internet) hosted on the OWF"/>
    <s v=""/>
    <x v="1"/>
    <s v=""/>
    <x v="24"/>
    <s v="Internal Services"/>
    <s v="Communications Services,Information Management Services"/>
    <s v="DFO-875"/>
    <s v="In Production"/>
    <s v="web"/>
    <x v="1"/>
    <x v="1173"/>
  </r>
  <r>
    <x v="6"/>
    <x v="33"/>
    <x v="3720"/>
    <s v="Salles"/>
    <s v="Permet de gérer les informations sur les salles de réunion et de faire des réservations quotidiennes et périodiques (tous les lundis de chaque semaine pour une certaine période)."/>
    <s v=""/>
    <x v="1"/>
    <s v=""/>
    <x v="24"/>
    <s v="Internal Services"/>
    <s v="Real Property Services"/>
    <s v="DFO-877"/>
    <s v="In Production"/>
    <s v="rich"/>
    <x v="1"/>
    <x v="1433"/>
  </r>
  <r>
    <x v="2"/>
    <x v="2"/>
    <x v="3721"/>
    <s v="SERV"/>
    <s v="Permet de réserver un des véhicules appartenant au ministère."/>
    <s v=""/>
    <x v="1"/>
    <s v=""/>
    <x v="24"/>
    <s v="Internal Services"/>
    <s v="Materiel Services"/>
    <s v="DFO-878"/>
    <s v="In Production"/>
    <s v="rich"/>
    <x v="1"/>
    <x v="1434"/>
  </r>
  <r>
    <x v="2"/>
    <x v="20"/>
    <x v="3722"/>
    <s v="S52"/>
    <s v="Web-based systems used for management and issuance of Section 52 licences. It includes an application form used by internal/external clients."/>
    <s v=""/>
    <x v="1"/>
    <s v=""/>
    <x v="24"/>
    <s v="1.1 Integrated Fisheries Resource Management"/>
    <s v="Other"/>
    <s v="DFO-885"/>
    <s v="In Production"/>
    <s v="web"/>
    <x v="1"/>
    <x v="1435"/>
  </r>
  <r>
    <x v="0"/>
    <x v="28"/>
    <x v="3723"/>
    <s v="SalmoNS"/>
    <s v="The Salmon Angling Licensing Monitoring Nova Scotia (Salmo-NS) system captures, manipulates, and reports on recreational salmon angler license data collected seasonally.   | The system has a data entry and edits interface that provides forms to enter data into the Salmo-NS database tables.  These tables can be broken up into two sections.  Seasonal effort data tables contain salmon angler license data collected seasonally.  Lookup tables contain the current list of applicable values associated with them, such as cities, counties, and rivers.   The system has a report-generating function as well.  |"/>
    <s v=""/>
    <x v="1"/>
    <s v=""/>
    <x v="24"/>
    <s v="1.1 Integrated Fisheries Resource Management"/>
    <s v="Other"/>
    <s v="DFO-890"/>
    <s v="In Production"/>
    <s v="rich"/>
    <x v="1"/>
    <x v="1436"/>
  </r>
  <r>
    <x v="3"/>
    <x v="5"/>
    <x v="3724"/>
    <s v="SCE - CTDDAP"/>
    <s v="The CTD Data Acquisition and Processing System is a wrapper application to facilitate downloading and processing of CTD data from the SBE25 Sealogger, SBE25Plus Sealogger , SBE19 Seacat, SBE19Plus Seacat, SBE 19Plus V2 SeaCAT,  and SBE911Plus CTD instruments.  This includes applying Seabird SBE data processing modules, as well as in-house BIO processing modules to the data, to produce output formats for further analysis. The user may select Seabird SBE data processing modules to run in a particular sequence, and configure each module for his or her particular needs."/>
    <s v=""/>
    <x v="1"/>
    <s v=""/>
    <x v="24"/>
    <s v="1.11 Climate Change Adaptation Program"/>
    <s v="Other"/>
    <s v="DFO-898"/>
    <s v="In Production"/>
    <s v="desktop"/>
    <x v="1"/>
    <x v="1437"/>
  </r>
  <r>
    <x v="2"/>
    <x v="10"/>
    <x v="3725"/>
    <s v="SCH Reports"/>
    <s v="SCH Reports are built on top of Data Management's IBM Cognos 8 Portal."/>
    <s v=""/>
    <x v="1"/>
    <s v=""/>
    <x v="24"/>
    <s v="1.9 Small Craft Harbours"/>
    <s v="Other"/>
    <s v="DFO-900"/>
    <s v="In Production"/>
    <s v="rich"/>
    <x v="1"/>
    <x v="1438"/>
  </r>
  <r>
    <x v="2"/>
    <x v="10"/>
    <x v="3726"/>
    <s v="SCHMIR"/>
    <s v="Small Craft Harbours Management Information Retriever is another front end to the IPI database and a front end tied to a national file server.  SCHMIR also retrieves relevant data from other sectors and associates these to SCH sites."/>
    <s v=""/>
    <x v="1"/>
    <s v=""/>
    <x v="24"/>
    <s v="1.9 Small Craft Harbours"/>
    <s v="Other"/>
    <s v="DFO-901"/>
    <s v="In Production"/>
    <s v="rich"/>
    <x v="1"/>
    <x v="1439"/>
  </r>
  <r>
    <x v="5"/>
    <x v="90"/>
    <x v="3727"/>
    <s v="SCPV"/>
    <s v="The SCOOP Viewer is an interactive web map interface developed using the IMF (Internet Mapping Framework). The map uses the ArcIMS map service based on the Ocean Wave Forecast data for Northwest Atlantic generated using SCOOP Operational Wave Model. The viewer can be accessed via the URL http://bluefin2.dfo-mpo.gc.ca/imf-ows/sites/ofcast/index.html . The model runs twicw a daya and hence the ARCIMS map service is updated twice a day using an automated process."/>
    <s v=""/>
    <x v="1"/>
    <s v=""/>
    <x v="24"/>
    <s v="1.11 Climate Change Adaptation Program"/>
    <s v="Other"/>
    <s v="DFO-906"/>
    <s v="In Production"/>
    <s v="web"/>
    <x v="1"/>
    <x v="1440"/>
  </r>
  <r>
    <x v="0"/>
    <x v="28"/>
    <x v="3728"/>
    <s v="SLIMS"/>
    <s v="SLIMS serves as an electronic archive of data collected on paper during each field season. Currently SLIMS stores adult sea lamprey assessment data beginning in 1980, and larval assessment data beginning in 1989. The collection of this quantitative sea lamprey information is critical to integrate sea lamprey management with fishery-management goals of Great Lakes agencies.   The database contains information on larval sea lamprey distribution and age structure, which enables managers to direct sea lamprey control activities to priority areas based on a cost-benefit model. The database also contains information on the adult sea lamprey abundance in each lake, which enables managers to evaluate the success of the program at local, regional, and lake-wide"/>
    <s v=""/>
    <x v="1"/>
    <s v=""/>
    <x v="24"/>
    <s v="2.6 Aquatic Invasive Species"/>
    <s v="Information Management Services"/>
    <s v="DFO-907"/>
    <s v="In Production"/>
    <s v="rich"/>
    <x v="1"/>
    <x v="1441"/>
  </r>
  <r>
    <x v="0"/>
    <x v="28"/>
    <x v="3729"/>
    <s v="SST"/>
    <s v="The Sea Surface Temperature Database consists of satelite measurement of sea surface temperature data for Northwest Atlantic. The Sea Surface Temperature query application is a web interface that allows the users to submit queries against the database. The query is placed in a queue which is processed by a back-end application called ‘Query Agent’. The resulting data is placed on the FTP server and the FTP link is sent to the user via email."/>
    <s v=""/>
    <x v="1"/>
    <s v=""/>
    <x v="24"/>
    <s v="1.11 Climate Change Adaptation Program"/>
    <s v="Other"/>
    <s v="DFO-908"/>
    <s v="In Production"/>
    <s v="web"/>
    <x v="1"/>
    <x v="1442"/>
  </r>
  <r>
    <x v="0"/>
    <x v="28"/>
    <x v="3730"/>
    <s v="SSTM"/>
    <s v="This system was developed using Oracle Forms versions 6i and Reports 6i.  It facilitate the loading of the satellite derived sea surface temperature data obtained from the Physical Oceanography Archive Centre of the Jet Propulsion Laboratory (JPL), into the Sea Surface Temperature Database, an Oracle backend  SQL loader is used to load the data into a temporary table. This GUI app allows the system maintainer to apply the identtification of the datasource(satellite type), perform basic quality assurance and move the data into production table."/>
    <s v=""/>
    <x v="1"/>
    <s v=""/>
    <x v="24"/>
    <s v="1.11 Climate Change Adaptation Program"/>
    <s v="Other"/>
    <s v="DFO-909"/>
    <s v="In Production"/>
    <s v="rich"/>
    <x v="1"/>
    <x v="1306"/>
  </r>
  <r>
    <x v="0"/>
    <x v="0"/>
    <x v="3731"/>
    <s v="SRMA"/>
    <s v="Work request tracking and reporting system for hydrography-related services for Pacific and Central &amp; Arctic; records details to support ISO 9001:2008 certification audits Co-located with Observed Water Levels DB – noadditional licence or H/W support costs.  0.07 FTE maintenance.   Support Cost Score: 1 (&lt;$20K)"/>
    <s v=""/>
    <x v="1"/>
    <s v=""/>
    <x v="24"/>
    <s v="3.7 Hydrographic Products and Services"/>
    <s v="Other"/>
    <s v="DFO-914"/>
    <s v="In Production"/>
    <s v="rich"/>
    <x v="1"/>
    <x v="1199"/>
  </r>
  <r>
    <x v="5"/>
    <x v="14"/>
    <x v="3732"/>
    <s v="WDS Observations"/>
    <s v="Service web de diffusion des observations de niveaux d'eau dans le fleuve St-Laurent (basé sur la norme WDS)"/>
    <s v=""/>
    <x v="1"/>
    <s v=""/>
    <x v="24"/>
    <s v="1.8 Marine Navigation"/>
    <s v="Other"/>
    <s v="DFO-915"/>
    <s v="In Production"/>
    <s v="web"/>
    <x v="1"/>
    <x v="1443"/>
  </r>
  <r>
    <x v="5"/>
    <x v="14"/>
    <x v="3733"/>
    <s v="WDS Predictions"/>
    <s v="Service web de diffusion des prédictions de niveaux d'eau du Canada (basé sur la norme WDS)"/>
    <s v=""/>
    <x v="1"/>
    <s v=""/>
    <x v="24"/>
    <s v="1.8 Marine Navigation"/>
    <s v="Other"/>
    <s v="DFO-916"/>
    <s v="In Production"/>
    <s v="web"/>
    <x v="1"/>
    <x v="1443"/>
  </r>
  <r>
    <x v="5"/>
    <x v="14"/>
    <x v="3734"/>
    <s v="WDS SPINE"/>
    <s v="Service web de diffusion des prévisions de niveaux d'eau dans le fleuve St-Laurent (basé sur la norme WDS)"/>
    <s v=""/>
    <x v="1"/>
    <s v=""/>
    <x v="24"/>
    <s v="1.8 Marine Navigation"/>
    <s v="Other"/>
    <s v="DFO-917"/>
    <s v="In Production"/>
    <s v="web"/>
    <x v="1"/>
    <x v="1444"/>
  </r>
  <r>
    <x v="5"/>
    <x v="14"/>
    <x v="3735"/>
    <s v="Servox"/>
    <s v="Système d'accès par téléphone aux niveaux d'eaux partout au Canada"/>
    <s v="Other"/>
    <x v="1"/>
    <s v="Microsystèmes JFB - Servox"/>
    <x v="24"/>
    <s v="1.8 Marine Navigation"/>
    <s v="Information Management Services"/>
    <s v="DFO-918"/>
    <s v="In Production"/>
    <s v="web"/>
    <x v="0"/>
    <x v="1445"/>
  </r>
  <r>
    <x v="0"/>
    <x v="28"/>
    <x v="3736"/>
    <s v="SHS"/>
    <s v="Intranet application to manage case related with monitoring shellfish health."/>
    <s v=""/>
    <x v="1"/>
    <s v=""/>
    <x v="24"/>
    <s v="1.5 Aquatic Animal Health"/>
    <s v="Other"/>
    <s v="DFO-925"/>
    <s v="In Production"/>
    <s v="web"/>
    <x v="1"/>
    <x v="1171"/>
  </r>
  <r>
    <x v="0"/>
    <x v="28"/>
    <x v="3737"/>
    <s v="SRDAS"/>
    <s v="CTD Data loader application, Oracle database and validation reports."/>
    <s v=""/>
    <x v="1"/>
    <s v=""/>
    <x v="24"/>
    <s v="1.1 Integrated Fisheries Resource Management"/>
    <s v="Other"/>
    <s v="DFO-926"/>
    <s v="In Production"/>
    <s v="cloud"/>
    <x v="1"/>
    <x v="1446"/>
  </r>
  <r>
    <x v="6"/>
    <x v="33"/>
    <x v="3738"/>
    <s v="SBR"/>
    <s v="The SBR system is a web application that will be active for a set amount of time each year for accepting applications (requests) for ship time for the following year. There is both an English and a French version of this system. The submissions are used by the System Owner to determine the following year's Atlantic Science Vessels Schedule. |"/>
    <s v=""/>
    <x v="1"/>
    <s v=""/>
    <x v="24"/>
    <s v="1.11 Climate Change Adaptation Program"/>
    <s v="Other"/>
    <s v="DFO-929"/>
    <s v="In Production"/>
    <s v="web"/>
    <x v="1"/>
    <x v="1447"/>
  </r>
  <r>
    <x v="0"/>
    <x v="28"/>
    <x v="3739"/>
    <s v="SIPA"/>
    <s v="As part of the mandate to provide aids to navigation, where warranted (see Directive 2.2100 Provision of Short-Range Marine Aids Systems), the Canadian Coast Guard (CCG) is charged with the responsibility to ensure that appropriate efforts are made to inform mariners of discrepancies or malfunctions and to correct such discrepancies within a reasonable time after receipt of the discrepancy report. The Aids Program Information System (SIPA Web) is the primary information collection and analysis tool for Aids to Navigation. SIPA information is used to produce safety information notices such as notices to Mariners (notMAR notices) and List of Lights publications."/>
    <s v=""/>
    <x v="1"/>
    <s v=""/>
    <x v="24"/>
    <s v="3.4 Fleet Operational Readiness"/>
    <s v="Other"/>
    <s v="DFO-935"/>
    <s v="In Production"/>
    <s v="web"/>
    <x v="1"/>
    <x v="1448"/>
  </r>
  <r>
    <x v="0"/>
    <x v="28"/>
    <x v="3740"/>
    <s v="SARIS"/>
    <s v="Search and rescue information system used to track and report on search and rescue incidents. App is being replaced by SMMS (in house developed app)"/>
    <s v="Oracle_Canada_ULC"/>
    <x v="71"/>
    <s v=""/>
    <x v="24"/>
    <s v="3.4 Fleet Operational Readiness"/>
    <s v="Other"/>
    <s v="DFO-937"/>
    <s v="In Production"/>
    <s v="rich"/>
    <x v="1"/>
    <x v="1449"/>
  </r>
  <r>
    <x v="5"/>
    <x v="90"/>
    <x v="3741"/>
    <s v="TidalWebsite"/>
    <s v="External website to show users tidal, current, and water level predictions. APM ID 376 is English version of same application Website URLs: http://tides.gc.ca/eng  &amp; http://marees.gc.ca/"/>
    <s v=""/>
    <x v="1"/>
    <s v=""/>
    <x v="24"/>
    <s v="3.7 Hydrographic Products and Services"/>
    <s v="Other"/>
    <s v="DFO-938"/>
    <s v="In Production"/>
    <s v="web"/>
    <x v="1"/>
    <x v="1450"/>
  </r>
  <r>
    <x v="2"/>
    <x v="32"/>
    <x v="3742"/>
    <s v="SCHDP"/>
    <s v="The Small Craft Harbours Data Portal is a web application designed by Small Craft Harbours (Maritimes &amp; Gulf Regions) to consolidate various information holdings (ie. information from the national SCH database, MARFIS, GFIS, aerial photos, CAD drawings, etc)."/>
    <s v=""/>
    <x v="1"/>
    <s v=""/>
    <x v="24"/>
    <s v="1.9 Small Craft Harbours"/>
    <s v="Other"/>
    <s v="DFO-940"/>
    <s v="In Production"/>
    <s v="web"/>
    <x v="1"/>
    <x v="1173"/>
  </r>
  <r>
    <x v="2"/>
    <x v="32"/>
    <x v="3743"/>
    <s v="SCHDRS"/>
    <s v="The Small Craft Harbours Data Retrieval System (SCHDRS) is a web application designed* by Small Craft Harbours (Maritimes &amp; Gulf Regions) to consolidate various information holdings (ie. information from the national SCH database, MARFIS, GFIS, aerial photos, CAD drawings, etc)."/>
    <s v=""/>
    <x v="1"/>
    <s v=""/>
    <x v="24"/>
    <s v="1.9 Small Craft Harbours"/>
    <s v="Other"/>
    <s v="DFO-941"/>
    <s v="In Production"/>
    <s v="web"/>
    <x v="1"/>
    <x v="1451"/>
  </r>
  <r>
    <x v="2"/>
    <x v="65"/>
    <x v="3744"/>
    <s v="SMIS"/>
    <s v="Salary Management Information System"/>
    <s v="Other"/>
    <x v="1"/>
    <s v="FreeBalance - Salary Management System"/>
    <x v="24"/>
    <s v="Internal Services"/>
    <s v="Financial Management Services"/>
    <s v="DFO-942"/>
    <s v="In Production"/>
    <s v="rich"/>
    <x v="0"/>
    <x v="1452"/>
  </r>
  <r>
    <x v="5"/>
    <x v="94"/>
    <x v="3745"/>
    <s v="TCWLTools"/>
    <s v="Stand alone tools for predicting and analyzing currents and water levels"/>
    <s v=""/>
    <x v="1"/>
    <s v=""/>
    <x v="24"/>
    <s v="CHS"/>
    <s v="Other"/>
    <s v="DFO-951"/>
    <s v="In Production"/>
    <s v="desktop"/>
    <x v="1"/>
    <x v="1453"/>
  </r>
  <r>
    <x v="0"/>
    <x v="28"/>
    <x v="3746"/>
    <s v="NLB"/>
    <s v="The Staff Publications Bibliography is a Web-based application to search a citations database of published work by staff affiliated with DFO scientific research institutions. It includes references to scientific journals, conference proceedings, books and reports.  http://www.inter.dfo-mpo.gc.ca/libraries-bibliotheques/bibliographies/home"/>
    <s v=""/>
    <x v="1"/>
    <s v=""/>
    <x v="24"/>
    <s v="Internal Services"/>
    <s v="Other"/>
    <s v="DFO-957"/>
    <s v="In Production"/>
    <s v="web"/>
    <x v="1"/>
    <x v="1210"/>
  </r>
  <r>
    <x v="4"/>
    <x v="5"/>
    <x v="3747"/>
    <s v="STRANAL"/>
    <s v="Calculates Stratified Analysis statistics of US and Canadian Bottom Trawl Survey data used in the Stock Assessment processes."/>
    <s v=""/>
    <x v="1"/>
    <s v=""/>
    <x v="24"/>
    <s v=""/>
    <s v="Other"/>
    <s v="DFO-970"/>
    <s v="In Production"/>
    <s v="desktop"/>
    <x v="1"/>
    <x v="1454"/>
  </r>
  <r>
    <x v="0"/>
    <x v="18"/>
    <x v="3748"/>
    <s v="SF"/>
    <s v="Tool to create survey and feedback forms on Intranet and Internet websites."/>
    <s v=""/>
    <x v="1"/>
    <s v=""/>
    <x v="24"/>
    <s v="1.1 Integrated Fisheries Resource Management"/>
    <s v="Communications Services"/>
    <s v="DFO-974"/>
    <s v="In Production"/>
    <s v="web"/>
    <x v="1"/>
    <x v="1173"/>
  </r>
  <r>
    <x v="4"/>
    <x v="5"/>
    <x v="3746"/>
    <s v="SCQ"/>
    <s v="Removed: not part of DFO mandate to facilitate employee carpooling. En s’abonnant, un employé peut savoir si des collègues du ministère résident dans les environs de Qc et IML dans le but de favoriser le covoiturage."/>
    <s v=""/>
    <x v="1"/>
    <s v=""/>
    <x v="24"/>
    <s v="2.4 Environmental Response Services"/>
    <s v="Other"/>
    <s v="DFO-978"/>
    <s v="In Production"/>
    <s v=""/>
    <x v="1"/>
    <x v="1455"/>
  </r>
  <r>
    <x v="0"/>
    <x v="28"/>
    <x v="3749"/>
    <s v="ODMS"/>
    <s v="not an app; no user interface Le SGDO est essentiellement une application informatique qui permet aux utilisateurs d’obtenir des données océaNo"/>
    <s v=""/>
    <x v="1"/>
    <s v=""/>
    <x v="24"/>
    <s v=""/>
    <s v=""/>
    <s v="DFO-980"/>
    <s v="In Production"/>
    <s v=""/>
    <x v="1"/>
    <x v="545"/>
  </r>
  <r>
    <x v="0"/>
    <x v="28"/>
    <x v="3750"/>
    <s v="TAGRET"/>
    <s v="Tagged Atlantic salmon releases, recoveries and rearing background records in the Maritimes"/>
    <s v=""/>
    <x v="1"/>
    <s v=""/>
    <x v="24"/>
    <s v="1.1 Integrated Fisheries Resource Management"/>
    <s v="Other"/>
    <s v="DFO-989"/>
    <s v="In Production"/>
    <s v="rich"/>
    <x v="1"/>
    <x v="1356"/>
  </r>
  <r>
    <x v="0"/>
    <x v="0"/>
    <x v="125"/>
    <s v="TeamMate"/>
    <s v="Audit Management System"/>
    <s v="Other"/>
    <x v="1"/>
    <s v="CCH Canadian Ltd - TeamMate Audit Management System"/>
    <x v="24"/>
    <s v="Internal Services"/>
    <s v="Management and Oversight Services"/>
    <s v="DFO-990"/>
    <s v="In Production"/>
    <s v="rich"/>
    <x v="0"/>
    <x v="1366"/>
  </r>
  <r>
    <x v="3"/>
    <x v="31"/>
    <x v="3751"/>
    <s v="CRAFT-CMS"/>
    <s v="Corporate Memory System. Legacy system used to capture supplementary project information.  CMS is a computerized data bank of project and evaluation information about the delivery and results of development projects carried out by CIDA and other donors. Designed as a feedback mechanism, the system is used to enhance the design, planning and management of proposed and operational projects, and to report on CIDA's past activities contained within the Corporate Memory: project specific information, project descriptions, key documents, lessons learned."/>
    <s v=""/>
    <x v="1"/>
    <s v=""/>
    <x v="25"/>
    <s v="Internal Services"/>
    <s v="Information Management Services"/>
    <s v="DFATD-115"/>
    <s v="In Production"/>
    <s v="web"/>
    <x v="1"/>
    <x v="1456"/>
  </r>
  <r>
    <x v="3"/>
    <x v="31"/>
    <x v="3752"/>
    <s v="CRAFT-LL"/>
    <s v="e-lessons evaluations"/>
    <s v=""/>
    <x v="1"/>
    <s v=""/>
    <x v="25"/>
    <s v="Internal Services"/>
    <s v="Information Management Services"/>
    <s v="DFATD-119"/>
    <s v="In Production"/>
    <s v="web"/>
    <x v="1"/>
    <x v="1457"/>
  </r>
  <r>
    <x v="3"/>
    <x v="31"/>
    <x v="3753"/>
    <s v="CRAFT-WEB"/>
    <s v="Web-based application to a repository of predefined reports on projects, vendors, lessons learned, documents and financial data for internal CIDA users"/>
    <s v=""/>
    <x v="1"/>
    <s v=""/>
    <x v="25"/>
    <s v="Internal Services"/>
    <s v="Information Technology Services"/>
    <s v="DFATD-120"/>
    <s v="In Production"/>
    <s v="web"/>
    <x v="1"/>
    <x v="1458"/>
  </r>
  <r>
    <x v="3"/>
    <x v="31"/>
    <x v="3754"/>
    <s v="CRS++"/>
    <s v="Credit Reporting System. CRS reports to Canadian ODA commitments on an ongoing basis to the OECD and the World Bank  in order to comply with international agreements. Reports to the OECD/DAC are generated every two months for new approved projects or revisions to existing projects; and an annual report for the following topics: - Official bilateral grant commitment report; detailed grant commitment report; grant commitment by country within sector; grant commitment by sector within country; small project summary report; calendar year commitment by country report."/>
    <s v=""/>
    <x v="1"/>
    <s v=""/>
    <x v="25"/>
    <s v="Internal Services"/>
    <s v="Communications Services"/>
    <s v="DFATD-122"/>
    <s v="In Production"/>
    <s v="web"/>
    <x v="1"/>
    <x v="1459"/>
  </r>
  <r>
    <x v="10"/>
    <x v="55"/>
    <x v="3755"/>
    <s v="ECIC"/>
    <s v="ECIC interface between SAPGUI/SAPortal Applications and the Open Text (eDOCS) Client DLL . These interfaces are only available to CIDA employees with SAP user accounts."/>
    <s v=""/>
    <x v="1"/>
    <s v=""/>
    <x v="25"/>
    <s v="Internal Services"/>
    <s v="Information Technology Services"/>
    <s v="DFATD-147"/>
    <s v="In Production"/>
    <s v="web"/>
    <x v="1"/>
    <x v="1460"/>
  </r>
  <r>
    <x v="0"/>
    <x v="7"/>
    <x v="3756"/>
    <s v="EDRMS-DM-EDOCS"/>
    <m/>
    <s v="Other"/>
    <x v="1"/>
    <s v="OpenText Product OpenText eDocs v5.3"/>
    <x v="25"/>
    <s v="Internal Services"/>
    <s v="Information Management Services"/>
    <s v="DFATD-149"/>
    <s v="In Production"/>
    <s v="desktop"/>
    <x v="0"/>
    <x v="1461"/>
  </r>
  <r>
    <x v="0"/>
    <x v="13"/>
    <x v="3757"/>
    <s v="EDRMS-RM-LLRM"/>
    <m/>
    <s v="Other"/>
    <x v="1"/>
    <s v="OpenText Product OpenText eDocs v5.3"/>
    <x v="25"/>
    <s v="Internal Services"/>
    <s v="Information Management Services"/>
    <s v="DFATD-150"/>
    <s v="In Production"/>
    <s v="desktop"/>
    <x v="0"/>
    <x v="1461"/>
  </r>
  <r>
    <x v="0"/>
    <x v="7"/>
    <x v="3758"/>
    <s v="EDRMS-WebTop"/>
    <s v="Web-based Documents Management (based on e-Docs product running in dotNet environment)"/>
    <s v="Other"/>
    <x v="1"/>
    <s v="Open Text - Webtop"/>
    <x v="25"/>
    <s v="Internal Services"/>
    <s v="Information Management Services"/>
    <s v="DFATD-151"/>
    <s v="In Production"/>
    <s v="web"/>
    <x v="0"/>
    <x v="1462"/>
  </r>
  <r>
    <x v="2"/>
    <x v="51"/>
    <x v="3759"/>
    <s v="FRET"/>
    <m/>
    <s v=""/>
    <x v="1"/>
    <s v=""/>
    <x v="25"/>
    <s v="Internal Services"/>
    <s v="Financial Management Services"/>
    <s v="DFATD-192"/>
    <s v="In Production"/>
    <s v="desktop"/>
    <x v="1"/>
    <x v="1463"/>
  </r>
  <r>
    <x v="3"/>
    <x v="31"/>
    <x v="3760"/>
    <s v="IATI-XML"/>
    <s v="The International Aid Transparency Initiative (IATI) aims to make information about aid spending easier to find, use and compare.  GAC publishes its data sets (Activity and Organisation XML files) every quarter."/>
    <s v=""/>
    <x v="1"/>
    <s v=""/>
    <x v="25"/>
    <s v="Internal Services"/>
    <s v="Communications Services"/>
    <s v="DFATD-210"/>
    <s v="In Production"/>
    <s v="web"/>
    <x v="1"/>
    <x v="981"/>
  </r>
  <r>
    <x v="0"/>
    <x v="13"/>
    <x v="3761"/>
    <s v="IRIMS-LLRS"/>
    <s v="iRIMS is GAC's recordkeeping system that provides the functionality to collect, organize and categorize records and enable the preservation, retrieval, use and disposition of records."/>
    <s v="Other"/>
    <x v="1"/>
    <s v="Open Text - LLRS"/>
    <x v="25"/>
    <s v="Internal Services"/>
    <s v="Information Management Services"/>
    <s v="DFATD-226"/>
    <s v="In Production"/>
    <s v="web"/>
    <x v="0"/>
    <x v="1464"/>
  </r>
  <r>
    <x v="3"/>
    <x v="31"/>
    <x v="3762"/>
    <s v="CRAFT-AIDIS"/>
    <s v="Data repository before SAP. An application accessed through CRAFT on the Web to query CIDA legacy data (AIDIS)."/>
    <s v=""/>
    <x v="1"/>
    <s v=""/>
    <x v="25"/>
    <s v="Internal Services"/>
    <s v="Information Management Services"/>
    <s v="DFATD-34"/>
    <s v="In Production"/>
    <s v="web"/>
    <x v="1"/>
    <x v="1465"/>
  </r>
  <r>
    <x v="1"/>
    <x v="12"/>
    <x v="3763"/>
    <s v="REMEDY-BMC-AR"/>
    <s v="BMC Action Request (AR) System provides a consolidated Service Process Management platform for automating and managing Service Management business processes."/>
    <s v="Other"/>
    <x v="1"/>
    <s v="BMCSoftware - Remedy ITSM"/>
    <x v="25"/>
    <s v="Internal Services"/>
    <s v="Information Management Services,Materiel Services"/>
    <s v="DFATD-391"/>
    <s v="In Production"/>
    <s v="desktop"/>
    <x v="0"/>
    <x v="1466"/>
  </r>
  <r>
    <x v="2"/>
    <x v="9"/>
    <x v="3764"/>
    <s v="RBM"/>
    <s v="Results Base Management (replacement of IMRT) plugged under SAP-PS - BMI-APP Process, CEAA, GeoScoping, Sector of focus, Technical Cooperation, Policy Markers &amp; Gender Equality"/>
    <s v=""/>
    <x v="1"/>
    <s v=""/>
    <x v="25"/>
    <s v="Canadian engagement for development"/>
    <s v="Other"/>
    <s v="DFATD-403"/>
    <s v="In Production"/>
    <s v="desktop"/>
    <x v="1"/>
    <x v="1467"/>
  </r>
  <r>
    <x v="0"/>
    <x v="28"/>
    <x v="3765"/>
    <s v="RM-NAV"/>
    <s v="The RM Navigator is the Agency's paper-records search tool."/>
    <s v=""/>
    <x v="1"/>
    <s v=""/>
    <x v="25"/>
    <s v="Internal Services"/>
    <s v="Information Management Services"/>
    <s v="DFATD-408"/>
    <s v="In Production"/>
    <s v="desktop"/>
    <x v="1"/>
    <x v="1468"/>
  </r>
  <r>
    <x v="2"/>
    <x v="32"/>
    <x v="3766"/>
    <s v="ARAF"/>
    <s v="The Work Plan application is used to support Property Maintenance activities that include the management of minor capital maintenance projects for the department.  It aligns with the Mission Maintenance Workplan (MMW)."/>
    <s v=""/>
    <x v="1"/>
    <s v=""/>
    <x v="25"/>
    <s v="Internal Services"/>
    <s v="Real Property Services"/>
    <s v="DFATD-4101"/>
    <s v="In Production"/>
    <s v="desktop"/>
    <x v="1"/>
    <x v="981"/>
  </r>
  <r>
    <x v="1"/>
    <x v="12"/>
    <x v="3767"/>
    <s v="Remedy-MITNET"/>
    <s v="This Remedy-based application that is used to track automatically detected SIGNET and MITNET incidents that are deemed critical and impact the standard operation of an IT service and which causes, or may cause, an interruption to, or a reduction in, the quality of that service"/>
    <s v="Other"/>
    <x v="1"/>
    <s v="Vendor:  BMC Remedy  Product:  Remedy ARS"/>
    <x v="25"/>
    <s v="Internal Services"/>
    <s v="Information Management Services"/>
    <s v="DFATD-4104"/>
    <s v="In Production"/>
    <s v="desktop"/>
    <x v="0"/>
    <x v="1469"/>
  </r>
  <r>
    <x v="0"/>
    <x v="0"/>
    <x v="3768"/>
    <s v="ccm-BPTS"/>
    <s v="BPTS is a ccmMercury based application used to track the development of briefing materials and Parliamentary Returns for Ministers, Secretaries of State and Deputy Ministers."/>
    <s v="WorkDynamics_Technologies_Inc"/>
    <x v="0"/>
    <s v=""/>
    <x v="25"/>
    <s v="Internal Services"/>
    <s v="Information Management Services"/>
    <s v="DFATD-4107"/>
    <s v="In Production"/>
    <s v="desktop"/>
    <x v="0"/>
    <x v="1470"/>
  </r>
  <r>
    <x v="3"/>
    <x v="31"/>
    <x v="3769"/>
    <s v="BI-Platform"/>
    <m/>
    <s v="Other"/>
    <x v="1"/>
    <s v="Vendor:  IBM Cognos  Product: IBM Cognos Business Intelligence Suite"/>
    <x v="25"/>
    <s v="Internal Services"/>
    <s v="Information Management Services"/>
    <s v="DFATD-4108"/>
    <s v="In Production"/>
    <s v="web"/>
    <x v="0"/>
    <x v="1471"/>
  </r>
  <r>
    <x v="1"/>
    <x v="12"/>
    <x v="3770"/>
    <s v="Remedy-CM"/>
    <s v="The Change Management System is a Remedy based application that is used to track all Requests For Change (RFC's).  This application also includes Release Management and Task Management modules."/>
    <s v="Other"/>
    <x v="1"/>
    <s v="Vendor:  BMC Remedy  Product:  Remedy ARS"/>
    <x v="25"/>
    <s v="Internal Services"/>
    <s v="Information Management Services"/>
    <s v="DFATD-4116"/>
    <s v="In Production"/>
    <s v="desktop"/>
    <x v="0"/>
    <x v="1472"/>
  </r>
  <r>
    <x v="0"/>
    <x v="7"/>
    <x v="3771"/>
    <s v="Comtrac"/>
    <s v="Comtrac is an Intranet-based application that is used by DCD to maintain an index and access to all management committee meeting documentation.  A small number of DCD users maintain the content which is accessible to all departmental staff via the intranet."/>
    <s v=""/>
    <x v="1"/>
    <s v=""/>
    <x v="25"/>
    <s v="Internal Services"/>
    <s v="Information Management Services"/>
    <s v="DFATD-4121"/>
    <s v="In Production"/>
    <s v="web"/>
    <x v="1"/>
    <x v="1473"/>
  </r>
  <r>
    <x v="0"/>
    <x v="0"/>
    <x v="3772"/>
    <s v="ccm-ITS"/>
    <s v="The Conflict Resolution Management Systems is a ccmMercury based application to record and track inquires and interventions managed by the Dispute Resolution Division."/>
    <s v="WorkDynamics_Technologies_Inc"/>
    <x v="0"/>
    <s v=""/>
    <x v="25"/>
    <s v="Internal Services"/>
    <s v="Information Management Services"/>
    <s v="DFATD-4122"/>
    <s v="In Production"/>
    <s v="desktop"/>
    <x v="0"/>
    <x v="1470"/>
  </r>
  <r>
    <x v="0"/>
    <x v="0"/>
    <x v="3773"/>
    <s v="Cor-Reg"/>
    <s v="The Correspondence Registry is web based application used by administrators at HQ and missions to log information about inbound and outbound correspondence."/>
    <s v=""/>
    <x v="1"/>
    <s v=""/>
    <x v="25"/>
    <s v="Internal Services"/>
    <s v="Information Management Services"/>
    <s v="DFATD-4127"/>
    <s v="In Production"/>
    <s v="web"/>
    <x v="1"/>
    <x v="1473"/>
  </r>
  <r>
    <x v="0"/>
    <x v="16"/>
    <x v="3774"/>
    <s v="COSMOS"/>
    <m/>
    <s v="Other"/>
    <x v="1"/>
    <s v="WorldReach Software"/>
    <x v="25"/>
    <s v="Canada''s International Platform"/>
    <s v="Information Management Services"/>
    <s v="DFATD-4128"/>
    <s v="In Production"/>
    <s v="web"/>
    <x v="1"/>
    <x v="1473"/>
  </r>
  <r>
    <x v="3"/>
    <x v="92"/>
    <x v="3775"/>
    <s v="CO"/>
    <s v="The Countries application is the official reference used by Protocol for Countries around the world and also used by other systems for as a source for country codes."/>
    <s v=""/>
    <x v="1"/>
    <s v=""/>
    <x v="25"/>
    <s v="Internal Services"/>
    <s v="Information Management Services"/>
    <s v="DFATD-4129"/>
    <s v="In Production"/>
    <s v="web"/>
    <x v="1"/>
    <x v="1473"/>
  </r>
  <r>
    <x v="2"/>
    <x v="58"/>
    <x v="3776"/>
    <s v="Dialogue"/>
    <m/>
    <s v=""/>
    <x v="1"/>
    <s v=""/>
    <x v="25"/>
    <s v="Internal Services"/>
    <s v="Human Resources Management Services"/>
    <s v="DFATD-4136"/>
    <s v="In Production"/>
    <s v="web"/>
    <x v="1"/>
    <x v="1473"/>
  </r>
  <r>
    <x v="3"/>
    <x v="92"/>
    <x v="3777"/>
    <s v="DRS"/>
    <m/>
    <s v=""/>
    <x v="1"/>
    <s v=""/>
    <x v="25"/>
    <s v="Canada''s International Platform"/>
    <s v="Information Management Services"/>
    <s v="DFATD-4138"/>
    <s v="In Production"/>
    <s v="web"/>
    <x v="1"/>
    <x v="1473"/>
  </r>
  <r>
    <x v="0"/>
    <x v="88"/>
    <x v="3778"/>
    <s v="EDSIM-P"/>
    <s v="EDSIM-P application is used by the department's Account Administration Unit for provisioning of SIGNET Accounts on the department's SIGNET C and D environments."/>
    <s v=""/>
    <x v="1"/>
    <s v=""/>
    <x v="25"/>
    <s v="Canada''s International Platform"/>
    <s v="Information Technology Services"/>
    <s v="DFATD-4141"/>
    <s v="In Production"/>
    <s v="web"/>
    <x v="1"/>
    <x v="1474"/>
  </r>
  <r>
    <x v="3"/>
    <x v="30"/>
    <x v="3779"/>
    <s v="Edu-Cda"/>
    <s v="The Edu-Canada application provides a means for international students to find out how to apply and attend school in Canada and remain as permanent residents and citizens. The project is lead by the International Academic Relations Bureau (TMM) and has involved partnerships with CIC and HRSDC.  Includes features to calculate cost for people coming from France (formerly LiveLearnSucceed - LLS)"/>
    <s v=""/>
    <x v="1"/>
    <s v=""/>
    <x v="25"/>
    <s v="Canada''s International Platform"/>
    <s v="Information Management Services"/>
    <s v="DFATD-4142"/>
    <s v="In Production"/>
    <s v="web"/>
    <x v="1"/>
    <x v="1473"/>
  </r>
  <r>
    <x v="0"/>
    <x v="16"/>
    <x v="3780"/>
    <s v="EICS"/>
    <m/>
    <s v=""/>
    <x v="1"/>
    <s v=""/>
    <x v="25"/>
    <s v="Canada''s International Platform"/>
    <s v="Information Management Services"/>
    <s v="DFATD-4144"/>
    <s v="In Production"/>
    <s v="desktop"/>
    <x v="1"/>
    <x v="1475"/>
  </r>
  <r>
    <x v="1"/>
    <x v="12"/>
    <x v="3781"/>
    <s v="Remedy-ESM"/>
    <s v="This Remedy-based application tracks automatically detected SIGNET and MITNET incidents that are deemed critical and impact the standard operation of an IT service and which causes, or may cause, an interruption to, or a reduction in, the quality of that service"/>
    <s v="Other"/>
    <x v="1"/>
    <s v="Vendor:  BMC Remedy  Product:  Remedy ARS"/>
    <x v="25"/>
    <s v="Internal Services"/>
    <s v="Information Management Services"/>
    <s v="DFATD-4145"/>
    <s v="In Production"/>
    <s v="desktop"/>
    <x v="0"/>
    <x v="1476"/>
  </r>
  <r>
    <x v="0"/>
    <x v="0"/>
    <x v="3782"/>
    <s v="EXCOL"/>
    <m/>
    <s v=""/>
    <x v="1"/>
    <s v=""/>
    <x v="25"/>
    <s v="Canada''s International Platform"/>
    <s v="Information Technology Services"/>
    <s v="DFATD-4146"/>
    <s v="In Production"/>
    <s v="web"/>
    <x v="1"/>
    <x v="1475"/>
  </r>
  <r>
    <x v="2"/>
    <x v="10"/>
    <x v="3783"/>
    <s v="FACTS/RCS"/>
    <s v="The FACTS/RCS application supports the shipment and reception of goods for and from missions at the department's commercial warehouse.  This application is managed by the Physical Resources Bureau (ARD) for the application owner, the Distribution and Transportation Division (AAG).  AAG reimburses ARD $6,000 per month for maintenance."/>
    <s v=""/>
    <x v="1"/>
    <s v=""/>
    <x v="25"/>
    <s v="Internal Services"/>
    <s v="Materiel Services"/>
    <s v="DFATD-4148"/>
    <s v="In Production"/>
    <s v="web"/>
    <x v="1"/>
    <x v="1475"/>
  </r>
  <r>
    <x v="0"/>
    <x v="8"/>
    <x v="3784"/>
    <s v="For-Reps"/>
    <s v="Foreign Representatives in Canada is a web application that displays information about missions and foreign diplomats accredited to Canada. It is accessible on the internet and includes functionality to send PDF documents electronically."/>
    <s v=""/>
    <x v="1"/>
    <s v=""/>
    <x v="25"/>
    <s v="Canada''s International Platform"/>
    <s v="Information Management Services"/>
    <s v="DFATD-4149"/>
    <s v="In Production"/>
    <s v="web"/>
    <x v="1"/>
    <x v="1475"/>
  </r>
  <r>
    <x v="10"/>
    <x v="69"/>
    <x v="3785"/>
    <s v="GEDS"/>
    <s v="The GEDS Feed application extracts information on a bi-weekly basis from GAC's Directory such as name, title, phone number and organization. This information is provided to PWGSC and is used to update the Government Electronic Directory Services Site, an online directory of federal public servants."/>
    <s v=""/>
    <x v="1"/>
    <s v=""/>
    <x v="25"/>
    <s v="Canada''s International Platform"/>
    <s v="Information Management Services"/>
    <s v="DFATD-4152"/>
    <s v="In Production"/>
    <s v="web"/>
    <x v="1"/>
    <x v="1477"/>
  </r>
  <r>
    <x v="0"/>
    <x v="0"/>
    <x v="3786"/>
    <s v="ccm-GCS"/>
    <s v="General Correpsondence System  is a ccmMercury based application that provides an application for offices to register and track their correspondence."/>
    <s v="WorkDynamics_Technologies_Inc"/>
    <x v="0"/>
    <s v=""/>
    <x v="25"/>
    <s v="Internal Services"/>
    <s v="Information Management Services"/>
    <s v="DFATD-4153"/>
    <s v="In Production"/>
    <s v="desktop"/>
    <x v="0"/>
    <x v="1470"/>
  </r>
  <r>
    <x v="2"/>
    <x v="9"/>
    <x v="3787"/>
    <s v="GOA-Admin"/>
    <s v="The GOA Admin application is an Intranet system used by BSS / AIAW to manage tombstone information and authorization info for the GOA Application. It is also used to process G&amp;C applications that have been submitted via the public facing GOA system."/>
    <s v=""/>
    <x v="1"/>
    <s v=""/>
    <x v="25"/>
    <s v="Canada''s International Platform"/>
    <s v="Information Management Services"/>
    <s v="DFATD-4154"/>
    <s v="In Production"/>
    <s v="web"/>
    <x v="1"/>
    <x v="1473"/>
  </r>
  <r>
    <x v="2"/>
    <x v="9"/>
    <x v="3788"/>
    <s v="GOA"/>
    <s v="The GOA System is an internet application that accepts applications for the GOA Grants and Contributions program.    Global Opportunities for Associations (GOA), formerly the Program for Export Market Development - Associations (PEMD-A), provides contribution funding to support national associations undertaking new or expanded international business development activities, in strategic markets and sectors, for the benefit of an entire industry (member and non-member firms).  Annual non-repayable contributions range from a minimum of $20,000 to a maximum of $250,000 and the funding approvals are made for a one-year period for activities and related expenditures taking place between April 1 and March 31 of the following year. GOA provides matching funds"/>
    <s v=""/>
    <x v="1"/>
    <s v=""/>
    <x v="25"/>
    <s v="Canada''s International Platform"/>
    <s v="Information Management Services"/>
    <s v="DFATD-4155"/>
    <s v="In Production"/>
    <s v="web"/>
    <x v="1"/>
    <x v="1473"/>
  </r>
  <r>
    <x v="2"/>
    <x v="3"/>
    <x v="3789"/>
    <s v="HRMS"/>
    <m/>
    <s v="Other"/>
    <x v="1"/>
    <s v="Vendor:  Oracle PeopleSoft Enterprise PeopleTools  Product:  Enterprise PeopleTools 8.51"/>
    <x v="25"/>
    <s v="Internal Services"/>
    <s v="Human Resources Management Services"/>
    <s v="DFATD-4160"/>
    <s v="In Production"/>
    <s v="web"/>
    <x v="0"/>
    <x v="1478"/>
  </r>
  <r>
    <x v="2"/>
    <x v="3"/>
    <x v="3790"/>
    <s v="HRMS-ACCR"/>
    <m/>
    <s v="Other"/>
    <x v="1"/>
    <s v="Vendor:  Oracle PeopleSoft Enterprise PeopleTools  Product:   Enterprise PeopleTools 8.51 - Designations/Accreditations"/>
    <x v="25"/>
    <s v="Internal Services"/>
    <s v="Human Resources Management Services,Information Management Services"/>
    <s v="DFATD-4162"/>
    <s v="In Production"/>
    <s v="web"/>
    <x v="0"/>
    <x v="86"/>
  </r>
  <r>
    <x v="2"/>
    <x v="3"/>
    <x v="3791"/>
    <s v="HRMS-EX"/>
    <m/>
    <s v="Other"/>
    <x v="1"/>
    <s v="Vendor:  Oracle PeopleSoft Enterprise PeopleTools  Product:   Enterprise PeopleTools 8.51 - Exclusions/De-exclusions"/>
    <x v="25"/>
    <s v="Internal Services"/>
    <s v="Human Resources Management Services,Information Management Services"/>
    <s v="DFATD-4163"/>
    <s v="In Production"/>
    <s v="web"/>
    <x v="0"/>
    <x v="86"/>
  </r>
  <r>
    <x v="2"/>
    <x v="3"/>
    <x v="3792"/>
    <s v="HRMS-GI"/>
    <m/>
    <s v="Other"/>
    <x v="1"/>
    <s v="Vendor:  Oracle PeopleSoft Enterprise PeopleTools  Product:   Enterprise PeopleTools 8.51 - General Service Enquiries"/>
    <x v="25"/>
    <s v="Internal Services"/>
    <s v="Human Resources Management Services,Information Management Services"/>
    <s v="DFATD-4166"/>
    <s v="In Production"/>
    <s v="web"/>
    <x v="0"/>
    <x v="86"/>
  </r>
  <r>
    <x v="2"/>
    <x v="3"/>
    <x v="3793"/>
    <s v="HRMS-MA"/>
    <m/>
    <s v="Other"/>
    <x v="1"/>
    <s v="Vendor:  Oracle PeopleSoft Enterprise PeopleTools  Product:  Enterprise PeopleTools 8.51 - Medical Appointments"/>
    <x v="25"/>
    <s v="Internal Services"/>
    <s v="Human Resources Management Services,Information Management Services"/>
    <s v="DFATD-4167"/>
    <s v="In Production"/>
    <s v="web"/>
    <x v="0"/>
    <x v="86"/>
  </r>
  <r>
    <x v="2"/>
    <x v="3"/>
    <x v="3794"/>
    <s v="HRMS-PS"/>
    <m/>
    <s v="Other"/>
    <x v="1"/>
    <s v="Vendor:  Oracle PeopleSoft Enterprise PeopleTools  Product:  Enterprise PeopleTools 8.51"/>
    <x v="25"/>
    <s v="Internal Services"/>
    <s v="Human Resources Management Services"/>
    <s v="DFATD-4168"/>
    <s v="In Production"/>
    <s v="web"/>
    <x v="0"/>
    <x v="1478"/>
  </r>
  <r>
    <x v="2"/>
    <x v="3"/>
    <x v="3795"/>
    <s v="HRMS-Padmin"/>
    <m/>
    <s v="Other"/>
    <x v="1"/>
    <s v="Vendor:  Oracle PeopleSoft Enterprise"/>
    <x v="25"/>
    <s v="Internal Services"/>
    <s v="Human Resources Management Services,Information Management Services"/>
    <s v="DFATD-4169"/>
    <s v="In Production"/>
    <s v="web"/>
    <x v="0"/>
    <x v="86"/>
  </r>
  <r>
    <x v="0"/>
    <x v="42"/>
    <x v="3796"/>
    <s v="CEP-PPRS"/>
    <s v="The Business Planning and Reporting Application is web-based and accessible via the department’s Intranet. The application serves a portal for Commercial Program Managers (CPMs)/Senior Trade Commissioners (STCs) and their teams at missions abroad and Regional Offices in Canada to access the templates in order to develop and submit their business plans and to report on accomplishments online."/>
    <s v=""/>
    <x v="1"/>
    <s v=""/>
    <x v="25"/>
    <s v="Canada''s International Platform"/>
    <s v="Information Management Services"/>
    <s v="DFATD-4175"/>
    <s v="In Production"/>
    <s v="web"/>
    <x v="1"/>
    <x v="1475"/>
  </r>
  <r>
    <x v="0"/>
    <x v="8"/>
    <x v="3797"/>
    <s v="Interwoven"/>
    <s v="Interwoven is an enterprise web content management system. It is currently used to manage the content of GAC's internet sites and the Intranet corporate/main pages. Content owners can use features of Interwoven to directly manage the content of their web sites."/>
    <s v="Other"/>
    <x v="1"/>
    <s v="Vendor:  HP Autonomy Product:  Interwoven Content Management System"/>
    <x v="25"/>
    <s v="Internal Services"/>
    <s v="Information Management Services"/>
    <s v="DFATD-4176"/>
    <s v="In Production"/>
    <s v="web"/>
    <x v="0"/>
    <x v="1479"/>
  </r>
  <r>
    <x v="0"/>
    <x v="16"/>
    <x v="3798"/>
    <s v="InfoEX/DataEng"/>
    <s v="The Enquiries Service provides the capability of recording and tracking requests for information via Canada Post, facsimile, e-mail, walk-in clients and telephone calls.  This application is the Enquiries Service’s primary tool to record and track these inquiries.  The Enquiries Service unit also uses this application to produce reports for statistical analysis of enquiries."/>
    <s v=""/>
    <x v="1"/>
    <s v=""/>
    <x v="25"/>
    <s v="Internal Services"/>
    <s v="Information Management Services"/>
    <s v="DFATD-4177"/>
    <s v="In Production"/>
    <s v="web"/>
    <x v="1"/>
    <x v="1475"/>
  </r>
  <r>
    <x v="1"/>
    <x v="12"/>
    <x v="3799"/>
    <s v="Remedy-ITAMS"/>
    <s v="Remedy based application that is used to track all IT Assets at HQ and abroad.  This application has also an interface to exchange data between IMS."/>
    <s v="Other"/>
    <x v="1"/>
    <s v="Vendor:  BMC Remedy  Product:  Remedy ARS"/>
    <x v="25"/>
    <s v="Internal Services"/>
    <s v="Information Management Services"/>
    <s v="DFATD-4179"/>
    <s v="In Production"/>
    <s v="desktop"/>
    <x v="0"/>
    <x v="1472"/>
  </r>
  <r>
    <x v="2"/>
    <x v="10"/>
    <x v="3800"/>
    <s v="MAPS"/>
    <s v="MAPS is a shipping and receiving tracking application for both unclassified and classified material going to and from missions.  The application is supplied and supported by Pitney Bowes."/>
    <s v="Other"/>
    <x v="1"/>
    <s v="Vendor:  BMC Remedy  Product:  Remedy ARS"/>
    <x v="25"/>
    <s v="Internal Services"/>
    <s v="Materiel Services"/>
    <s v="DFATD-4183"/>
    <s v="In Production"/>
    <s v="desktop"/>
    <x v="0"/>
    <x v="1480"/>
  </r>
  <r>
    <x v="0"/>
    <x v="0"/>
    <x v="3801"/>
    <s v="ccm-Media"/>
    <s v="The Media Calls application is a ccmMercury based application.  It is used to register calls from the media to the Department."/>
    <s v="WorkDynamics_Technologies_Inc"/>
    <x v="0"/>
    <s v=""/>
    <x v="25"/>
    <s v="Internal Services"/>
    <s v="Information Management Services"/>
    <s v="DFATD-4184"/>
    <s v="In Production"/>
    <s v="desktop"/>
    <x v="0"/>
    <x v="1470"/>
  </r>
  <r>
    <x v="0"/>
    <x v="0"/>
    <x v="3802"/>
    <s v="ccm-MCMS"/>
    <s v="MCMS is a ccmMercury based application used to register correspondence for the Ministers, Secretaries of State, Deputy Ministers, and to track the development of required replies."/>
    <s v="WorkDynamics_Technologies_Inc"/>
    <x v="0"/>
    <s v=""/>
    <x v="25"/>
    <s v="Internal Services"/>
    <s v="Information Management Services"/>
    <s v="DFATD-4186"/>
    <s v="In Production"/>
    <s v="desktop"/>
    <x v="0"/>
    <x v="1470"/>
  </r>
  <r>
    <x v="0"/>
    <x v="16"/>
    <x v="3803"/>
    <s v="MMW"/>
    <s v="The Mission Maintenance Workplan Application is used to capture Missions property maintenance needs and requirements.  It aligns with the ARAF Workplan."/>
    <s v=""/>
    <x v="1"/>
    <s v=""/>
    <x v="25"/>
    <s v="Internal Services"/>
    <s v="Real Property Services"/>
    <s v="DFATD-4189"/>
    <s v="In Production"/>
    <s v="web"/>
    <x v="1"/>
    <x v="302"/>
  </r>
  <r>
    <x v="0"/>
    <x v="16"/>
    <x v="3804"/>
    <s v="OES"/>
    <s v="The Official Events System is used by the Official Events section of Protocol to record and track information about special events/visits. The application includes functionality to manage lists for guests, dignitaries, staff, seating arrangements, menus, and invitations."/>
    <s v=""/>
    <x v="1"/>
    <s v=""/>
    <x v="25"/>
    <s v="Internal Services"/>
    <s v="Information Management Services"/>
    <s v="DFATD-4192"/>
    <s v="In Production"/>
    <s v="web"/>
    <x v="1"/>
    <x v="1481"/>
  </r>
  <r>
    <x v="6"/>
    <x v="57"/>
    <x v="3805"/>
    <s v="OCNS"/>
    <s v="The Online Course Notification System sends reminders to users to take a specific course.  The system only notifies users of two courses at this point, which are the SIGNET Security Course and GAC 101 Course."/>
    <s v=""/>
    <x v="1"/>
    <s v=""/>
    <x v="25"/>
    <s v="Internal Services"/>
    <s v="Information Management Services"/>
    <s v="DFATD-4193"/>
    <s v="In Production"/>
    <s v="web"/>
    <x v="1"/>
    <x v="1473"/>
  </r>
  <r>
    <x v="2"/>
    <x v="58"/>
    <x v="3806"/>
    <s v="PMP"/>
    <m/>
    <s v=""/>
    <x v="1"/>
    <s v=""/>
    <x v="25"/>
    <s v="Internal Services"/>
    <s v="Human Resources Management Services"/>
    <s v="DFATD-4196"/>
    <s v="In Production"/>
    <s v="web"/>
    <x v="1"/>
    <x v="1473"/>
  </r>
  <r>
    <x v="2"/>
    <x v="32"/>
    <x v="3807"/>
    <s v="PRIME"/>
    <s v="The PRIME application is used to manage tombstone data for all of GAC's international property assets."/>
    <s v=""/>
    <x v="1"/>
    <s v=""/>
    <x v="25"/>
    <s v="Internal Services"/>
    <s v="Real Property Services"/>
    <s v="DFATD-4199"/>
    <s v="In Production"/>
    <s v="web"/>
    <x v="1"/>
    <x v="1473"/>
  </r>
  <r>
    <x v="2"/>
    <x v="9"/>
    <x v="3808"/>
    <s v="ProDisContracts"/>
    <s v="The Proactive Disclosure of Contracts application provides publication on the internet of contracts exceeding $10,000 in accordance with GoC Disclosure Guidelines.   The system works with the department's IMS to populate financial data that is validated by SMFS prior to publication."/>
    <s v=""/>
    <x v="1"/>
    <s v=""/>
    <x v="25"/>
    <s v="Canada''s International Platform"/>
    <s v="Financial Management Services"/>
    <s v="DFATD-4200"/>
    <s v="In Production"/>
    <s v="web"/>
    <x v="1"/>
    <x v="1473"/>
  </r>
  <r>
    <x v="2"/>
    <x v="9"/>
    <x v="3809"/>
    <s v="ProDisG&amp;C"/>
    <s v="The Proactive Disclosure of Grants and Contributions maintains information on grants and contributions exceeding $25,000 for subsequent publication on the department's internet site. Provision of this information is required to comply with GoC disclosure guidelines. (SMS) ."/>
    <s v=""/>
    <x v="1"/>
    <s v=""/>
    <x v="25"/>
    <s v="Canada''s International Platform"/>
    <s v="Financial Management Services"/>
    <s v="DFATD-4201"/>
    <s v="In Production"/>
    <s v="web"/>
    <x v="1"/>
    <x v="1473"/>
  </r>
  <r>
    <x v="2"/>
    <x v="9"/>
    <x v="3810"/>
    <s v="DTHE"/>
    <s v="The Proactive Disclosure of Travel and Hospitality Expenses (DTHE) maintains travel and hospitality details for subsequent publication on the department's internet site. Provision of this information is required to comply with GoC disclosure guidelines.  The application includes an administrative module."/>
    <s v=""/>
    <x v="1"/>
    <s v=""/>
    <x v="25"/>
    <s v="Canada''s International Platform"/>
    <s v="Financial Management Services"/>
    <s v="DFATD-4202"/>
    <s v="In Production"/>
    <s v="web"/>
    <x v="1"/>
    <x v="1473"/>
  </r>
  <r>
    <x v="0"/>
    <x v="0"/>
    <x v="3811"/>
    <s v="ccm-Q&amp;As"/>
    <s v="The Questions and Answers System (Q&amp;A) is a ccmMercury based application accessed by officers in the department and the executive offices to generate Q&amp;A's for Question Period in the House of Commons."/>
    <s v="WorkDynamics_Technologies_Inc"/>
    <x v="0"/>
    <s v=""/>
    <x v="25"/>
    <s v="Internal Services"/>
    <s v="Information Management Services"/>
    <s v="DFATD-4209"/>
    <s v="In Production"/>
    <s v="desktop"/>
    <x v="0"/>
    <x v="1470"/>
  </r>
  <r>
    <x v="0"/>
    <x v="16"/>
    <x v="3812"/>
    <s v="SIRT"/>
    <s v="The SIRT system is used to keep track of Incident that occurs at missions.   The system is used to manage information such as types of incidents, number of casualties, time, location, zone, etc.   Every time an incident is entered into the system an e-mail is sent to notify the appropriate person.  SIRT also provides functionality to maintain a list of Mission Security Officers (MSO) and DMSO, Military police, Regional Security Officer, Regional Security Managers, etc."/>
    <s v=""/>
    <x v="1"/>
    <s v=""/>
    <x v="25"/>
    <s v="Internal Services"/>
    <s v="Management and Oversight Services"/>
    <s v="DFATD-4214"/>
    <s v="In Production"/>
    <s v="web"/>
    <x v="1"/>
    <x v="1473"/>
  </r>
  <r>
    <x v="1"/>
    <x v="12"/>
    <x v="3813"/>
    <s v="Remedy-SR"/>
    <s v="This is a Remedy ARS based application that is primarily used by the Help Center, ITP's/FSITP's at HQ and abroad and several other AID groups to submit and handles activities and issues related to processes such as Incident and Problem Management."/>
    <s v="Other"/>
    <x v="1"/>
    <s v="Vendor:  BMC Remedy  Product:  Remedy ARS"/>
    <x v="25"/>
    <s v="Internal Services"/>
    <s v="Information Management Services"/>
    <s v="DFATD-4215"/>
    <s v="In Production"/>
    <s v="desktop"/>
    <x v="0"/>
    <x v="1472"/>
  </r>
  <r>
    <x v="2"/>
    <x v="41"/>
    <x v="3814"/>
    <s v="Shop@DFATD"/>
    <s v="Shop@DFATD is a shopping application for authorized departmental users to purchase hardware, software, office supplies, and procurement.  The application provides a great user experience with options that also allow a user to create dynamic catalogues.  Released Business Cards functionality November 2016"/>
    <s v=""/>
    <x v="1"/>
    <s v=""/>
    <x v="25"/>
    <s v="Internal Services"/>
    <s v="Acquisition Services"/>
    <s v="DFATD-4216"/>
    <s v="In Production"/>
    <s v="web"/>
    <x v="1"/>
    <x v="1482"/>
  </r>
  <r>
    <x v="0"/>
    <x v="7"/>
    <x v="3815"/>
    <s v="IB-D"/>
    <s v="InfoBank is an Enterprise Records and Document Information Management System.  The DM-RM Server is used by Record Managers. Manages requests against the repository; manages library lists, access control to all full text indexes, and connectivity between all DM components. Encompasses DM Webtop application."/>
    <s v="Other"/>
    <x v="1"/>
    <s v="Vendor:  OpentText  Product OpenText eDoc V5.3"/>
    <x v="25"/>
    <s v="Internal Services"/>
    <s v="Information Management Services"/>
    <s v="DFATD-4220"/>
    <s v="In Production"/>
    <s v="desktop"/>
    <x v="0"/>
    <x v="1461"/>
  </r>
  <r>
    <x v="2"/>
    <x v="10"/>
    <x v="3816"/>
    <s v="SpaceApp"/>
    <s v="It does this by creating an excel file with all people information."/>
    <s v=""/>
    <x v="1"/>
    <s v=""/>
    <x v="25"/>
    <s v="Internal Services"/>
    <s v="Real Property Services"/>
    <s v="DFATD-4222"/>
    <s v="In Production"/>
    <s v="desktop"/>
    <x v="1"/>
    <x v="981"/>
  </r>
  <r>
    <x v="3"/>
    <x v="92"/>
    <x v="3817"/>
    <s v="Teaminfo"/>
    <s v="This file is then uploaded using the tool Sinker-Import on the other network."/>
    <s v=""/>
    <x v="1"/>
    <s v=""/>
    <x v="25"/>
    <s v="Internal Services"/>
    <s v="Human Resources Management Services"/>
    <s v="DFATD-4224"/>
    <s v="In Production"/>
    <s v="web"/>
    <x v="1"/>
    <x v="1473"/>
  </r>
  <r>
    <x v="0"/>
    <x v="8"/>
    <x v="3818"/>
    <s v="TCS"/>
    <s v="The TCS (Trade Commissioner Service) system is an internet web site available to the public that provides export information on all markets and industry sectors."/>
    <s v=""/>
    <x v="72"/>
    <s v=""/>
    <x v="25"/>
    <s v="International Trade Development and Innovation"/>
    <s v="Information Management Services"/>
    <s v="DFATD-4226"/>
    <s v="In Production"/>
    <s v="web"/>
    <x v="1"/>
    <x v="92"/>
  </r>
  <r>
    <x v="0"/>
    <x v="43"/>
    <x v="3819"/>
    <s v="Treaties"/>
    <s v="The Treaties application maintains information on active Canadian treaties and provides access to the Treaty documents via the Internet.   This application also includes an administrative module."/>
    <s v=""/>
    <x v="1"/>
    <s v=""/>
    <x v="25"/>
    <s v="Canada''s International Platform"/>
    <s v="Information Management Services"/>
    <s v="DFATD-4227"/>
    <s v="In Production"/>
    <s v="web"/>
    <x v="1"/>
    <x v="1475"/>
  </r>
  <r>
    <x v="9"/>
    <x v="44"/>
    <x v="3820"/>
    <s v="IDACS-HQ"/>
    <m/>
    <s v="Other"/>
    <x v="1"/>
    <s v="Velocity, Hirsch"/>
    <x v="25"/>
    <s v="Internal Services"/>
    <s v="Real Property Services"/>
    <s v="DFATD-4229"/>
    <s v="In Production"/>
    <s v="desktop"/>
    <x v="0"/>
    <x v="981"/>
  </r>
  <r>
    <x v="6"/>
    <x v="33"/>
    <x v="3821"/>
    <s v="Visits"/>
    <s v="Visits Calendar application is a tool to collect and share information about visits by foreign governments or heads of state to representatives of Canada such as the Governor General of Canada, Prime Minister office, and ministers from the Department of Foreign Affairs and International Trade. It also collects information about visits by representatives of Canada to foreign countries."/>
    <s v=""/>
    <x v="1"/>
    <s v=""/>
    <x v="25"/>
    <s v="Internal Services"/>
    <s v="Travel and Other Administrative Services"/>
    <s v="DFATD-4232"/>
    <s v="In Production"/>
    <s v="web"/>
    <x v="1"/>
    <x v="1473"/>
  </r>
  <r>
    <x v="0"/>
    <x v="87"/>
    <x v="3822"/>
    <s v="Wiki"/>
    <s v="The Wiki application is the departmental use that facilities the collection of web pages that can be accessed by GAC staff that can then contribute to or modify content using a simplified editor. This provides an online tool to greatly improve collaboration amongst GAC staff."/>
    <s v=""/>
    <x v="1"/>
    <s v=""/>
    <x v="25"/>
    <s v="Internal Services"/>
    <s v="Information Management Services"/>
    <s v="DFATD-4235"/>
    <s v="In Production"/>
    <s v="web"/>
    <x v="1"/>
    <x v="106"/>
  </r>
  <r>
    <x v="2"/>
    <x v="3"/>
    <x v="3823"/>
    <s v="HRMS-ESS"/>
    <m/>
    <s v="Other"/>
    <x v="1"/>
    <s v="Vendor:  Oracle PeopleSoft Enterprise PeopleTools  Product:   Enterprise PeopleTools 8.51 - Employee Self-Service"/>
    <x v="25"/>
    <s v="Internal Services"/>
    <s v="Human Resources Management Services,Information Management Services"/>
    <s v="DFATD-4275"/>
    <s v="In Production"/>
    <s v="web"/>
    <x v="0"/>
    <x v="86"/>
  </r>
  <r>
    <x v="2"/>
    <x v="3"/>
    <x v="3824"/>
    <s v="HRMS-MSS"/>
    <m/>
    <s v="Other"/>
    <x v="1"/>
    <s v="Vendor:  Oracle PeopleSoft Enterprise PeopleTools  Product:  Enterprise PeopleTools 8.51 - Manager Self-Service"/>
    <x v="25"/>
    <s v="Internal Services"/>
    <s v="Human Resources Management Services,Information Management Services"/>
    <s v="DFATD-4276"/>
    <s v="In Production"/>
    <s v="web"/>
    <x v="0"/>
    <x v="86"/>
  </r>
  <r>
    <x v="2"/>
    <x v="3"/>
    <x v="3825"/>
    <s v="HRMS-PA"/>
    <m/>
    <s v="Other"/>
    <x v="1"/>
    <s v="Vendor:  Oracle PeopleSoft Enterprise PeopleTools  Product:  Enterprise PeopleTools 8.51 - Posting Administration"/>
    <x v="25"/>
    <s v="Internal Services"/>
    <s v="Human Resources Management Services,Information Management Services"/>
    <s v="DFATD-4277"/>
    <s v="In Production"/>
    <s v="web"/>
    <x v="0"/>
    <x v="86"/>
  </r>
  <r>
    <x v="3"/>
    <x v="63"/>
    <x v="3826"/>
    <s v="MPRS"/>
    <s v="The Mission Planning and Reporting System is a bilingual web-based solution for mission planning and reporting templates to facilitate the alignment of Mission work with GOC and GAC priorities as well as the gathering and tracking of results, particularly as it relates to Political, Economic Reporting and Public Affairs Program (PERPA). A primary tool to facilitate data analysis by executives (ADMs, DGs &amp; HOMs) and to support summary analysis for missions."/>
    <s v=""/>
    <x v="1"/>
    <s v=""/>
    <x v="25"/>
    <s v="Internal Services"/>
    <s v="Information Management Services"/>
    <s v="DFATD-4279"/>
    <s v="In Production"/>
    <s v="web"/>
    <x v="1"/>
    <x v="981"/>
  </r>
  <r>
    <x v="2"/>
    <x v="10"/>
    <x v="3827"/>
    <s v="Remedy-Ship"/>
    <s v="This application, based on Remedy, is used to manage and track DFAIT shipments."/>
    <s v="Other"/>
    <x v="1"/>
    <s v="Vendor:  BMC Remedy  Product:  Remedy ARS"/>
    <x v="25"/>
    <s v="Internal Services"/>
    <s v="Materiel Services"/>
    <s v="DFATD-4280"/>
    <s v="In Production"/>
    <s v="desktop"/>
    <x v="0"/>
    <x v="1472"/>
  </r>
  <r>
    <x v="2"/>
    <x v="41"/>
    <x v="3828"/>
    <s v="Remedy-Procure"/>
    <s v="This Remedy module, which is linked to Shop@DFAIT, is used to process orders."/>
    <s v="Other"/>
    <x v="1"/>
    <s v="Vendor:  BMC Remedy  Product:  Remedy ARS"/>
    <x v="25"/>
    <s v="Internal Services"/>
    <s v="Information Management Services"/>
    <s v="DFATD-4281"/>
    <s v="In Production"/>
    <s v="desktop"/>
    <x v="0"/>
    <x v="1483"/>
  </r>
  <r>
    <x v="1"/>
    <x v="12"/>
    <x v="3829"/>
    <s v="Remedy-Lib"/>
    <s v="Remedy based module that is used to track portfolio and reference requests and to gather statistics on requests.  AIML has been using this Remedy module since 1998."/>
    <s v="Other"/>
    <x v="1"/>
    <s v="Vendor:  BMC Remedy  Product:  Remedy ARS"/>
    <x v="25"/>
    <s v="Internal Services"/>
    <s v="Information Management Services"/>
    <s v="DFATD-4282"/>
    <s v="In Production"/>
    <s v="desktop"/>
    <x v="0"/>
    <x v="1472"/>
  </r>
  <r>
    <x v="1"/>
    <x v="12"/>
    <x v="3830"/>
    <s v="Remedy-D"/>
    <s v="BMC Remedy AR System provides a consolidated Service Process Management platform for automating and managing Service Management business processes.  BMC Remedy AR System is used for efficiency in Service Management business process delivery and includes pre-built modules for notifications, escalations, and approvals. It also provides business activity monitoring functionality to proactively measure business process performance."/>
    <s v="Other"/>
    <x v="1"/>
    <s v="Vendor:  BMC Remedy  Product:  Remedy ARS"/>
    <x v="25"/>
    <s v="Internal Services"/>
    <s v="Information Management Services"/>
    <s v="DFATD-4283"/>
    <s v="In Production"/>
    <s v="desktop"/>
    <x v="0"/>
    <x v="1472"/>
  </r>
  <r>
    <x v="2"/>
    <x v="2"/>
    <x v="3831"/>
    <s v="LES-T4"/>
    <s v="LESPay is a system for storing and maintaining pay lists for locally engaged staff at the missions and for processing T4 slips at the end of year.  This system also consists of a spreadsheet portion which is updated and deployed by SIAE."/>
    <s v=""/>
    <x v="1"/>
    <s v=""/>
    <x v="25"/>
    <s v="Internal Services"/>
    <s v="Human Resources Management Services"/>
    <s v="DFATD-4285"/>
    <s v="In Production"/>
    <s v="web"/>
    <x v="1"/>
    <x v="1473"/>
  </r>
  <r>
    <x v="0"/>
    <x v="8"/>
    <x v="3832"/>
    <s v="CHPA-1880"/>
    <s v="This application is used to manage a list of  of Head's of Missions for the department."/>
    <s v=""/>
    <x v="1"/>
    <s v=""/>
    <x v="25"/>
    <s v="Canada''s International Platform"/>
    <s v="Information Management Services"/>
    <s v="DFATD-4293"/>
    <s v="In Production"/>
    <s v="web"/>
    <x v="1"/>
    <x v="1475"/>
  </r>
  <r>
    <x v="2"/>
    <x v="32"/>
    <x v="3833"/>
    <s v="ARTS"/>
    <s v="ARTS (Accommodation Reporting and Tracking System) is a web application to keep track of all accommodations requests that HAD client receives from departmental users at HQ."/>
    <s v=""/>
    <x v="1"/>
    <s v=""/>
    <x v="25"/>
    <s v="Internal Services"/>
    <s v="Real Property Services"/>
    <s v="DFATD-4302"/>
    <s v="In Production"/>
    <s v="web"/>
    <x v="1"/>
    <x v="1473"/>
  </r>
  <r>
    <x v="2"/>
    <x v="9"/>
    <x v="3834"/>
    <s v="Scholarships"/>
    <s v="The Scholarships system is used by applicants such as students and institutions to submit and apply for scholarships provided by GAC.  The system is also responsible for managing this data and providing related applicant reports to senior management. Program Managers and Administrators also use the system to process scholarships applications by moving them along from applied to approved and granted."/>
    <s v=""/>
    <x v="1"/>
    <s v=""/>
    <x v="25"/>
    <s v="Canada''s International Platform"/>
    <s v="Information Management Services"/>
    <s v="DFATD-4303"/>
    <s v="In Production"/>
    <s v="web"/>
    <x v="1"/>
    <x v="1473"/>
  </r>
  <r>
    <x v="0"/>
    <x v="16"/>
    <x v="3835"/>
    <s v="FSD-Portal"/>
    <m/>
    <s v=""/>
    <x v="1"/>
    <s v=""/>
    <x v="25"/>
    <s v="Internal Services"/>
    <s v="Information Management Services"/>
    <s v="DFATD-4305"/>
    <s v="In Production"/>
    <s v="web"/>
    <x v="1"/>
    <x v="1473"/>
  </r>
  <r>
    <x v="0"/>
    <x v="0"/>
    <x v="3836"/>
    <s v="ccm-D"/>
    <s v="ccmMercury is a COTS workflow product to support activities of Executive Services.  A number of different solutions are leveraging this platform."/>
    <s v="WorkDynamics_Technologies_Inc"/>
    <x v="0"/>
    <s v=""/>
    <x v="25"/>
    <s v="Internal Services"/>
    <s v="Management and Oversight Services"/>
    <s v="DFATD-4306"/>
    <s v="In Production"/>
    <s v="desktop"/>
    <x v="0"/>
    <x v="1470"/>
  </r>
  <r>
    <x v="0"/>
    <x v="88"/>
    <x v="3837"/>
    <s v="APM"/>
    <s v="This application is used to manage, store, and conduct analysis and assessments on all business and corporate system applications in the department."/>
    <s v=""/>
    <x v="1"/>
    <s v=""/>
    <x v="25"/>
    <s v="Internal Services"/>
    <s v="Information Management Services"/>
    <s v="DFATD-4310"/>
    <s v="In Production"/>
    <s v="web"/>
    <x v="1"/>
    <x v="1473"/>
  </r>
  <r>
    <x v="0"/>
    <x v="8"/>
    <x v="3838"/>
    <s v="CMS-NAFTA"/>
    <s v="A Content Management System used to create pages for Canadian, USA, Mexican national sections and NAFTA trilateral websites."/>
    <s v=""/>
    <x v="1"/>
    <s v=""/>
    <x v="25"/>
    <s v="Canada''s International Platform"/>
    <s v="Information Management Services"/>
    <s v="DFATD-4311"/>
    <s v="In Production"/>
    <s v="web"/>
    <x v="1"/>
    <x v="1473"/>
  </r>
  <r>
    <x v="0"/>
    <x v="16"/>
    <x v="3839"/>
    <s v="RIS-NAFTA"/>
    <s v="This application allows administrators of all 3 Secretariats(Canada, United States, and Mexico) to create Panel Review Cases, upload and download documents pertaining to these cases, and maintain participants and Counsel that are associated to these cases onto a web enabled platform."/>
    <s v=""/>
    <x v="1"/>
    <s v=""/>
    <x v="25"/>
    <s v="Canada''s International Platform"/>
    <s v="Information Management Services,Legal Services"/>
    <s v="DFATD-4312"/>
    <s v="In Production"/>
    <s v="web"/>
    <x v="1"/>
    <x v="1473"/>
  </r>
  <r>
    <x v="3"/>
    <x v="30"/>
    <x v="3840"/>
    <s v="IEC"/>
    <s v="The International Experience Canada (IEC) program negotiates and manages reciprocal youth mobility arrangements (i.e., treaties and memoranda of understanding) that simplify the process for Canadian and non-Canadian youth to gain travel, work and life experiences in another country.   Focussing on the creation of a solution for the front-end and back-end systems to support the non-Canadian online application process."/>
    <s v=""/>
    <x v="1"/>
    <s v=""/>
    <x v="25"/>
    <s v="Canada''s International Platform"/>
    <s v="Information Management Services"/>
    <s v="DFATD-4313"/>
    <s v="In Production"/>
    <s v="web"/>
    <x v="1"/>
    <x v="106"/>
  </r>
  <r>
    <x v="6"/>
    <x v="33"/>
    <x v="3841"/>
    <s v="SOEMS"/>
    <m/>
    <s v=""/>
    <x v="1"/>
    <s v=""/>
    <x v="25"/>
    <s v="Internal Services"/>
    <s v="Information Management Services"/>
    <s v="DFATD-4314"/>
    <s v="In Production"/>
    <s v="web"/>
    <x v="1"/>
    <x v="1473"/>
  </r>
  <r>
    <x v="9"/>
    <x v="93"/>
    <x v="3842"/>
    <s v="WSM"/>
    <s v="The Web Security application allows clients to handle the management of Active Directory for their application.  Mainly used by application made by SIA.  As of (May 2015), it includes a module to create ad groups for the specific applications."/>
    <s v=""/>
    <x v="1"/>
    <s v=""/>
    <x v="25"/>
    <s v="Internal Services"/>
    <s v="Information Technology Services"/>
    <s v="DFATD-4316"/>
    <s v="In Production"/>
    <s v="web"/>
    <x v="1"/>
    <x v="88"/>
  </r>
  <r>
    <x v="0"/>
    <x v="87"/>
    <x v="3843"/>
    <s v="Agora"/>
    <s v="This application, based on the open-source software ELGG, is used by various users throughout the department for E-collaboration, knowledge sharing and reporting services."/>
    <s v=""/>
    <x v="1"/>
    <s v=""/>
    <x v="25"/>
    <s v="Internal Services"/>
    <s v="Information Management Services"/>
    <s v="DFATD-4319"/>
    <s v="In Production"/>
    <s v="web"/>
    <x v="1"/>
    <x v="1484"/>
  </r>
  <r>
    <x v="0"/>
    <x v="16"/>
    <x v="3844"/>
    <s v="CMTS"/>
    <s v="CMTS is a tool for managing client position change request for GAC, other government departments (OGD's), and co-locator clients by recording and tracking client requests. The application records and tracks position change requests such as position creations, deletions, reclassifications, redeployments and term extensions. CMTS tracks the progress of each case through various stages, including several exchanges of the file throughout the departments during administrative tool and a key source of information for internal GAC management reporting. In addition, CMTS is the sole source of data driving the Position Costing Automation Tool (TM1-PCAT) which serves as the corporate application used to create costing scenarios for each position change request."/>
    <s v=""/>
    <x v="1"/>
    <s v=""/>
    <x v="25"/>
    <s v="Internal Services"/>
    <s v="Information Management Services"/>
    <s v="DFATD-4320"/>
    <s v="In Production"/>
    <s v="web"/>
    <x v="1"/>
    <x v="1473"/>
  </r>
  <r>
    <x v="3"/>
    <x v="31"/>
    <x v="3845"/>
    <s v="BI-MDB"/>
    <s v="The Managers’ Dashboard is a web-based solution providing high-level and detailed information with focus on financial, HR, education, mission, trade, and real property, from one central location. It is used by Fund Centre Managers across GAC to provide current and previous fiscal years information for a quick view at trends and for comparison between fiscal years.  It is using Active Directory as a source for single sign-on."/>
    <s v="Other"/>
    <x v="1"/>
    <s v="Vendor:  IBM Cognos  Product: IBM Cognos Business Intelligence Suite"/>
    <x v="25"/>
    <s v="Internal Services"/>
    <s v="Information Management Services"/>
    <s v="DFATD-4323"/>
    <s v="In Production"/>
    <s v="web"/>
    <x v="0"/>
    <x v="1485"/>
  </r>
  <r>
    <x v="3"/>
    <x v="31"/>
    <x v="3846"/>
    <s v="BI-IBD"/>
    <s v="The International Business Development application is used by trade commissioners world-wide to support Canadian businesses. The IBD Dashboard is comprised of scorecards, a self-serve environment and dimensional reports and cubes."/>
    <s v="Other"/>
    <x v="1"/>
    <s v="Vendor:  IBM Cognos  Product: IBM Cognos Business Intelligence Suite"/>
    <x v="25"/>
    <s v="Internal Services"/>
    <s v="Information Management Services"/>
    <s v="DFATD-4325"/>
    <s v="In Production"/>
    <s v="web"/>
    <x v="0"/>
    <x v="1486"/>
  </r>
  <r>
    <x v="3"/>
    <x v="31"/>
    <x v="3847"/>
    <s v="BI-IMIP"/>
    <s v="The Information Management Improvement Plan dashboard is used by the Information Management branch and accessed by Senior Management interested in understanding how Information Management solutions are used within their area of responsibility. The IMIP Dashboard is comprised of scorecards, a self-serve environment and dimensional reports and cubes."/>
    <s v="Other"/>
    <x v="1"/>
    <s v="Vendor:  IBM Cognos  Product: IBM Cognos Business Intelligence Suite"/>
    <x v="25"/>
    <s v="Internal Services"/>
    <s v="Information Management Services"/>
    <s v="DFATD-4326"/>
    <s v="In Production"/>
    <s v="web"/>
    <x v="0"/>
    <x v="1486"/>
  </r>
  <r>
    <x v="0"/>
    <x v="42"/>
    <x v="3848"/>
    <s v="EMP"/>
    <s v="The Emergency Management Portal provides real-time information related to situational awareness, analysis,and lessons learned  to improve emergency and crisis management in the department."/>
    <s v="Other"/>
    <x v="1"/>
    <s v="WorldReach Software"/>
    <x v="25"/>
    <s v="Canada''s International Platform"/>
    <s v="Information Management Services"/>
    <s v="DFATD-4327"/>
    <s v="In Production"/>
    <s v="web"/>
    <x v="1"/>
    <x v="1473"/>
  </r>
  <r>
    <x v="1"/>
    <x v="12"/>
    <x v="3849"/>
    <s v="Remedy-AIMApp"/>
    <s v="This system is a Remedy platform application that is used by IT support users to assigns, notify, and track detected IT infrastructure incidents."/>
    <s v="Other"/>
    <x v="1"/>
    <s v="Vendor:  BMC Remedy  Product:  Remedy ARS"/>
    <x v="25"/>
    <s v="Internal Services"/>
    <s v="Information Management Services"/>
    <s v="DFATD-4331"/>
    <s v="In Production"/>
    <s v="desktop"/>
    <x v="0"/>
    <x v="1472"/>
  </r>
  <r>
    <x v="2"/>
    <x v="52"/>
    <x v="3850"/>
    <s v="TRIO2"/>
    <s v="TRIO2 is an eCRM (contact management system and client relationship system) and is now fully operational for use by trade officers  to record Canadian and local contacts and interactions with those contacts.  TRIO -- the original system -- is now working in read-only mode after being replaced in FY 2013-2014."/>
    <s v=""/>
    <x v="1"/>
    <s v=""/>
    <x v="25"/>
    <s v="International Trade Development"/>
    <s v="Information Management Services"/>
    <s v="DFATD-4334"/>
    <s v="In Production"/>
    <s v="web"/>
    <x v="1"/>
    <x v="981"/>
  </r>
  <r>
    <x v="0"/>
    <x v="13"/>
    <x v="3851"/>
    <s v="MEPGen"/>
    <m/>
    <s v="Other"/>
    <x v="1"/>
    <s v="WorldReach Software"/>
    <x v="25"/>
    <s v="Internal Services"/>
    <s v="Information Management Services"/>
    <s v="DFATD-4335"/>
    <s v="In Production"/>
    <s v="web"/>
    <x v="1"/>
    <x v="1473"/>
  </r>
  <r>
    <x v="5"/>
    <x v="90"/>
    <x v="3852"/>
    <s v="Panorama"/>
    <s v="Panorama is a web-based inventory and mapping tool, capturing and displaying Government of Canada programming footprint in support of Canada’s Strategy for engagement in the Americas.  Its database incorporates and displays on an internal map projects over $25,000 from all Departments, Agencies and Crown Corporations (DACC) partners funding projects in the Americas. DACC partners without access to SIGNET can use an external portal to the Panorama system to enter their project information directly and view the whole-of-government inventory and the associated map. A subset of the project data is also accessible to the public on Americas.gc.ca , a GAC-hosted whole-of-government website."/>
    <s v=""/>
    <x v="1"/>
    <s v=""/>
    <x v="25"/>
    <s v="Internal Services"/>
    <s v="Information Management Services"/>
    <s v="DFATD-4337"/>
    <s v="In Production"/>
    <s v="web"/>
    <x v="1"/>
    <x v="1475"/>
  </r>
  <r>
    <x v="3"/>
    <x v="63"/>
    <x v="3853"/>
    <s v="WeRept"/>
    <s v="The Web Reporting application provides forms and functionality to collect web inventory statistics and assign/complete/review manual assessments to monitor the compliance to WCAG 2.0 standards of websites. In addition to data collection, Web Reporting provides global reporting of an entire web inventory and assessment comparisons. The data collected is currently only of public facing websites, but may be extended to Intranet sites if required."/>
    <s v=""/>
    <x v="1"/>
    <s v=""/>
    <x v="25"/>
    <s v="Internal Services"/>
    <s v="Information Management Services"/>
    <s v="DFATD-4339"/>
    <s v="In Production"/>
    <s v="web"/>
    <x v="1"/>
    <x v="1487"/>
  </r>
  <r>
    <x v="2"/>
    <x v="10"/>
    <x v="3854"/>
    <s v="IT-Asset"/>
    <s v="Divisional and individual IT Asset inventory display and reconciliation."/>
    <s v=""/>
    <x v="1"/>
    <s v=""/>
    <x v="25"/>
    <s v="Internal Services"/>
    <s v="Information Technology Services"/>
    <s v="DFATD-4340"/>
    <s v="In Production"/>
    <s v="web"/>
    <x v="1"/>
    <x v="1488"/>
  </r>
  <r>
    <x v="2"/>
    <x v="23"/>
    <x v="3855"/>
    <s v="MOPS"/>
    <s v="The MOPS is used by Consular and International Experience agents at mission abroad to process payments for clients’ service requests. It allows missions to collect revenue via credit card and offers this payment method to clients abroad. The MOPS provides an end to end online credit card payment solution.  The MOPS is used to receive payments from clients requesting a service at mission in person and by mail."/>
    <s v=""/>
    <x v="1"/>
    <s v=""/>
    <x v="25"/>
    <s v="Internal Services"/>
    <s v="Financial Management Services"/>
    <s v="DFATD-4341"/>
    <s v="In Production"/>
    <s v="web"/>
    <x v="1"/>
    <x v="1473"/>
  </r>
  <r>
    <x v="0"/>
    <x v="87"/>
    <x v="3856"/>
    <s v="MyIntl"/>
    <s v="My International is a WordPress based application that provides a platform for content display, sharing, and aggregation with specific merit to DFATD's mandate."/>
    <s v=""/>
    <x v="1"/>
    <s v=""/>
    <x v="25"/>
    <s v="Internal Services"/>
    <s v="Information Management Services"/>
    <s v="DFATD-4343"/>
    <s v="In Production"/>
    <s v="web"/>
    <x v="1"/>
    <x v="1489"/>
  </r>
  <r>
    <x v="0"/>
    <x v="43"/>
    <x v="3857"/>
    <s v="TAMA"/>
    <s v="The TAMA (Travel Advice Management Application) software will manage all data published to the Travel advice section of travel.gc.ca and voyage.gc.ca.  The information will be published to the Signet-D intranet and be pulled from a processed managed by an application managed by LDWR (formely BCI) to generate the webpage."/>
    <s v=""/>
    <x v="1"/>
    <s v=""/>
    <x v="25"/>
    <s v="Canada''s International Platform"/>
    <s v="Information Management Services"/>
    <s v="DFATD-4346"/>
    <s v="In Production"/>
    <s v="web"/>
    <x v="1"/>
    <x v="1490"/>
  </r>
  <r>
    <x v="0"/>
    <x v="8"/>
    <x v="3858"/>
    <s v="MODUS"/>
    <s v="Modus is a departmental web application that hosts the business processes and related tools that employees need to do their work and to stay informed of departmental practices, including: policies and directives; strategies and frameworks; guidelines and instructions; and templates and forms. The content on Modus is created and managed by business process owners who are supported by branch advisors and the Modus team. Corporate Management Committee unanimously endorsed the corporate business management framework and governance structure, featuring Modus as the single repository for departmental processes, in May 2014. Business process governance, with an emphasis on ensuring lean processes that respond to the needs of users, is consistent with the obje"/>
    <s v=""/>
    <x v="1"/>
    <s v=""/>
    <x v="25"/>
    <s v="Internal Services"/>
    <s v="Information Management Services"/>
    <s v="DFATD-4347"/>
    <s v="In Production"/>
    <s v="web"/>
    <x v="1"/>
    <x v="1491"/>
  </r>
  <r>
    <x v="0"/>
    <x v="11"/>
    <x v="3859"/>
    <s v="CTF"/>
    <s v="The Pocket Facts application is a WEB-based, mobile device-friendly version of the Pocket Facts site, developed to allow for global access to Canada’s Trade statistics. These statistics are gathered primarily from Statcan CANSIM tables, and these have been substantially altered since the initial release of the Pocket Facts application."/>
    <s v=""/>
    <x v="1"/>
    <s v=""/>
    <x v="25"/>
    <s v="Canada''s International Platform"/>
    <s v="Information Management Services"/>
    <s v="DFATD-4348"/>
    <s v="In Production"/>
    <s v="web"/>
    <x v="1"/>
    <x v="1492"/>
  </r>
  <r>
    <x v="0"/>
    <x v="0"/>
    <x v="3860"/>
    <s v="MRO"/>
    <s v="Fully functional integrated Mission Workflow Request system for the RSC and Missions that will provide end- clients and Missions, the ability to submit, receive, track, list, action and request via a Workflow Client &amp; web-based platform on Signet-D."/>
    <s v=""/>
    <x v="1"/>
    <s v=""/>
    <x v="25"/>
    <s v="Internal Services"/>
    <s v="Information Management Services"/>
    <s v="DFATD-4349"/>
    <s v="In Production"/>
    <s v="web"/>
    <x v="1"/>
    <x v="1493"/>
  </r>
  <r>
    <x v="10"/>
    <x v="84"/>
    <x v="3861"/>
    <s v="Lyris"/>
    <s v="Lyris is a large volume email management tool that delivers departmental messaging to a broad range of stakeholders, including the Canadian public, the media and other key constituencies. It is primarily used BCI to support MINA media release products. Lyris is integrated with Interwoven WCMS and is a business critical application for the department."/>
    <s v="Other"/>
    <x v="1"/>
    <s v="Lyris, Lyris ListManager"/>
    <x v="25"/>
    <s v="Internal Services"/>
    <s v="Communications Services"/>
    <s v="DFATD-4350"/>
    <s v="In Production"/>
    <s v="web"/>
    <x v="0"/>
    <x v="1494"/>
  </r>
  <r>
    <x v="0"/>
    <x v="42"/>
    <x v="3862"/>
    <s v="Pureshare"/>
    <s v="Service Portal- The Service Portal consolidates Business Service Management &amp; ITSM information from Remedy, SCOM and Pureshare databases concurrently and displays it on web dashboards to offer real-time views of operational metrics."/>
    <s v=""/>
    <x v="1"/>
    <s v=""/>
    <x v="25"/>
    <s v="Internal Services"/>
    <s v="Information Management Services"/>
    <s v="DFATD-4351"/>
    <s v="In Production"/>
    <s v="web"/>
    <x v="1"/>
    <x v="106"/>
  </r>
  <r>
    <x v="2"/>
    <x v="9"/>
    <x v="3863"/>
    <s v="P@I"/>
    <s v="The Partners@International Web portal is part of the department's corporate solution to manage Grants &amp; Contributions.  It allows Canadian and international organizations to register, submit applications for funding (proposals submission) and submit claims.  The portal allows program managers and officers to administer the organizations, applications and claims."/>
    <s v=""/>
    <x v="1"/>
    <s v=""/>
    <x v="25"/>
    <s v="Canada''s International Platform"/>
    <s v="Information Management Services"/>
    <s v="DFATD-4410"/>
    <s v="In Production"/>
    <s v="web"/>
    <x v="1"/>
    <x v="86"/>
  </r>
  <r>
    <x v="6"/>
    <x v="24"/>
    <x v="3864"/>
    <s v="START"/>
    <s v="The Security and Stability Project Management Tool (SSPMT) is START’s project management system. Along with data entry, project management capabilities, the SSPMT can conduct various automations for corporate reporting and business process requirements. It is essentially a software used to manage START’s grants and contribution projects. It is mostly used by START’s programming division (IRG)"/>
    <s v=""/>
    <x v="1"/>
    <s v=""/>
    <x v="25"/>
    <s v="Internal Services"/>
    <s v="Information Management Services"/>
    <s v="DFATD-4446"/>
    <s v="In Production"/>
    <s v="desktop"/>
    <x v="1"/>
    <x v="106"/>
  </r>
  <r>
    <x v="0"/>
    <x v="28"/>
    <x v="3865"/>
    <s v="Strategia"/>
    <s v="Strategia is a single Web-based Planning and Reporting portal for missions, allowing for Whole-of-mission, Commercial, Common Service Delivery,  FPDS, and Budget  planning and reporting to take place on a holistic and synchronized basis using an open and transparent platform."/>
    <s v=""/>
    <x v="1"/>
    <s v=""/>
    <x v="25"/>
    <s v="Internal Services"/>
    <s v="Information Management Services"/>
    <s v="DFATD-4448"/>
    <s v="In Production"/>
    <s v="web"/>
    <x v="1"/>
    <x v="86"/>
  </r>
  <r>
    <x v="0"/>
    <x v="28"/>
    <x v="3866"/>
    <s v="SCCM"/>
    <s v="It's a reporting system that will analyze DFATD software inventory ( as well as other factors) and identify workstations that are eligible for upgrade to the Signet4 platform. The reporting system will also be used to identify software that must be certified for the signet4 platform."/>
    <s v=""/>
    <x v="1"/>
    <s v=""/>
    <x v="25"/>
    <s v="Internal Services"/>
    <s v="Information Management Services"/>
    <s v="DFATD-4450"/>
    <s v="In Production"/>
    <s v="web"/>
    <x v="1"/>
    <x v="86"/>
  </r>
  <r>
    <x v="2"/>
    <x v="65"/>
    <x v="3867"/>
    <s v="SAP-CR"/>
    <s v="The SAP portal is GAC’s installation of the SAP NetWeaver 7.4 to provide access to SAP Finance and Administration Reporting system via Web Portal to access corporate financial reports and the FINSTAT application (Integrated Planning)."/>
    <s v="Other"/>
    <x v="1"/>
    <s v="SAP CANADA"/>
    <x v="25"/>
    <s v="Internal Services"/>
    <s v="Acquisition Services,Financial Management Services,Human Resources Management Services,Management and Oversight Services,Materiel Services"/>
    <s v="DFATD-4457"/>
    <s v="In Production"/>
    <s v="web"/>
    <x v="0"/>
    <x v="146"/>
  </r>
  <r>
    <x v="3"/>
    <x v="30"/>
    <x v="3868"/>
    <s v="Scholarships (Admin)"/>
    <s v="The Scholarships system is used by applicants such as students and institutions to submit and apply for scholarships provided by GAC.  The system is also responsible for managing this data and providing related applicant reports to senior management. Program Managers and Administrators also use the system to process scholarships applications by moving them along from applied to approved and granted."/>
    <s v=""/>
    <x v="1"/>
    <s v=""/>
    <x v="25"/>
    <s v="Canada''s International Platform"/>
    <s v="Information Management Services"/>
    <s v="DFATD-4471"/>
    <s v="In Production"/>
    <s v="web"/>
    <x v="1"/>
    <x v="86"/>
  </r>
  <r>
    <x v="0"/>
    <x v="8"/>
    <x v="3869"/>
    <s v="CHPA-1880 (Admin)"/>
    <s v="Admin application used to enter data that is displayed on the Canadian Heads of Posts Abroad public site."/>
    <s v=""/>
    <x v="1"/>
    <s v=""/>
    <x v="25"/>
    <s v="Canada''s International"/>
    <s v="Information Management Services"/>
    <s v="DFATD-4488"/>
    <s v="In Production"/>
    <s v="web"/>
    <x v="1"/>
    <x v="1475"/>
  </r>
  <r>
    <x v="3"/>
    <x v="30"/>
    <x v="3870"/>
    <s v="ICCI-Admin"/>
    <s v="Admin application used to maintain various features in the ICCI Public app"/>
    <s v=""/>
    <x v="1"/>
    <s v=""/>
    <x v="25"/>
    <s v="Internal Services"/>
    <s v="Information Management Services"/>
    <s v="DFATD-4489"/>
    <s v="In Production"/>
    <s v="web"/>
    <x v="1"/>
    <x v="86"/>
  </r>
  <r>
    <x v="3"/>
    <x v="30"/>
    <x v="3871"/>
    <s v="PanoramaAdmin"/>
    <s v="Admin app used by Internal admins to maintain various features in the public facing Panorama application"/>
    <s v=""/>
    <x v="1"/>
    <s v=""/>
    <x v="25"/>
    <s v="Internal Services"/>
    <s v="Information Management Services"/>
    <s v="DFATD-4491"/>
    <s v="In Production"/>
    <s v="web"/>
    <x v="1"/>
    <x v="86"/>
  </r>
  <r>
    <x v="3"/>
    <x v="30"/>
    <x v="3872"/>
    <s v="OGDAdmin"/>
    <s v="Admin app used by OGD users who have been granted access to maintian projects related to their department in Panorama"/>
    <s v=""/>
    <x v="1"/>
    <s v=""/>
    <x v="25"/>
    <s v="Internal Services"/>
    <s v="Information Management Services"/>
    <s v="DFATD-4492"/>
    <s v="In Production"/>
    <s v="web"/>
    <x v="1"/>
    <x v="301"/>
  </r>
  <r>
    <x v="3"/>
    <x v="30"/>
    <x v="3873"/>
    <s v="Shop@DFATD (Admin)"/>
    <s v="Admin app used to maintain various features in the Shop@DFATD app"/>
    <s v=""/>
    <x v="1"/>
    <s v=""/>
    <x v="25"/>
    <s v="Internal Services"/>
    <s v="Acquisition Services"/>
    <s v="DFATD-4493"/>
    <s v="In Production"/>
    <s v="web"/>
    <x v="1"/>
    <x v="86"/>
  </r>
  <r>
    <x v="3"/>
    <x v="30"/>
    <x v="3874"/>
    <s v="Treaties-Admin"/>
    <s v="Admin app used to maintain various features in the Treaties system."/>
    <s v=""/>
    <x v="1"/>
    <s v=""/>
    <x v="25"/>
    <s v="Canada''s International Platform"/>
    <s v="Information Management Services"/>
    <s v="DFATD-4494"/>
    <s v="In Production"/>
    <s v="web"/>
    <x v="1"/>
    <x v="86"/>
  </r>
  <r>
    <x v="2"/>
    <x v="9"/>
    <x v="3875"/>
    <s v="DTHEAdmin"/>
    <s v="Admin app used to maintain the DTHE Puplic facing app"/>
    <s v=""/>
    <x v="1"/>
    <s v=""/>
    <x v="25"/>
    <s v="Canada''s International Platform"/>
    <s v="Financial Management Services"/>
    <s v="DFATD-4495"/>
    <s v="In Production"/>
    <s v="web"/>
    <x v="1"/>
    <x v="86"/>
  </r>
  <r>
    <x v="2"/>
    <x v="9"/>
    <x v="3876"/>
    <s v="ProDisContractsAdmin"/>
    <s v="Admin app used to maintain the Contract DisclosurePuplic facing app"/>
    <s v=""/>
    <x v="1"/>
    <s v=""/>
    <x v="25"/>
    <s v="Canada''s International Platform"/>
    <s v="Financial Management Services"/>
    <s v="DFATD-4496"/>
    <s v="In Production"/>
    <s v="web"/>
    <x v="1"/>
    <x v="86"/>
  </r>
  <r>
    <x v="9"/>
    <x v="54"/>
    <x v="3877"/>
    <s v="idM"/>
    <m/>
    <s v=""/>
    <x v="1"/>
    <s v=""/>
    <x v="25"/>
    <s v="Internal Services"/>
    <s v="Information Management Services"/>
    <s v="DFATD-4497"/>
    <s v="In Production"/>
    <s v="web"/>
    <x v="1"/>
    <x v="106"/>
  </r>
  <r>
    <x v="0"/>
    <x v="0"/>
    <x v="3878"/>
    <s v="AppStore"/>
    <s v="Appstore enables IT Managers to enforce continual software license compliance and control software deployment, while increasing customer satisfaction and the efficiency of application service delivery. The employee driven enterprise app store automates the request, fulfillment and reclamation of software licenses to eliminate waste, ensure proper governance, and maximize usage of enterprise software."/>
    <s v="Flexera_Software_LLC"/>
    <x v="73"/>
    <s v=""/>
    <x v="25"/>
    <s v="Internal Services"/>
    <s v="Information Technology Services"/>
    <s v="DFATD-4498"/>
    <s v="In Production"/>
    <s v="web"/>
    <x v="0"/>
    <x v="106"/>
  </r>
  <r>
    <x v="3"/>
    <x v="45"/>
    <x v="3879"/>
    <s v="AP"/>
    <s v="Application used to generate the list of xCIDA mail addresses used to feed the CIDA-DFAIT Mail Checker app"/>
    <s v=""/>
    <x v="1"/>
    <s v=""/>
    <x v="25"/>
    <s v="Internal Services"/>
    <s v="Information Management Services"/>
    <s v="DFATD-4500"/>
    <s v="In Production"/>
    <s v="desktop"/>
    <x v="1"/>
    <x v="106"/>
  </r>
  <r>
    <x v="0"/>
    <x v="11"/>
    <x v="3880"/>
    <s v="MIISReplace"/>
    <s v="This suite of application (4 in total) sync information between AD &amp; SQL. 1 - People.  This information is synced from AD to the Personnel database 2 - Country.  This information is synced from the Country database into AD  3 - Building.  This information is synced from the Organization database into AD 4 - Orgs.  This information is synced from the Organization database into AD"/>
    <s v=""/>
    <x v="1"/>
    <s v=""/>
    <x v="25"/>
    <s v="Internal Services"/>
    <s v="Information Technology Services"/>
    <s v="DFATD-4504"/>
    <s v="In Production"/>
    <s v="web"/>
    <x v="1"/>
    <x v="88"/>
  </r>
  <r>
    <x v="3"/>
    <x v="92"/>
    <x v="3881"/>
    <s v="GiftBank"/>
    <s v="Used by the Office of Protocol to track the gifts that were given to foreign individuals by the Governor General, the Prime Minister and GAC portfolio Ministers."/>
    <s v=""/>
    <x v="1"/>
    <s v=""/>
    <x v="25"/>
    <s v="Internal Services"/>
    <s v="Information Management Services"/>
    <s v="DFATD-4505"/>
    <s v="In Production"/>
    <s v="web"/>
    <x v="1"/>
    <x v="86"/>
  </r>
  <r>
    <x v="0"/>
    <x v="16"/>
    <x v="3882"/>
    <s v="OES-S"/>
    <s v="The Official Events Standalone System is used by the Official Events section of Protocol to record and track information about special events/visits. The application includes the same functionality as Official Events System and also the functionality to “Reset” contact information in the database.  OES standalone has its own separate database."/>
    <s v=""/>
    <x v="1"/>
    <s v=""/>
    <x v="25"/>
    <s v="Internal Services"/>
    <s v="Information Management Services"/>
    <s v="DFATD-4506"/>
    <s v="In Production"/>
    <s v="web"/>
    <x v="1"/>
    <x v="106"/>
  </r>
  <r>
    <x v="0"/>
    <x v="8"/>
    <x v="3883"/>
    <s v="TSMA"/>
    <s v="Mobile application for Canadian travellers to access travel related information on their mobile devices."/>
    <s v=""/>
    <x v="1"/>
    <s v=""/>
    <x v="25"/>
    <s v="Canada''s International Platform"/>
    <s v="Information Management Services"/>
    <s v="DFATD-4508"/>
    <s v="In Production"/>
    <s v="mobile"/>
    <x v="1"/>
    <x v="106"/>
  </r>
  <r>
    <x v="3"/>
    <x v="30"/>
    <x v="3884"/>
    <s v="KISSTotals"/>
    <s v="This is the Information System on Selections database for entering data and producing reports on the selection of requests for proposals posted on the MERX electronic tendering"/>
    <s v=""/>
    <x v="1"/>
    <s v=""/>
    <x v="25"/>
    <s v="Internal Services"/>
    <s v="Information Management Services"/>
    <s v="DFATD-4518"/>
    <s v="In Production"/>
    <s v="web"/>
    <x v="1"/>
    <x v="106"/>
  </r>
  <r>
    <x v="0"/>
    <x v="19"/>
    <x v="3885"/>
    <s v="Forms Portal"/>
    <s v="This application is a COTS product (Adobe LiveCycle ES4).  All the forms exists within its repository.  It has a small web component which allows it to contact Interwoven for the Intranet horseshoe.  A separate JSP page allows for the searching of the form."/>
    <s v="Adobe_Systems_Incorporated"/>
    <x v="1"/>
    <s v="Forms Manager"/>
    <x v="25"/>
    <s v="Internal Services"/>
    <s v="Information Management Services"/>
    <s v="DFATD-4530"/>
    <s v="In Production"/>
    <s v="web"/>
    <x v="0"/>
    <x v="1477"/>
  </r>
  <r>
    <x v="2"/>
    <x v="65"/>
    <x v="3886"/>
    <s v="SAP - FAS"/>
    <m/>
    <s v="Other"/>
    <x v="1"/>
    <s v="SAP CANADA"/>
    <x v="25"/>
    <s v="Internal Services"/>
    <s v="Financial Management Services"/>
    <s v="DFATD-4535"/>
    <s v="In Production"/>
    <s v="desktop"/>
    <x v="0"/>
    <x v="106"/>
  </r>
  <r>
    <x v="2"/>
    <x v="65"/>
    <x v="3887"/>
    <s v="FAS Portal"/>
    <s v="The SAP portal is GAC’s installation of the SAP NetWeaver 7.4 to provide access to GCS Project Management (Project System) module via Web Portal to create and maintain G&amp;C projects."/>
    <s v="Other"/>
    <x v="1"/>
    <s v="SAP CANADA"/>
    <x v="25"/>
    <s v="Internal Services"/>
    <s v="Financial Management Services"/>
    <s v="DFATD-4536"/>
    <s v="In Production"/>
    <s v="web"/>
    <x v="0"/>
    <x v="106"/>
  </r>
  <r>
    <x v="2"/>
    <x v="65"/>
    <x v="3888"/>
    <s v="SAP - FARS"/>
    <m/>
    <s v="Other"/>
    <x v="1"/>
    <s v="SAP CANADA"/>
    <x v="25"/>
    <s v="Internal Services"/>
    <s v="Acquisition Services,Financial Management Services,Human Resources Management Services,Management and Oversight Services,Materiel Services"/>
    <s v="DFATD-4537"/>
    <s v="In Production"/>
    <s v="desktop"/>
    <x v="0"/>
    <x v="146"/>
  </r>
  <r>
    <x v="0"/>
    <x v="8"/>
    <x v="3889"/>
    <s v="Travel Wizard"/>
    <s v="Web Application designed to reduce the number of routine queries placed on missions, “Travel Wizard” as part of the plan’s Go Digital initiatives which would facilitate routine requests to be addressed immediately, thereby allowing consular staff to focus on more complex cases."/>
    <s v=""/>
    <x v="1"/>
    <s v=""/>
    <x v="25"/>
    <s v="Canada''s International Platform"/>
    <s v="Information Management Services"/>
    <s v="DFATD-4543"/>
    <s v="In Production"/>
    <s v="web"/>
    <x v="1"/>
    <x v="1492"/>
  </r>
  <r>
    <x v="3"/>
    <x v="17"/>
    <x v="2090"/>
    <s v="WebTrends"/>
    <s v="Web analytics tool used by corporate communication teams to monitor and measure departmental web traffic. The software utilizes log file analysis and page tagging. Log analysis reads the files in which the web server records all its transactions"/>
    <s v="Other"/>
    <x v="1"/>
    <s v="Webtrends, Webtrends"/>
    <x v="25"/>
    <s v="Internal Services"/>
    <s v="Information Management Services"/>
    <s v="DFATD-4549"/>
    <s v="In Production"/>
    <s v="web"/>
    <x v="0"/>
    <x v="1493"/>
  </r>
  <r>
    <x v="9"/>
    <x v="112"/>
    <x v="3890"/>
    <s v="CIBIDS"/>
    <s v="Front-end software used to collect biographic and bio-metric information from Visa required visitors to Canada."/>
    <s v=""/>
    <x v="1"/>
    <s v=""/>
    <x v="25"/>
    <s v="Canada''s International Platform"/>
    <s v="Information Management Services"/>
    <s v="DFATD-4560"/>
    <s v="In Production"/>
    <s v="desktop"/>
    <x v="1"/>
    <x v="106"/>
  </r>
  <r>
    <x v="0"/>
    <x v="11"/>
    <x v="3891"/>
    <s v="TM1-PCAT"/>
    <s v="The Position Costing Automation Tool 1.0 is designed to offer GAC,  partner departments  and co-locators a simple-to-use Web interface that incorporates data from many systems to generate costing estimates  in real-time for the creation/deletion/change of all mission positions."/>
    <s v=""/>
    <x v="1"/>
    <s v=""/>
    <x v="25"/>
    <s v="Internal Services"/>
    <s v="Information Management Services"/>
    <s v="DFATD-4570"/>
    <s v="In Production"/>
    <s v="web"/>
    <x v="1"/>
    <x v="106"/>
  </r>
  <r>
    <x v="3"/>
    <x v="46"/>
    <x v="3892"/>
    <s v="ICCI-Admin"/>
    <s v="ICCI reporting in Cognos using new ETL and data manager processes to prepare data."/>
    <s v="Other"/>
    <x v="1"/>
    <s v=""/>
    <x v="25"/>
    <s v="Internal Services"/>
    <s v="Information Management Services"/>
    <s v="DFATD-4681"/>
    <s v="In Production"/>
    <s v="web"/>
    <x v="0"/>
    <x v="106"/>
  </r>
  <r>
    <x v="3"/>
    <x v="63"/>
    <x v="3893"/>
    <s v="ARBD"/>
    <s v="Reporting software."/>
    <s v=""/>
    <x v="1"/>
    <s v=""/>
    <x v="25"/>
    <s v="Internal Services"/>
    <s v="Information Management Services"/>
    <s v="DFATD-4724"/>
    <s v="In Production"/>
    <s v="desktop"/>
    <x v="1"/>
    <x v="106"/>
  </r>
  <r>
    <x v="6"/>
    <x v="48"/>
    <x v="3894"/>
    <s v="BPC"/>
    <s v="Software for recording meeting minutes and generating reports."/>
    <s v=""/>
    <x v="1"/>
    <s v=""/>
    <x v="25"/>
    <s v="Internal Services"/>
    <s v="Information Management Services"/>
    <s v="DFATD-4725"/>
    <s v="In Production"/>
    <s v="web"/>
    <x v="1"/>
    <x v="106"/>
  </r>
  <r>
    <x v="6"/>
    <x v="24"/>
    <x v="3895"/>
    <s v="Mary"/>
    <s v="Project planning tool."/>
    <s v=""/>
    <x v="1"/>
    <s v=""/>
    <x v="25"/>
    <s v="Internal Services"/>
    <s v="Information Management Services"/>
    <s v="DFATD-4727"/>
    <s v="In Production"/>
    <s v="web"/>
    <x v="1"/>
    <x v="106"/>
  </r>
  <r>
    <x v="3"/>
    <x v="30"/>
    <x v="3896"/>
    <s v="MPSR"/>
    <s v="Custom reporting osftware for division."/>
    <s v=""/>
    <x v="1"/>
    <s v=""/>
    <x v="25"/>
    <s v="Internal Services"/>
    <s v="Information Management Services"/>
    <s v="DFATD-4728"/>
    <s v="In Production"/>
    <s v="web"/>
    <x v="1"/>
    <x v="106"/>
  </r>
  <r>
    <x v="6"/>
    <x v="35"/>
    <x v="3897"/>
    <s v="Zebra"/>
    <s v="CAD drawing filing system."/>
    <s v=""/>
    <x v="1"/>
    <s v=""/>
    <x v="25"/>
    <s v="Internal Services"/>
    <s v="Information Management Services"/>
    <s v="DFATD-4729"/>
    <s v="In Production"/>
    <s v="web"/>
    <x v="1"/>
    <x v="106"/>
  </r>
  <r>
    <x v="3"/>
    <x v="63"/>
    <x v="3898"/>
    <s v="Tracker"/>
    <s v="Application used to track the time for the different commitments for the teams under SIA"/>
    <s v=""/>
    <x v="1"/>
    <s v=""/>
    <x v="25"/>
    <s v="Internal Services"/>
    <s v="Information Management Services"/>
    <s v="DFATD-4736"/>
    <s v="In Production"/>
    <s v="web"/>
    <x v="1"/>
    <x v="106"/>
  </r>
  <r>
    <x v="0"/>
    <x v="28"/>
    <x v="3899"/>
    <s v="NAFTAN"/>
    <s v="NAFTA Now is a tripartite website established jointly by the governments of Canada, the U.S. and Mexico in 2007."/>
    <s v=""/>
    <x v="1"/>
    <s v=""/>
    <x v="25"/>
    <s v="Canada''s International Platform"/>
    <s v="Information Management Services"/>
    <s v="DFATD-4748"/>
    <s v="In Production"/>
    <s v="web"/>
    <x v="1"/>
    <x v="106"/>
  </r>
  <r>
    <x v="0"/>
    <x v="28"/>
    <x v="3900"/>
    <s v="PCPP"/>
    <s v="Site used by Members of Parliament to assist constituents with passport related issues."/>
    <s v=""/>
    <x v="1"/>
    <s v=""/>
    <x v="25"/>
    <s v="Canada''s International Platform"/>
    <s v="Information Management Services"/>
    <s v="DFATD-4749"/>
    <s v="In Production"/>
    <s v="web"/>
    <x v="1"/>
    <x v="106"/>
  </r>
  <r>
    <x v="0"/>
    <x v="16"/>
    <x v="3901"/>
    <s v="COMIP"/>
    <s v="COMIP (Consular Management information Program) is the consular management component of the COSMOS consular package. It is used to record information concerning consular and non-consular activity and personnel information for management purposes and the planning of consular operations. Such functions include the analysis of consular work by missions or headquarters division/unit, the monitoring of workload levels and the targeting of appropriate resources as required.   COMIP main functionalities are organized by two main entities:  Mission User [Daily Input User] and  Mission Manager [Program Manager]  Mission users are asked to complete their Daily Input Log for each day they worked as well as submit their Monthly Input Log [monthly summary of their"/>
    <s v=""/>
    <x v="1"/>
    <s v=""/>
    <x v="25"/>
    <s v="Canada''s International Platform"/>
    <s v="Information Management Services"/>
    <s v="DFATD-4752"/>
    <s v="In Production"/>
    <s v="web"/>
    <x v="1"/>
    <x v="1475"/>
  </r>
  <r>
    <x v="6"/>
    <x v="33"/>
    <x v="3902"/>
    <s v="RAMWA"/>
    <s v="The Resource Availability Manager provides an calendar view for managers and employees to view resource availability at a glance. It also provides a mechanism to submit availability changes and notify associated managers by email."/>
    <s v=""/>
    <x v="1"/>
    <s v=""/>
    <x v="25"/>
    <s v="Internal Services"/>
    <s v="Information Management Services"/>
    <s v="DFATD-4757"/>
    <s v="In Production"/>
    <s v="web"/>
    <x v="1"/>
    <x v="106"/>
  </r>
  <r>
    <x v="3"/>
    <x v="17"/>
    <x v="3903"/>
    <s v="TCC"/>
    <s v="3-4x PowerShell scripts set to download 4x files from MyAccount (Excel spreadsheet format) and re-format them into a useable .html &quot;include&quot; file. The same server that does the PowerShell script automation also has to host the &quot;Calendar&quot; website which uses the &quot;include&quot; file generated by the PowerShell scripts to display all the running courses in MyAccount. These scripts run daily to have up-to-date data available on the website/calendar."/>
    <s v=""/>
    <x v="1"/>
    <s v=""/>
    <x v="25"/>
    <s v="Internal Services"/>
    <s v="Information Management Services"/>
    <s v="DFATD-4758"/>
    <s v="In Production"/>
    <s v="desktop"/>
    <x v="1"/>
    <x v="106"/>
  </r>
  <r>
    <x v="3"/>
    <x v="30"/>
    <x v="3904"/>
    <s v="TEL"/>
    <s v="The Travel Expenses Log is an MS Access database to help SMVF with prioritizing, tracking and processing of all HRG travel claim requests."/>
    <s v=""/>
    <x v="1"/>
    <s v=""/>
    <x v="25"/>
    <s v="Internal Services"/>
    <s v="Information Management Services"/>
    <s v="DFATD-4760"/>
    <s v="In Production"/>
    <s v="desktop"/>
    <x v="1"/>
    <x v="106"/>
  </r>
  <r>
    <x v="9"/>
    <x v="44"/>
    <x v="3905"/>
    <s v="IDACS at Missions"/>
    <m/>
    <s v="Other"/>
    <x v="1"/>
    <s v="Velocity, Hirsch"/>
    <x v="25"/>
    <s v="Internal Services"/>
    <s v="Real Property Services"/>
    <s v="DFATD-4765"/>
    <s v="In Production"/>
    <s v="desktop"/>
    <x v="0"/>
    <x v="981"/>
  </r>
  <r>
    <x v="2"/>
    <x v="58"/>
    <x v="3906"/>
    <s v="Dialogue-Admin"/>
    <s v="The Dialogue application is a web based survey tool that allows the Centre of Learning for International Affairs and Management (CFSD) to conduct secure online 180/360 degree feedback evaluation questionnaires for appointed Heads of Missions (HOMs), Perfo"/>
    <s v=""/>
    <x v="1"/>
    <s v=""/>
    <x v="25"/>
    <s v="Internal Services"/>
    <s v="Human Resources Management Services"/>
    <s v="DFATD-4780"/>
    <s v="In Production"/>
    <s v="web"/>
    <x v="1"/>
    <x v="1473"/>
  </r>
  <r>
    <x v="3"/>
    <x v="30"/>
    <x v="3907"/>
    <s v="HPPOT"/>
    <m/>
    <s v=""/>
    <x v="1"/>
    <s v=""/>
    <x v="25"/>
    <s v="Internal Services"/>
    <s v="Information Management Services"/>
    <s v="DFATD-4781"/>
    <s v="In Production"/>
    <s v="web"/>
    <x v="1"/>
    <x v="106"/>
  </r>
  <r>
    <x v="0"/>
    <x v="8"/>
    <x v="3908"/>
    <s v="MCMA"/>
    <s v="The Mission Content Management Application (MCMA) is a web application that provides users with a framework to enter specific (mission) consular content in a structured fashion so that it may be re-purposed on multiple platforms, such as: Ask Travel, Mission Websites, future Country Pages, and Travel App."/>
    <s v=""/>
    <x v="1"/>
    <s v=""/>
    <x v="25"/>
    <s v="Internal Services"/>
    <s v="Information Management Services"/>
    <s v="DFATD-4783"/>
    <s v="In Production"/>
    <s v="web"/>
    <x v="1"/>
    <x v="106"/>
  </r>
  <r>
    <x v="0"/>
    <x v="28"/>
    <x v="3909"/>
    <s v="NAFTA-SC"/>
    <s v="NAFTA Secretariat comprises of the Canadian, Mexican and the U.S. national sections. The three national sections are required to provide joint administration of trade dispute resolution mechanisms. As a result, they jointly developed the web based registry information system and NAFTA, Canadian, Mexican and U.S. section websites, which are administered by the Canadian Section."/>
    <s v=""/>
    <x v="1"/>
    <s v=""/>
    <x v="25"/>
    <s v="Canada''s International Platform"/>
    <s v="Information Management Services"/>
    <s v="DFATD-4784"/>
    <s v="In Production"/>
    <s v="web"/>
    <x v="1"/>
    <x v="106"/>
  </r>
  <r>
    <x v="0"/>
    <x v="28"/>
    <x v="3910"/>
    <s v="NAFTA-SA"/>
    <s v="NAFTA Secretariat comprises of the Canadian, Mexican and the U.S. national sections. The three national sections are required to provide joint administration of trade dispute resolution mechanisms. As a result, they jointly developed the web based registry information system and NAFTA, Canadian, Mexican and U.S. section websites, which are administered by the Canadian Section."/>
    <s v=""/>
    <x v="1"/>
    <s v=""/>
    <x v="25"/>
    <s v="Canada''s International Platform"/>
    <s v="Information Management Services"/>
    <s v="DFATD-4785"/>
    <s v="In Production"/>
    <s v="web"/>
    <x v="1"/>
    <x v="106"/>
  </r>
  <r>
    <x v="0"/>
    <x v="28"/>
    <x v="3911"/>
    <s v="NAFTA-SM"/>
    <s v="NAFTA Secretariat comprises of the Canadian, Mexican and the U.S. national sections. The three national sections are required to provide joint administration of trade dispute resolution mechanisms. As a result, they jointly developed the web based registry information system and NAFTA, Canadian, Mexican and U.S. section websites, which are administered by the Canadian Section."/>
    <s v=""/>
    <x v="1"/>
    <s v=""/>
    <x v="25"/>
    <s v="Canada''s International Platform"/>
    <s v="Information Management Services"/>
    <s v="DFATD-4786"/>
    <s v="In Production"/>
    <s v="web"/>
    <x v="1"/>
    <x v="106"/>
  </r>
  <r>
    <x v="2"/>
    <x v="9"/>
    <x v="3912"/>
    <s v="ProDisG&amp;C"/>
    <s v="The Proactive Disclosure of Grants and Contributions maintains information on grants and contributions exceeding $25,000 for subsequent publication on the department's internet site. Provision of this information is required to comply with GoC disclosure guidelines. (SMS) ."/>
    <s v=""/>
    <x v="1"/>
    <s v=""/>
    <x v="25"/>
    <s v="Canada''s International Platform"/>
    <s v="Financial Management Services"/>
    <s v="DFATD-4791"/>
    <s v="In Production"/>
    <s v="web"/>
    <x v="1"/>
    <x v="1473"/>
  </r>
  <r>
    <x v="9"/>
    <x v="54"/>
    <x v="3913"/>
    <s v="CESS"/>
    <s v="The ‘CESSAutoGroup v1r1’ package is a response to a requirement requested by ARCB for a script which can ‘flatten’ the collective membership for all users (including nested users) of groups ‘L_APP_CESS*’ and ‘L_LC_CESS*’ into a single group ‘CESS_AllUsers’. The script is also required to perform this activity on a schedule, such that the ‘CESS_AllUsers’ groups will remain synchronized as the other CESS* groups become populated, for example through changes applied using the DFAIT Web Security Application. The specific requirement originates from a limitation within some of the proprietary CESS (Chancery Electronic Security System) applications which are unable to efficiently enumerate heavily nested Active Directory groups. The CESS system or Next-Gener"/>
    <s v=""/>
    <x v="1"/>
    <s v=""/>
    <x v="25"/>
    <s v="Internal Services"/>
    <s v="Information Management Services"/>
    <s v="DFATD-4796"/>
    <s v="In Production"/>
    <s v="web"/>
    <x v="1"/>
    <x v="106"/>
  </r>
  <r>
    <x v="10"/>
    <x v="60"/>
    <x v="3914"/>
    <s v="AMU"/>
    <s v="This application give the AMU a view of active directory.  They can view dormant account or expired accounts that can be cleaned up or a list of all OGDs in the department.  It also gives a report of AD based on certain audit rules.  This helps with the cleanup attempts."/>
    <s v=""/>
    <x v="1"/>
    <s v=""/>
    <x v="25"/>
    <s v="internal Services"/>
    <s v="Information Management Services"/>
    <s v="DFATD-4827"/>
    <s v="In Production"/>
    <s v="web"/>
    <x v="1"/>
    <x v="106"/>
  </r>
  <r>
    <x v="3"/>
    <x v="46"/>
    <x v="3915"/>
    <s v="Sinker-Export"/>
    <s v="This application transfers people information from Signet-D to another network."/>
    <s v=""/>
    <x v="1"/>
    <s v=""/>
    <x v="25"/>
    <s v="Internal Services"/>
    <s v="Information Management Services"/>
    <s v="DFATD-4835"/>
    <s v="In Production"/>
    <s v="web"/>
    <x v="1"/>
    <x v="106"/>
  </r>
  <r>
    <x v="9"/>
    <x v="54"/>
    <x v="3916"/>
    <s v="CESS-PIN"/>
    <s v="This application generates PINs and resets PINs that are bound to facility access cards (ID cards) used by CBS, LES and co-locators at missions abroad. A valid facility access card + PIN combination provides the cardholder unescorted access to physical operation zones authorized by the mission."/>
    <s v=""/>
    <x v="1"/>
    <s v=""/>
    <x v="25"/>
    <s v="Internal Services"/>
    <s v="Information Management Services"/>
    <s v="DFATD-4860"/>
    <s v="In Production"/>
    <s v="web"/>
    <x v="1"/>
    <x v="106"/>
  </r>
  <r>
    <x v="9"/>
    <x v="54"/>
    <x v="3917"/>
    <s v="GAM"/>
    <s v="This group allows for the automatic population/depopulation of membership of AD groups.  This is handled by running a LDAP ad query in the background.  The results of that query will determine who will be put in the group.  The application is broken up into 2 parts.  A web portal to allow for the modification of rules and a console application.    The console application is set on a 1 hour schedule.  Each time it is run, it runs the rules for all groups that has a rule and then modifies the group permissions accordingly."/>
    <s v=""/>
    <x v="1"/>
    <s v=""/>
    <x v="25"/>
    <s v="Internal Services"/>
    <s v="Information Management Services"/>
    <s v="DFATD-4866"/>
    <s v="In Production"/>
    <s v="web"/>
    <x v="1"/>
    <x v="106"/>
  </r>
  <r>
    <x v="2"/>
    <x v="65"/>
    <x v="381"/>
    <s v="SAP-SM"/>
    <s v="SAP Solution Manager is an integrated end-to-end platform intended to assist users in adopting new developments, managing the application lifecycle, and running SAP solutions."/>
    <s v="Other"/>
    <x v="1"/>
    <s v=""/>
    <x v="25"/>
    <s v="Internal Services"/>
    <s v="Financial Management Services"/>
    <s v="DFATD-4869"/>
    <s v="In Production"/>
    <s v="desktop"/>
    <x v="0"/>
    <x v="106"/>
  </r>
  <r>
    <x v="0"/>
    <x v="16"/>
    <x v="3918"/>
    <s v="BCMS"/>
    <s v="This is a locally created contacts management DB based on SQL. It's main users are public affairs, political and trade located at the BRLIN mission. More information to come."/>
    <s v=""/>
    <x v="1"/>
    <s v=""/>
    <x v="25"/>
    <s v="Internal Services"/>
    <s v="Information Management Services"/>
    <s v="DFATD-4882"/>
    <s v="In Production"/>
    <s v="web"/>
    <x v="1"/>
    <x v="106"/>
  </r>
  <r>
    <x v="10"/>
    <x v="69"/>
    <x v="3919"/>
    <s v="MSFT"/>
    <m/>
    <s v=""/>
    <x v="1"/>
    <s v=""/>
    <x v="25"/>
    <s v="Internal Services"/>
    <s v="Human Resources Management Services"/>
    <s v="DFATD-4902"/>
    <s v="In Production"/>
    <s v="web"/>
    <x v="1"/>
    <x v="106"/>
  </r>
  <r>
    <x v="9"/>
    <x v="93"/>
    <x v="3920"/>
    <s v="ERMS"/>
    <s v="This is a mass text/email/call service we use when systems go down as well as to push urgent security warning messages, call trees in emergencies and to call in 24/7 responders on short notice.  All information can be found at https://www.ermscorp.com/"/>
    <s v=""/>
    <x v="1"/>
    <s v=""/>
    <x v="25"/>
    <s v="internal Services"/>
    <s v="Communications Services"/>
    <s v="DFATD-4971"/>
    <s v="In Production"/>
    <s v="cloud"/>
    <x v="0"/>
    <x v="106"/>
  </r>
  <r>
    <x v="6"/>
    <x v="33"/>
    <x v="3921"/>
    <s v="YEIS"/>
    <s v="This web tool provides an on-line registration mechanism for Agency users wanting to attend the year-end information sessions.   Via the database, HRCS-Finance controls what sessions are available, location and language."/>
    <s v=""/>
    <x v="1"/>
    <s v=""/>
    <x v="25"/>
    <s v="Internal Services"/>
    <s v="Information Management Services"/>
    <s v="DFATD-545"/>
    <s v="In Production"/>
    <s v="web"/>
    <x v="1"/>
    <x v="1495"/>
  </r>
  <r>
    <x v="1"/>
    <x v="1"/>
    <x v="3922"/>
    <s v="IDM-AS"/>
    <s v="An application used by partners of development projects and internal staff provides Single-Sign-On and self-serve solution."/>
    <s v=""/>
    <x v="1"/>
    <s v=""/>
    <x v="25"/>
    <s v="Internal Services"/>
    <s v="Information Technology Services"/>
    <s v="DFATD-6"/>
    <s v="In Production"/>
    <s v="web"/>
    <x v="1"/>
    <x v="1496"/>
  </r>
  <r>
    <x v="4"/>
    <x v="66"/>
    <x v="3923"/>
    <s v="PACCB Requests Conte"/>
    <s v="Functionality in the 'Web Publishing Request System' - ASR 2975 - application writes some documents-attachments to this db. Once this db reaches a set threshold, an email will be sent to administrator to inform them to submit a new CR to add a second copy and so forth ( similar to MECS). The initial db as well as any additional ones will be located in the same path as the 'Web Publishing Request System' application. The initial name of this other db will be paccb_reqcontent1.nsf and the suffix number will be incremented by 1 for every additional db created once any given db reaches the set threshold."/>
    <s v=""/>
    <x v="1"/>
    <s v=""/>
    <x v="26"/>
    <s v="HC - Internal Services 2: Communications Services"/>
    <s v="Information Management Services"/>
    <s v="HC-App0637"/>
    <s v="In Production"/>
    <s v="web"/>
    <x v="1"/>
    <x v="1497"/>
  </r>
  <r>
    <x v="4"/>
    <x v="66"/>
    <x v="3924"/>
    <s v="POR"/>
    <s v="The Public Opinion Research (POR) Database was created to provide convenient access to information regarding POR conducted for the Department. Specifically, the information will include project status, contract numbers, type of research, project cost, methodology, audience, POR and program contacts. Project information is inputted and updated by the senior POR research advisors on an ongoing basis. This database also has the ability to generate report information quickly and easily."/>
    <s v=""/>
    <x v="1"/>
    <s v=""/>
    <x v="26"/>
    <s v="HC - Internal Services 2: Communications Services"/>
    <s v="Information Management Services"/>
    <s v="HC-App1567"/>
    <s v="In Production"/>
    <s v="web"/>
    <x v="1"/>
    <x v="1497"/>
  </r>
  <r>
    <x v="4"/>
    <x v="66"/>
    <x v="3925"/>
    <s v=""/>
    <m/>
    <s v=""/>
    <x v="1"/>
    <s v=""/>
    <x v="26"/>
    <s v="HC - 3.1 First Nations and Inuit Primary Health Care"/>
    <s v="Other"/>
    <s v="HC-App1708"/>
    <s v="In Production"/>
    <s v="desktop"/>
    <x v="1"/>
    <x v="1497"/>
  </r>
  <r>
    <x v="4"/>
    <x v="66"/>
    <x v="3926"/>
    <s v=""/>
    <m/>
    <s v=""/>
    <x v="1"/>
    <s v=""/>
    <x v="26"/>
    <s v="HC - 3.1 First Nations and Inuit Primary Health Care"/>
    <s v="Other"/>
    <s v="HC-App1710"/>
    <s v="In Production"/>
    <s v="desktop"/>
    <x v="1"/>
    <x v="1497"/>
  </r>
  <r>
    <x v="4"/>
    <x v="66"/>
    <x v="3927"/>
    <s v="CDC"/>
    <m/>
    <s v=""/>
    <x v="1"/>
    <s v=""/>
    <x v="26"/>
    <s v="HC - 3.1.2 First Nations and Inuit Public Health Protection"/>
    <s v="Other"/>
    <s v="HC-App1718"/>
    <s v="In Production"/>
    <s v="desktop"/>
    <x v="1"/>
    <x v="1497"/>
  </r>
  <r>
    <x v="4"/>
    <x v="66"/>
    <x v="3928"/>
    <s v=""/>
    <s v="A place to track programs, facilities, and connectivity issues by First Nation communities who access FNIHB resources."/>
    <s v=""/>
    <x v="1"/>
    <s v=""/>
    <x v="26"/>
    <s v="HC - 3.3.2.2 e-Health Infostructure"/>
    <s v="Information Management Services"/>
    <s v="HC-App1721"/>
    <s v="In Production"/>
    <s v="desktop"/>
    <x v="1"/>
    <x v="1497"/>
  </r>
  <r>
    <x v="4"/>
    <x v="66"/>
    <x v="3929"/>
    <s v=""/>
    <m/>
    <s v=""/>
    <x v="1"/>
    <s v=""/>
    <x v="26"/>
    <s v="HC - 3.1 First Nations and Inuit Primary Health Care"/>
    <s v="Other"/>
    <s v="HC-App1725"/>
    <s v="In Production"/>
    <s v="desktop"/>
    <x v="1"/>
    <x v="1497"/>
  </r>
  <r>
    <x v="4"/>
    <x v="66"/>
    <x v="3930"/>
    <s v="DAD"/>
    <m/>
    <s v=""/>
    <x v="1"/>
    <s v=""/>
    <x v="26"/>
    <s v="HC - 3.2 Supplementary Health Benefits for First Nations and Inuit"/>
    <s v="Other"/>
    <s v="HC-App1727"/>
    <s v="In Production"/>
    <s v="desktop"/>
    <x v="1"/>
    <x v="1497"/>
  </r>
  <r>
    <x v="4"/>
    <x v="66"/>
    <x v="3931"/>
    <s v=""/>
    <m/>
    <s v=""/>
    <x v="1"/>
    <s v=""/>
    <x v="26"/>
    <s v="HC - 3.1.1.1 Healthy Child Development"/>
    <s v="Information Management Services"/>
    <s v="HC-App1735"/>
    <s v="In Production"/>
    <s v="desktop"/>
    <x v="1"/>
    <x v="1497"/>
  </r>
  <r>
    <x v="4"/>
    <x v="66"/>
    <x v="3932"/>
    <s v=""/>
    <s v="Supply Inventory List for Ordering Dental and Misc. Supplies"/>
    <s v=""/>
    <x v="1"/>
    <s v=""/>
    <x v="26"/>
    <s v="HC - 3.1.1.1 Healthy Child Development"/>
    <s v="Materiel Services"/>
    <s v="HC-App1737"/>
    <s v="In Production"/>
    <s v="desktop"/>
    <x v="1"/>
    <x v="1497"/>
  </r>
  <r>
    <x v="4"/>
    <x v="66"/>
    <x v="3933"/>
    <s v=""/>
    <m/>
    <s v=""/>
    <x v="1"/>
    <s v=""/>
    <x v="26"/>
    <s v="HC - 3.1 First Nations and Inuit Primary Health Care"/>
    <s v="Management and Oversight Services"/>
    <s v="HC-App1739"/>
    <s v="In Production"/>
    <s v="desktop"/>
    <x v="1"/>
    <x v="1497"/>
  </r>
  <r>
    <x v="4"/>
    <x v="66"/>
    <x v="3934"/>
    <s v=""/>
    <m/>
    <s v=""/>
    <x v="1"/>
    <s v=""/>
    <x v="26"/>
    <s v="HC - 3.1 First Nations and Inuit Primary Health Care"/>
    <s v="Other"/>
    <s v="HC-App1747"/>
    <s v="In Production"/>
    <s v="desktop"/>
    <x v="1"/>
    <x v="1497"/>
  </r>
  <r>
    <x v="4"/>
    <x v="66"/>
    <x v="3935"/>
    <s v="DMF Database"/>
    <m/>
    <s v=""/>
    <x v="1"/>
    <s v=""/>
    <x v="26"/>
    <s v="HC - 2.1 Health Products"/>
    <s v="Information Management Services"/>
    <s v="HC-App1755"/>
    <s v="In Production"/>
    <s v="desktop"/>
    <x v="1"/>
    <x v="1497"/>
  </r>
  <r>
    <x v="4"/>
    <x v="66"/>
    <x v="3936"/>
    <s v=""/>
    <s v="Supplies, Office and Dental Equipment Inventory Program"/>
    <s v=""/>
    <x v="1"/>
    <s v=""/>
    <x v="26"/>
    <s v="HC - 3.1 First Nations and Inuit Primary Health Care"/>
    <s v="Materiel Services"/>
    <s v="HC-App1757"/>
    <s v="In Production"/>
    <s v="desktop"/>
    <x v="1"/>
    <x v="1497"/>
  </r>
  <r>
    <x v="4"/>
    <x v="66"/>
    <x v="3937"/>
    <s v=""/>
    <m/>
    <s v=""/>
    <x v="1"/>
    <s v=""/>
    <x v="26"/>
    <s v="HC - Internal Services 8: Real Property Services"/>
    <s v="Real Property Services"/>
    <s v="HC-App1765"/>
    <s v="In Production"/>
    <s v="desktop"/>
    <x v="1"/>
    <x v="1497"/>
  </r>
  <r>
    <x v="4"/>
    <x v="66"/>
    <x v="3938"/>
    <s v=""/>
    <m/>
    <s v=""/>
    <x v="1"/>
    <s v=""/>
    <x v="26"/>
    <s v="HC - 1.2 Specialized Health Services"/>
    <s v="Management and Oversight Services"/>
    <s v="HC-App1769"/>
    <s v="In Production"/>
    <s v="desktop"/>
    <x v="1"/>
    <x v="1497"/>
  </r>
  <r>
    <x v="4"/>
    <x v="66"/>
    <x v="3939"/>
    <s v="MRC"/>
    <m/>
    <s v=""/>
    <x v="1"/>
    <s v=""/>
    <x v="26"/>
    <s v="HC - 3.1 First Nations and Inuit Primary Health Care"/>
    <s v="Other"/>
    <s v="HC-App1771"/>
    <s v="In Production"/>
    <s v="desktop"/>
    <x v="1"/>
    <x v="1497"/>
  </r>
  <r>
    <x v="4"/>
    <x v="66"/>
    <x v="3940"/>
    <s v=""/>
    <m/>
    <s v=""/>
    <x v="1"/>
    <s v=""/>
    <x v="26"/>
    <s v="HC - 3.2 Supplementary Health Benefits for First Nations and Inuit"/>
    <s v="Other"/>
    <s v="HC-App1773"/>
    <s v="In Production"/>
    <s v="desktop"/>
    <x v="1"/>
    <x v="1497"/>
  </r>
  <r>
    <x v="4"/>
    <x v="66"/>
    <x v="3941"/>
    <s v="STI"/>
    <m/>
    <s v=""/>
    <x v="1"/>
    <s v=""/>
    <x v="26"/>
    <s v="HC - 3.1 First Nations and Inuit Primary Health Care"/>
    <s v="Other"/>
    <s v="HC-App1787"/>
    <s v="In Production"/>
    <s v="desktop"/>
    <x v="1"/>
    <x v="1497"/>
  </r>
  <r>
    <x v="4"/>
    <x v="66"/>
    <x v="3942"/>
    <s v=""/>
    <m/>
    <s v=""/>
    <x v="1"/>
    <s v=""/>
    <x v="26"/>
    <s v="HC - 3.1.1.1 Healthy Child Development"/>
    <s v="Information Management Services"/>
    <s v="HC-App1789"/>
    <s v="In Production"/>
    <s v="desktop"/>
    <x v="1"/>
    <x v="1497"/>
  </r>
  <r>
    <x v="4"/>
    <x v="66"/>
    <x v="3943"/>
    <s v=""/>
    <s v="MS Access Database SOA Dentist Supply Order Program"/>
    <s v=""/>
    <x v="1"/>
    <s v=""/>
    <x v="26"/>
    <s v="HC - 3.1.1.1 Healthy Child Development"/>
    <s v="Materiel Services"/>
    <s v="HC-App1791"/>
    <s v="In Production"/>
    <s v="desktop"/>
    <x v="1"/>
    <x v="1497"/>
  </r>
  <r>
    <x v="4"/>
    <x v="66"/>
    <x v="3944"/>
    <s v=""/>
    <m/>
    <s v=""/>
    <x v="1"/>
    <s v=""/>
    <x v="26"/>
    <s v="HC - 3.1.1.2 Mental Wellness"/>
    <s v="Other"/>
    <s v="HC-App1793"/>
    <s v="In Production"/>
    <s v="desktop"/>
    <x v="1"/>
    <x v="1497"/>
  </r>
  <r>
    <x v="4"/>
    <x v="66"/>
    <x v="3945"/>
    <s v="IM Status"/>
    <m/>
    <s v=""/>
    <x v="1"/>
    <s v=""/>
    <x v="26"/>
    <s v="HC - 2.1 Health Products"/>
    <s v="Information Management Services"/>
    <s v="HC-App1795"/>
    <s v="In Production"/>
    <s v="desktop"/>
    <x v="1"/>
    <x v="1497"/>
  </r>
  <r>
    <x v="4"/>
    <x v="66"/>
    <x v="3946"/>
    <s v=""/>
    <m/>
    <s v=""/>
    <x v="1"/>
    <s v=""/>
    <x v="26"/>
    <s v="HC - 3.1.1.2 Mental Wellness"/>
    <s v="Other"/>
    <s v="HC-App1797"/>
    <s v="In Production"/>
    <s v="desktop"/>
    <x v="1"/>
    <x v="1497"/>
  </r>
  <r>
    <x v="4"/>
    <x v="66"/>
    <x v="3947"/>
    <s v=""/>
    <m/>
    <s v=""/>
    <x v="1"/>
    <s v=""/>
    <x v="26"/>
    <s v="HC - 2.3.3 Health Impacts of Chemicals"/>
    <s v="Information Management Services"/>
    <s v="HC-App1799"/>
    <s v="In Production"/>
    <s v="desktop"/>
    <x v="1"/>
    <x v="1497"/>
  </r>
  <r>
    <x v="4"/>
    <x v="66"/>
    <x v="3948"/>
    <s v="TBC"/>
    <m/>
    <s v=""/>
    <x v="1"/>
    <s v=""/>
    <x v="26"/>
    <s v="HC - 3.1.2.1 Communicable Disease Control and Management"/>
    <s v="Other"/>
    <s v="HC-App1805"/>
    <s v="In Production"/>
    <s v="desktop"/>
    <x v="1"/>
    <x v="1497"/>
  </r>
  <r>
    <x v="4"/>
    <x v="66"/>
    <x v="3949"/>
    <s v=""/>
    <m/>
    <s v=""/>
    <x v="1"/>
    <s v=""/>
    <x v="26"/>
    <s v="HC - 3.2 Supplementary Health Benefits for First Nations and Inuit"/>
    <s v="Other"/>
    <s v="HC-App1856"/>
    <s v="In Production"/>
    <s v="desktop"/>
    <x v="1"/>
    <x v="1497"/>
  </r>
  <r>
    <x v="4"/>
    <x v="66"/>
    <x v="3950"/>
    <s v=""/>
    <s v="Produces reports for management."/>
    <s v=""/>
    <x v="1"/>
    <s v=""/>
    <x v="26"/>
    <s v="HC - 2.5 Problematic Substance Use (previously Substance Use and Misuse)"/>
    <s v="Information Management Services"/>
    <s v="HC-App1860"/>
    <s v="In Production"/>
    <s v="desktop"/>
    <x v="1"/>
    <x v="1497"/>
  </r>
  <r>
    <x v="4"/>
    <x v="66"/>
    <x v="3951"/>
    <s v=""/>
    <s v="Lotus Approach database used to track dental equipment shipped in and out of 26 remote First Nations Communities. We are slowly integrating our tracking system over to SAP with the help of Assets Manager Blair Hurd, however we have started with  our sundries first, followed by equipment.  At this time we are still not prepared to stop utilising lotus approach, however there is a plan in place to move away from Lotus Approach in the near future."/>
    <s v=""/>
    <x v="1"/>
    <s v=""/>
    <x v="26"/>
    <s v="HC - 3.1 First Nations and Inuit Primary Health Care"/>
    <s v="Materiel Services"/>
    <s v="HC-App1890"/>
    <s v="In Production"/>
    <s v="desktop"/>
    <x v="1"/>
    <x v="1497"/>
  </r>
  <r>
    <x v="4"/>
    <x v="66"/>
    <x v="3952"/>
    <s v=""/>
    <s v="MS Access tracking tool for dental service contracts in Manitoba."/>
    <s v=""/>
    <x v="1"/>
    <s v=""/>
    <x v="26"/>
    <s v="HC - 3.1 First Nations and Inuit Primary Health Care"/>
    <s v="Information Management Services"/>
    <s v="HC-App1892"/>
    <s v="In Production"/>
    <s v="desktop"/>
    <x v="1"/>
    <x v="1497"/>
  </r>
  <r>
    <x v="4"/>
    <x v="66"/>
    <x v="3953"/>
    <s v=""/>
    <s v="MS Access tracking tool for dental referrals."/>
    <s v=""/>
    <x v="1"/>
    <s v=""/>
    <x v="26"/>
    <s v="HC - 3.1 First Nations and Inuit Primary Health Care"/>
    <s v="Information Management Services"/>
    <s v="HC-App1894"/>
    <s v="In Production"/>
    <s v="desktop"/>
    <x v="1"/>
    <x v="1497"/>
  </r>
  <r>
    <x v="4"/>
    <x v="66"/>
    <x v="3954"/>
    <s v=""/>
    <s v="Supply Inventory List for Ordering Dental and Misc. Supplies for the FCD."/>
    <s v=""/>
    <x v="1"/>
    <s v=""/>
    <x v="26"/>
    <s v="HC - 3.1.1.1 Healthy Child Development"/>
    <s v="Materiel Services"/>
    <s v="HC-App1896"/>
    <s v="In Production"/>
    <s v="desktop"/>
    <x v="1"/>
    <x v="1497"/>
  </r>
  <r>
    <x v="4"/>
    <x v="66"/>
    <x v="3955"/>
    <s v="HIV"/>
    <s v="The HIV database contains clinical information on all HIV cases and contacts in the region. It is used to assist in case management and reporting."/>
    <s v=""/>
    <x v="1"/>
    <s v=""/>
    <x v="26"/>
    <s v="HC - 3.1 First Nations and Inuit Primary Health Care"/>
    <s v="Other"/>
    <s v="HC-App1983"/>
    <s v="In Production"/>
    <s v="desktop"/>
    <x v="1"/>
    <x v="1497"/>
  </r>
  <r>
    <x v="4"/>
    <x v="66"/>
    <x v="3956"/>
    <s v=""/>
    <s v="Simple tracking tool for identifying and managing MTRS technical issues."/>
    <s v=""/>
    <x v="1"/>
    <s v=""/>
    <x v="26"/>
    <s v="HC - 3.2 Supplementary Health Benefits for First Nations and Inuit"/>
    <s v="Information Technology Services"/>
    <s v="HC-App1985"/>
    <s v="In Production"/>
    <s v="desktop"/>
    <x v="1"/>
    <x v="1497"/>
  </r>
  <r>
    <x v="4"/>
    <x v="66"/>
    <x v="3957"/>
    <s v=""/>
    <s v="The lookup database contains information that links Manitoba public health surveillance databases together."/>
    <s v=""/>
    <x v="1"/>
    <s v=""/>
    <x v="26"/>
    <s v="HC - 3.1 First Nations and Inuit Primary Health Care"/>
    <s v="Information Management Services"/>
    <s v="HC-App1987"/>
    <s v="In Production"/>
    <s v="desktop"/>
    <x v="1"/>
    <x v="1497"/>
  </r>
  <r>
    <x v="4"/>
    <x v="66"/>
    <x v="3958"/>
    <s v=""/>
    <s v="The population database contains status verification system population data for Manitoba First Nations. Reports are pulled from this database on a regular basis."/>
    <s v=""/>
    <x v="1"/>
    <s v=""/>
    <x v="26"/>
    <s v="HC - 3.1 First Nations and Inuit Primary Health Care"/>
    <s v="Other"/>
    <s v="HC-App1991"/>
    <s v="In Production"/>
    <s v="desktop"/>
    <x v="1"/>
    <x v="1497"/>
  </r>
  <r>
    <x v="4"/>
    <x v="66"/>
    <x v="3959"/>
    <s v=""/>
    <s v="Database of First Nations clients with sexually transmitted infections.  Information is obtained from case reports and from data extracts from Manitoba Health for public health purposes."/>
    <s v=""/>
    <x v="1"/>
    <s v=""/>
    <x v="26"/>
    <s v="HC - 3.1 First Nations and Inuit Primary Health Care"/>
    <s v="Other"/>
    <s v="HC-App1993"/>
    <s v="In Production"/>
    <s v="desktop"/>
    <x v="1"/>
    <x v="1497"/>
  </r>
  <r>
    <x v="4"/>
    <x v="66"/>
    <x v="3960"/>
    <s v=""/>
    <s v="Likely to track influenza-like illness"/>
    <s v=""/>
    <x v="1"/>
    <s v=""/>
    <x v="26"/>
    <s v="HC - 3.1.3 First Nations and Inuit Primary Care"/>
    <s v="Other"/>
    <s v="HC-App1995"/>
    <s v="In Production"/>
    <s v="desktop"/>
    <x v="1"/>
    <x v="1497"/>
  </r>
  <r>
    <x v="4"/>
    <x v="66"/>
    <x v="3961"/>
    <s v=""/>
    <s v="The mass vaccination contains information relevant to the vaccinations that took place during the first H1N1 outbreak. The mass vaccination database also contains information relevant to medical evacuations. Records are entered and reports are produced daily."/>
    <s v=""/>
    <x v="1"/>
    <s v=""/>
    <x v="26"/>
    <s v="HC - 3.1.3 First Nations and Inuit Primary Care"/>
    <s v="Other"/>
    <s v="HC-App1997"/>
    <s v="In Production"/>
    <s v="desktop"/>
    <x v="1"/>
    <x v="1497"/>
  </r>
  <r>
    <x v="4"/>
    <x v="66"/>
    <x v="3962"/>
    <s v=""/>
    <s v="Access database that captures the Branch's master formulary and drug tables. Application also allows queries to be run and reports prepared."/>
    <s v=""/>
    <x v="1"/>
    <s v=""/>
    <x v="26"/>
    <s v="HC - 3.1.3 First Nations and Inuit Primary Care"/>
    <s v="Information Management Services,Other"/>
    <s v="HC-App1999"/>
    <s v="In Production"/>
    <s v="desktop"/>
    <x v="1"/>
    <x v="1497"/>
  </r>
  <r>
    <x v="4"/>
    <x v="66"/>
    <x v="3927"/>
    <s v="CDC"/>
    <m/>
    <s v=""/>
    <x v="1"/>
    <s v=""/>
    <x v="26"/>
    <s v="HC - 3.1.2 First Nations and Inuit Public Health Protection"/>
    <s v="Other"/>
    <s v="HC-App2003"/>
    <s v="In Production"/>
    <s v="desktop"/>
    <x v="1"/>
    <x v="1497"/>
  </r>
  <r>
    <x v="4"/>
    <x v="66"/>
    <x v="3963"/>
    <s v=""/>
    <s v="The vaccine management database is a tool to track information about vaccine wastage and cold chain breaks."/>
    <s v=""/>
    <x v="1"/>
    <s v=""/>
    <x v="26"/>
    <s v="HC - 3.1.2 First Nations and Inuit Public Health Protection"/>
    <s v="Materiel Services"/>
    <s v="HC-App2005"/>
    <s v="In Production"/>
    <s v="desktop"/>
    <x v="1"/>
    <x v="1497"/>
  </r>
  <r>
    <x v="4"/>
    <x v="66"/>
    <x v="3964"/>
    <s v=""/>
    <s v="Application mainly used to support FNIHB (Facility Program) - Used by the regions to track the vehicles needed by the inspectors. Also, it allows to have more information about the fleet, and being able to provide some sort of fleet governance. Used is West Canada."/>
    <s v=""/>
    <x v="1"/>
    <s v=""/>
    <x v="26"/>
    <s v="HC - Internal Services 8: Real Property Services"/>
    <s v="Real Property Services"/>
    <s v="HC-App2067"/>
    <s v="In Production"/>
    <s v="desktop"/>
    <x v="1"/>
    <x v="1497"/>
  </r>
  <r>
    <x v="4"/>
    <x v="66"/>
    <x v="3965"/>
    <s v=""/>
    <s v="Application mainly used to support FNIHB (Facility Program) - For the First Inuit program : database about Health infrastructures &amp; facilities. For Alberta locations"/>
    <s v=""/>
    <x v="1"/>
    <s v=""/>
    <x v="26"/>
    <s v="HC - Internal Services 8: Real Property Services"/>
    <s v="Real Property Services"/>
    <s v="HC-App2069"/>
    <s v="In Production"/>
    <s v="desktop"/>
    <x v="1"/>
    <x v="1497"/>
  </r>
  <r>
    <x v="4"/>
    <x v="66"/>
    <x v="3966"/>
    <s v="SMTP"/>
    <s v="This is a legacy, read-only Lotus Approach database that tracks footcare in Manitoba as part of the treatment process for diabetes. Current cases are tracked in an MS Excel spreadsheet."/>
    <s v=""/>
    <x v="1"/>
    <s v=""/>
    <x v="26"/>
    <s v="HC - 3.1 First Nations and Inuit Primary Health Care"/>
    <s v="Other"/>
    <s v="HC-App2071"/>
    <s v="In Production"/>
    <s v="desktop"/>
    <x v="1"/>
    <x v="1497"/>
  </r>
  <r>
    <x v="4"/>
    <x v="66"/>
    <x v="3967"/>
    <s v=""/>
    <s v="The foreign site database is a Lotus application used for tracking submissions to Health Canada of GMP evidence documents for buildings outside of Canada.  This database only contains information relating to the details of the submissions, as the documents submitted were saved on a shared drive and the review of the documents was captured in IRS and eCES."/>
    <s v=""/>
    <x v="1"/>
    <s v=""/>
    <x v="26"/>
    <s v="HC - 2.1 Health Products"/>
    <s v="Information Management Services"/>
    <s v="HC-App2081"/>
    <s v="In Production"/>
    <s v="desktop"/>
    <x v="1"/>
    <x v="1497"/>
  </r>
  <r>
    <x v="4"/>
    <x v="66"/>
    <x v="3968"/>
    <s v=""/>
    <s v="Linked to App2123 : Web component of the HC Publications database for ordering of publications over the internet (Health Canada web site)."/>
    <s v=""/>
    <x v="1"/>
    <s v=""/>
    <x v="26"/>
    <s v="HC - Internal Services 2: Communications Services"/>
    <s v="Information Management Services"/>
    <s v="HC-App2129"/>
    <s v="In Production"/>
    <s v="web"/>
    <x v="1"/>
    <x v="1497"/>
  </r>
  <r>
    <x v="4"/>
    <x v="66"/>
    <x v="3969"/>
    <s v="TBD"/>
    <m/>
    <s v=""/>
    <x v="1"/>
    <s v=""/>
    <x v="26"/>
    <s v="HC - 3.2 Supplementary Health Benefits for First Nations and Inuit"/>
    <s v="Other"/>
    <s v="HC-App2153"/>
    <s v="In Production"/>
    <s v="desktop"/>
    <x v="1"/>
    <x v="1497"/>
  </r>
  <r>
    <x v="4"/>
    <x v="66"/>
    <x v="3970"/>
    <s v=""/>
    <s v="It will be used as a case management tool for tracking communicable diseases allowing to trend patient health data to improve patient health. SK Region."/>
    <s v=""/>
    <x v="1"/>
    <s v=""/>
    <x v="26"/>
    <s v="HC - 3.1.2 First Nations and Inuit Public Health Protection"/>
    <s v="Other"/>
    <s v="HC-App2161"/>
    <s v="In Production"/>
    <s v="desktop"/>
    <x v="1"/>
    <x v="1497"/>
  </r>
  <r>
    <x v="4"/>
    <x v="66"/>
    <x v="3971"/>
    <s v=""/>
    <s v="Database that allows to input statistics on a daily basis, and allows reporting on a monthly basis to senior management."/>
    <s v=""/>
    <x v="1"/>
    <s v=""/>
    <x v="26"/>
    <s v="HC - Internal Services 8: Real Property Services"/>
    <s v="Real Property Services"/>
    <s v="HC-App2177"/>
    <s v="In Production"/>
    <s v="desktop"/>
    <x v="1"/>
    <x v="1497"/>
  </r>
  <r>
    <x v="4"/>
    <x v="66"/>
    <x v="3972"/>
    <s v="BEET"/>
    <s v="Database developed to track all training for all buildings emergency evacuation team members. Used to track who was trained."/>
    <s v=""/>
    <x v="1"/>
    <s v=""/>
    <x v="26"/>
    <s v="HC - Internal Services 8: Real Property Services"/>
    <s v="Real Property Services"/>
    <s v="HC-App2180"/>
    <s v="In Production"/>
    <s v="desktop"/>
    <x v="1"/>
    <x v="1497"/>
  </r>
  <r>
    <x v="4"/>
    <x v="66"/>
    <x v="3973"/>
    <s v=""/>
    <s v="This application is able to provide batch reporting, to provide .pdf reporting files, to basically store report parameters for reporting consistency.  This reporting solution was developed to get around the problem of EAS reports not working after the deployment of Lotus Notes 8.5.  Data is exported from the EAS 1-800 database. This exported information is imported and parsed into a relational format to make it easier to report on."/>
    <s v=""/>
    <x v="1"/>
    <s v=""/>
    <x v="26"/>
    <s v="HC - 1.2 Specialized Health Services"/>
    <s v="Management and Oversight Services"/>
    <s v="HC-App2232"/>
    <s v="In Production"/>
    <s v="desktop"/>
    <x v="1"/>
    <x v="1497"/>
  </r>
  <r>
    <x v="4"/>
    <x v="66"/>
    <x v="3974"/>
    <s v=""/>
    <s v="Public Web site interim platform for Health Theme on Canada.ca"/>
    <s v=""/>
    <x v="1"/>
    <s v=""/>
    <x v="26"/>
    <s v="HC - Internal Services 2: Communications Services"/>
    <s v="Communications Services,Information Management Services,Information Technology Services"/>
    <s v="APP-03418"/>
    <s v="In Production"/>
    <s v="web"/>
    <x v="1"/>
    <x v="93"/>
  </r>
  <r>
    <x v="4"/>
    <x v="66"/>
    <x v="3975"/>
    <s v="HICPS"/>
    <m/>
    <s v=""/>
    <x v="1"/>
    <s v=""/>
    <x v="26"/>
    <s v="HC - 3.2 Supplementary Health Benefits for First Nations and Inuit"/>
    <s v="Management and Oversight Services"/>
    <s v="APP-03420"/>
    <s v="In Production"/>
    <s v="web"/>
    <x v="1"/>
    <x v="106"/>
  </r>
  <r>
    <x v="4"/>
    <x v="66"/>
    <x v="3976"/>
    <s v=""/>
    <s v="Annual Subscription Renewal_x000a__x000a_UpToDate software is a clinical decision support tool used by all First Nations and Inuit Health Branch nurses and nurse practitioners who provide direct primary health care to First Nation clients. Primary Health Care providers are  required to provide evidence based, safe and competent care to the client they serve. The UpToDate Pharmatherapeutics is a specialized software which offers an evidence informed database that assist with clinical decision making and a standardized approach to improve patient care. This tool enables health care providers to provide safe pharmacotheraupic care based on current research evidence. It is recognized by health care experts to be a &quot;go to&quot; source of credible uptodate client care info"/>
    <s v=""/>
    <x v="1"/>
    <s v=""/>
    <x v="26"/>
    <s v="HC - 3.1 First Nations and Inuit Primary Health Care"/>
    <s v="Information Management Services"/>
    <s v="APP-03423"/>
    <s v="In Production"/>
    <s v="web"/>
    <x v="1"/>
    <x v="86"/>
  </r>
  <r>
    <x v="4"/>
    <x v="66"/>
    <x v="3977"/>
    <s v="NHP-OS - CMS"/>
    <m/>
    <s v=""/>
    <x v="1"/>
    <s v=""/>
    <x v="26"/>
    <s v="HC - 2.1 Health Products"/>
    <s v="Information Management Services,Information Technology Services"/>
    <s v="APP-03425"/>
    <s v="In Production"/>
    <s v="web"/>
    <x v="1"/>
    <x v="1498"/>
  </r>
  <r>
    <x v="4"/>
    <x v="66"/>
    <x v="3978"/>
    <s v="JIRA MCR"/>
    <m/>
    <s v=""/>
    <x v="1"/>
    <s v=""/>
    <x v="26"/>
    <s v="HC - 2.5.2 Controlled Substances"/>
    <s v="Other"/>
    <s v="APP-03429"/>
    <s v="In Production"/>
    <s v="web"/>
    <x v="1"/>
    <x v="1499"/>
  </r>
  <r>
    <x v="4"/>
    <x v="66"/>
    <x v="3979"/>
    <s v=""/>
    <s v="Updated via IT Approval (2017-11-17-0001172CDA-SW) November 2017  Personnel Security team in NCR requires MS Access in order to compile statistics security for senior management (nb of transactions, security screening activities, other).  Mail Log located on (L:) COMMON(\\NCR-A_CSBC4S\CSBC4\CSB_AMD_01-VOL1)/Security/PERSEC/PerSec Mail Log/PerSec Mail Log.Mdb   Database Name: PerSecMailLog.mdb - Personnel Security Mail Log - APM App2379 ·       Description: Used to track screening requests (incoming, in progress, completed) ·       Business Contact/Owner Name: Cathy Martindale ·       Branch:  Corporate Services Branch ·       Number of users accessing this database: Approx 12 ·       User Name:  Karl Maczuga + Asset tag: 288537 -         User Name:  lr"/>
    <s v=""/>
    <x v="1"/>
    <s v=""/>
    <x v="26"/>
    <s v="HC - Internal Services 8: Real Property Services"/>
    <s v="Real Property Services"/>
    <s v="HC-App2379"/>
    <s v="In Production"/>
    <s v="desktop"/>
    <x v="1"/>
    <x v="1497"/>
  </r>
  <r>
    <x v="4"/>
    <x v="66"/>
    <x v="3980"/>
    <s v=""/>
    <s v="This application is used by the various regional NIHB offices to determine eligibility for vision care, process claims for vision care benefits and store vision care benefits information on our clients. This application Integrates with the Facsys fax application to automatically fax approvals to vision care providers. It also integrates with SAP to upload batches for payment.  With minor differences from one to the other, it is used in the following regions: Alberta, Atlantic, Manitoba, Northern, Ontario, Quebec, Saskatchewan."/>
    <s v=""/>
    <x v="1"/>
    <s v=""/>
    <x v="26"/>
    <s v="HC - 3.2 Supplementary Health Benefits for First Nations and Inuit"/>
    <s v="Other"/>
    <s v="HC-App2395"/>
    <s v="In Production"/>
    <s v="desktop"/>
    <x v="1"/>
    <x v="1497"/>
  </r>
  <r>
    <x v="4"/>
    <x v="66"/>
    <x v="3981"/>
    <s v=""/>
    <s v="This application is used by the various regional NIHB offices to determine eligibility for vision care, process claims for vision care benefits and store vision care benefits information on our clients. This application Integrates with the Facsys fax application to automatically fax approvals to vision care providers. It also integrates with SAP to upload batches for payment.  With minor differences from one to the other, it is used in the following regions: Alberta, Atlantic, Manitoba, Northern, Ontario, Quebec, Saskatchewan."/>
    <s v=""/>
    <x v="1"/>
    <s v=""/>
    <x v="26"/>
    <s v="HC - 3.2 Supplementary Health Benefits for First Nations and Inuit"/>
    <s v="Other"/>
    <s v="HC-App2397"/>
    <s v="In Production"/>
    <s v="desktop"/>
    <x v="1"/>
    <x v="1497"/>
  </r>
  <r>
    <x v="4"/>
    <x v="66"/>
    <x v="3982"/>
    <s v=""/>
    <m/>
    <s v=""/>
    <x v="1"/>
    <s v=""/>
    <x v="26"/>
    <s v="HC - 3.2 Supplementary Health Benefits for First Nations and Inuit"/>
    <s v="Other"/>
    <s v="HC-App2399"/>
    <s v="In Production"/>
    <s v="desktop"/>
    <x v="1"/>
    <x v="1497"/>
  </r>
  <r>
    <x v="4"/>
    <x v="66"/>
    <x v="3983"/>
    <s v=""/>
    <s v="This application is used by the various regional NIHB offices to determine eligibility for vision care, process claims for vision care benefits and store vision care benefits information on our clients. This application Integrates with the Facsys fax application to automatically fax approvals to vision care providers. It also integrates with SAP to upload batches for payment.  With minor differences from one to the other, it is used in the following regions: Alberta, Atlantic, Manitoba, Northern, Ontario, Quebec, Saskatchewan."/>
    <s v=""/>
    <x v="1"/>
    <s v=""/>
    <x v="26"/>
    <s v="HC - 3.2 Supplementary Health Benefits for First Nations and Inuit"/>
    <s v="Other"/>
    <s v="HC-App2401"/>
    <s v="In Production"/>
    <s v="desktop"/>
    <x v="1"/>
    <x v="1500"/>
  </r>
  <r>
    <x v="4"/>
    <x v="66"/>
    <x v="3984"/>
    <s v=""/>
    <s v="This application is used by the various regional NIHB offices to determine eligibility for vision care, process claims for vision care benefits and store vision care benefits information on our clients. This application Integrates with the Facsys fax application to automatically fax approvals to vision care providers. It also integrates with SAP to upload batches for payment.  With minor differences from one to the other, it is used in the following regions: Alberta, Atlantic, Manitoba, Northern, Ontario, Quebec, Saskatchewan."/>
    <s v=""/>
    <x v="1"/>
    <s v=""/>
    <x v="26"/>
    <s v="HC - 3.2 Supplementary Health Benefits for First Nations and Inuit"/>
    <s v="Other"/>
    <s v="HC-App2403"/>
    <s v="In Production"/>
    <s v="desktop"/>
    <x v="1"/>
    <x v="1497"/>
  </r>
  <r>
    <x v="4"/>
    <x v="66"/>
    <x v="3985"/>
    <s v=""/>
    <s v="Database that allows to input statistics on a daily basic, and allows reporting on a monthly basis to senior management.  Had been created to replace an old Lotus Notes."/>
    <s v=""/>
    <x v="1"/>
    <s v=""/>
    <x v="26"/>
    <s v="HC - Internal Services 8: Real Property Services"/>
    <s v="Real Property Services"/>
    <s v="HC-App2407"/>
    <s v="In Production"/>
    <s v="desktop"/>
    <x v="1"/>
    <x v="1497"/>
  </r>
  <r>
    <x v="4"/>
    <x v="66"/>
    <x v="3986"/>
    <s v="APM"/>
    <s v="Application Portfolio Management - software.  Collection, reporting, analysis tool. Ensures organization’s applications, projects and resources are aligned with the strategic plans of business . Supports decisions on how to invest limited resources, to optimize your enterprise, IT, service and product portfolio."/>
    <s v=""/>
    <x v="1"/>
    <s v=""/>
    <x v="26"/>
    <s v="HC - Internal Services 7: Information Technology Services"/>
    <s v="Information Technology Services"/>
    <s v="HC-App2479"/>
    <s v="In Production"/>
    <s v="web"/>
    <x v="1"/>
    <x v="1497"/>
  </r>
  <r>
    <x v="4"/>
    <x v="66"/>
    <x v="3987"/>
    <s v=""/>
    <s v="Control and maintain all Grants and contribution for HC/PHAC"/>
    <s v=""/>
    <x v="1"/>
    <s v=""/>
    <x v="26"/>
    <s v="HC - Internal Services 5: Financial Management Services"/>
    <s v="Management and Oversight Services"/>
    <s v="HC-App2713"/>
    <s v="In Production"/>
    <s v="web"/>
    <x v="1"/>
    <x v="1497"/>
  </r>
  <r>
    <x v="4"/>
    <x v="66"/>
    <x v="3988"/>
    <s v=""/>
    <s v="Lotus Notes databases used to support SAP for example related to requesting SAP user accounts and for tracking of SAP change requests. .  In general though these items are used to support the ongoing maintenance, support and enhancements for SAP on an ongoing basis"/>
    <s v=""/>
    <x v="1"/>
    <s v=""/>
    <x v="26"/>
    <s v="HC - Internal Services 5: Financial Management Services"/>
    <s v="Management and Oversight Services"/>
    <s v="HC-App2716"/>
    <s v="In Production"/>
    <s v="web"/>
    <x v="1"/>
    <x v="1497"/>
  </r>
  <r>
    <x v="4"/>
    <x v="66"/>
    <x v="3989"/>
    <s v=""/>
    <s v="Feeds excel to transport to website to disclosure contracts over 10k Currently looking at transition to OpenData. Need to look into archiving or migrating data"/>
    <s v=""/>
    <x v="1"/>
    <s v=""/>
    <x v="26"/>
    <s v="HC - Internal Services 10: Acquisition Services"/>
    <s v="Acquisition Services"/>
    <s v="HC-App2724"/>
    <s v="In Production"/>
    <s v="web"/>
    <x v="1"/>
    <x v="1497"/>
  </r>
  <r>
    <x v="4"/>
    <x v="66"/>
    <x v="3990"/>
    <s v=""/>
    <s v="Application that manages ministerial correspondence from Minister's office to programs and back to Minister's office thought CPAB"/>
    <s v=""/>
    <x v="1"/>
    <s v=""/>
    <x v="26"/>
    <s v="HC - Internal Services 2: Communications Services"/>
    <s v="Information Management Services,Management and Oversight Services"/>
    <s v="HC-App2727"/>
    <s v="In Production"/>
    <s v="web"/>
    <x v="1"/>
    <x v="1497"/>
  </r>
  <r>
    <x v="4"/>
    <x v="66"/>
    <x v="3991"/>
    <s v=""/>
    <s v="Tracking database for all changes to the HC/PHAC production environment."/>
    <s v=""/>
    <x v="1"/>
    <s v=""/>
    <x v="26"/>
    <s v="HC - Internal Services 7: Information Technology Services"/>
    <s v="Information Technology Services"/>
    <s v="HC-App2744"/>
    <s v="In Production"/>
    <s v="web"/>
    <x v="1"/>
    <x v="1497"/>
  </r>
  <r>
    <x v="4"/>
    <x v="66"/>
    <x v="3992"/>
    <s v="PIRT"/>
    <s v="The Project Implementation and Reporting Tool (PIRT), is the Information Management and Services Directorate’s (IMSD) project reporting tool.  Information gathered using this application serves as the main source of details for IT Enabled Projects.  Data gathered using this application is used for effective management decision-making, client communications, analysing project trending, executive briefing materials, corporate reporting, and effective risk/issues management across all IMSD initiatives."/>
    <s v=""/>
    <x v="1"/>
    <s v=""/>
    <x v="26"/>
    <s v="HC - Internal Services 7: Information Technology Services"/>
    <s v="Information Technology Services"/>
    <s v="HC-App2746"/>
    <s v="In Production"/>
    <s v="web"/>
    <x v="1"/>
    <x v="1497"/>
  </r>
  <r>
    <x v="4"/>
    <x v="66"/>
    <x v="3993"/>
    <s v=""/>
    <s v="This application is used to obtain relevant information and determine morbidity on Indian reserves, to verify the effectiveness of prevention and promotion programs, and to facilitate administrative decision-making in all health posts and All health centers. Data is also used for workload management."/>
    <s v=""/>
    <x v="1"/>
    <s v=""/>
    <x v="26"/>
    <s v="HC - 3.1.2 First Nations and Inuit Public Health Protection"/>
    <s v="Other"/>
    <s v="HC-App2786"/>
    <s v="In Production"/>
    <s v="web"/>
    <x v="1"/>
    <x v="1497"/>
  </r>
  <r>
    <x v="4"/>
    <x v="66"/>
    <x v="3994"/>
    <s v=""/>
    <s v="Tracking tool for Question Period communications items related to FNIHB."/>
    <s v=""/>
    <x v="1"/>
    <s v=""/>
    <x v="26"/>
    <s v="HC - 3.3 Health Infrastructure Support for First Nations and Inuit"/>
    <s v="Management and Oversight Services"/>
    <s v="HC-App2789"/>
    <s v="In Production"/>
    <s v="web"/>
    <x v="1"/>
    <x v="1497"/>
  </r>
  <r>
    <x v="4"/>
    <x v="66"/>
    <x v="3995"/>
    <s v="RPIMS"/>
    <s v="Tracking tool for real property, capital, long-term capital planning, associated contribution agreements, etc."/>
    <s v=""/>
    <x v="1"/>
    <s v=""/>
    <x v="26"/>
    <s v="HC - 3.3 Health Infrastructure Support for First Nations and Inuit"/>
    <s v="Information Technology Services"/>
    <s v="HC-App2792"/>
    <s v="In Production"/>
    <s v="web"/>
    <x v="1"/>
    <x v="1497"/>
  </r>
  <r>
    <x v="4"/>
    <x v="66"/>
    <x v="3996"/>
    <s v=""/>
    <s v="QP Issues 00-01 This &quot;application&quot; holds the final ADM approved Question Period (QP) notes and are necessary to keep as they are referenced when requiring updates or requested by the Parliamentary Relations Office on behalf of the Minister of Health."/>
    <s v=""/>
    <x v="1"/>
    <s v=""/>
    <x v="26"/>
    <s v="HC - Internal Services 1: Management and Oversight Services"/>
    <s v="Information Management Services"/>
    <s v="HC-App2803"/>
    <s v="In Production"/>
    <s v="web"/>
    <x v="1"/>
    <x v="1497"/>
  </r>
  <r>
    <x v="4"/>
    <x v="66"/>
    <x v="3997"/>
    <s v=""/>
    <s v="QSi System for Quality Management (ISO 9001:2000)_x005f_x000D__x005f_x000D_ http://www.ibs-us.com/_x005f_x000D__x005f_x000D_ Is part of a suite of databases designed specifically to meet the requirements of ISO 9001:2000, the QSi System for Quality Management helps your organiza  application used as a document management system for FRD"/>
    <s v=""/>
    <x v="1"/>
    <s v=""/>
    <x v="26"/>
    <s v="HC - 2.2 Food Safety and Nutrition"/>
    <s v="Information Management Services"/>
    <s v="HC-App2809"/>
    <s v="In Production"/>
    <s v="web"/>
    <x v="1"/>
    <x v="1497"/>
  </r>
  <r>
    <x v="4"/>
    <x v="66"/>
    <x v="3998"/>
    <s v=""/>
    <s v="QSi System for Quality Management (ISO 9001:2000) http://www.ibs-us.com/ Is part of a suite of databases designed specifically to meet the requirements of ISO 9001:2000, the QSi System for Quality Management helps your organization reap the benefits of ISO certification, including improved customer satisfaction and reduced costs.  This integrated QSi System lets you create a seamless, paper-free Quality Management System across the enterprise for managing every aspect of ISO 9001:2000 compliance. Functions include:  Document Control  Specification Control  CAPA (CARs, PARs, SCARs)  Nonconformances  Change Management  Customer Management  Supplier Management  Employee Training  Internal andamp; Supplier Assessments  Management Reviews  Design Process Ma"/>
    <s v=""/>
    <x v="1"/>
    <s v=""/>
    <x v="26"/>
    <s v="HC - 2.1 Health Products"/>
    <s v="Information Management Services"/>
    <s v="HC-App2839"/>
    <s v="In Production"/>
    <s v="web"/>
    <x v="1"/>
    <x v="1497"/>
  </r>
  <r>
    <x v="4"/>
    <x v="66"/>
    <x v="3999"/>
    <s v=""/>
    <s v="QSi System for Quality Management (ISO 9001:2000)"/>
    <s v=""/>
    <x v="1"/>
    <s v=""/>
    <x v="26"/>
    <s v="HC - 2.2 Food Safety and Nutrition"/>
    <s v="Information Management Services"/>
    <s v="HC-App2908"/>
    <s v="In Production"/>
    <s v="web"/>
    <x v="1"/>
    <x v="1497"/>
  </r>
  <r>
    <x v="4"/>
    <x v="66"/>
    <x v="4000"/>
    <s v=""/>
    <s v="Is part of a suite of databases designed specifically to meet the requirements of ISO 9001:2000, the QSi System for Quality Management helps an organization reap the benefits of ISO certification, including improved customer satisfaction and reduced costs.   This integrated QSi System lets you create a seamless, paper-free Quality Management System across the enterprise for managing every aspect of ISO 9001:2000 compliance. Functions include: Document Control , Specification Control, CAPA (CARs, PARs, SCARs), Nonconformances, Change Management , Customer Management , Supplier Management, Employee Training , Internal &amp; Supplier Assessments, Management Reviews, Design Process Management, Inspection and Testing, Calibration"/>
    <s v=""/>
    <x v="1"/>
    <s v=""/>
    <x v="26"/>
    <s v="HC - 2.1 Health Products"/>
    <s v="Information Management Services"/>
    <s v="HC-App2947"/>
    <s v="In Production"/>
    <s v="web"/>
    <x v="1"/>
    <x v="1497"/>
  </r>
  <r>
    <x v="4"/>
    <x v="66"/>
    <x v="4001"/>
    <s v=""/>
    <s v="QSi System for Quality Management (ISO 9001:2000)"/>
    <s v=""/>
    <x v="1"/>
    <s v=""/>
    <x v="26"/>
    <s v="HC - 2.1 Health Products"/>
    <s v="Information Management Services"/>
    <s v="HC-App2948"/>
    <s v="In Production"/>
    <s v="web"/>
    <x v="1"/>
    <x v="1497"/>
  </r>
  <r>
    <x v="4"/>
    <x v="66"/>
    <x v="4002"/>
    <s v=""/>
    <s v="This database is a 'working' tool that provides comments and advice to the minister based on question periods.  Application includes document management capacity such as approval status - record of approver/drafter etc.  Therefore it is not static."/>
    <s v=""/>
    <x v="1"/>
    <s v=""/>
    <x v="26"/>
    <s v="HC - 2.7 Pesticides"/>
    <s v="Information Management Services"/>
    <s v="HC-App3032"/>
    <s v="In Production"/>
    <s v="web"/>
    <x v="1"/>
    <x v="1497"/>
  </r>
  <r>
    <x v="4"/>
    <x v="66"/>
    <x v="4003"/>
    <s v=""/>
    <s v="2016 Inspector and Analyst Database. This database contains all inspector both active expired and ones that have been revoked. The revoked are kept in the database for legal reason if there is ever a court challenge or ATIP."/>
    <s v=""/>
    <x v="1"/>
    <s v=""/>
    <x v="26"/>
    <s v="HC - 2.1 Health Products"/>
    <s v="Information Management Services"/>
    <s v="HC-App3035"/>
    <s v="In Production"/>
    <s v="web"/>
    <x v="1"/>
    <x v="1497"/>
  </r>
  <r>
    <x v="4"/>
    <x v="66"/>
    <x v="4004"/>
    <s v=""/>
    <s v="Is part of a suite of databases designed specifically to meet the requirements of ISO 9001:2000, the QSi System for Quality Management helps an organization reap the benefits of ISO certification, including improved customer satisfaction and reduced costs.   This integrated QSi System lets you create a seamless, paper-free Quality Management System across the enterprise for managing every aspect of ISO 9001:2000 compliance. Functions include: Document Control , Specification Control, CAPA (CARs, PARs, SCARs), Nonconformances, Change Management , Customer Management , Supplier Management, Employee Training , Internal &amp; Supplier Assessments, Management Reviews, Design Process Management, Inspection and Testing, Calibration"/>
    <s v=""/>
    <x v="1"/>
    <s v=""/>
    <x v="26"/>
    <s v="HC - 2.1 Health Products"/>
    <s v="Information Management Services"/>
    <s v="HC-App3041"/>
    <s v="In Production"/>
    <s v="web"/>
    <x v="1"/>
    <x v="1497"/>
  </r>
  <r>
    <x v="4"/>
    <x v="66"/>
    <x v="4005"/>
    <s v=""/>
    <s v="Is part of a suite of databases designed specifically to meet the requirements of ISO 9001:2000, the QSi System for Quality Management helps an organization reap the benefits of ISO certification, including improved customer satisfaction and reduced costs.   This integrated QSi System lets you create a seamless, paper-free Quality Management System across the enterprise for managing every aspect of ISO 9001:2000 compliance. Functions include: Document Control , Specification Control, CAPA (CARs, PARs, SCARs), Nonconformances, Change Management , Customer Management , Supplier Management, Employee Training , Internal &amp; Supplier Assessments, Management Reviews, Design Process Management, Inspection and Testing, Calibration"/>
    <s v=""/>
    <x v="1"/>
    <s v=""/>
    <x v="26"/>
    <s v="HC - 2.1 Health Products"/>
    <s v="Information Management Services"/>
    <s v="HC-App3043"/>
    <s v="In Production"/>
    <s v="web"/>
    <x v="1"/>
    <x v="1497"/>
  </r>
  <r>
    <x v="4"/>
    <x v="66"/>
    <x v="4006"/>
    <s v=""/>
    <s v="Is part of a suite of databases designed specifically to meet the requirements of ISO 9001:2000, the QSi System for Quality Management helps an organization reap the benefits of ISO certification, including improved customer satisfaction and reduced costs.   This integrated QSi System lets you create a seamless, paper-free Quality Management System across the enterprise for managing every aspect of ISO 9001:2000 compliance. Functions include: Document Control , Specification Control, CAPA (CARs, PARs, SCARs), Nonconformances, Change Management , Customer Management , Supplier Management, Employee Training , Internal &amp; Supplier Assessments, Management Reviews, Design Process Management, Inspection and Testing, Calibration"/>
    <s v=""/>
    <x v="1"/>
    <s v=""/>
    <x v="26"/>
    <s v="HC - 2.1 Health Products"/>
    <s v="Information Management Services"/>
    <s v="HC-App3082"/>
    <s v="In Production"/>
    <s v="web"/>
    <x v="1"/>
    <x v="1497"/>
  </r>
  <r>
    <x v="4"/>
    <x v="66"/>
    <x v="4007"/>
    <s v=""/>
    <s v="Canada Health Act Directorate. This stores information for the administration of the Canada Health Act."/>
    <s v=""/>
    <x v="1"/>
    <s v=""/>
    <x v="26"/>
    <s v="HC - 1.1.2 Canada Health Act Administration"/>
    <s v="Information Management Services"/>
    <s v="HC-App3125"/>
    <s v="In Production"/>
    <s v="web"/>
    <x v="1"/>
    <x v="1497"/>
  </r>
  <r>
    <x v="4"/>
    <x v="66"/>
    <x v="4008"/>
    <s v=""/>
    <s v="A repository to store notes and responses from Question Period in the House."/>
    <s v=""/>
    <x v="1"/>
    <s v=""/>
    <x v="26"/>
    <s v="HC - 1.1.1 Health System Priorities"/>
    <s v="Information Management Services"/>
    <s v="HC-App3130"/>
    <s v="In Production"/>
    <s v="web"/>
    <x v="1"/>
    <x v="1497"/>
  </r>
  <r>
    <x v="4"/>
    <x v="66"/>
    <x v="4009"/>
    <s v="HCNA"/>
    <s v="This application is used by nursing staff in FNIHB's Manitoba and Ontario Regions to allow accurate and timely scheduling of Health Canada and Agency nurses within First Nations communities. This application was custom developed by MNP Ltd. It is hosted by Shared Services Canada. There is currently an application support and maintenance contract in place with MNP (one year starting January 2016, with two option years). - Also called : Interim Nurse Scheduler - New Nurse Scheduler - Manages FNIHB Nurses in Manitoba AND Ontario Regions. Derived from Manitoba Nurse Scheduler and enhanced with features to accommodate Ontario. New Windows 2013 environment."/>
    <s v=""/>
    <x v="1"/>
    <s v=""/>
    <x v="26"/>
    <s v="HC - 3.1 First Nations and Inuit Primary Health Care"/>
    <s v="Human Resources Management Services,Management and Oversight Services"/>
    <s v="HC-App3159"/>
    <s v="In Production"/>
    <s v="web"/>
    <x v="1"/>
    <x v="1501"/>
  </r>
  <r>
    <x v="4"/>
    <x v="66"/>
    <x v="4010"/>
    <s v="Byte 2.0"/>
    <s v="This application consists of a GUI with searchable metadata that links to a segregated part of Novell. The Novell component contains all documents, images and metadata for NIHB Benefit transactions that were scanned into Ontario NIHB's previous document management system (Bytequest and Documentum). These files are referenced by benefit clerks to inform decisions on client requests. This application was developed by IMSD Solution Centre in 2015 to replace ByteQuest App3314 during Win 7 remediation"/>
    <s v=""/>
    <x v="1"/>
    <s v=""/>
    <x v="26"/>
    <s v="HC - 3.2 Supplementary Health Benefits for First Nations and Inuit"/>
    <s v="Information Management Services"/>
    <s v="HC-App3161"/>
    <s v="In Production"/>
    <s v="web"/>
    <x v="1"/>
    <x v="1500"/>
  </r>
  <r>
    <x v="4"/>
    <x v="66"/>
    <x v="4011"/>
    <s v="Scooter V11"/>
    <s v="Système de gestion de la charge de travail pour les inspecteurs à la sécurité des produits."/>
    <s v=""/>
    <x v="1"/>
    <s v=""/>
    <x v="26"/>
    <s v="HC - 2.1 Health Products"/>
    <s v="Other"/>
    <s v="HC-App3173"/>
    <s v="In Production"/>
    <s v="web"/>
    <x v="1"/>
    <x v="1500"/>
  </r>
  <r>
    <x v="4"/>
    <x v="66"/>
    <x v="4012"/>
    <s v="TBD"/>
    <s v="Base de données des ressources humaines et de formation."/>
    <s v=""/>
    <x v="1"/>
    <s v=""/>
    <x v="26"/>
    <s v="HC - 2.1 Health Products"/>
    <s v="Information Management Services"/>
    <s v="HC-App3175"/>
    <s v="In Production"/>
    <s v="web"/>
    <x v="1"/>
    <x v="1500"/>
  </r>
  <r>
    <x v="4"/>
    <x v="66"/>
    <x v="4013"/>
    <s v="ArcGIS"/>
    <s v="Upgrade of ArcGIS desktop and server for AB Community Hosted network.(CHN) Not on HC LAN. Changed &quot;is this an 'off network' use request changed to Yes as hosted on Alberta CHN network.  No vendor support. System used for environmental public GIS and water data reporting. Lose ability to map water data spatially and impact water sampling scheduling as GIS allows to map what sites have been completed. GIS also allows to map water infrastructure. Note for Office Suite 2016: can be used in Excel and ESRI Maps was not compatible as of 2015.  3 year support and maintenance agreement with vendor, includes upgrade to version 10.5"/>
    <s v=""/>
    <x v="1"/>
    <s v=""/>
    <x v="26"/>
    <s v="HC - 3.3.2 First Nations and Inuit Health System Transformation"/>
    <s v="Other"/>
    <s v="HC-App3212"/>
    <s v="In Production"/>
    <s v="desktop"/>
    <x v="1"/>
    <x v="1497"/>
  </r>
  <r>
    <x v="4"/>
    <x v="66"/>
    <x v="4014"/>
    <s v=""/>
    <m/>
    <s v=""/>
    <x v="1"/>
    <s v=""/>
    <x v="26"/>
    <s v="HC - 3.2 Supplementary Health Benefits for First Nations and Inuit"/>
    <s v="Communications Services"/>
    <s v="APP-02610"/>
    <s v="In Production"/>
    <s v="web"/>
    <x v="1"/>
    <x v="1497"/>
  </r>
  <r>
    <x v="4"/>
    <x v="66"/>
    <x v="4015"/>
    <s v=""/>
    <s v="This application is an administration module for Ice contact center software. It allows a user to add or change Ice contact center user accounts, queues, teams, and connection addresses"/>
    <s v=""/>
    <x v="1"/>
    <s v=""/>
    <x v="26"/>
    <s v="HC - 3.2 Supplementary Health Benefits for First Nations and Inuit"/>
    <s v="Communications Services,Information Management Services,Information Technology Services"/>
    <s v="HC-App3227"/>
    <s v="In Production"/>
    <s v="web"/>
    <x v="1"/>
    <x v="1497"/>
  </r>
  <r>
    <x v="4"/>
    <x v="66"/>
    <x v="4016"/>
    <s v=""/>
    <s v="This application is a real-time monitoring tool for Ice contact center software. It allows team leads and supervisors to perform simple contact center administration, such as managing queues, rerouting contacts, monitoring user performance, and creating custom alerts that pop up or are emailed."/>
    <s v=""/>
    <x v="1"/>
    <s v=""/>
    <x v="26"/>
    <s v="HC - 3.2 Supplementary Health Benefits for First Nations and Inuit"/>
    <s v="Communications Services,Information Management Services,Information Technology Services"/>
    <s v="HC-App3231"/>
    <s v="In Production"/>
    <s v="web"/>
    <x v="1"/>
    <x v="1497"/>
  </r>
  <r>
    <x v="4"/>
    <x v="66"/>
    <x v="4017"/>
    <s v="EAS"/>
    <s v="Employee Assistance Services database to track client information and counsellor information.  This system is composed of 4 Notes applications:  - EAS Service 1-800 - EAS Customer Profile - EAS Counsellor Mngt - EAS Crystal Reports Data  Also store case notes, case mgnt and quality decisions, referals"/>
    <s v=""/>
    <x v="1"/>
    <s v=""/>
    <x v="26"/>
    <s v="HC - 1.2 Specialized Health Services"/>
    <s v="Management and Oversight Services"/>
    <s v="HC-App3236"/>
    <s v="In Production"/>
    <s v="web"/>
    <x v="1"/>
    <x v="1497"/>
  </r>
  <r>
    <x v="4"/>
    <x v="66"/>
    <x v="4018"/>
    <s v="DLS 5"/>
    <s v="App used to remotely program burglar alarm control panels.  As implementing the new panels, DLS 5 is used. However, DLS 2002 will be used for the old ones"/>
    <s v=""/>
    <x v="1"/>
    <s v=""/>
    <x v="26"/>
    <s v="HC - Internal Services 8: Real Property Services"/>
    <s v="Real Property Services"/>
    <s v="HC-App3259"/>
    <s v="In Production"/>
    <s v="web"/>
    <x v="1"/>
    <x v="1497"/>
  </r>
  <r>
    <x v="4"/>
    <x v="66"/>
    <x v="4019"/>
    <s v="RICOH"/>
    <s v="ATIP case management and imaging software solution for managing, tracking, processing, redacting and reporting on ATIP and Privacy requests.  Comprised of 4 components:  3131 - Laserfiche (Server) 6757 - Client Installation (Desktop) 6855 - EDIMS (Desktop) App3468 - Database"/>
    <s v=""/>
    <x v="1"/>
    <s v=""/>
    <x v="26"/>
    <s v="HC - Internal Services 1: Management and Oversight Services"/>
    <s v="Information Management Services"/>
    <s v="HC-App3265"/>
    <s v="In Production"/>
    <s v="web"/>
    <x v="1"/>
    <x v="1500"/>
  </r>
  <r>
    <x v="4"/>
    <x v="66"/>
    <x v="4020"/>
    <s v=""/>
    <m/>
    <s v=""/>
    <x v="1"/>
    <s v=""/>
    <x v="26"/>
    <s v="HC - 3.2 Supplementary Health Benefits for First Nations and Inuit"/>
    <s v="Communications Services,Information Management Services,Information Technology Services"/>
    <s v="APP-02612"/>
    <s v="In Production"/>
    <s v="web"/>
    <x v="1"/>
    <x v="1497"/>
  </r>
  <r>
    <x v="4"/>
    <x v="66"/>
    <x v="4021"/>
    <s v=""/>
    <s v="This application is an administration module for Ice contact center software. It allows a user to add or change Ice contact center user accounts, queues, teams, and connection addresses"/>
    <s v=""/>
    <x v="1"/>
    <s v=""/>
    <x v="26"/>
    <s v="HC - 3.2 Supplementary Health Benefits for First Nations and Inuit"/>
    <s v="Communications Services,Information Management Services,Information Technology Services"/>
    <s v="HC-App3401"/>
    <s v="In Production"/>
    <s v="web"/>
    <x v="1"/>
    <x v="1497"/>
  </r>
  <r>
    <x v="4"/>
    <x v="66"/>
    <x v="4022"/>
    <s v=""/>
    <s v="This application is a real-time monitoring tool for Ice contact center software. It allows team leads and supervisors to perform simple contact center administration, such as managing queues, rerouting contacts, monitoring user performance, and creating custom alerts that pop up or are emailed."/>
    <s v=""/>
    <x v="1"/>
    <s v=""/>
    <x v="26"/>
    <s v="HC - 3.2 Supplementary Health Benefits for First Nations and Inuit"/>
    <s v="Communications Services,Information Management Services,Information Technology Services"/>
    <s v="HC-App3404"/>
    <s v="In Production"/>
    <s v="web"/>
    <x v="1"/>
    <x v="1497"/>
  </r>
  <r>
    <x v="4"/>
    <x v="66"/>
    <x v="4023"/>
    <s v=""/>
    <m/>
    <s v=""/>
    <x v="1"/>
    <s v=""/>
    <x v="26"/>
    <s v="HC - 3.2 Supplementary Health Benefits for First Nations and Inuit"/>
    <s v="Communications Services,Information Management Services,Information Technology Services"/>
    <s v="APP-02608"/>
    <s v="In Production"/>
    <s v="web"/>
    <x v="1"/>
    <x v="1497"/>
  </r>
  <r>
    <x v="4"/>
    <x v="66"/>
    <x v="4024"/>
    <s v=""/>
    <s v="This application is an administration module for Ice contact center software. It allows a user to add or change Ice contact center user accounts, queues, teams, and connection addresses"/>
    <s v=""/>
    <x v="1"/>
    <s v=""/>
    <x v="26"/>
    <s v="HC - 3.2 Supplementary Health Benefits for First Nations and Inuit"/>
    <s v="Communications Services,Information Management Services,Information Technology Services"/>
    <s v="HC-App3408"/>
    <s v="In Production"/>
    <s v="web"/>
    <x v="1"/>
    <x v="1497"/>
  </r>
  <r>
    <x v="4"/>
    <x v="66"/>
    <x v="4025"/>
    <s v=""/>
    <s v="This application is a real-time monitoring tool for Ice contact center software. It allows team leads and supervisors to perform simple contact center administration, such as managing queues, rerouting contacts, monitoring user performance, and creating custom alerts that pop up or are emailed."/>
    <s v=""/>
    <x v="1"/>
    <s v=""/>
    <x v="26"/>
    <s v="HC - 3.2 Supplementary Health Benefits for First Nations and Inuit"/>
    <s v="Communications Services,Information Management Services,Information Technology Services"/>
    <s v="HC-App3410"/>
    <s v="In Production"/>
    <s v="web"/>
    <x v="1"/>
    <x v="1497"/>
  </r>
  <r>
    <x v="4"/>
    <x v="66"/>
    <x v="4026"/>
    <s v=""/>
    <s v="This application is an administration module for Ice contact center software. It allows a user to add or change Ice contact center user accounts, queues, teams, and connection addresses"/>
    <s v=""/>
    <x v="1"/>
    <s v=""/>
    <x v="26"/>
    <s v="HC - Internal Services 2: Communications Services"/>
    <s v="Information Management Services"/>
    <s v="HC-App3425"/>
    <s v="In Production"/>
    <s v="web"/>
    <x v="1"/>
    <x v="1497"/>
  </r>
  <r>
    <x v="4"/>
    <x v="66"/>
    <x v="4027"/>
    <s v="RSA Mobile"/>
    <s v="Mobile application available for iOS and Android for Government of Canada (HC, CFIA and Transport Canada) Recalls and Safety Alerts"/>
    <s v=""/>
    <x v="1"/>
    <s v=""/>
    <x v="26"/>
    <s v="HC - Internal Services 2: Communications Services"/>
    <s v="Communications Services,Information Management Services"/>
    <s v="HC-App3459"/>
    <s v="In Production"/>
    <s v="mobile"/>
    <x v="1"/>
    <x v="1497"/>
  </r>
  <r>
    <x v="4"/>
    <x v="66"/>
    <x v="4028"/>
    <s v="MFG-MGA"/>
    <s v="Create customized Canada Food Guide's for you and your family. Just select age, sex and food preferences."/>
    <s v=""/>
    <x v="1"/>
    <s v=""/>
    <x v="26"/>
    <s v="HC - 2.1 Health Products"/>
    <s v="Communications Services"/>
    <s v="HC-App3462"/>
    <s v="In Production"/>
    <s v="mobile"/>
    <x v="1"/>
    <x v="1497"/>
  </r>
  <r>
    <x v="4"/>
    <x v="66"/>
    <x v="4029"/>
    <s v=""/>
    <s v="The Label Search is a flexible tool that is used to gather pesticide product information by searching the available Product Information Elements from the PMRA Registered Products Database."/>
    <s v=""/>
    <x v="1"/>
    <s v=""/>
    <x v="26"/>
    <s v="HC - 2.7 Pesticides"/>
    <s v="Information Management Services"/>
    <s v="HC-App3464"/>
    <s v="In Production"/>
    <s v="mobile"/>
    <x v="1"/>
    <x v="1497"/>
  </r>
  <r>
    <x v="4"/>
    <x v="66"/>
    <x v="4030"/>
    <s v=""/>
    <s v="This application is used by the various regional NIHB offices to determine eligibility for vision care, process claims for vision care benefits and store vision care benefits information on our clients. This application Integrates with the Facsys fax application to automatically fax approvals to vision care providers. It also integrates with SAP to upload batches for payment.  With minor differences from one to the other, it is used in the following regions: Alberta, Atlantic, Manitoba, Northern, Ontario, Quebec, Saskatchewan."/>
    <s v=""/>
    <x v="1"/>
    <s v=""/>
    <x v="26"/>
    <s v="HC - 3.2 Supplementary Health Benefits for First Nations and Inuit"/>
    <s v="Other"/>
    <s v="HC-App3529"/>
    <s v="In Production"/>
    <s v="desktop"/>
    <x v="1"/>
    <x v="1497"/>
  </r>
  <r>
    <x v="4"/>
    <x v="66"/>
    <x v="4031"/>
    <s v=""/>
    <s v="Web Based Data program. // This web-based system is used by First Nation Tribal Councils and communities in their drinking water monitoring program. Used by Health Canada, FNIHB, Ontario Region"/>
    <s v=""/>
    <x v="1"/>
    <s v=""/>
    <x v="26"/>
    <s v="HC - 3.1 First Nations and Inuit Primary Health Care"/>
    <s v="Information Management Services,Other"/>
    <s v="HC-App3535"/>
    <s v="In Production"/>
    <s v="cloud"/>
    <x v="1"/>
    <x v="1497"/>
  </r>
  <r>
    <x v="4"/>
    <x v="66"/>
    <x v="4032"/>
    <s v=""/>
    <s v="Web Based Data program. // This web-based system is used by First Nation Tribal Councils and communities in their drinking water monitoring program. Used by Health Canada, FNIHB, Saskatchewan Region"/>
    <s v=""/>
    <x v="1"/>
    <s v=""/>
    <x v="26"/>
    <s v="HC - 3.1 First Nations and Inuit Primary Health Care"/>
    <s v="Information Management Services"/>
    <s v="HC-App3537"/>
    <s v="In Production"/>
    <s v="cloud"/>
    <x v="1"/>
    <x v="1497"/>
  </r>
  <r>
    <x v="4"/>
    <x v="66"/>
    <x v="4033"/>
    <s v=""/>
    <s v="This software is required by the Security Management Division security technicians to install and maintain the closed circuit video equipment (CCVE) camera system (Milestone system)."/>
    <s v=""/>
    <x v="1"/>
    <s v=""/>
    <x v="26"/>
    <s v="HC - Internal Services 8: Real Property Services"/>
    <s v="Real Property Services"/>
    <s v="HC-App3546"/>
    <s v="In Production"/>
    <s v="web"/>
    <x v="1"/>
    <x v="1500"/>
  </r>
  <r>
    <x v="4"/>
    <x v="66"/>
    <x v="4034"/>
    <s v="DMS-GHS"/>
    <m/>
    <s v=""/>
    <x v="1"/>
    <s v=""/>
    <x v="26"/>
    <s v="HC - 2.4 Consumer Product and Workplace Hazardous Materials"/>
    <s v="Information Management Services"/>
    <s v="HC-App3606"/>
    <s v="In Production"/>
    <s v="web"/>
    <x v="1"/>
    <x v="1502"/>
  </r>
  <r>
    <x v="4"/>
    <x v="66"/>
    <x v="4035"/>
    <s v=""/>
    <s v="The two Lotus Notes databases are used to provide technical safety training to laboratory staff, nurses and environmental health officers. This is a mandatory requirement for compliance to Canada Labour Code, Part II as well as Transportation of Dangerous Goods Regulations.  The goal is to move all courses contained in these database to Online Resource Centre (ORC) once the external facing Moodle confirmed to work as required."/>
    <s v=""/>
    <x v="1"/>
    <s v=""/>
    <x v="26"/>
    <s v="HC - Internal Services 1: Management and Oversight Services"/>
    <s v="Management and Oversight Services"/>
    <s v="HC-App3629"/>
    <s v="In Production"/>
    <s v="web"/>
    <x v="1"/>
    <x v="1497"/>
  </r>
  <r>
    <x v="4"/>
    <x v="66"/>
    <x v="4036"/>
    <s v=""/>
    <s v="This Lotus Notes database is used to store environmental information on our custodial facilities.  We are hoping to acquire a real property management system with an environmental module to replace this application."/>
    <s v=""/>
    <x v="1"/>
    <s v=""/>
    <x v="26"/>
    <s v="HC - Internal Services 8: Real Property Services"/>
    <s v="Real Property Services"/>
    <s v="HC-App3631"/>
    <s v="In Production"/>
    <s v="web"/>
    <x v="1"/>
    <x v="1497"/>
  </r>
  <r>
    <x v="4"/>
    <x v="66"/>
    <x v="4037"/>
    <s v=""/>
    <s v="Website for reporting drug shortages and discontinuations in Canada.  The Food and Drug Regulations require drug sellers to report when they are not able to meet demand for a product or when they stop selling a product."/>
    <s v=""/>
    <x v="1"/>
    <s v=""/>
    <x v="26"/>
    <s v="HC - 2.1 Health Products"/>
    <s v="Information Management Services"/>
    <s v="HC-App3719"/>
    <s v="In Production"/>
    <s v="web"/>
    <x v="1"/>
    <x v="1497"/>
  </r>
  <r>
    <x v="4"/>
    <x v="66"/>
    <x v="4038"/>
    <s v="IMS"/>
    <s v="TBD"/>
    <s v=""/>
    <x v="1"/>
    <s v=""/>
    <x v="26"/>
    <s v="HC - 2.1 Health Products"/>
    <s v="Other"/>
    <s v="HC-App3747"/>
    <s v="In Production"/>
    <s v="web"/>
    <x v="1"/>
    <x v="1497"/>
  </r>
  <r>
    <x v="4"/>
    <x v="66"/>
    <x v="4039"/>
    <s v=""/>
    <s v="This tool is used by FNIHB staff to certify that users understand client privacy requirements while using other IT systems and serving the public. Online training module to raise awareness of privacy and personal information."/>
    <s v=""/>
    <x v="1"/>
    <s v=""/>
    <x v="26"/>
    <s v="HC - 3.3.2.2 e-Health Infostructure"/>
    <s v="Information Management Services,Other"/>
    <s v="HC-App3769"/>
    <s v="In Production"/>
    <s v="web"/>
    <x v="1"/>
    <x v="1497"/>
  </r>
  <r>
    <x v="4"/>
    <x v="66"/>
    <x v="4040"/>
    <s v="OMTS"/>
    <s v="This system was used to coordinate NIHB medical transportation benefits for eligible First Nations clients in Ontario-NIHB's Sioux Lookout Zone (SLZ). This tool was replaced by MTRS for new transactions in 2016."/>
    <s v=""/>
    <x v="1"/>
    <s v=""/>
    <x v="26"/>
    <s v="HC - 3.2 Supplementary Health Benefits for First Nations and Inuit"/>
    <s v="Financial Management Services,Management and Oversight Services"/>
    <s v="HC-App3771"/>
    <s v="In Production"/>
    <s v="desktop"/>
    <x v="1"/>
    <x v="1500"/>
  </r>
  <r>
    <x v="4"/>
    <x v="66"/>
    <x v="4041"/>
    <s v="OMTS"/>
    <s v="This system was used to coordinate NIHB medical transportation benefits for eligible First Nations clients in Ontario-NIHB's Thunder Bay Zone (TBZ). This tool was replaced by MTRS for new transactions in 2016."/>
    <s v=""/>
    <x v="1"/>
    <s v=""/>
    <x v="26"/>
    <s v="HC - 3.2 Supplementary Health Benefits for First Nations and Inuit"/>
    <s v="Financial Management Services,Management and Oversight Services"/>
    <s v="HC-App3773"/>
    <s v="In Production"/>
    <s v="desktop"/>
    <x v="1"/>
    <x v="1500"/>
  </r>
  <r>
    <x v="4"/>
    <x v="66"/>
    <x v="4042"/>
    <s v="OMTS"/>
    <s v="This system was used to coordinate NIHB medical transportation benefits for eligible First Nations clients in Ontario-NIHB's Weeneebayko Area Health Authority (WAHA). This tool was replaced by MTRS for new transactions in 2016."/>
    <s v=""/>
    <x v="1"/>
    <s v=""/>
    <x v="26"/>
    <s v="HC - 3.2 Supplementary Health Benefits for First Nations and Inuit"/>
    <s v="Financial Management Services,Management and Oversight Services"/>
    <s v="HC-App3775"/>
    <s v="In Production"/>
    <s v="desktop"/>
    <x v="1"/>
    <x v="1500"/>
  </r>
  <r>
    <x v="4"/>
    <x v="66"/>
    <x v="4043"/>
    <s v="RXV"/>
    <s v="Created via CR#: 42686_x000a_This is an updated to APM-Core ID#5846_x000a__x000a_RX-Vigilance provides information on drugs and health to clinicians and their patients aim to ensure the safe and optimal use of drugs. Software currently used by front line health care providers in First Nations communities."/>
    <s v=""/>
    <x v="1"/>
    <s v=""/>
    <x v="26"/>
    <s v="HC - 3.1 First Nations and Inuit Primary Health Care"/>
    <s v="Information Management Services"/>
    <s v="APP-03353"/>
    <s v="In Production"/>
    <s v="desktop"/>
    <x v="1"/>
    <x v="86"/>
  </r>
  <r>
    <x v="4"/>
    <x v="66"/>
    <x v="4044"/>
    <s v="CDSD"/>
    <m/>
    <s v=""/>
    <x v="1"/>
    <s v=""/>
    <x v="26"/>
    <s v="HC - 2.5 Problematic Substance Use (previously Substance Use and Misuse)"/>
    <s v="Other"/>
    <s v="HC-1000"/>
    <s v="In Production"/>
    <s v="web"/>
    <x v="1"/>
    <x v="1503"/>
  </r>
  <r>
    <x v="4"/>
    <x v="66"/>
    <x v="4045"/>
    <s v="Apollo"/>
    <s v="Security Access Control System for building. Stand alone system.  Used by Winnipeg NML (National Microbiology Lab)"/>
    <s v=""/>
    <x v="1"/>
    <s v=""/>
    <x v="26"/>
    <s v="HC - Internal Services 8: Real Property Services"/>
    <s v="Real Property Services"/>
    <s v="HC-1021"/>
    <s v="In Production"/>
    <s v="desktop"/>
    <x v="1"/>
    <x v="1497"/>
  </r>
  <r>
    <x v="4"/>
    <x v="66"/>
    <x v="4046"/>
    <s v="OLMM"/>
    <s v="The development of the Mass Media Database will be an enhancement to the www.gosmokefree.gc.ca website by maximizing the capacity for the public to access TCP projects from successful campaigns of the past and future._x000a__x000a_The Mass Media Resource Centre and Project On-line Database will involve the development and implementation of an interactive and informative resource on the TCP website. This database will allow stakeholders and the general public to access mass media and TCP project creatives previously developed and implemented throughout Canada"/>
    <s v=""/>
    <x v="1"/>
    <s v=""/>
    <x v="26"/>
    <s v="HC - 2.5.1 Tobacco Control"/>
    <s v="Information Management Services"/>
    <s v="APP-02665"/>
    <s v="In Production"/>
    <s v="web"/>
    <x v="1"/>
    <x v="86"/>
  </r>
  <r>
    <x v="4"/>
    <x v="66"/>
    <x v="4047"/>
    <s v="AMIS"/>
    <s v="This application is an externally hosted, browser accessible electronic database that captures addictions and treatment information gathered within National Native Alcohol and Drug Abuse Program (NNADAP) treatment centres."/>
    <s v=""/>
    <x v="1"/>
    <s v=""/>
    <x v="26"/>
    <s v="HC - 3.3 Health Infrastructure Support for First Nations and Inuit"/>
    <s v="Information Management Services"/>
    <s v="HC-1039"/>
    <s v="In Production"/>
    <s v="cloud"/>
    <x v="1"/>
    <x v="1497"/>
  </r>
  <r>
    <x v="4"/>
    <x v="66"/>
    <x v="4048"/>
    <s v="MTDS 2.0"/>
    <m/>
    <s v=""/>
    <x v="1"/>
    <s v=""/>
    <x v="26"/>
    <s v="HC - 3.2 Supplementary Health Benefits for First Nations and Inuit"/>
    <s v="Management and Oversight Services"/>
    <s v="HC-1050"/>
    <s v="In Production"/>
    <s v="web"/>
    <x v="1"/>
    <x v="1504"/>
  </r>
  <r>
    <x v="4"/>
    <x v="66"/>
    <x v="4049"/>
    <s v="CNF"/>
    <s v="The Canadian Nutrient File application was written with Visual Basic connecting to an Oracle backend.  The application allows CNF staff to insert/edit and extract nutrient data, and accompanying metadata, for &gt;120 nutrients in &gt;6000 foods for eventual publication on the Internet."/>
    <s v=""/>
    <x v="1"/>
    <s v=""/>
    <x v="26"/>
    <s v="HC - 2.1 Health Products"/>
    <s v="Information Management Services"/>
    <s v="HC-1051"/>
    <s v="In Production"/>
    <s v="web"/>
    <x v="1"/>
    <x v="1503"/>
  </r>
  <r>
    <x v="4"/>
    <x v="66"/>
    <x v="4050"/>
    <s v="MTS"/>
    <m/>
    <s v=""/>
    <x v="1"/>
    <s v=""/>
    <x v="26"/>
    <s v="HC - 3.2 Supplementary Health Benefits for First Nations and Inuit"/>
    <s v="Other"/>
    <s v="HC-1066"/>
    <s v="In Production"/>
    <s v="web"/>
    <x v="1"/>
    <x v="1505"/>
  </r>
  <r>
    <x v="4"/>
    <x v="66"/>
    <x v="4051"/>
    <s v="AmegaView"/>
    <s v="Temperature Monitoring and Alarm System for over hundreds of sensors, operational 24/7, accessed by approx 250 users.  Samples stored in freezers, refrigerators and incubators are critical to regulatory research.  Some samples are irreplaceable.  Stored historic temperature data is required for laboratory accreditation, and also to meet regulatory requirements.  The main AmegaView System, located in the Banting building connects to remote locations throughout Tunney’s Pasture via the Health Canada Network through a series AS gateways, dialers and AS connect panels.   The AmegaView Environmental Monitoring System monitors and logs the environmental storage conditions for viral, bacterial, tissue, cell culture, crude serum, antibody, protein, vaccine and"/>
    <s v=""/>
    <x v="1"/>
    <s v=""/>
    <x v="26"/>
    <s v="HC - 2.1 Health Products"/>
    <s v="Materiel Services"/>
    <s v="HC-1076"/>
    <s v="In Production"/>
    <s v="rich"/>
    <x v="1"/>
    <x v="1500"/>
  </r>
  <r>
    <x v="4"/>
    <x v="66"/>
    <x v="4052"/>
    <s v="ePRS"/>
    <m/>
    <s v=""/>
    <x v="1"/>
    <s v=""/>
    <x v="26"/>
    <s v="HC - 2.7 Pesticides"/>
    <s v="Other"/>
    <s v="HC-1080"/>
    <s v="In Production"/>
    <s v="web"/>
    <x v="1"/>
    <x v="1504"/>
  </r>
  <r>
    <x v="4"/>
    <x v="66"/>
    <x v="4053"/>
    <s v="ADR"/>
    <m/>
    <s v=""/>
    <x v="1"/>
    <s v=""/>
    <x v="26"/>
    <s v="HC - Internal Services 7: Information Technology Services"/>
    <s v="Information Technology Services,Management and Oversight Services"/>
    <s v="HC-1088"/>
    <s v="In Production"/>
    <s v="web"/>
    <x v="1"/>
    <x v="1497"/>
  </r>
  <r>
    <x v="4"/>
    <x v="66"/>
    <x v="4054"/>
    <s v="IS"/>
    <m/>
    <s v=""/>
    <x v="1"/>
    <s v=""/>
    <x v="26"/>
    <s v="HC - 2.1 Health Products"/>
    <s v="Financial Management Services,Human Resources Management Services,Information Management Services,Information Technology Services,Management and Oversight Services"/>
    <s v="HC-1089"/>
    <s v="In Production"/>
    <s v="web"/>
    <x v="1"/>
    <x v="1506"/>
  </r>
  <r>
    <x v="4"/>
    <x v="66"/>
    <x v="4055"/>
    <s v=""/>
    <m/>
    <s v=""/>
    <x v="1"/>
    <s v=""/>
    <x v="26"/>
    <s v="HC - 2.1 Health Products"/>
    <s v="Other"/>
    <s v="HC-1092"/>
    <s v="In Production"/>
    <s v="web"/>
    <x v="1"/>
    <x v="1503"/>
  </r>
  <r>
    <x v="4"/>
    <x v="66"/>
    <x v="4056"/>
    <s v="SED"/>
    <m/>
    <s v=""/>
    <x v="1"/>
    <s v=""/>
    <x v="26"/>
    <s v="HC - 2.1 Health Products"/>
    <s v="Information Management Services"/>
    <s v="HC-1110"/>
    <s v="In Production"/>
    <s v="web"/>
    <x v="1"/>
    <x v="1503"/>
  </r>
  <r>
    <x v="4"/>
    <x v="66"/>
    <x v="4057"/>
    <s v=""/>
    <s v="This database holds community contact details for the Atlantic region. It is a web based application used to track community contacts, perform mail merges, create letters, and more."/>
    <s v=""/>
    <x v="1"/>
    <s v=""/>
    <x v="26"/>
    <s v="HC - 3.3 Health Infrastructure Support for First Nations and Inuit"/>
    <s v="Communications Services,Information Management Services"/>
    <s v="HC-1115"/>
    <s v="In Production"/>
    <s v="web"/>
    <x v="1"/>
    <x v="1507"/>
  </r>
  <r>
    <x v="4"/>
    <x v="66"/>
    <x v="4058"/>
    <s v=""/>
    <m/>
    <s v=""/>
    <x v="1"/>
    <s v=""/>
    <x v="26"/>
    <s v="HC - 2.1 Health Products"/>
    <s v="Information Management Services"/>
    <s v="HC-1164"/>
    <s v="In Production"/>
    <s v="web"/>
    <x v="1"/>
    <x v="1497"/>
  </r>
  <r>
    <x v="4"/>
    <x v="66"/>
    <x v="4059"/>
    <s v="CHR"/>
    <m/>
    <s v=""/>
    <x v="1"/>
    <s v=""/>
    <x v="26"/>
    <s v="HC - 3.1 First Nations and Inuit Primary Health Care"/>
    <s v="Other"/>
    <s v="HC-1176"/>
    <s v="In Production"/>
    <s v="web"/>
    <x v="1"/>
    <x v="1503"/>
  </r>
  <r>
    <x v="4"/>
    <x v="66"/>
    <x v="4060"/>
    <s v="BN"/>
    <m/>
    <s v=""/>
    <x v="1"/>
    <s v=""/>
    <x v="26"/>
    <s v="HC - Internal Services 2: Communications Services"/>
    <s v="Communications Services"/>
    <s v="HC-1191"/>
    <s v="In Production"/>
    <s v="web"/>
    <x v="1"/>
    <x v="1497"/>
  </r>
  <r>
    <x v="4"/>
    <x v="66"/>
    <x v="4061"/>
    <s v="eSDRT"/>
    <m/>
    <s v=""/>
    <x v="1"/>
    <s v=""/>
    <x v="26"/>
    <s v="HC - 3.1.3 First Nations and Inuit Primary Care"/>
    <s v="Management and Oversight Services,Other"/>
    <s v="HC-1258"/>
    <s v="In Production"/>
    <s v="web"/>
    <x v="1"/>
    <x v="1508"/>
  </r>
  <r>
    <x v="4"/>
    <x v="66"/>
    <x v="4062"/>
    <s v="CVP-ERS"/>
    <m/>
    <s v=""/>
    <x v="1"/>
    <s v=""/>
    <x v="26"/>
    <s v="HC - 2.1 Health Products"/>
    <s v="Information Management Services"/>
    <s v="HC-1269"/>
    <s v="In Production"/>
    <s v="web"/>
    <x v="1"/>
    <x v="1500"/>
  </r>
  <r>
    <x v="4"/>
    <x v="66"/>
    <x v="4063"/>
    <s v="FNIHIS"/>
    <m/>
    <s v=""/>
    <x v="1"/>
    <s v=""/>
    <x v="26"/>
    <s v="HC - 3.1 First Nations and Inuit Primary Health Care"/>
    <s v="Management and Oversight Services,Other"/>
    <s v="HC-1270"/>
    <s v="In Production"/>
    <s v="web"/>
    <x v="1"/>
    <x v="1503"/>
  </r>
  <r>
    <x v="4"/>
    <x v="66"/>
    <x v="4064"/>
    <s v="CVS"/>
    <m/>
    <s v=""/>
    <x v="1"/>
    <s v=""/>
    <x v="26"/>
    <s v="HC - 2.1.1 Pharmaceutical Drugs"/>
    <s v="Information Management Services"/>
    <s v="HC-1272"/>
    <s v="In Production"/>
    <s v="web"/>
    <x v="1"/>
    <x v="1508"/>
  </r>
  <r>
    <x v="4"/>
    <x v="66"/>
    <x v="4065"/>
    <s v="IRS"/>
    <m/>
    <s v=""/>
    <x v="1"/>
    <s v=""/>
    <x v="26"/>
    <s v="HC - 1.2 Specialized Health Services"/>
    <s v="Other"/>
    <s v="HC-1273"/>
    <s v="In Production"/>
    <s v="web"/>
    <x v="1"/>
    <x v="1509"/>
  </r>
  <r>
    <x v="4"/>
    <x v="66"/>
    <x v="4066"/>
    <s v="SVS"/>
    <m/>
    <s v=""/>
    <x v="1"/>
    <s v=""/>
    <x v="26"/>
    <s v="HC - 3.2 Supplementary Health Benefits for First Nations and Inuit"/>
    <s v="Management and Oversight Services"/>
    <s v="HC-1279"/>
    <s v="In Production"/>
    <s v="web"/>
    <x v="1"/>
    <x v="1503"/>
  </r>
  <r>
    <x v="4"/>
    <x v="66"/>
    <x v="4067"/>
    <s v="CHMS"/>
    <m/>
    <s v=""/>
    <x v="1"/>
    <s v=""/>
    <x v="26"/>
    <s v="HC - 2.1 Health Products"/>
    <s v="Information Management Services"/>
    <s v="HC-1283"/>
    <s v="In Production"/>
    <s v="web"/>
    <x v="1"/>
    <x v="1497"/>
  </r>
  <r>
    <x v="4"/>
    <x v="66"/>
    <x v="4068"/>
    <s v="MTRS"/>
    <m/>
    <s v=""/>
    <x v="1"/>
    <s v=""/>
    <x v="26"/>
    <s v="HC - 3.2 Supplementary Health Benefits for First Nations and Inuit"/>
    <s v="Information Management Services,Other"/>
    <s v="HC-1285"/>
    <s v="In Production"/>
    <s v="web"/>
    <x v="1"/>
    <x v="1503"/>
  </r>
  <r>
    <x v="4"/>
    <x v="66"/>
    <x v="4069"/>
    <s v="SAMM II"/>
    <m/>
    <s v=""/>
    <x v="1"/>
    <s v=""/>
    <x v="26"/>
    <s v="HC - 2.5.2 Controlled Substances"/>
    <s v="Other"/>
    <s v="HC-1286"/>
    <s v="In Production"/>
    <s v="web"/>
    <x v="1"/>
    <x v="1510"/>
  </r>
  <r>
    <x v="4"/>
    <x v="66"/>
    <x v="4070"/>
    <s v="DPD"/>
    <m/>
    <s v=""/>
    <x v="1"/>
    <s v=""/>
    <x v="26"/>
    <s v="HC - 2.1 Health Products"/>
    <s v="Management and Oversight Services"/>
    <s v="HC-1302"/>
    <s v="In Production"/>
    <s v="web"/>
    <x v="1"/>
    <x v="1503"/>
  </r>
  <r>
    <x v="4"/>
    <x v="66"/>
    <x v="4071"/>
    <s v="DSTS"/>
    <m/>
    <s v=""/>
    <x v="1"/>
    <s v=""/>
    <x v="26"/>
    <s v="HC - 2.1 Health Products"/>
    <s v="Information Management Services,Other"/>
    <s v="HC-1315"/>
    <s v="In Production"/>
    <s v="web"/>
    <x v="1"/>
    <x v="1503"/>
  </r>
  <r>
    <x v="4"/>
    <x v="66"/>
    <x v="4072"/>
    <s v=""/>
    <m/>
    <s v=""/>
    <x v="1"/>
    <s v=""/>
    <x v="26"/>
    <s v="HC - 2.6 Radiation Protection"/>
    <s v="Other"/>
    <s v="HC-1328"/>
    <s v="In Production"/>
    <s v="web"/>
    <x v="1"/>
    <x v="1497"/>
  </r>
  <r>
    <x v="4"/>
    <x v="66"/>
    <x v="4073"/>
    <s v=""/>
    <m/>
    <s v=""/>
    <x v="1"/>
    <s v=""/>
    <x v="26"/>
    <s v="HC - 2.6 Radiation Protection"/>
    <s v="Other"/>
    <s v="HC-1329"/>
    <s v="In Production"/>
    <s v="web"/>
    <x v="1"/>
    <x v="1497"/>
  </r>
  <r>
    <x v="4"/>
    <x v="66"/>
    <x v="4074"/>
    <s v=""/>
    <s v="Database of Health Risk Assessments (used for 24/7 HRAs done in support of CFIA investigations) as well as key policy and assessment documents"/>
    <s v=""/>
    <x v="1"/>
    <s v=""/>
    <x v="26"/>
    <s v="HC - 2.1 Health Products"/>
    <s v="Information Management Services"/>
    <s v="HC-1345"/>
    <s v="In Production"/>
    <s v="web"/>
    <x v="1"/>
    <x v="1497"/>
  </r>
  <r>
    <x v="4"/>
    <x v="66"/>
    <x v="4075"/>
    <s v="ECD"/>
    <m/>
    <s v=""/>
    <x v="1"/>
    <s v=""/>
    <x v="26"/>
    <s v="HC - 2.1 Health Products"/>
    <s v="Information Management Services,Management and Oversight Services"/>
    <s v="HC-1351"/>
    <s v="In Production"/>
    <s v="web"/>
    <x v="1"/>
    <x v="1503"/>
  </r>
  <r>
    <x v="4"/>
    <x v="66"/>
    <x v="4076"/>
    <s v="NOC"/>
    <s v="The database will provide users with information such as a drug's full name, the date it was authorized, the active/medicinal ingredient, the manufacturer, the therapeutic class of the drug, and the Drug Identification Number, which is the numerical code assigned to drug products authorized under the Food and Drugs Act and its Regulations. A Notice of Compliance is the regulatory authorization to market a new drug in Canada. Health Canada issues such a notice to a company following the satisfactory review of a new drug submission. It indicates that the product has met the requirements of the Regulations for safety, quality and efficacy."/>
    <s v=""/>
    <x v="1"/>
    <s v=""/>
    <x v="26"/>
    <s v="HC - 2.1 Health Products"/>
    <s v="Information Management Services,Information Technology Services,Other"/>
    <s v="HC-1360"/>
    <s v="In Production"/>
    <s v="web"/>
    <x v="1"/>
    <x v="1503"/>
  </r>
  <r>
    <x v="4"/>
    <x v="66"/>
    <x v="4077"/>
    <s v="NHPSAS"/>
    <m/>
    <s v=""/>
    <x v="1"/>
    <s v=""/>
    <x v="26"/>
    <s v="HC - 2.1 Health Products"/>
    <s v="Information Management Services"/>
    <s v="HC-1371"/>
    <s v="In Production"/>
    <s v="web"/>
    <x v="1"/>
    <x v="1503"/>
  </r>
  <r>
    <x v="4"/>
    <x v="66"/>
    <x v="4078"/>
    <s v="BCP Database"/>
    <m/>
    <s v=""/>
    <x v="1"/>
    <s v=""/>
    <x v="26"/>
    <s v="HC - Internal Services 8: Real Property Services"/>
    <s v="Other"/>
    <s v="HC-1376"/>
    <s v="In Production"/>
    <s v="web"/>
    <x v="1"/>
    <x v="1497"/>
  </r>
  <r>
    <x v="4"/>
    <x v="66"/>
    <x v="4079"/>
    <s v="CR-Manitoba"/>
    <m/>
    <s v=""/>
    <x v="1"/>
    <s v=""/>
    <x v="26"/>
    <s v="HC - 3.3.2.2 e-Health Infostructure"/>
    <s v="Information Management Services"/>
    <s v="APP-03344"/>
    <s v="In Production"/>
    <s v="rich"/>
    <x v="1"/>
    <x v="106"/>
  </r>
  <r>
    <x v="4"/>
    <x v="66"/>
    <x v="4080"/>
    <s v=""/>
    <m/>
    <s v=""/>
    <x v="1"/>
    <s v=""/>
    <x v="26"/>
    <s v="HC - 3.2 Supplementary Health Benefits for First Nations and Inuit"/>
    <s v="Other"/>
    <s v="HC-1419"/>
    <s v="In Production"/>
    <s v="web"/>
    <x v="1"/>
    <x v="1497"/>
  </r>
  <r>
    <x v="4"/>
    <x v="66"/>
    <x v="4081"/>
    <s v="Custom Refusal/Release_v2"/>
    <m/>
    <s v=""/>
    <x v="1"/>
    <s v=""/>
    <x v="26"/>
    <s v="HC - 2.1 Health Products"/>
    <s v="Information Management Services"/>
    <s v="HC-1468"/>
    <s v="In Production"/>
    <s v="web"/>
    <x v="1"/>
    <x v="1497"/>
  </r>
  <r>
    <x v="4"/>
    <x v="66"/>
    <x v="4082"/>
    <s v="FIRMS"/>
    <m/>
    <s v=""/>
    <x v="1"/>
    <s v=""/>
    <x v="26"/>
    <s v="HC - Internal Services 5: Financial Management Services"/>
    <s v="Acquisition Services,Financial Management Services,Information Management Services,Materiel Services,Travel and Other Administrative Services"/>
    <s v="HC-1489"/>
    <s v="In Production"/>
    <s v="web"/>
    <x v="1"/>
    <x v="1511"/>
  </r>
  <r>
    <x v="4"/>
    <x v="66"/>
    <x v="4083"/>
    <s v="DMS"/>
    <m/>
    <s v=""/>
    <x v="1"/>
    <s v=""/>
    <x v="26"/>
    <s v="HC - 2.4 Consumer Product and Workplace Hazardous Materials"/>
    <s v="Information Management Services"/>
    <s v="HC-1490"/>
    <s v="In Production"/>
    <s v="web"/>
    <x v="1"/>
    <x v="1512"/>
  </r>
  <r>
    <x v="4"/>
    <x v="66"/>
    <x v="4084"/>
    <s v="ATS"/>
    <m/>
    <s v=""/>
    <x v="1"/>
    <s v=""/>
    <x v="26"/>
    <s v="HC - 1.2 Specialized Health Services"/>
    <s v="Management and Oversight Services"/>
    <s v="HC-1502"/>
    <s v="In Production"/>
    <s v="web"/>
    <x v="1"/>
    <x v="1509"/>
  </r>
  <r>
    <x v="4"/>
    <x v="66"/>
    <x v="4085"/>
    <s v=""/>
    <m/>
    <s v=""/>
    <x v="1"/>
    <s v=""/>
    <x v="26"/>
    <s v="HC - 3.1 First Nations and Inuit Primary Health Care"/>
    <s v="Information Management Services"/>
    <s v="HC-1503"/>
    <s v="In Production"/>
    <s v="web"/>
    <x v="1"/>
    <x v="1497"/>
  </r>
  <r>
    <x v="4"/>
    <x v="66"/>
    <x v="4086"/>
    <s v="DMS"/>
    <m/>
    <s v=""/>
    <x v="1"/>
    <s v=""/>
    <x v="26"/>
    <s v="HC - 2.6 Radiation Protection"/>
    <s v="Other"/>
    <s v="HC-1535"/>
    <s v="In Production"/>
    <s v="desktop"/>
    <x v="1"/>
    <x v="1509"/>
  </r>
  <r>
    <x v="4"/>
    <x v="66"/>
    <x v="4087"/>
    <s v="DAIS"/>
    <m/>
    <s v=""/>
    <x v="1"/>
    <s v=""/>
    <x v="26"/>
    <s v="HC - 1.1.1 Health System Priorities"/>
    <s v="Management and Oversight Services"/>
    <s v="HC-1572"/>
    <s v="In Production"/>
    <s v="web"/>
    <x v="1"/>
    <x v="1513"/>
  </r>
  <r>
    <x v="4"/>
    <x v="66"/>
    <x v="4088"/>
    <s v="WEMS"/>
    <s v="The Watchdog system provides 24/7 monitor of several environmental parameters such as temperature, humidity, lighting and differential pressure within the animal care facility. These parameters are monitored and recorded 24 hours a day to ensure the species housed are kept at appropriate measurements at all times."/>
    <s v=""/>
    <x v="1"/>
    <s v=""/>
    <x v="26"/>
    <s v="HC - 2.1 Health Products"/>
    <s v="Other"/>
    <s v="HC-1576"/>
    <s v="In Production"/>
    <s v="web"/>
    <x v="1"/>
    <x v="1500"/>
  </r>
  <r>
    <x v="4"/>
    <x v="66"/>
    <x v="4089"/>
    <s v="ECTD/Docubridge"/>
    <m/>
    <s v=""/>
    <x v="1"/>
    <s v=""/>
    <x v="26"/>
    <s v="HC - 2.1 Health Products"/>
    <s v="Information Management Services"/>
    <s v="HC-1584"/>
    <s v="In Production"/>
    <s v="desktop"/>
    <x v="1"/>
    <x v="1508"/>
  </r>
  <r>
    <x v="4"/>
    <x v="66"/>
    <x v="4090"/>
    <s v="CVP Online"/>
    <s v="Part I - Internet User Module: represents a publicly searchable Online Query presentation of the Canada Vigilance AR data on the Health Canada website.  Part II - Data Extract and Loading Process Module: represents the processes involved in extracting and populating the Canada Vigilance Online Query database and the creation of the Canada Vigilance data extracts (flat file). Both the online query and the downloadable zip files will contain all records from the Canada Vigilance system (confidential information removed), and will be totally updated and replaced on a quarterly basis."/>
    <s v=""/>
    <x v="1"/>
    <s v=""/>
    <x v="26"/>
    <s v="HC - 2.1 Health Products"/>
    <s v="Communications Services,Information Management Services"/>
    <s v="HC-1585"/>
    <s v="In Production"/>
    <s v="web"/>
    <x v="1"/>
    <x v="1503"/>
  </r>
  <r>
    <x v="4"/>
    <x v="66"/>
    <x v="4091"/>
    <s v="EHIS"/>
    <m/>
    <s v=""/>
    <x v="1"/>
    <s v=""/>
    <x v="26"/>
    <s v="HC - 3.1.2.2 Environmental Public Health"/>
    <s v="Information Management Services,Other"/>
    <s v="HC-1627"/>
    <s v="In Production"/>
    <s v="web"/>
    <x v="1"/>
    <x v="1497"/>
  </r>
  <r>
    <x v="4"/>
    <x v="66"/>
    <x v="4092"/>
    <s v="ELPHIS"/>
    <m/>
    <s v=""/>
    <x v="1"/>
    <s v=""/>
    <x v="26"/>
    <s v="HC - 3.1.2 First Nations and Inuit Public Health Protection"/>
    <s v="Other"/>
    <s v="HC-1629"/>
    <s v="In Production"/>
    <s v="web"/>
    <x v="1"/>
    <x v="1505"/>
  </r>
  <r>
    <x v="4"/>
    <x v="66"/>
    <x v="4093"/>
    <s v="NewFrench"/>
    <m/>
    <s v=""/>
    <x v="1"/>
    <s v=""/>
    <x v="26"/>
    <s v="HC - 3.2 Supplementary Health Benefits for First Nations and Inuit"/>
    <s v="Other"/>
    <s v="HC-1632"/>
    <s v="In Production"/>
    <s v="web"/>
    <x v="1"/>
    <x v="1497"/>
  </r>
  <r>
    <x v="4"/>
    <x v="66"/>
    <x v="4094"/>
    <s v="CNF on Web"/>
    <s v="The Canadian Nutrient File web application was written with an interactive Javascript program connecting to a static copy of the database stored in Oracle.  The application allows the user only to extract and view data reports – no edits or changes to the data are possible.  Selected parts of the database are made available while some background metadata are not relevant for viewing outside of Health Canada.  This program was created in response to requests from clients including the general public who could not access to the data through the downloadable relational files."/>
    <s v=""/>
    <x v="1"/>
    <s v=""/>
    <x v="26"/>
    <s v="HC - 2.1 Health Products"/>
    <s v="Management and Oversight Services"/>
    <s v="HC-1650"/>
    <s v="In Production"/>
    <s v="web"/>
    <x v="1"/>
    <x v="1504"/>
  </r>
  <r>
    <x v="4"/>
    <x v="66"/>
    <x v="4095"/>
    <s v="FNEP"/>
    <m/>
    <s v=""/>
    <x v="1"/>
    <s v=""/>
    <x v="26"/>
    <s v="HC - 2.6 Radiation Protection"/>
    <s v="Other"/>
    <s v="HC-1664"/>
    <s v="In Production"/>
    <s v="web"/>
    <x v="1"/>
    <x v="1497"/>
  </r>
  <r>
    <x v="4"/>
    <x v="66"/>
    <x v="4096"/>
    <s v="CTDB Online"/>
    <s v="The CTDB is a web-enable query tool that provides the public with a listing of specific information relating to phase I, II and III clinical trials in patients. The database is managed by Health Canada and provides a source of information about Canadian clinical trials involving human pharmaceutical and biological drugs. Health Canada recognizes the value of making information about clinical trials available to the public. Patients can access the database to determine if a clinical trial has met the regulatory requirements. The database may also assist Canadians in finding clinical trials that might be relevant to their medical condition."/>
    <s v=""/>
    <x v="1"/>
    <s v=""/>
    <x v="26"/>
    <s v="HC - 2.1 Health Products"/>
    <s v="Other"/>
    <s v="HC-1689"/>
    <s v="In Production"/>
    <s v="web"/>
    <x v="1"/>
    <x v="1504"/>
  </r>
  <r>
    <x v="4"/>
    <x v="66"/>
    <x v="4097"/>
    <s v="FNIH Community Visit &amp; Reporting"/>
    <s v="This application is used by Atlantic Region to track visits to First Nations communities and items discussed during these visits."/>
    <s v=""/>
    <x v="1"/>
    <s v=""/>
    <x v="26"/>
    <s v="HC - 3.1 First Nations and Inuit Primary Health Care"/>
    <s v="Communications Services,Information Management Services"/>
    <s v="HC-1692"/>
    <s v="In Production"/>
    <s v="web"/>
    <x v="1"/>
    <x v="1507"/>
  </r>
  <r>
    <x v="4"/>
    <x v="66"/>
    <x v="4098"/>
    <s v="FNIH Mental Health DB - Atlantic"/>
    <m/>
    <s v=""/>
    <x v="1"/>
    <s v=""/>
    <x v="26"/>
    <s v="HC - 3.1 First Nations and Inuit Primary Health Care"/>
    <s v="Other"/>
    <s v="HC-1695"/>
    <s v="In Production"/>
    <s v="desktop"/>
    <x v="1"/>
    <x v="1497"/>
  </r>
  <r>
    <x v="4"/>
    <x v="66"/>
    <x v="4099"/>
    <s v=""/>
    <m/>
    <s v=""/>
    <x v="1"/>
    <s v=""/>
    <x v="26"/>
    <s v="HC - 1.1.2 Canada Health Act Administration"/>
    <s v="Other"/>
    <s v="HC-1735"/>
    <s v="In Production"/>
    <s v="web"/>
    <x v="1"/>
    <x v="1497"/>
  </r>
  <r>
    <x v="4"/>
    <x v="66"/>
    <x v="4100"/>
    <s v="GCDOCS"/>
    <s v="Application to store and track electronic files."/>
    <s v=""/>
    <x v="1"/>
    <s v=""/>
    <x v="26"/>
    <s v="HC - Internal Services 6: Information Management Services"/>
    <s v="Information Management Services"/>
    <s v="APP-02651"/>
    <s v="In Production"/>
    <s v="cloud"/>
    <x v="1"/>
    <x v="1497"/>
  </r>
  <r>
    <x v="4"/>
    <x v="66"/>
    <x v="4101"/>
    <s v=""/>
    <m/>
    <s v=""/>
    <x v="1"/>
    <s v=""/>
    <x v="26"/>
    <s v="HC - Internal Services 4: Human Resources Management Services"/>
    <s v="Information Management Services"/>
    <s v="HC-1750"/>
    <s v="In Production"/>
    <s v="web"/>
    <x v="1"/>
    <x v="1497"/>
  </r>
  <r>
    <x v="4"/>
    <x v="66"/>
    <x v="4102"/>
    <s v=""/>
    <s v="Posting of the Travel and Hospitaltiy expense information for affected Minister and Senior Officials"/>
    <s v=""/>
    <x v="1"/>
    <s v=""/>
    <x v="26"/>
    <s v="HC - Internal Services 5: Financial Management Services"/>
    <s v="Travel and Other Administrative Services"/>
    <s v="HC-1772"/>
    <s v="In Production"/>
    <s v="web"/>
    <x v="1"/>
    <x v="1497"/>
  </r>
  <r>
    <x v="4"/>
    <x v="66"/>
    <x v="4103"/>
    <s v=""/>
    <s v="This is the HC Internet public-facing web site providing health-related information to Canadians."/>
    <s v=""/>
    <x v="1"/>
    <s v=""/>
    <x v="26"/>
    <s v="HC - Internal Services 2: Communications Services"/>
    <s v="Communications Services,Information Management Services,Information Technology Services"/>
    <s v="HC-1810"/>
    <s v="In Production"/>
    <s v="web"/>
    <x v="1"/>
    <x v="1514"/>
  </r>
  <r>
    <x v="4"/>
    <x v="66"/>
    <x v="4104"/>
    <s v="HICPS"/>
    <m/>
    <s v=""/>
    <x v="1"/>
    <s v=""/>
    <x v="26"/>
    <s v="HC - 3.2 Supplementary Health Benefits for First Nations and Inuit"/>
    <s v="Financial Management Services,Management and Oversight Services"/>
    <s v="HC-1820"/>
    <s v="In Production"/>
    <s v="web"/>
    <x v="1"/>
    <x v="1497"/>
  </r>
  <r>
    <x v="4"/>
    <x v="66"/>
    <x v="4105"/>
    <s v="FDSSAS"/>
    <m/>
    <s v=""/>
    <x v="1"/>
    <s v=""/>
    <x v="26"/>
    <s v="HC - 3.2 Supplementary Health Benefits for First Nations and Inuit"/>
    <s v="Information Management Services,Management and Oversight Services"/>
    <s v="HC-1864"/>
    <s v="In Production"/>
    <s v="web"/>
    <x v="1"/>
    <x v="1509"/>
  </r>
  <r>
    <x v="4"/>
    <x v="66"/>
    <x v="4106"/>
    <s v="HRRO"/>
    <m/>
    <s v=""/>
    <x v="1"/>
    <s v=""/>
    <x v="26"/>
    <s v="HC - Internal Services 4: Human Resources Management Services"/>
    <s v="Human Resources Management Services"/>
    <s v="APP-02764"/>
    <s v="In Production"/>
    <s v="web"/>
    <x v="1"/>
    <x v="1498"/>
  </r>
  <r>
    <x v="4"/>
    <x v="66"/>
    <x v="4107"/>
    <s v=""/>
    <m/>
    <s v=""/>
    <x v="1"/>
    <s v=""/>
    <x v="26"/>
    <s v="HC - 1.1.1 Health System Priorities"/>
    <s v="Information Management Services"/>
    <s v="HC-1945"/>
    <s v="In Production"/>
    <s v="web"/>
    <x v="1"/>
    <x v="1497"/>
  </r>
  <r>
    <x v="4"/>
    <x v="66"/>
    <x v="4108"/>
    <s v=""/>
    <m/>
    <s v=""/>
    <x v="1"/>
    <s v=""/>
    <x v="26"/>
    <s v="HC - 3.1 First Nations and Inuit Primary Health Care"/>
    <s v="Management and Oversight Services,Other"/>
    <s v="HC-1978"/>
    <s v="In Production"/>
    <s v="web"/>
    <x v="1"/>
    <x v="1503"/>
  </r>
  <r>
    <x v="4"/>
    <x v="66"/>
    <x v="4109"/>
    <s v="MCCS"/>
    <m/>
    <s v=""/>
    <x v="1"/>
    <s v=""/>
    <x v="26"/>
    <s v="HC - 3.3 Health Infrastructure Support for First Nations and Inuit"/>
    <s v="Information Management Services"/>
    <s v="HC-1992"/>
    <s v="In Production"/>
    <s v="web"/>
    <x v="1"/>
    <x v="1497"/>
  </r>
  <r>
    <x v="4"/>
    <x v="66"/>
    <x v="4110"/>
    <s v="IRS - SRI"/>
    <m/>
    <s v=""/>
    <x v="1"/>
    <s v=""/>
    <x v="26"/>
    <s v="HC - 2.1 Health Products"/>
    <s v="Information Management Services"/>
    <s v="HC-2000"/>
    <s v="In Production"/>
    <s v="web"/>
    <x v="1"/>
    <x v="1497"/>
  </r>
  <r>
    <x v="4"/>
    <x v="66"/>
    <x v="4111"/>
    <s v="DPD - Online Query"/>
    <s v="The Drug Product Database Online contains product specific information on drugs approved for use in Canada. The database is managed by Health Canada and includes human pharmaceutical and biological drugs, veterinary drugs and disinfectant products.  It also contains information on discontinued products in the Canadian market."/>
    <s v=""/>
    <x v="1"/>
    <s v=""/>
    <x v="26"/>
    <s v="HC - 2.1 Health Products"/>
    <s v="Information Management Services"/>
    <s v="HC-2030"/>
    <s v="In Production"/>
    <s v="web"/>
    <x v="1"/>
    <x v="1504"/>
  </r>
  <r>
    <x v="4"/>
    <x v="66"/>
    <x v="4112"/>
    <s v="MHSTS"/>
    <m/>
    <s v=""/>
    <x v="1"/>
    <s v=""/>
    <x v="26"/>
    <s v="HC - 3.1 First Nations and Inuit Primary Health Care"/>
    <s v="Other"/>
    <s v="HC-2035"/>
    <s v="In Production"/>
    <s v="web"/>
    <x v="1"/>
    <x v="1503"/>
  </r>
  <r>
    <x v="4"/>
    <x v="66"/>
    <x v="4113"/>
    <s v="DSTS-IA"/>
    <m/>
    <s v=""/>
    <x v="1"/>
    <s v=""/>
    <x v="26"/>
    <s v="HC - 2.1 Health Products"/>
    <s v="Other"/>
    <s v="HC-2053"/>
    <s v="In Production"/>
    <s v="web"/>
    <x v="1"/>
    <x v="1503"/>
  </r>
  <r>
    <x v="4"/>
    <x v="66"/>
    <x v="4114"/>
    <s v=""/>
    <m/>
    <s v=""/>
    <x v="1"/>
    <s v=""/>
    <x v="26"/>
    <s v="HC - 2.6 Radiation Protection"/>
    <s v="Other"/>
    <s v="HC-2055"/>
    <s v="In Production"/>
    <s v="web"/>
    <x v="1"/>
    <x v="1497"/>
  </r>
  <r>
    <x v="4"/>
    <x v="66"/>
    <x v="4115"/>
    <s v=""/>
    <m/>
    <s v=""/>
    <x v="1"/>
    <s v=""/>
    <x v="26"/>
    <s v="HC - 1.1.1 Health System Priorities"/>
    <s v="Information Management Services"/>
    <s v="HC-2082"/>
    <s v="In Production"/>
    <s v="web"/>
    <x v="1"/>
    <x v="1497"/>
  </r>
  <r>
    <x v="4"/>
    <x v="66"/>
    <x v="4116"/>
    <s v=""/>
    <m/>
    <s v=""/>
    <x v="1"/>
    <s v=""/>
    <x v="26"/>
    <s v="HC - 2.7 Pesticides"/>
    <s v="Information Management Services"/>
    <s v="HC-2086"/>
    <s v="In Production"/>
    <s v="web"/>
    <x v="1"/>
    <x v="1497"/>
  </r>
  <r>
    <x v="4"/>
    <x v="66"/>
    <x v="4117"/>
    <s v=""/>
    <m/>
    <s v=""/>
    <x v="1"/>
    <s v=""/>
    <x v="26"/>
    <s v="HC - 2.1 Health Products"/>
    <s v="Information Management Services,Information Technology Services"/>
    <s v="HC-2091"/>
    <s v="In Production"/>
    <s v="web"/>
    <x v="1"/>
    <x v="1503"/>
  </r>
  <r>
    <x v="4"/>
    <x v="66"/>
    <x v="4118"/>
    <s v="LIMS-HECSB-RPB"/>
    <s v="Laboratory Information Management System  (LIMS)  for the National Monitoring Laboratory (NMS) of the Radiation Protection Bureau. LIMS is an Oracle application and consists of a stand alone locally managed by NMS staff in support of the Laboratory's operation under the ISO 9001:2008 certification. The application is used to track laboratory samples in support of Health.This application is used daily."/>
    <s v=""/>
    <x v="1"/>
    <s v=""/>
    <x v="26"/>
    <s v="HC - 2.6 Radiation Protection"/>
    <s v="Other"/>
    <s v="HC-2097"/>
    <s v="In Production"/>
    <s v="web"/>
    <x v="1"/>
    <x v="1500"/>
  </r>
  <r>
    <x v="4"/>
    <x v="66"/>
    <x v="4119"/>
    <s v="LIMS-HPFB-BGTD"/>
    <m/>
    <s v=""/>
    <x v="1"/>
    <s v=""/>
    <x v="26"/>
    <s v="HC - 2.1 Health Products"/>
    <s v="Information Management Services,Information Technology Services"/>
    <s v="HC-2098"/>
    <s v="In Production"/>
    <s v="web"/>
    <x v="1"/>
    <x v="1503"/>
  </r>
  <r>
    <x v="4"/>
    <x v="66"/>
    <x v="4120"/>
    <s v="LIMS"/>
    <m/>
    <s v=""/>
    <x v="1"/>
    <s v=""/>
    <x v="26"/>
    <s v="HC - 2.1 Health Products"/>
    <s v="Information Management Services"/>
    <s v="HC-2099"/>
    <s v="In Production"/>
    <s v="web"/>
    <x v="1"/>
    <x v="1503"/>
  </r>
  <r>
    <x v="4"/>
    <x v="66"/>
    <x v="4121"/>
    <s v="eCES"/>
    <m/>
    <s v=""/>
    <x v="1"/>
    <s v=""/>
    <x v="26"/>
    <s v="HC - 2.1 Health Products"/>
    <s v="Information Management Services"/>
    <s v="HC-2100"/>
    <s v="In Production"/>
    <s v="web"/>
    <x v="1"/>
    <x v="1503"/>
  </r>
  <r>
    <x v="4"/>
    <x v="66"/>
    <x v="4122"/>
    <s v="CRRS"/>
    <m/>
    <s v=""/>
    <x v="1"/>
    <s v=""/>
    <x v="26"/>
    <s v="HC - Internal Services 10: Acquisition Services"/>
    <s v="Acquisition Services"/>
    <s v="HC-2106"/>
    <s v="In Production"/>
    <s v="web"/>
    <x v="1"/>
    <x v="1497"/>
  </r>
  <r>
    <x v="4"/>
    <x v="66"/>
    <x v="4123"/>
    <s v="MCCS"/>
    <m/>
    <s v=""/>
    <x v="1"/>
    <s v=""/>
    <x v="26"/>
    <s v="HC - 3.3 Health Infrastructure Support for First Nations and Inuit"/>
    <s v="Information Management Services"/>
    <s v="HC-2118"/>
    <s v="In Production"/>
    <s v="web"/>
    <x v="1"/>
    <x v="1497"/>
  </r>
  <r>
    <x v="4"/>
    <x v="66"/>
    <x v="4124"/>
    <s v=""/>
    <s v="Through the use of access identify trends in nursing occurences month over month by nursing station."/>
    <s v=""/>
    <x v="1"/>
    <s v=""/>
    <x v="26"/>
    <s v="HC - 3.1 First Nations and Inuit Primary Health Care"/>
    <s v="Other"/>
    <s v="APP-02675"/>
    <s v="In Production"/>
    <s v="desktop"/>
    <x v="1"/>
    <x v="86"/>
  </r>
  <r>
    <x v="4"/>
    <x v="66"/>
    <x v="4125"/>
    <s v="MMAS"/>
    <m/>
    <s v=""/>
    <x v="1"/>
    <s v=""/>
    <x v="26"/>
    <s v="HC - 3.1 First Nations and Inuit Primary Health Care"/>
    <s v="Financial Management Services"/>
    <s v="HC-2130"/>
    <s v="In Production"/>
    <s v="desktop"/>
    <x v="1"/>
    <x v="1497"/>
  </r>
  <r>
    <x v="4"/>
    <x v="66"/>
    <x v="4126"/>
    <s v=""/>
    <m/>
    <s v=""/>
    <x v="1"/>
    <s v=""/>
    <x v="26"/>
    <s v="HC - 3.1 First Nations and Inuit Primary Health Care"/>
    <s v="Information Management Services"/>
    <s v="HC-2159"/>
    <s v="In Production"/>
    <s v="web"/>
    <x v="1"/>
    <x v="1497"/>
  </r>
  <r>
    <x v="4"/>
    <x v="66"/>
    <x v="4127"/>
    <s v=""/>
    <s v="iceMail transforms e-mail into a quality web communication channel for popular on-line applications such as help desk. In addition to phone calls, some 5-20% of our contact center interactions may be in the form of e-mails. It is a tool bar to open EPAS-Icemail to respond to public inquiries (email and telephone)"/>
    <s v=""/>
    <x v="1"/>
    <s v=""/>
    <x v="26"/>
    <s v="HC - Internal Services 2: Communications Services"/>
    <s v="Information Management Services"/>
    <s v="APP-02472"/>
    <s v="In Production"/>
    <s v="web"/>
    <x v="1"/>
    <x v="106"/>
  </r>
  <r>
    <x v="4"/>
    <x v="66"/>
    <x v="4128"/>
    <s v="FETRES"/>
    <m/>
    <s v=""/>
    <x v="1"/>
    <s v=""/>
    <x v="26"/>
    <s v="HC - 2.5 Problematic Substance Use (previously Substance Use and Misuse)"/>
    <s v="Other"/>
    <s v="HC-2200"/>
    <s v="In Production"/>
    <s v="web"/>
    <x v="1"/>
    <x v="1503"/>
  </r>
  <r>
    <x v="4"/>
    <x v="66"/>
    <x v="4129"/>
    <s v="MAS"/>
    <s v="Audit and Planning Unit within the Non-Insured Health Benefits Directorate.  The purpose of this system is to allow electronic storage of dental audits which will aid in the management of the tracking process.  Microsoft Access 2002 along with a valid user account and password will authorize access to this system."/>
    <s v=""/>
    <x v="1"/>
    <s v=""/>
    <x v="26"/>
    <s v="HC - 3.2 Supplementary Health Benefits for First Nations and Inuit"/>
    <s v="Other"/>
    <s v="HC-2202"/>
    <s v="In Production"/>
    <s v="desktop"/>
    <x v="1"/>
    <x v="1497"/>
  </r>
  <r>
    <x v="4"/>
    <x v="66"/>
    <x v="4130"/>
    <s v="GGP"/>
    <s v="The Bureau of Policy Science and International Programs (BPSIP) is developing a relational GGP database to capture ongoing guidance development activities primarily within TPD but with the capability to extend use to other Directorates in HPFB.   The GGP database will be used in the assessment and reporting of Branch priorities related to guidance development, the creation of a guidance development plan, resourcing and financial reporting related to TPD guidance and policy development activities.   In addition to the active inventory, the database will also house a guidance needs assessment, future projected activities, projects and related documents."/>
    <s v=""/>
    <x v="1"/>
    <s v=""/>
    <x v="26"/>
    <s v="HC - 2.1 Health Products"/>
    <s v="Other"/>
    <s v="HC-2207"/>
    <s v="In Production"/>
    <s v="web"/>
    <x v="1"/>
    <x v="1503"/>
  </r>
  <r>
    <x v="4"/>
    <x v="66"/>
    <x v="4131"/>
    <s v=""/>
    <s v="This is an Excel spreadsheet used to track Methadone clients for NIHB Atlantic Region."/>
    <s v=""/>
    <x v="1"/>
    <s v=""/>
    <x v="26"/>
    <s v="HC - 3.1 First Nations and Inuit Primary Health Care"/>
    <s v="Information Management Services"/>
    <s v="HC-2217"/>
    <s v="In Production"/>
    <s v="desktop"/>
    <x v="1"/>
    <x v="1497"/>
  </r>
  <r>
    <x v="4"/>
    <x v="66"/>
    <x v="4132"/>
    <s v="MLMS"/>
    <s v="The Alberta Region of our Branch has a support agreement with an Alberta organization (TSAG) to develop and maintain the &quot;AB Nursing eLearning Portal&quot;, which is built in Moodle.   Moodle is an open source LMS that is houses all of the custom developed eLearning courses for HC and PHAC (31 courses).  All other submissions relating to Moodle or specific eLearning courses should be grouped with this submission. Nurses in Province of Alberta health services and nurses employed by HC provide training information for these on-line training modules. No personal information is stored in the system, only training material and links to where training material is located is stored.  The AB Nursing eLearning Portal has a number of different functions and features,"/>
    <s v=""/>
    <x v="1"/>
    <s v=""/>
    <x v="26"/>
    <s v="HC - 3.1 First Nations and Inuit Primary Health Care"/>
    <s v="Information Management Services"/>
    <s v="HC-2233"/>
    <s v="In Production"/>
    <s v="web"/>
    <x v="1"/>
    <x v="1497"/>
  </r>
  <r>
    <x v="4"/>
    <x v="66"/>
    <x v="4133"/>
    <s v="NED"/>
    <s v="An application used by Atlantic Region EA's to help them better inform service providers and other interested parties of tasks that need to be completed when there is a new hire."/>
    <s v=""/>
    <x v="1"/>
    <s v=""/>
    <x v="26"/>
    <s v="HC - Internal Services 4: Human Resources Management Services"/>
    <s v="Human Resources Management Services,Information Management Services"/>
    <s v="APP-02488"/>
    <s v="In Production"/>
    <s v="web"/>
    <x v="1"/>
    <x v="93"/>
  </r>
  <r>
    <x v="4"/>
    <x v="66"/>
    <x v="4134"/>
    <s v=""/>
    <s v="The e-Index Builder is a stand-alone Java-based software application which facilitates the creation of an electronic index (in XML format) that fully describes each document submitted in support of applications to register or amend a pest control product registration, re-evaluation, special review, or in response to requests for information."/>
    <s v=""/>
    <x v="1"/>
    <s v=""/>
    <x v="26"/>
    <s v="HC - 2.7 Pesticides"/>
    <s v="Management and Oversight Services"/>
    <s v="HC-2281"/>
    <s v="In Production"/>
    <s v="desktop"/>
    <x v="1"/>
    <x v="1500"/>
  </r>
  <r>
    <x v="4"/>
    <x v="66"/>
    <x v="4135"/>
    <s v="NNADAP"/>
    <m/>
    <s v=""/>
    <x v="1"/>
    <s v=""/>
    <x v="26"/>
    <s v="HC - 3.1 First Nations and Inuit Primary Health Care"/>
    <s v="Information Management Services"/>
    <s v="HC-2303"/>
    <s v="In Production"/>
    <s v="desktop"/>
    <x v="1"/>
    <x v="1497"/>
  </r>
  <r>
    <x v="4"/>
    <x v="66"/>
    <x v="4136"/>
    <s v=""/>
    <s v="Takes reports from SAP and rolls it up to one line per contract. Once value one everything."/>
    <s v=""/>
    <x v="1"/>
    <s v=""/>
    <x v="26"/>
    <s v="HC - Internal Services 10: Acquisition Services"/>
    <s v="Acquisition Services"/>
    <s v="HC-2310"/>
    <s v="In Production"/>
    <s v="web"/>
    <x v="1"/>
    <x v="1497"/>
  </r>
  <r>
    <x v="4"/>
    <x v="66"/>
    <x v="4137"/>
    <s v="LNHPD"/>
    <s v="(LNHPD) Pulic database of all Licensed NHPs."/>
    <s v=""/>
    <x v="1"/>
    <s v=""/>
    <x v="26"/>
    <s v="HC - 2.1 Health Products"/>
    <s v="Information Management Services"/>
    <s v="HC-2311"/>
    <s v="In Production"/>
    <s v="web"/>
    <x v="1"/>
    <x v="1504"/>
  </r>
  <r>
    <x v="4"/>
    <x v="66"/>
    <x v="4138"/>
    <s v="DAS LIMS"/>
    <m/>
    <s v=""/>
    <x v="1"/>
    <s v=""/>
    <x v="26"/>
    <s v="HC - 2.1 Health Products"/>
    <s v="Other"/>
    <s v="HC-2312"/>
    <s v="In Production"/>
    <s v="web"/>
    <x v="1"/>
    <x v="1503"/>
  </r>
  <r>
    <x v="4"/>
    <x v="66"/>
    <x v="4139"/>
    <s v="NDR"/>
    <m/>
    <s v=""/>
    <x v="1"/>
    <s v=""/>
    <x v="26"/>
    <s v="HC - 3.1 First Nations and Inuit Primary Health Care"/>
    <s v="Other"/>
    <s v="HC-2313"/>
    <s v="In Production"/>
    <s v="web"/>
    <x v="1"/>
    <x v="1500"/>
  </r>
  <r>
    <x v="4"/>
    <x v="66"/>
    <x v="4140"/>
    <s v="MAILTRAK"/>
    <m/>
    <s v=""/>
    <x v="1"/>
    <s v=""/>
    <x v="26"/>
    <s v="HC - 2.1 Health Products"/>
    <s v="Information Management Services"/>
    <s v="HC-2318"/>
    <s v="In Production"/>
    <s v="web"/>
    <x v="1"/>
    <x v="1503"/>
  </r>
  <r>
    <x v="4"/>
    <x v="66"/>
    <x v="4141"/>
    <s v="MDELS"/>
    <s v="An online list of all establishment licence holders that will be updated on a regular basis"/>
    <s v=""/>
    <x v="1"/>
    <s v=""/>
    <x v="26"/>
    <s v="HC - 2.1 Health Products"/>
    <s v="Information Management Services"/>
    <s v="APP-02671"/>
    <s v="In Production"/>
    <s v="web"/>
    <x v="1"/>
    <x v="1499"/>
  </r>
  <r>
    <x v="4"/>
    <x v="66"/>
    <x v="4142"/>
    <s v="NERS"/>
    <m/>
    <s v=""/>
    <x v="1"/>
    <s v=""/>
    <x v="26"/>
    <s v="HC - 3.1 First Nations and Inuit Primary Health Care"/>
    <s v="Acquisition Services,Communications Services,Human Resources Management Services,Information Management Services,Management and Oversight Services"/>
    <s v="HC-2326"/>
    <s v="In Production"/>
    <s v="web"/>
    <x v="1"/>
    <x v="1497"/>
  </r>
  <r>
    <x v="4"/>
    <x v="66"/>
    <x v="4143"/>
    <s v="NSL"/>
    <m/>
    <s v=""/>
    <x v="1"/>
    <s v=""/>
    <x v="26"/>
    <s v="HC - 3.1 First Nations and Inuit Primary Health Care"/>
    <s v="Information Management Services"/>
    <s v="HC-2328"/>
    <s v="In Production"/>
    <s v="desktop"/>
    <x v="1"/>
    <x v="1497"/>
  </r>
  <r>
    <x v="4"/>
    <x v="66"/>
    <x v="4144"/>
    <s v="MDS"/>
    <m/>
    <s v=""/>
    <x v="1"/>
    <s v=""/>
    <x v="26"/>
    <s v="HC - 2.1.3 Medical Devices"/>
    <s v="Information Management Services"/>
    <s v="HC-2329"/>
    <s v="In Production"/>
    <s v="web"/>
    <x v="1"/>
    <x v="1504"/>
  </r>
  <r>
    <x v="4"/>
    <x v="66"/>
    <x v="4145"/>
    <s v="ORLD"/>
    <m/>
    <s v=""/>
    <x v="1"/>
    <s v=""/>
    <x v="26"/>
    <s v="HC - 2.5 Problematic Substance Use (previously Substance Use and Misuse)"/>
    <s v="Other"/>
    <s v="HC-2355"/>
    <s v="In Production"/>
    <s v="web"/>
    <x v="1"/>
    <x v="1504"/>
  </r>
  <r>
    <x v="4"/>
    <x v="66"/>
    <x v="4146"/>
    <s v="OMTS"/>
    <m/>
    <s v=""/>
    <x v="1"/>
    <s v=""/>
    <x v="26"/>
    <s v="HC - 3.2 Supplementary Health Benefits for First Nations and Inuit"/>
    <s v="Financial Management Services,Management and Oversight Services"/>
    <s v="HC-2366"/>
    <s v="In Production"/>
    <s v="desktop"/>
    <x v="1"/>
    <x v="1500"/>
  </r>
  <r>
    <x v="4"/>
    <x v="66"/>
    <x v="4147"/>
    <s v="NDR"/>
    <m/>
    <s v=""/>
    <x v="1"/>
    <s v=""/>
    <x v="26"/>
    <s v="HC - 2.6 Radiation Protection"/>
    <s v="Other"/>
    <s v="HC-2475"/>
    <s v="In Production"/>
    <s v="web"/>
    <x v="1"/>
    <x v="1504"/>
  </r>
  <r>
    <x v="4"/>
    <x v="66"/>
    <x v="4148"/>
    <s v="NHPID"/>
    <s v="(NHPID) Publlic database of all ingredients cleared fior use in NHPs including all pre-cleared information monographs."/>
    <s v=""/>
    <x v="1"/>
    <s v=""/>
    <x v="26"/>
    <s v="HC - 2.1 Health Products"/>
    <s v="Information Management Services"/>
    <s v="HC-2556"/>
    <s v="In Production"/>
    <s v="web"/>
    <x v="1"/>
    <x v="1515"/>
  </r>
  <r>
    <x v="4"/>
    <x v="66"/>
    <x v="4149"/>
    <s v="NOC - Online"/>
    <s v="The database will provide users with information such as a drug's full name, the date it was authorized, the active/medicinal ingredient, the manufacturer, the therapeutic class of the drug, and the Drug Identification Number, which is the numerical code assigned to drug products authorized under the Food and Drugs Act and its Regulations. A Notice of Compliance is the regulatory authorization to market a new drug in Canada. Health Canada issues such a notice to a company following the satisfactory review of a new drug submission. It indicates that the product has met the requirements of the Regulations for safety, quality and efficacy."/>
    <s v=""/>
    <x v="1"/>
    <s v=""/>
    <x v="26"/>
    <s v="HC - 2.1 Health Products"/>
    <s v="Information Management Services"/>
    <s v="HC-2615"/>
    <s v="In Production"/>
    <s v="web"/>
    <x v="1"/>
    <x v="1504"/>
  </r>
  <r>
    <x v="4"/>
    <x v="66"/>
    <x v="4150"/>
    <s v=""/>
    <s v="The application codes into nutrients the information collected in food consumption surveys. It uses the Canadian Nutrient File (CNF) and a modified version fo the USDA food and nutrient database for dietary sturdies to obtain the nutrient intake of surveyed group or population.  NSS a nutrition research tool is integral to many activities within the Food Program such as policy formulation, as in the discretionary fortification regulation development project, standards setting for Food and Drug Act and Regulations, risk assessement activities, the management of Natural Health Products (NHPs) in food formatand the food consumption surveys. It is the primary tool used to code data from the Canadian Community Health Survey (CCHS) with a nutrition focus (20"/>
    <s v=""/>
    <x v="1"/>
    <s v=""/>
    <x v="26"/>
    <s v="HC - 2.1 Health Products"/>
    <s v="Information Management Services"/>
    <s v="HC-2619"/>
    <s v="In Production"/>
    <s v="desktop"/>
    <x v="1"/>
    <x v="1503"/>
  </r>
  <r>
    <x v="4"/>
    <x v="66"/>
    <x v="4151"/>
    <s v="EDMS"/>
    <m/>
    <s v=""/>
    <x v="1"/>
    <s v=""/>
    <x v="26"/>
    <s v="HC - Internal Services 7: Information Technology Services"/>
    <s v="Information Management Services"/>
    <s v="HC-2697"/>
    <s v="In Production"/>
    <s v="web"/>
    <x v="1"/>
    <x v="1500"/>
  </r>
  <r>
    <x v="4"/>
    <x v="66"/>
    <x v="4152"/>
    <s v="LRS"/>
    <m/>
    <s v=""/>
    <x v="1"/>
    <s v=""/>
    <x v="26"/>
    <s v="HC - Internal Services 6: Information Management Services"/>
    <s v="Information Management Services"/>
    <s v="HC-2698"/>
    <s v="In Production"/>
    <s v="web"/>
    <x v="1"/>
    <x v="1509"/>
  </r>
  <r>
    <x v="4"/>
    <x v="66"/>
    <x v="4153"/>
    <s v=""/>
    <m/>
    <s v=""/>
    <x v="1"/>
    <s v=""/>
    <x v="26"/>
    <s v="HC - 1.1.2 Canada Health Act Administration"/>
    <s v="Information Management Services"/>
    <s v="HC-2733"/>
    <s v="In Production"/>
    <s v="web"/>
    <x v="1"/>
    <x v="1497"/>
  </r>
  <r>
    <x v="4"/>
    <x v="66"/>
    <x v="4154"/>
    <s v=""/>
    <s v="The Patent Register is an alphabetical listing of medicines and the associated patents, patent expiry dates and other related information established in accordance with the Patented Medicines (Notice of Compliance) Regulations [SOR/133-93 as amended].  The Therapeutic Products Directorate has developed a web-accessible version of the Patent Register.  As of December 1, 2002, it became the only electronic version of the Patent Register made available to users. The official version of the Patent Register continues to be maintained by the TPD at the Finance Building and remains open to public inspection during business hours."/>
    <s v=""/>
    <x v="1"/>
    <s v=""/>
    <x v="26"/>
    <s v="HC - 2.1 Health Products"/>
    <s v="Other"/>
    <s v="HC-2765"/>
    <s v="In Production"/>
    <s v="web"/>
    <x v="1"/>
    <x v="1503"/>
  </r>
  <r>
    <x v="4"/>
    <x v="66"/>
    <x v="4155"/>
    <s v="POCA"/>
    <m/>
    <s v=""/>
    <x v="1"/>
    <s v=""/>
    <x v="26"/>
    <s v="HC - 2.1 Health Products"/>
    <s v="Information Technology Services"/>
    <s v="HC-2771"/>
    <s v="In Production"/>
    <s v="rich"/>
    <x v="1"/>
    <x v="1508"/>
  </r>
  <r>
    <x v="4"/>
    <x v="66"/>
    <x v="4156"/>
    <s v=""/>
    <s v="Tracks TB submissions submitted and approved includes all conditions of the submissions"/>
    <s v=""/>
    <x v="1"/>
    <s v=""/>
    <x v="26"/>
    <s v="HC - Internal Services 5: Financial Management Services"/>
    <s v="Financial Management Services"/>
    <s v="HC-2825"/>
    <s v="In Production"/>
    <s v="web"/>
    <x v="1"/>
    <x v="1497"/>
  </r>
  <r>
    <x v="4"/>
    <x v="66"/>
    <x v="4157"/>
    <s v="SWI"/>
    <m/>
    <s v=""/>
    <x v="1"/>
    <s v=""/>
    <x v="26"/>
    <s v="HC - 2.1 Health Products"/>
    <s v="Information Management Services,Information Technology Services"/>
    <s v="APP-02492"/>
    <s v="In Production"/>
    <s v="web"/>
    <x v="1"/>
    <x v="86"/>
  </r>
  <r>
    <x v="4"/>
    <x v="66"/>
    <x v="4158"/>
    <s v="RADAR"/>
    <m/>
    <s v=""/>
    <x v="1"/>
    <s v=""/>
    <x v="26"/>
    <s v="HC - 2.4 Consumer Product and Workplace Hazardous Materials"/>
    <s v="Other"/>
    <s v="HC-2877"/>
    <s v="In Production"/>
    <s v="web"/>
    <x v="1"/>
    <x v="1504"/>
  </r>
  <r>
    <x v="4"/>
    <x v="66"/>
    <x v="4159"/>
    <s v="IPPRS"/>
    <s v="tool that is used to collect planning and reporting information from all the branches in HC in regards to integrated planning. HECSB is a having user.  Will be decommissioned once PEP is implemented and client is ready to decomm"/>
    <s v=""/>
    <x v="1"/>
    <s v=""/>
    <x v="26"/>
    <s v="HC - Internal Services 1: Management and Oversight Services"/>
    <s v="Information Management Services"/>
    <s v="HC-2884"/>
    <s v="In Production"/>
    <s v="web"/>
    <x v="1"/>
    <x v="1497"/>
  </r>
  <r>
    <x v="4"/>
    <x v="66"/>
    <x v="4160"/>
    <s v="ERM Tool"/>
    <m/>
    <s v=""/>
    <x v="1"/>
    <s v=""/>
    <x v="26"/>
    <s v="HC - Internal Services 5: Financial Management Services"/>
    <s v="Other"/>
    <s v="HC-2888"/>
    <s v="In Production"/>
    <s v="web"/>
    <x v="1"/>
    <x v="1497"/>
  </r>
  <r>
    <x v="4"/>
    <x v="66"/>
    <x v="4161"/>
    <s v=""/>
    <m/>
    <s v=""/>
    <x v="1"/>
    <s v=""/>
    <x v="26"/>
    <s v="HC - 3.1 First Nations and Inuit Primary Health Care"/>
    <s v="Other"/>
    <s v="HC-2912"/>
    <s v="In Production"/>
    <s v="web"/>
    <x v="1"/>
    <x v="1500"/>
  </r>
  <r>
    <x v="4"/>
    <x v="66"/>
    <x v="4162"/>
    <s v="eSAP"/>
    <m/>
    <s v=""/>
    <x v="1"/>
    <s v=""/>
    <x v="26"/>
    <s v="HC - 2.1 Health Products"/>
    <s v="Communications Services,Information Management Services,Management and Oversight Services"/>
    <s v="HC-2920"/>
    <s v="In Production"/>
    <s v="web"/>
    <x v="1"/>
    <x v="1503"/>
  </r>
  <r>
    <x v="4"/>
    <x v="66"/>
    <x v="4163"/>
    <s v="TCPA"/>
    <s v="Tool to collect TCP's activities"/>
    <s v=""/>
    <x v="1"/>
    <s v=""/>
    <x v="26"/>
    <s v="HC - 2.5.1 Tobacco Control"/>
    <s v="Other"/>
    <s v="HC-2989"/>
    <s v="In Production"/>
    <s v="web"/>
    <x v="1"/>
    <x v="1509"/>
  </r>
  <r>
    <x v="4"/>
    <x v="66"/>
    <x v="4164"/>
    <s v="TCIMS"/>
    <m/>
    <s v=""/>
    <x v="1"/>
    <s v=""/>
    <x v="26"/>
    <s v="HC - 2.5 Problematic Substance Use (previously Substance Use and Misuse)"/>
    <s v="Information Management Services"/>
    <s v="HC-3003"/>
    <s v="In Production"/>
    <s v="web"/>
    <x v="1"/>
    <x v="1503"/>
  </r>
  <r>
    <x v="4"/>
    <x v="66"/>
    <x v="4165"/>
    <s v=""/>
    <s v="Tool for the approval and tracking of Scientific Publications._x000a__x000a_This application has been developed &amp; maintained by Innovation, Science and Economic Development. Changed to GOTS as per Dariusz Bursynski - Aug 9, 2017"/>
    <s v=""/>
    <x v="1"/>
    <s v=""/>
    <x v="26"/>
    <s v="HC - 1.1.1 Health System Priorities"/>
    <s v="Information Management Services"/>
    <s v="APP-02522"/>
    <s v="In Production"/>
    <s v="web"/>
    <x v="1"/>
    <x v="119"/>
  </r>
  <r>
    <x v="4"/>
    <x v="66"/>
    <x v="4166"/>
    <s v="TRRS"/>
    <m/>
    <s v=""/>
    <x v="1"/>
    <s v=""/>
    <x v="26"/>
    <s v="HC - 2.5 Problematic Substance Use (previously Substance Use and Misuse)"/>
    <s v="Other"/>
    <s v="HC-3010"/>
    <s v="In Production"/>
    <s v="web"/>
    <x v="1"/>
    <x v="1516"/>
  </r>
  <r>
    <x v="4"/>
    <x v="66"/>
    <x v="4167"/>
    <s v="MRS/MVR/MRE"/>
    <s v="The Health Canada Financial Management Reporting Solutions (MRS) application allows users to access financial information using their Internet Explorer Web Browser. The database acts as a repository for financial information. It is an easy entry point for exploring a variety of financial views classified by category so that you can easily sort and organize your data, verify the information and print reports, as required."/>
    <s v=""/>
    <x v="1"/>
    <s v=""/>
    <x v="26"/>
    <s v="HC - Internal Services 5: Financial Management Services"/>
    <s v="Financial Management Services"/>
    <s v="APP-02434"/>
    <s v="In Production"/>
    <s v="web"/>
    <x v="1"/>
    <x v="1517"/>
  </r>
  <r>
    <x v="4"/>
    <x v="66"/>
    <x v="4168"/>
    <s v=""/>
    <m/>
    <s v=""/>
    <x v="1"/>
    <s v=""/>
    <x v="26"/>
    <s v="HC - 3.1 First Nations and Inuit Primary Health Care"/>
    <s v="Management and Oversight Services"/>
    <s v="HC-3043"/>
    <s v="In Production"/>
    <s v="web"/>
    <x v="1"/>
    <x v="1505"/>
  </r>
  <r>
    <x v="4"/>
    <x v="66"/>
    <x v="4169"/>
    <s v=""/>
    <m/>
    <s v=""/>
    <x v="1"/>
    <s v=""/>
    <x v="26"/>
    <s v="HC - 2.7 Pesticides"/>
    <s v="Information Management Services"/>
    <s v="HC-3046"/>
    <s v="In Production"/>
    <s v="web"/>
    <x v="1"/>
    <x v="1515"/>
  </r>
  <r>
    <x v="4"/>
    <x v="66"/>
    <x v="4170"/>
    <s v="H2O"/>
    <s v="Drinking Water Monitoring Management System.  The eau-water.ca application stores data concerning bacteriological and chemical analysis of drinking water, pools and beaches in Quebec and Ontario region.  Also data from Native communities and federal entities (Department, Agency, Cruise ship line, Airline companies) are gathered.  Those information are required to give advice to the population on their water quality.  Database contains records back to 1987.  Also known colloquially as H2O"/>
    <s v=""/>
    <x v="1"/>
    <s v=""/>
    <x v="26"/>
    <s v="HC - 3.1 First Nations and Inuit Primary Health Care"/>
    <s v="Other"/>
    <s v="HC-3047"/>
    <s v="In Production"/>
    <s v="desktop"/>
    <x v="1"/>
    <x v="1500"/>
  </r>
  <r>
    <x v="4"/>
    <x v="66"/>
    <x v="4171"/>
    <s v=""/>
    <s v="Drinking water database used by Health Canada, FNIHB, Atlantic Region"/>
    <s v=""/>
    <x v="1"/>
    <s v=""/>
    <x v="26"/>
    <s v="HC - 3.1 First Nations and Inuit Primary Health Care"/>
    <s v="Information Management Services"/>
    <s v="HC-3049"/>
    <s v="In Production"/>
    <s v="cloud"/>
    <x v="1"/>
    <x v="1497"/>
  </r>
  <r>
    <x v="4"/>
    <x v="66"/>
    <x v="4172"/>
    <s v=""/>
    <s v="Web Based Data program. // This web-based system is used by First Nation Tribal Councils and communities in their drinking water monitoring program"/>
    <s v=""/>
    <x v="1"/>
    <s v=""/>
    <x v="26"/>
    <s v="HC - 3.1 First Nations and Inuit Primary Health Care"/>
    <s v="Information Management Services"/>
    <s v="HC-3051"/>
    <s v="In Production"/>
    <s v="cloud"/>
    <x v="1"/>
    <x v="1497"/>
  </r>
  <r>
    <x v="4"/>
    <x v="66"/>
    <x v="4173"/>
    <s v="RSAMS"/>
    <s v="The RSAMS gathers in a single database all Advisory, Warning and Recall information provided by the following partners: Transport Canada, Canadian Food Inspection Agency, Consumer Product Safety, Drugs and Health Products, Marketed Health Products, Strategic Communications, and expected new partners in the future.  Product is on LINUX server."/>
    <s v=""/>
    <x v="1"/>
    <s v=""/>
    <x v="26"/>
    <s v="HC - Internal Services 2: Communications Services"/>
    <s v="Communications Services,Information Management Services"/>
    <s v="HC-3053"/>
    <s v="In Production"/>
    <s v="web"/>
    <x v="1"/>
    <x v="1518"/>
  </r>
  <r>
    <x v="4"/>
    <x v="66"/>
    <x v="4174"/>
    <s v="CSIMS"/>
    <s v="Consultation and Stakeholder Information Management System (CSIMS) is a new single-window corporate system for managing consultations and stakeholder information management for the entire department."/>
    <s v=""/>
    <x v="1"/>
    <s v=""/>
    <x v="26"/>
    <s v="HC - Internal Services 2: Communications Services"/>
    <s v="Communications Services"/>
    <s v="HC-3054"/>
    <s v="In Production"/>
    <s v="web"/>
    <x v="1"/>
    <x v="1516"/>
  </r>
  <r>
    <x v="4"/>
    <x v="66"/>
    <x v="4175"/>
    <s v="ADA"/>
    <s v="The application keeps a full audit of the various processes and work done by various service providers in the events of Health Canada employees  departing the department."/>
    <s v=""/>
    <x v="1"/>
    <s v=""/>
    <x v="26"/>
    <s v="HC - Internal Services 5: Financial Management Services"/>
    <s v="Financial Management Services"/>
    <s v="APP-02470"/>
    <s v="In Production"/>
    <s v="web"/>
    <x v="1"/>
    <x v="1515"/>
  </r>
  <r>
    <x v="4"/>
    <x v="66"/>
    <x v="4176"/>
    <s v="ATL UACS"/>
    <m/>
    <s v=""/>
    <x v="1"/>
    <s v=""/>
    <x v="26"/>
    <s v="HC - Internal Services 8: Real Property Services"/>
    <s v="Real Property Services"/>
    <s v="APP-02478"/>
    <s v="In Production"/>
    <s v="web"/>
    <x v="1"/>
    <x v="10"/>
  </r>
  <r>
    <x v="4"/>
    <x v="66"/>
    <x v="4177"/>
    <s v="DLS 2002"/>
    <m/>
    <s v=""/>
    <x v="1"/>
    <s v=""/>
    <x v="26"/>
    <s v="HC - Internal Services 8: Real Property Services"/>
    <s v="Real Property Services"/>
    <s v="HC-3108"/>
    <s v="In Production"/>
    <s v="web"/>
    <x v="1"/>
    <x v="1500"/>
  </r>
  <r>
    <x v="4"/>
    <x v="66"/>
    <x v="4178"/>
    <s v="DCS"/>
    <s v="Various IMSD Distributing Computing Service (DCS) performance metric reports."/>
    <s v=""/>
    <x v="1"/>
    <s v=""/>
    <x v="26"/>
    <s v="HC - Internal Services 7: Information Technology Services"/>
    <s v="Information Technology Services"/>
    <s v="APP-03351"/>
    <s v="In Production"/>
    <s v="web"/>
    <x v="1"/>
    <x v="1519"/>
  </r>
  <r>
    <x v="4"/>
    <x v="66"/>
    <x v="4179"/>
    <s v="LIMS Chg Reqs"/>
    <s v="A web application based on MYSQL and PHP Maker that tracks proposed and completed modifications to the Inspectorate LIMS. The system is also used by other programs in the Quebec Region."/>
    <s v=""/>
    <x v="1"/>
    <s v=""/>
    <x v="26"/>
    <s v="HC - 2.1 Health Products"/>
    <s v="Information Management Services,Information Technology Services"/>
    <s v="APP-02520"/>
    <s v="In Production"/>
    <s v="web"/>
    <x v="1"/>
    <x v="10"/>
  </r>
  <r>
    <x v="4"/>
    <x v="66"/>
    <x v="4180"/>
    <s v=""/>
    <s v="Data entry - Ontario First Nations communities occurrence repots.  MS Access."/>
    <s v=""/>
    <x v="1"/>
    <s v=""/>
    <x v="26"/>
    <s v="HC - 3.1 First Nations and Inuit Primary Health Care"/>
    <s v="Other"/>
    <s v="APP-02677"/>
    <s v="In Production"/>
    <s v="desktop"/>
    <x v="1"/>
    <x v="86"/>
  </r>
  <r>
    <x v="4"/>
    <x v="66"/>
    <x v="4181"/>
    <s v="ITS"/>
    <s v="(ITS) Open source app housed on the HRE which supports all general and technical client service inquiries at NNHPD."/>
    <s v=""/>
    <x v="1"/>
    <s v=""/>
    <x v="26"/>
    <s v="HC - 2.1 Health Products"/>
    <s v="Information Management Services"/>
    <s v="HC-3155"/>
    <s v="In Production"/>
    <s v="web"/>
    <x v="1"/>
    <x v="1518"/>
  </r>
  <r>
    <x v="4"/>
    <x v="66"/>
    <x v="4182"/>
    <s v=""/>
    <m/>
    <s v=""/>
    <x v="1"/>
    <s v=""/>
    <x v="26"/>
    <s v="HC - 2.1 Health Products"/>
    <s v="Information Management Services"/>
    <s v="APP-02518"/>
    <s v="In Production"/>
    <s v="web"/>
    <x v="1"/>
    <x v="1500"/>
  </r>
  <r>
    <x v="4"/>
    <x v="66"/>
    <x v="4183"/>
    <s v="CANLINE"/>
    <m/>
    <s v=""/>
    <x v="1"/>
    <s v=""/>
    <x v="26"/>
    <s v="HC - 2.1 Health Products"/>
    <s v="Other"/>
    <s v="HC-3231"/>
    <s v="In Production"/>
    <s v="web"/>
    <x v="1"/>
    <x v="1504"/>
  </r>
  <r>
    <x v="4"/>
    <x v="66"/>
    <x v="4184"/>
    <s v="OBTD-SED"/>
    <m/>
    <s v=""/>
    <x v="1"/>
    <s v=""/>
    <x v="26"/>
    <s v="HC - 2.1 Health Products"/>
    <s v="Other"/>
    <s v="HC-3232"/>
    <s v="In Production"/>
    <s v="web"/>
    <x v="1"/>
    <x v="1503"/>
  </r>
  <r>
    <x v="4"/>
    <x v="66"/>
    <x v="4185"/>
    <s v="NHP-OS"/>
    <m/>
    <s v=""/>
    <x v="1"/>
    <s v=""/>
    <x v="26"/>
    <s v="HC - 2.1 Health Products"/>
    <s v="Information Management Services,Information Technology Services"/>
    <s v="HC-3233"/>
    <s v="In Production"/>
    <s v="web"/>
    <x v="1"/>
    <x v="1520"/>
  </r>
  <r>
    <x v="4"/>
    <x v="66"/>
    <x v="4186"/>
    <s v=""/>
    <s v="Tracking tool for correspondence and appeals related to Ontario NIHB benefits."/>
    <s v=""/>
    <x v="1"/>
    <s v=""/>
    <x v="26"/>
    <s v="HC - 3.2 Supplementary Health Benefits for First Nations and Inuit"/>
    <s v="Information Management Services"/>
    <s v="HC-3496"/>
    <s v="In Production"/>
    <s v="web"/>
    <x v="1"/>
    <x v="1497"/>
  </r>
  <r>
    <x v="4"/>
    <x v="66"/>
    <x v="4187"/>
    <s v="TPD-MM-OCT"/>
    <m/>
    <s v=""/>
    <x v="1"/>
    <s v=""/>
    <x v="26"/>
    <s v="HC - 2.1 Health Products"/>
    <s v="Information Management Services"/>
    <s v="HC-3629"/>
    <s v="In Production"/>
    <s v="desktop"/>
    <x v="1"/>
    <x v="1497"/>
  </r>
  <r>
    <x v="4"/>
    <x v="66"/>
    <x v="4188"/>
    <s v=""/>
    <s v="This application is a browser accessible tool owned by the Province of Manitoba's Health - Teleheath department and supported by Telus Health Services. TELUS iScheduler offers five modules that can either stand alone or integrate to form a scheduling platform. These modules include the Referral Manager, the Telehealth Manager, the Enterprise Scheduling Manager, the Waitlist Manager, and the Organ Case Manager."/>
    <s v=""/>
    <x v="1"/>
    <s v=""/>
    <x v="26"/>
    <s v="HC - 3.1 First Nations and Inuit Primary Health Care"/>
    <s v="Information Management Services"/>
    <s v="HC-3630"/>
    <s v="In Production"/>
    <s v="web"/>
    <x v="1"/>
    <x v="1497"/>
  </r>
  <r>
    <x v="4"/>
    <x v="66"/>
    <x v="4189"/>
    <s v=""/>
    <s v="This application is owned by the Province of Manitoba. Manitoba Online provides subscribers with immediate access to provincial government databases. There is a confidential use agreement in place. Agreement Renewal Date: none - open ended. IBM supported application. To be replaced by Panorama in the future. Application contains Protected B info that can identify an individual as well as their immunization status. Editors are: employees of Manitoba Health; Employees of First Nations bands at 7 locations in Manitoba; Health Canada employees (data clerk at regional HC office in Manitoba that enters data collected by HC nurses working at HC health centres in Manitoba."/>
    <s v=""/>
    <x v="1"/>
    <s v=""/>
    <x v="26"/>
    <s v="HC - 3.1 First Nations and Inuit Primary Health Care"/>
    <s v="Information Management Services"/>
    <s v="HC-3631"/>
    <s v="In Production"/>
    <s v="web"/>
    <x v="1"/>
    <x v="1497"/>
  </r>
  <r>
    <x v="4"/>
    <x v="66"/>
    <x v="4190"/>
    <s v="eChart"/>
    <s v="This browser accessible application is owned by the Province of Manitoba. It is the provincial electronic health record and is an adjunct to the information available at the point of care. eChart presents electronic information reported by contributing source systems (e.g. labs, diagnostic imaging) that is matched to the provincial health identifying information for the patient (e.g.: 9-digit PHIN). There is no contract involved with using this system. A previous MOA expired March 31, 2015 for project deployment costs."/>
    <s v=""/>
    <x v="1"/>
    <s v=""/>
    <x v="26"/>
    <s v="HC - 3.1 First Nations and Inuit Primary Health Care"/>
    <s v="Information Management Services"/>
    <s v="HC-3632"/>
    <s v="In Production"/>
    <s v="web"/>
    <x v="1"/>
    <x v="1497"/>
  </r>
  <r>
    <x v="4"/>
    <x v="66"/>
    <x v="4191"/>
    <s v="VCS"/>
    <m/>
    <s v=""/>
    <x v="1"/>
    <s v=""/>
    <x v="26"/>
    <s v="HC - 3.2 Supplementary Health Benefits for First Nations and Inuit"/>
    <s v="Other"/>
    <s v="HC-3633"/>
    <s v="In Production"/>
    <s v="desktop"/>
    <x v="1"/>
    <x v="1521"/>
  </r>
  <r>
    <x v="4"/>
    <x v="66"/>
    <x v="4192"/>
    <s v="OMTS Security"/>
    <s v="The Ontario Transportation Management System security works in conjunction with the NIHB Security Manager and has the function to grant / revoke access to OMTS security for all zones or a particular zone."/>
    <s v=""/>
    <x v="1"/>
    <s v=""/>
    <x v="26"/>
    <s v="HC - 3.2 Supplementary Health Benefits for First Nations and Inuit"/>
    <s v="Other"/>
    <s v="APP-02681"/>
    <s v="In Production"/>
    <s v="desktop"/>
    <x v="1"/>
    <x v="106"/>
  </r>
  <r>
    <x v="4"/>
    <x v="66"/>
    <x v="4193"/>
    <s v="OMSER"/>
    <s v="This database is a repository for Ontario NIHB Medical Supplies &amp; Equipment (MS &amp; E) data and to produce reports on these data. For transactions over the past few years, MS &amp; E claims/data is now stored in HICPS. The business client does not touch the application, it was used by the previous vendor OmniSoft. The business client is comfortable with decommissioning the MS &amp; E Reporting application."/>
    <s v=""/>
    <x v="1"/>
    <s v=""/>
    <x v="26"/>
    <s v="HC - 3.2 Supplementary Health Benefits for First Nations and Inuit"/>
    <s v="Information Management Services"/>
    <s v="HC-3635"/>
    <s v="In Production"/>
    <s v="desktop"/>
    <x v="1"/>
    <x v="1497"/>
  </r>
  <r>
    <x v="4"/>
    <x v="66"/>
    <x v="4194"/>
    <s v="MSEL"/>
    <s v="This database is a repository for Ontario NIHB policy information (reference material for staff including administrative procedures and required documentation). This functionality addresses the business need for organizational consistency in procedures and is updated when NIHB policy changes. The client is comfortable in transitioning to an alternate solution. The future plan is for FNIHB to work with IMSD-SC to determine technically feasible options to retain functionality and data."/>
    <s v=""/>
    <x v="1"/>
    <s v=""/>
    <x v="26"/>
    <s v="HC - 3.2 Supplementary Health Benefits for First Nations and Inuit"/>
    <s v="Information Management Services"/>
    <s v="HC-3637"/>
    <s v="In Production"/>
    <s v="desktop"/>
    <x v="1"/>
    <x v="1497"/>
  </r>
  <r>
    <x v="4"/>
    <x v="66"/>
    <x v="4195"/>
    <s v="JIRA"/>
    <s v="Web based defect tracking COTS solution for HC and PHAC that is used by IMSD.  A consolidation to this PHAC instance was carried out in 2016 and the HC instance is to be decommissioned (APM ID: 2054)."/>
    <s v=""/>
    <x v="1"/>
    <s v=""/>
    <x v="26"/>
    <s v="HC - Internal Services 7: Information Technology Services"/>
    <s v="Information Management Services"/>
    <s v="HC-3642"/>
    <s v="In Production"/>
    <s v="web"/>
    <x v="1"/>
    <x v="1522"/>
  </r>
  <r>
    <x v="4"/>
    <x v="66"/>
    <x v="4196"/>
    <s v=""/>
    <s v="Stores documents, service providers information (security clearance, specialities, locations), allows EAS to search for and view service provider (mental health fields) profiles and display on a map - geo services"/>
    <s v=""/>
    <x v="1"/>
    <s v=""/>
    <x v="26"/>
    <s v="HC - 1.2 Specialized Health Services"/>
    <s v="Management and Oversight Services"/>
    <s v="HC-3651"/>
    <s v="In Production"/>
    <s v="desktop"/>
    <x v="1"/>
    <x v="1497"/>
  </r>
  <r>
    <x v="4"/>
    <x v="66"/>
    <x v="4197"/>
    <s v="RILL"/>
    <m/>
    <s v=""/>
    <x v="1"/>
    <s v=""/>
    <x v="26"/>
    <s v="HC - 2.1 Health Products"/>
    <s v="Information Management Services,Information Technology Services"/>
    <s v="APP-02370"/>
    <s v="In Production"/>
    <s v="web"/>
    <x v="1"/>
    <x v="86"/>
  </r>
  <r>
    <x v="4"/>
    <x v="66"/>
    <x v="4198"/>
    <s v="SGIL"/>
    <s v="This application is used in the Quebec Food lab. Can be accessed at http://quebecintranet/sGILV7.  The Food lab does not have access to LIMS, so this system is used instead.  Base de gestion des résultats du laboratoire Aliments du Québec"/>
    <s v=""/>
    <x v="1"/>
    <s v=""/>
    <x v="26"/>
    <s v="HC - 2.2 Food Safety and Nutrition"/>
    <s v="Information Management Services,Information Technology Services"/>
    <s v="HC-3654"/>
    <s v="In Production"/>
    <s v="web"/>
    <x v="1"/>
    <x v="1507"/>
  </r>
  <r>
    <x v="4"/>
    <x v="66"/>
    <x v="4199"/>
    <s v=""/>
    <s v="&quot;A web application based on MYSQL and PHP Maker that tracks information on products, to assist with testing for counterfeits. Includes images of products and packaging. Allows analysts to add LIMS tests of counterfeit products received for testing from the inspectors._x000a__x000a_2017.003.10 - This db is maintain by the Laboratory after the testing they add the info with pictures name lots etc. Not for public consumption.&quot;"/>
    <s v=""/>
    <x v="1"/>
    <s v=""/>
    <x v="26"/>
    <s v="HC - 2.1 Health Products"/>
    <s v="Other"/>
    <s v="APP-02395"/>
    <s v="In Production"/>
    <s v="web"/>
    <x v="1"/>
    <x v="10"/>
  </r>
  <r>
    <x v="4"/>
    <x v="66"/>
    <x v="4200"/>
    <s v=""/>
    <s v="Pharmacy tracking."/>
    <s v=""/>
    <x v="1"/>
    <s v=""/>
    <x v="26"/>
    <s v="HC - 3.2 Supplementary Health Benefits for First Nations and Inuit"/>
    <s v="Other"/>
    <s v="APP-02655"/>
    <s v="In Production"/>
    <s v="desktop"/>
    <x v="1"/>
    <x v="86"/>
  </r>
  <r>
    <x v="4"/>
    <x v="66"/>
    <x v="4201"/>
    <s v="MHIS"/>
    <m/>
    <s v=""/>
    <x v="1"/>
    <s v=""/>
    <x v="26"/>
    <s v="HC - 3.2 Supplementary Health Benefits for First Nations and Inuit"/>
    <s v="Other"/>
    <s v="HC-3785"/>
    <s v="In Production"/>
    <s v="desktop"/>
    <x v="1"/>
    <x v="1505"/>
  </r>
  <r>
    <x v="4"/>
    <x v="66"/>
    <x v="4202"/>
    <s v="SIA"/>
    <m/>
    <s v=""/>
    <x v="1"/>
    <s v=""/>
    <x v="26"/>
    <s v="HC - 3.3 Health Infrastructure Support for First Nations and Inuit"/>
    <s v="Information Management Services"/>
    <s v="APP-02706"/>
    <s v="In Production"/>
    <s v="web"/>
    <x v="1"/>
    <x v="86"/>
  </r>
  <r>
    <x v="4"/>
    <x v="66"/>
    <x v="4203"/>
    <s v="MySource"/>
    <s v="Health Canada and Public Health Agency of Canada internal facing site"/>
    <s v=""/>
    <x v="1"/>
    <s v=""/>
    <x v="26"/>
    <s v="HC - Internal Services 2: Communications Services"/>
    <s v="Communications Services"/>
    <s v="HC-3789"/>
    <s v="In Production"/>
    <s v="web"/>
    <x v="1"/>
    <x v="1509"/>
  </r>
  <r>
    <x v="4"/>
    <x v="66"/>
    <x v="4204"/>
    <s v="JIRA [Atlas]"/>
    <m/>
    <s v=""/>
    <x v="1"/>
    <s v=""/>
    <x v="26"/>
    <s v="HC - 2.3 Environmental Risks to Health"/>
    <s v="Information Management Services"/>
    <s v="HC-3794"/>
    <s v="In Production"/>
    <s v="web"/>
    <x v="1"/>
    <x v="1523"/>
  </r>
  <r>
    <x v="4"/>
    <x v="66"/>
    <x v="4205"/>
    <s v="LIMS-HECSB-PSL"/>
    <s v="PSL-Product Safety Lab"/>
    <s v=""/>
    <x v="1"/>
    <s v=""/>
    <x v="26"/>
    <s v="HC - 2.4 Consumer Product and Workplace Hazardous Materials"/>
    <s v="Information Management Services,Information Technology Services"/>
    <s v="HC-3795"/>
    <s v="In Production"/>
    <s v="web"/>
    <x v="1"/>
    <x v="1503"/>
  </r>
  <r>
    <x v="4"/>
    <x v="66"/>
    <x v="4206"/>
    <s v="PMRA eDB"/>
    <s v="The eDossier Builder is a stand-alone software application that facilitates the submission of applications to any regulatory authority that has adopted the OECD Global Harmonised Submission Transport Standard (GHSTS). This global standard supports the submission of common applications by companies to multiple regulatory authorities, without the need to recompile such applications based on national standards."/>
    <s v=""/>
    <x v="1"/>
    <s v=""/>
    <x v="26"/>
    <s v="HC - 2.7 Pesticides"/>
    <s v="Information Management Services"/>
    <s v="HC-3801"/>
    <s v="In Production"/>
    <s v="desktop"/>
    <x v="1"/>
    <x v="1497"/>
  </r>
  <r>
    <x v="4"/>
    <x v="66"/>
    <x v="4207"/>
    <s v=""/>
    <s v="Online resource designed to provide ready access to information on inspections of companies that manufacture and sell drug products for the Canadian market.  Canadians can search the site for information on inspection findings, including which companies have a good history of meeting safety and quality standards and which do not. The tool provides centralized access to plain-language, timely information on inspections. Canadians can use this information to have a better understanding of how Health Canada is enforcing -- and how companies are meeting -- Canada’s high standards for drug safety and quality."/>
    <s v=""/>
    <x v="1"/>
    <s v=""/>
    <x v="26"/>
    <s v="HC - 2.1 Health Products"/>
    <s v="Information Management Services"/>
    <s v="HC-3805"/>
    <s v="In Production"/>
    <s v="web"/>
    <x v="1"/>
    <x v="1500"/>
  </r>
  <r>
    <x v="4"/>
    <x v="66"/>
    <x v="4208"/>
    <s v="DHPR"/>
    <m/>
    <s v=""/>
    <x v="1"/>
    <s v=""/>
    <x v="26"/>
    <s v="HC - 2.1 Health Products"/>
    <s v="Information Management Services"/>
    <s v="APP-02661"/>
    <s v="In Production"/>
    <s v="web"/>
    <x v="1"/>
    <x v="106"/>
  </r>
  <r>
    <x v="4"/>
    <x v="66"/>
    <x v="4209"/>
    <s v="Gestion des Installations/Hesk"/>
    <s v="Tool that used by all the occupants to be able to input their requests related to corporate services (cards, extra electricity, ..). Allows open a ticket, follow-up, etc... building &amp; tenants service request, but not the fleet management (another tool). Only in the Health Portfolio._x000a_Used by Quebec, Shawinigan, Dorval, Montréal, Longueuil"/>
    <s v=""/>
    <x v="1"/>
    <s v=""/>
    <x v="26"/>
    <s v="HC - Internal Services 8: Real Property Services"/>
    <s v="Information Technology Services"/>
    <s v="APP-02750"/>
    <s v="In Production"/>
    <s v="web"/>
    <x v="1"/>
    <x v="1498"/>
  </r>
  <r>
    <x v="4"/>
    <x v="66"/>
    <x v="4210"/>
    <s v="DELIM"/>
    <s v="This is an application that is heavily used and relied upon by all the inspectors working in the East Region (Inspection and CV). Therefore, it is mandatory that it be maintained._x000a__x000a_Used to track all of our incidents (recalls, complaints, NCARs, etc.) and is essential to our work. It is also used for statistics, for generating delegation forms, for keeping information on incidents, to see what files are still active or are closed, etc. _x000a__x000a_Migrated from Approach DB"/>
    <s v=""/>
    <x v="1"/>
    <s v=""/>
    <x v="26"/>
    <s v="HC - 2.1 Health Products"/>
    <s v="Information Management Services"/>
    <s v="APP-02399"/>
    <s v="In Production"/>
    <s v="web"/>
    <x v="1"/>
    <x v="10"/>
  </r>
  <r>
    <x v="4"/>
    <x v="66"/>
    <x v="4211"/>
    <s v=""/>
    <s v="Houses information regarding eligible drug benefits."/>
    <s v=""/>
    <x v="1"/>
    <s v=""/>
    <x v="26"/>
    <s v="HC - 3.2 Supplementary Health Benefits for First Nations and Inuit"/>
    <s v="Other"/>
    <s v="APP-02730"/>
    <s v="In Production"/>
    <s v="desktop"/>
    <x v="1"/>
    <x v="86"/>
  </r>
  <r>
    <x v="4"/>
    <x v="66"/>
    <x v="4212"/>
    <s v="CISAHF"/>
    <s v="Database to capture data for Community Based Reporting Templates (CBRT) that are required submissions for Funding Agreements between Health Canada and the First Nations and Inuit Communities."/>
    <s v=""/>
    <x v="1"/>
    <s v=""/>
    <x v="26"/>
    <s v="HC - 3.1.2 First Nations and Inuit Public Health Protection"/>
    <s v="Information Management Services"/>
    <s v="APP-02817"/>
    <s v="In Production"/>
    <s v="desktop"/>
    <x v="1"/>
    <x v="86"/>
  </r>
  <r>
    <x v="4"/>
    <x v="66"/>
    <x v="4213"/>
    <s v=""/>
    <m/>
    <s v=""/>
    <x v="1"/>
    <s v=""/>
    <x v="26"/>
    <s v="HC - 2.1 Health Products"/>
    <s v="Information Technology Services"/>
    <s v="HC-5018"/>
    <s v="In Production"/>
    <s v="desktop"/>
    <x v="1"/>
    <x v="1500"/>
  </r>
  <r>
    <x v="4"/>
    <x v="66"/>
    <x v="4214"/>
    <s v="DS Admin"/>
    <s v="Remote administration for network video recorders  Note : DS Admin use will depend on how long the EHS building will be up."/>
    <s v=""/>
    <x v="1"/>
    <s v=""/>
    <x v="26"/>
    <s v="HC - Internal Services 8: Real Property Services"/>
    <s v="Real Property Services"/>
    <s v="HC-5028"/>
    <s v="In Production"/>
    <s v="desktop"/>
    <x v="1"/>
    <x v="1497"/>
  </r>
  <r>
    <x v="4"/>
    <x v="66"/>
    <x v="4215"/>
    <s v="DS Control Point"/>
    <m/>
    <s v=""/>
    <x v="1"/>
    <s v=""/>
    <x v="26"/>
    <s v="HC - Internal Services 8: Real Property Services"/>
    <s v="Real Property Services"/>
    <s v="HC-5029"/>
    <s v="In Production"/>
    <s v="desktop"/>
    <x v="1"/>
    <x v="1497"/>
  </r>
  <r>
    <x v="4"/>
    <x v="66"/>
    <x v="4216"/>
    <s v="Hedgehog"/>
    <m/>
    <s v=""/>
    <x v="1"/>
    <s v=""/>
    <x v="26"/>
    <s v="HC - 3.1.2.2 Environmental Public Health"/>
    <s v="Other"/>
    <s v="HC-5039"/>
    <s v="In Production"/>
    <s v="cloud"/>
    <x v="1"/>
    <x v="1497"/>
  </r>
  <r>
    <x v="4"/>
    <x v="66"/>
    <x v="4217"/>
    <s v="Keyscan"/>
    <m/>
    <s v=""/>
    <x v="1"/>
    <s v=""/>
    <x v="26"/>
    <s v="HC - Internal Services 8: Real Property Services"/>
    <s v="Other"/>
    <s v="APP-02601"/>
    <s v="In Production"/>
    <s v="web"/>
    <x v="1"/>
    <x v="106"/>
  </r>
  <r>
    <x v="4"/>
    <x v="66"/>
    <x v="4218"/>
    <s v="Frontier"/>
    <m/>
    <s v=""/>
    <x v="1"/>
    <s v=""/>
    <x v="26"/>
    <s v="HC - Internal Services 8: Real Property Services"/>
    <s v="Real Property Services"/>
    <s v="HC-5054"/>
    <s v="In Production"/>
    <s v="web"/>
    <x v="1"/>
    <x v="1505"/>
  </r>
  <r>
    <x v="4"/>
    <x v="66"/>
    <x v="4219"/>
    <s v="Kroll RX"/>
    <m/>
    <s v=""/>
    <x v="1"/>
    <s v=""/>
    <x v="26"/>
    <s v="HC - 3.1 First Nations and Inuit Primary Health Care"/>
    <s v="Information Management Services,Materiel Services"/>
    <s v="HC-5204"/>
    <s v="In Production"/>
    <s v="web"/>
    <x v="1"/>
    <x v="1505"/>
  </r>
  <r>
    <x v="4"/>
    <x v="66"/>
    <x v="4220"/>
    <s v=""/>
    <m/>
    <s v=""/>
    <x v="1"/>
    <s v=""/>
    <x v="26"/>
    <s v="HC - 3.2 Supplementary Health Benefits for First Nations and Inuit"/>
    <s v="Communications Services,Information Technology Services"/>
    <s v="APP-02606"/>
    <s v="In Production"/>
    <s v="web"/>
    <x v="1"/>
    <x v="86"/>
  </r>
  <r>
    <x v="4"/>
    <x v="66"/>
    <x v="4221"/>
    <s v="EPAS"/>
    <s v="iceMail transforms e-mail into a quality web communication channel for popular on-line applications such as help desk. In addition to phone calls, some 5-20% of our contact center interactions may be in the form of e-mails. iceMail allows our contact center agents to predefine responses, which can be used as automatic replies to some of these e-mails. E-mails requiring special care are instantly routed to appropriately skilled agents. Key features include a web-based search tool for agents to look up any historic e-mails by a variety of search criteria; e-mails can trigger screen-pops of popular CRM databases or launch a Web page."/>
    <s v=""/>
    <x v="1"/>
    <s v=""/>
    <x v="26"/>
    <s v="HC - Internal Services 2: Communications Services"/>
    <s v="Information Technology Services"/>
    <s v="HC-5253"/>
    <s v="In Production"/>
    <s v="web"/>
    <x v="1"/>
    <x v="1497"/>
  </r>
  <r>
    <x v="4"/>
    <x v="66"/>
    <x v="4222"/>
    <s v=""/>
    <m/>
    <s v=""/>
    <x v="1"/>
    <s v=""/>
    <x v="26"/>
    <s v="HC - Internal Services 8: Real Property Services"/>
    <s v="Real Property Services"/>
    <s v="APP-02773"/>
    <s v="In Production"/>
    <s v="web"/>
    <x v="1"/>
    <x v="86"/>
  </r>
  <r>
    <x v="4"/>
    <x v="66"/>
    <x v="4223"/>
    <s v="CESG"/>
    <s v="CESG is the tool that supports B2B connection  which enables receipt of eCTD electronic submission. These are validated and loaded into docuBridge and is recognized as a corporate electronic content management system  It is an Agency-wide solution for accepting electronic regulatory submissions. It enables the secure submission of premarket and postmarket regulatory information for review."/>
    <s v=""/>
    <x v="1"/>
    <s v=""/>
    <x v="26"/>
    <s v="HC - 2.1 Health Products"/>
    <s v="Information Management Services"/>
    <s v="HC-5739"/>
    <s v="In Production"/>
    <s v="web"/>
    <x v="1"/>
    <x v="1497"/>
  </r>
  <r>
    <x v="4"/>
    <x v="66"/>
    <x v="4224"/>
    <s v="Manitou CS"/>
    <s v="Central Alarm Monitoring Station Solution"/>
    <s v=""/>
    <x v="1"/>
    <s v=""/>
    <x v="26"/>
    <s v="HC - Internal Services 8: Real Property Services"/>
    <s v="Real Property Services"/>
    <s v="HC-5781"/>
    <s v="In Production"/>
    <s v="web"/>
    <x v="1"/>
    <x v="1500"/>
  </r>
  <r>
    <x v="4"/>
    <x v="66"/>
    <x v="4225"/>
    <s v="RTID"/>
    <m/>
    <s v=""/>
    <x v="1"/>
    <s v=""/>
    <x v="26"/>
    <s v="HC - Internal Services 8: Real Property Services"/>
    <s v="Real Property Services"/>
    <s v="HC-5782"/>
    <s v="In Production"/>
    <s v="web"/>
    <x v="1"/>
    <x v="1497"/>
  </r>
  <r>
    <x v="4"/>
    <x v="66"/>
    <x v="4226"/>
    <s v="Maximizer"/>
    <s v="Customer Relationship Management (CRM) solution: 2 DB for tracking  service providers and one about our organizational customers. merging info into documents for reporting/letter/agreements.  App2455 is the new version that will be implemented shortly (part of the Windows 2003 project) and 5784 (this record) is the current version that will be decommissioned once they implement App2455."/>
    <s v=""/>
    <x v="1"/>
    <s v=""/>
    <x v="26"/>
    <s v="HC - Internal Services 1: Management and Oversight Services"/>
    <s v="Management and Oversight Services"/>
    <s v="HC-5784"/>
    <s v="In Production"/>
    <s v="rich"/>
    <x v="1"/>
    <x v="1500"/>
  </r>
  <r>
    <x v="4"/>
    <x v="66"/>
    <x v="4227"/>
    <s v="Telax"/>
    <m/>
    <s v=""/>
    <x v="1"/>
    <s v=""/>
    <x v="26"/>
    <s v="HC - 3.2 Supplementary Health Benefits for First Nations and Inuit"/>
    <s v="Information Management Services,Other"/>
    <s v="APP-02775"/>
    <s v="In Production"/>
    <s v="web"/>
    <x v="1"/>
    <x v="86"/>
  </r>
  <r>
    <x v="4"/>
    <x v="66"/>
    <x v="4228"/>
    <s v="BCM50"/>
    <m/>
    <s v=""/>
    <x v="1"/>
    <s v=""/>
    <x v="26"/>
    <s v="HC - 3.2 Supplementary Health Benefits for First Nations and Inuit"/>
    <s v="Information Management Services"/>
    <s v="APP-03407"/>
    <s v="In Production"/>
    <s v="web"/>
    <x v="1"/>
    <x v="106"/>
  </r>
  <r>
    <x v="4"/>
    <x v="66"/>
    <x v="4229"/>
    <s v=""/>
    <s v="This application is an administration module for Ice contact center software. It allows a user to add or change Ice contact center user accounts, queues, teams, and connection addresses"/>
    <s v=""/>
    <x v="1"/>
    <s v=""/>
    <x v="26"/>
    <s v="HC - 2.6 Radiation Protection"/>
    <s v="Information Management Services"/>
    <s v="HC-6362"/>
    <s v="In Production"/>
    <s v="web"/>
    <x v="1"/>
    <x v="1497"/>
  </r>
  <r>
    <x v="4"/>
    <x v="66"/>
    <x v="4230"/>
    <s v=""/>
    <s v="systems allow calls to be distributed to first support agents regarding 1-800 services"/>
    <s v=""/>
    <x v="1"/>
    <s v=""/>
    <x v="26"/>
    <s v="HC - Internal Services 4: Human Resources Management Services"/>
    <s v="Human Resources Management Services"/>
    <s v="HC-6363"/>
    <s v="In Production"/>
    <s v="web"/>
    <x v="1"/>
    <x v="1497"/>
  </r>
  <r>
    <x v="4"/>
    <x v="66"/>
    <x v="4231"/>
    <s v=""/>
    <s v="used for monitoring the volume, quality of service, trace the call, reporting."/>
    <s v=""/>
    <x v="1"/>
    <s v=""/>
    <x v="26"/>
    <s v="HC - Internal Services 4: Human Resources Management Services"/>
    <s v="Human Resources Management Services"/>
    <s v="HC-6364"/>
    <s v="In Production"/>
    <s v="web"/>
    <x v="1"/>
    <x v="1497"/>
  </r>
  <r>
    <x v="4"/>
    <x v="66"/>
    <x v="4232"/>
    <s v=""/>
    <s v="allows manager to delegate to be able to respond to public inquiries"/>
    <s v=""/>
    <x v="1"/>
    <s v=""/>
    <x v="26"/>
    <s v="HC - Internal Services 2: Communications Services"/>
    <s v="Information Management Services"/>
    <s v="HC-6408"/>
    <s v="In Production"/>
    <s v="web"/>
    <x v="1"/>
    <x v="1497"/>
  </r>
  <r>
    <x v="4"/>
    <x v="66"/>
    <x v="4233"/>
    <s v=""/>
    <m/>
    <s v=""/>
    <x v="1"/>
    <s v=""/>
    <x v="26"/>
    <s v="HC - 3.2 Supplementary Health Benefits for First Nations and Inuit"/>
    <s v="Communications Services,Information Management Services,Information Technology Services"/>
    <s v="APP-02616"/>
    <s v="In Production"/>
    <s v="web"/>
    <x v="1"/>
    <x v="86"/>
  </r>
  <r>
    <x v="4"/>
    <x v="66"/>
    <x v="4234"/>
    <s v="IUCLID"/>
    <m/>
    <s v=""/>
    <x v="1"/>
    <s v=""/>
    <x v="26"/>
    <s v="HC - 2.3 Environmental Risks to Health"/>
    <s v="Other"/>
    <s v="HC-6458"/>
    <s v="In Production"/>
    <s v="web"/>
    <x v="1"/>
    <x v="1524"/>
  </r>
  <r>
    <x v="4"/>
    <x v="66"/>
    <x v="4235"/>
    <s v="RDIMS"/>
    <s v="An electronic data management system. Storage location for work files and records of business value.  RDIMS is the name of the database but it has no bearing on the location of users who use the system. This system has 2 locations EAST and WEST (previously 2 records in APM 6647 &amp; 6646. 6647 will be inactivated)  This instance of RDIMS is being used by HC &amp; PHAC."/>
    <s v=""/>
    <x v="1"/>
    <s v=""/>
    <x v="26"/>
    <s v="HC - Internal Services 7: Information Technology Services"/>
    <s v="Information Management Services"/>
    <s v="HC-6646"/>
    <s v="In Production"/>
    <s v="web"/>
    <x v="1"/>
    <x v="1500"/>
  </r>
  <r>
    <x v="4"/>
    <x v="66"/>
    <x v="4236"/>
    <s v=""/>
    <s v="ATIP Flow is a tracking system used by CSB to better track and manage the large number of requests received under the Access to Information Act and under the Privacy Act for PHAC."/>
    <s v=""/>
    <x v="1"/>
    <s v=""/>
    <x v="26"/>
    <s v="HC - Internal Services 1: Management and Oversight Services"/>
    <s v="Information Management Services"/>
    <s v="HC-6689"/>
    <s v="In Production"/>
    <s v="web"/>
    <x v="1"/>
    <x v="1509"/>
  </r>
  <r>
    <x v="4"/>
    <x v="66"/>
    <x v="4237"/>
    <s v=""/>
    <s v="ATIP Flow is a tracking system used by CSB to better track and manage the large number of requests received under the Access to Information Act and under the Privacy Act for PHAC."/>
    <s v=""/>
    <x v="1"/>
    <s v=""/>
    <x v="26"/>
    <s v="HC - Internal Services 1: Management and Oversight Services"/>
    <s v="Information Management Services"/>
    <s v="HC-6690"/>
    <s v="In Production"/>
    <s v="web"/>
    <x v="1"/>
    <x v="1509"/>
  </r>
  <r>
    <x v="4"/>
    <x v="66"/>
    <x v="4238"/>
    <s v=""/>
    <m/>
    <s v=""/>
    <x v="1"/>
    <s v=""/>
    <x v="26"/>
    <s v="HC - 3.1 First Nations and Inuit Primary Health Care"/>
    <s v="Financial Management Services"/>
    <s v="APP-02599"/>
    <s v="In Production"/>
    <s v="web"/>
    <x v="1"/>
    <x v="10"/>
  </r>
  <r>
    <x v="4"/>
    <x v="66"/>
    <x v="4239"/>
    <s v=""/>
    <s v="MS Word add-on tool"/>
    <s v=""/>
    <x v="1"/>
    <s v=""/>
    <x v="26"/>
    <s v="HC - 2.1 Health Products"/>
    <s v="Information Management Services"/>
    <s v="HC-6835"/>
    <s v="In Production"/>
    <s v="desktop"/>
    <x v="1"/>
    <x v="1497"/>
  </r>
  <r>
    <x v="6"/>
    <x v="33"/>
    <x v="4240"/>
    <s v="Accueil"/>
    <m/>
    <s v=""/>
    <x v="1"/>
    <s v=""/>
    <x v="27"/>
    <s v="Refugee Protection; Refugee Appeals; Detention Reviews and Admissibility Hearings; Immigration Appeals"/>
    <s v="Information Management Services"/>
    <s v="IRB-Accueil"/>
    <s v="In Production"/>
    <s v="desktop"/>
    <x v="1"/>
    <x v="1525"/>
  </r>
  <r>
    <x v="6"/>
    <x v="61"/>
    <x v="3513"/>
    <s v="APCM"/>
    <m/>
    <s v="Other"/>
    <x v="1"/>
    <s v="CDSC Systems Inc. - AccessPro Case Management"/>
    <x v="27"/>
    <s v="Internal Services"/>
    <s v="Information Management Services,Other"/>
    <s v="IRB-AccessPro CM"/>
    <s v="In Production"/>
    <s v="desktop"/>
    <x v="0"/>
    <x v="145"/>
  </r>
  <r>
    <x v="0"/>
    <x v="88"/>
    <x v="4241"/>
    <s v="DARS"/>
    <m/>
    <s v="Other"/>
    <x v="1"/>
    <s v="VIQ Solutions, DARS"/>
    <x v="27"/>
    <s v=""/>
    <s v="Information Technology Services"/>
    <s v="IRB-DARS"/>
    <s v="In Production"/>
    <s v="desktop"/>
    <x v="0"/>
    <x v="145"/>
  </r>
  <r>
    <x v="3"/>
    <x v="34"/>
    <x v="4242"/>
    <s v="ERStudio"/>
    <s v="Data Architect provides visual interface to document, understand, and publish information about data models and databases."/>
    <s v="IDERA"/>
    <x v="1"/>
    <s v="Embarcadero ERStudio Data Architect"/>
    <x v="27"/>
    <s v=""/>
    <s v="Information Management Services"/>
    <s v="APP-03191"/>
    <s v="In Production"/>
    <s v="desktop"/>
    <x v="0"/>
    <x v="1526"/>
  </r>
  <r>
    <x v="2"/>
    <x v="2"/>
    <x v="4243"/>
    <s v="FA"/>
    <m/>
    <s v="Other"/>
    <x v="1"/>
    <s v="FreeBalance Inc., Financial Accountability"/>
    <x v="27"/>
    <s v="Internal Services"/>
    <s v="Financial Management Services"/>
    <s v="IRB-FA"/>
    <s v="In Production"/>
    <s v="desktop"/>
    <x v="0"/>
    <x v="106"/>
  </r>
  <r>
    <x v="2"/>
    <x v="2"/>
    <x v="4244"/>
    <s v="FITS"/>
    <m/>
    <s v="Other"/>
    <x v="1"/>
    <s v="Landry Micro Systems, F.I.T.S."/>
    <x v="27"/>
    <s v="Internal Services"/>
    <s v="Financial Management Services"/>
    <s v="IRB-FITS"/>
    <s v="In Production"/>
    <s v="desktop"/>
    <x v="1"/>
    <x v="106"/>
  </r>
  <r>
    <x v="6"/>
    <x v="33"/>
    <x v="4245"/>
    <s v="HBT"/>
    <m/>
    <s v=""/>
    <x v="1"/>
    <s v=""/>
    <x v="27"/>
    <s v="Refugee Protection"/>
    <s v="Information Management Services"/>
    <s v="IRB-HBT"/>
    <s v="In Production"/>
    <s v="web"/>
    <x v="1"/>
    <x v="1527"/>
  </r>
  <r>
    <x v="0"/>
    <x v="28"/>
    <x v="4246"/>
    <s v="HCD"/>
    <s v="HCD system provides information regarding decisions made by higher courts on IRB cases that have been appealed.  HCD provides the list of cases appealed and a summary of the higher court decisions, and is used primarily for error-correction and training purposes."/>
    <s v=""/>
    <x v="1"/>
    <s v=""/>
    <x v="27"/>
    <s v="Refugee Protection; Refugee Appeals; Detention Review and Admissibility Hearings; Immigration Appeals"/>
    <s v="Information Management Services"/>
    <s v="IRB-HCD"/>
    <s v="In Production"/>
    <s v="web"/>
    <x v="1"/>
    <x v="1528"/>
  </r>
  <r>
    <x v="0"/>
    <x v="43"/>
    <x v="4247"/>
    <s v="Internet"/>
    <s v="This is our IRB corporate Web site open to the general public, as well as our internal website Atlas. The public site is a collection of Web pages providing information on our mandate, vision, business lines, priorities, etc. As per the recent decision by senior management, we also provide other applications to the public in order to facilitate country-of-origin research. The information provided is updated regularly. IRB Internet Website is built using SharePoint. It is refreshed regularly with updates.  The internal site is also a collection of web pages providing information and links to IRB employees to help them accomplish their tasks, as well as links to other applications such as Peoplesoft, Phoenix, and internal applications such as MultiTrans."/>
    <s v=""/>
    <x v="1"/>
    <s v=""/>
    <x v="27"/>
    <s v="Internal Services; Refugee Protection"/>
    <s v="Communications Services,Information Management Services,Other"/>
    <s v="IRB-Internet"/>
    <s v="In Production"/>
    <s v="web"/>
    <x v="1"/>
    <x v="1529"/>
  </r>
  <r>
    <x v="0"/>
    <x v="28"/>
    <x v="4248"/>
    <s v="JRTR"/>
    <m/>
    <s v=""/>
    <x v="1"/>
    <s v=""/>
    <x v="27"/>
    <s v="Internal Services"/>
    <s v="Information Management Services,Legal Services"/>
    <s v="IRB-JRTR"/>
    <s v="In Production"/>
    <s v="web"/>
    <x v="1"/>
    <x v="1530"/>
  </r>
  <r>
    <x v="6"/>
    <x v="21"/>
    <x v="4249"/>
    <s v="Lync"/>
    <s v=""/>
    <s v="Microsoft"/>
    <x v="1"/>
    <s v="Microsoft Lync 2010"/>
    <x v="27"/>
    <s v="Internal Services"/>
    <s v="Communications Services"/>
    <s v="APP-03263"/>
    <s v="In Production"/>
    <s v="desktop"/>
    <x v="0"/>
    <x v="1531"/>
  </r>
  <r>
    <x v="10"/>
    <x v="69"/>
    <x v="4250"/>
    <s v="MSFT"/>
    <m/>
    <s v="PWGSC"/>
    <x v="1"/>
    <s v="MSFT (Managed Secure File Transfer)"/>
    <x v="27"/>
    <s v="Corporate Service Case Management, Refugee Protection Division"/>
    <s v="Financial Management Services,Human Resources Management Services,Other"/>
    <s v="APP-01697"/>
    <s v="In Production"/>
    <s v="desktop"/>
    <x v="0"/>
    <x v="1532"/>
  </r>
  <r>
    <x v="3"/>
    <x v="30"/>
    <x v="4251"/>
    <s v="MSSQL"/>
    <m/>
    <s v="Microsoft"/>
    <x v="74"/>
    <s v=""/>
    <x v="27"/>
    <s v="Internal Services"/>
    <s v="Information Technology Services"/>
    <s v="APP-04333"/>
    <s v="In Production"/>
    <s v="appliance"/>
    <x v="0"/>
    <x v="1533"/>
  </r>
  <r>
    <x v="6"/>
    <x v="27"/>
    <x v="4252"/>
    <s v="Multitrans"/>
    <s v="MultiTrans is a translation support and language management tool that is based on a multilingual full-text repository of previously translated content. It has helped global organizations and language industry professionals to improve translation productivity and quality. Unlike traditional translation memory tools which are based on a database of isolated whole segments, MultiTrans makes vast collections of legacy full-text translations searchable for text strings of any length in their full usage context. Its interactive search capabilities provide users with the most relevant information, maximizing language resource reuse."/>
    <s v="Multicorpora_R_D_inc"/>
    <x v="58"/>
    <s v=""/>
    <x v="27"/>
    <s v="Internal Services"/>
    <s v="Communications Services"/>
    <s v="IRB-Multitrans"/>
    <s v="In Production"/>
    <s v="desktop"/>
    <x v="0"/>
    <x v="1534"/>
  </r>
  <r>
    <x v="10"/>
    <x v="55"/>
    <x v="4253"/>
    <s v="NFI"/>
    <m/>
    <s v=""/>
    <x v="1"/>
    <s v=""/>
    <x v="27"/>
    <s v="IRPA, IRPR, RPD Division Rules; RAD Division Rules (Bill C-11 and Bill C-31)."/>
    <s v="Communications Services"/>
    <s v="IRB-NFI"/>
    <s v="In Production"/>
    <s v=""/>
    <x v="1"/>
    <x v="302"/>
  </r>
  <r>
    <x v="0"/>
    <x v="16"/>
    <x v="4254"/>
    <s v="NOVA"/>
    <m/>
    <s v=""/>
    <x v="1"/>
    <s v=""/>
    <x v="27"/>
    <s v="Refugee Protection; Refugee Appeals; Detention Reviews and Admissibility Hearings; Immigration Appeals"/>
    <s v="Information Management Services"/>
    <s v="IRB-NOVA"/>
    <s v="In Production"/>
    <s v="appliance"/>
    <x v="1"/>
    <x v="1535"/>
  </r>
  <r>
    <x v="0"/>
    <x v="16"/>
    <x v="4255"/>
    <s v="OFFICENOVA"/>
    <m/>
    <s v=""/>
    <x v="1"/>
    <s v=""/>
    <x v="27"/>
    <s v="Refugee Protection; Refugee Appeals; Detention Reviews and Admissibility Hearings; Immigration Appeals"/>
    <s v="Information Management Services,Management and Oversight Services"/>
    <s v="APP-03233"/>
    <s v="In Production"/>
    <s v="desktop"/>
    <x v="1"/>
    <x v="1536"/>
  </r>
  <r>
    <x v="6"/>
    <x v="61"/>
    <x v="4256"/>
    <s v="Orgplus"/>
    <m/>
    <s v="Insperity"/>
    <x v="1"/>
    <s v="Insperity, Orgplus"/>
    <x v="27"/>
    <s v="Internal Services"/>
    <s v="Human Resources Management Services"/>
    <s v="IRB-Orgplus"/>
    <s v="In Production"/>
    <s v="desktop"/>
    <x v="0"/>
    <x v="1537"/>
  </r>
  <r>
    <x v="0"/>
    <x v="11"/>
    <x v="4257"/>
    <s v="SAM SSAS"/>
    <m/>
    <s v=""/>
    <x v="1"/>
    <s v=""/>
    <x v="27"/>
    <s v="Cube"/>
    <s v="Management and Oversight Services"/>
    <s v="APP-03187"/>
    <s v="In Production"/>
    <s v="desktop"/>
    <x v="1"/>
    <x v="1538"/>
  </r>
  <r>
    <x v="3"/>
    <x v="31"/>
    <x v="4258"/>
    <s v="SAS"/>
    <m/>
    <s v="SAS_Institute_Canada_Inc"/>
    <x v="75"/>
    <s v=""/>
    <x v="27"/>
    <s v=""/>
    <s v="Financial Management Services,Management and Oversight Services"/>
    <s v="IRB-SAS"/>
    <s v="In Production"/>
    <s v=""/>
    <x v="0"/>
    <x v="145"/>
  </r>
  <r>
    <x v="1"/>
    <x v="47"/>
    <x v="252"/>
    <s v="SCCM"/>
    <m/>
    <s v=""/>
    <x v="1"/>
    <s v=""/>
    <x v="27"/>
    <s v="Internal Services"/>
    <s v="Information Technology Services"/>
    <s v="APP-03251"/>
    <s v="In Production"/>
    <s v="desktop"/>
    <x v="0"/>
    <x v="1538"/>
  </r>
  <r>
    <x v="0"/>
    <x v="42"/>
    <x v="226"/>
    <s v="SharePoint"/>
    <m/>
    <s v="Microsoft Corporation"/>
    <x v="1"/>
    <s v="SharePoint 2010"/>
    <x v="27"/>
    <s v="Corporate Services"/>
    <s v="Information Management Services"/>
    <s v="APP-01720"/>
    <s v="In Production"/>
    <s v="web"/>
    <x v="0"/>
    <x v="88"/>
  </r>
  <r>
    <x v="3"/>
    <x v="4"/>
    <x v="4259"/>
    <s v="SSIS"/>
    <m/>
    <s v="Microsoft Corporation"/>
    <x v="1"/>
    <s v="SSIS - SQL Server Integration Services"/>
    <x v="27"/>
    <s v="Internal Services"/>
    <s v="Information Management Services"/>
    <s v="APP-01724"/>
    <s v="In Production"/>
    <s v="appliance"/>
    <x v="0"/>
    <x v="1535"/>
  </r>
  <r>
    <x v="3"/>
    <x v="45"/>
    <x v="4260"/>
    <s v="SSMS"/>
    <s v="SQL Server is used by the IRB as the main database server for the applications most critical to its business. SQL Server is a relational database management system (RDBMS) from Microsoft that's designed for the enterprise environment. SQL Server also includes: SSRS, SSAS, SSIS"/>
    <s v="Microsoft Corporation"/>
    <x v="1"/>
    <s v="SQL Server management Studio"/>
    <x v="27"/>
    <s v="Internal Services"/>
    <s v="Information Technology Services"/>
    <s v="APP-01722"/>
    <s v="In Production"/>
    <s v="desktop"/>
    <x v="0"/>
    <x v="1535"/>
  </r>
  <r>
    <x v="0"/>
    <x v="11"/>
    <x v="4261"/>
    <s v="SSRS"/>
    <m/>
    <s v=""/>
    <x v="1"/>
    <s v=""/>
    <x v="27"/>
    <s v=""/>
    <s v="Information Management Services"/>
    <s v="IRB-SSRS"/>
    <s v="In Production"/>
    <s v="web"/>
    <x v="1"/>
    <x v="1538"/>
  </r>
  <r>
    <x v="8"/>
    <x v="29"/>
    <x v="241"/>
    <s v="TFS"/>
    <s v="Team Foundation Server (TFS) is a Microsoft product which provides the tools to effectively manage software development projects throughout the IT lifecycle. TFS is used by the IRB to manage the application development planning and work items, such as change requests, test cases and defects."/>
    <s v="Microsoft Corporation"/>
    <x v="76"/>
    <s v="TFS - Team Foundation Server"/>
    <x v="27"/>
    <s v="Internal Services"/>
    <s v="Information Management Services,Information Technology Services"/>
    <s v="APP-01729"/>
    <s v="In Production"/>
    <s v="desktop"/>
    <x v="0"/>
    <x v="1538"/>
  </r>
  <r>
    <x v="2"/>
    <x v="58"/>
    <x v="4262"/>
    <s v="TMS"/>
    <s v="The Time Management System is used to capture data on the time and overtime spent by some of Legal Services’ employees on given tasks, for given clients. The System also allows for the production of reports based on this data.  The user base for this system ranges from 35 to 40 users, with full access and some with read only (reporting) access."/>
    <s v=""/>
    <x v="1"/>
    <s v=""/>
    <x v="27"/>
    <s v="Internal Services"/>
    <s v="Human Resources Management Services,Legal Services"/>
    <s v="IRB-TMS"/>
    <s v="In Production"/>
    <s v="web"/>
    <x v="1"/>
    <x v="88"/>
  </r>
  <r>
    <x v="0"/>
    <x v="62"/>
    <x v="4263"/>
    <s v=""/>
    <s v="Helpdesk, Asset Management, Change Management, Knowledge Management, Purchasing software."/>
    <s v="BMC"/>
    <x v="1"/>
    <s v="Track-It!"/>
    <x v="27"/>
    <s v="Internal Services"/>
    <s v="Information Management Services,Information Technology Services"/>
    <s v="APP-03078"/>
    <s v="In Production"/>
    <s v="web"/>
    <x v="0"/>
    <x v="1538"/>
  </r>
  <r>
    <x v="8"/>
    <x v="38"/>
    <x v="4264"/>
    <s v="Access Manager/Gestionnaire d'accès"/>
    <s v="A web based tool developed to manage access to regional applications developed by Québec region._x000a__x000a_Anne Turmel, 438-843-2495  (Shirley Cheung, assistant, 438-843-2494.  Contacted by phone November 11, 2017 - as this app is a tool for managing access to InfoClient, MAINTAIN (to be transferred to Nancy Camacho's team for support along with the main InfoClient app)."/>
    <s v=""/>
    <x v="1"/>
    <s v=""/>
    <x v="28"/>
    <s v="Multiple Programs"/>
    <s v="Information Technology Services"/>
    <s v="IRCC-Access Manager/"/>
    <s v="In Production"/>
    <s v="web"/>
    <x v="1"/>
    <x v="1539"/>
  </r>
  <r>
    <x v="3"/>
    <x v="31"/>
    <x v="4265"/>
    <s v="GCMS - Answers"/>
    <m/>
    <s v="Oracle"/>
    <x v="1"/>
    <s v="Oracle Business Intelligence"/>
    <x v="28"/>
    <s v="Multiple Programs"/>
    <s v="Information Technology Services"/>
    <s v="APP-01027"/>
    <s v="In Production"/>
    <s v="web"/>
    <x v="0"/>
    <x v="88"/>
  </r>
  <r>
    <x v="1"/>
    <x v="12"/>
    <x v="4266"/>
    <s v="ARS"/>
    <m/>
    <s v="BMC"/>
    <x v="14"/>
    <s v="Emtec (BMC) - Remedy ITSM"/>
    <x v="28"/>
    <s v="Manager Help Desk, Information Technology Solutions Directorate"/>
    <s v="Information Technology Services"/>
    <s v="IRCC-ARS"/>
    <s v="In Production"/>
    <s v="web"/>
    <x v="0"/>
    <x v="1540"/>
  </r>
  <r>
    <x v="0"/>
    <x v="28"/>
    <x v="4267"/>
    <s v="ATIP On Line Request"/>
    <s v="The inter-departmental ATIP e-application, accessible through TBS's external web site: http://www.tbs-sct.gc.ca/tbs-sct/index-eng.asp, enables clients' submission of ATIP requests through one central location."/>
    <s v=""/>
    <x v="1"/>
    <s v=""/>
    <x v="28"/>
    <s v="Policy, Training &amp; Projects, ATIP Division"/>
    <s v="Management and Oversight Services"/>
    <s v="IRCC-ATIP On Line Re"/>
    <s v="In Production"/>
    <s v="web"/>
    <x v="1"/>
    <x v="1541"/>
  </r>
  <r>
    <x v="0"/>
    <x v="28"/>
    <x v="4268"/>
    <s v="ATIP Suite"/>
    <m/>
    <s v="Other"/>
    <x v="14"/>
    <s v="CSDC Enterprise Solutions - AccessPro"/>
    <x v="28"/>
    <s v="Policy, Training &amp; Projects, ATIP Division"/>
    <s v="Information Management Services"/>
    <s v="IRCC-ATIP Suite"/>
    <s v="In Production"/>
    <s v="web"/>
    <x v="0"/>
    <x v="1542"/>
  </r>
  <r>
    <x v="3"/>
    <x v="31"/>
    <x v="4269"/>
    <s v="Beyond 20 20"/>
    <m/>
    <s v="Other"/>
    <x v="14"/>
    <s v="Beyond 20 20"/>
    <x v="28"/>
    <s v="Permanent Economic Residents"/>
    <s v="Information Management Services"/>
    <s v="IRCC-Beyond 20 20"/>
    <s v="In Production"/>
    <s v="web"/>
    <x v="0"/>
    <x v="1543"/>
  </r>
  <r>
    <x v="0"/>
    <x v="85"/>
    <x v="4270"/>
    <s v="BIFT"/>
    <s v="Enables the Operations Support Centre (OSC) to process refugee fingerprint files received from RCMP in support of the Five Country Conference initiative"/>
    <s v="Fujitsu"/>
    <x v="14"/>
    <s v="Aware BioSP"/>
    <x v="28"/>
    <s v="Migration Control and Security Management"/>
    <s v="Information Technology Services"/>
    <s v="IRCC-BioSP / ARU"/>
    <s v="In Production"/>
    <s v="web"/>
    <x v="0"/>
    <x v="1544"/>
  </r>
  <r>
    <x v="3"/>
    <x v="31"/>
    <x v="4271"/>
    <s v="BIP"/>
    <s v="Oracle Report server use of GCMS operationnal reporting in printable format including 2D bar code labels."/>
    <s v="Oracle"/>
    <x v="77"/>
    <s v=""/>
    <x v="28"/>
    <s v="Multiple Programs"/>
    <s v="Information Technology Services"/>
    <s v="APP-01024"/>
    <s v="In Production"/>
    <s v="web"/>
    <x v="0"/>
    <x v="88"/>
  </r>
  <r>
    <x v="2"/>
    <x v="70"/>
    <x v="4272"/>
    <s v="BTS"/>
    <s v="A system to label and track the barcodes that have been added to Temporary Resident kits that have been sent out."/>
    <s v=""/>
    <x v="1"/>
    <s v=""/>
    <x v="28"/>
    <s v="Unassigned PAA"/>
    <s v="Information Technology Services"/>
    <s v="IRCC-BTS"/>
    <s v="In Production"/>
    <s v="desktop"/>
    <x v="1"/>
    <x v="1545"/>
  </r>
  <r>
    <x v="0"/>
    <x v="88"/>
    <x v="4273"/>
    <s v="CCCA"/>
    <s v="Web form to allow clients to request clearance for use of crown copyrighted materials"/>
    <s v=""/>
    <x v="1"/>
    <s v=""/>
    <x v="28"/>
    <s v=""/>
    <s v="Information Management Services"/>
    <s v="APP-03672"/>
    <s v="InDevelopment"/>
    <s v="web"/>
    <x v="1"/>
    <x v="1546"/>
  </r>
  <r>
    <x v="3"/>
    <x v="31"/>
    <x v="4274"/>
    <s v="EDW - CDM"/>
    <s v="Reporting publication server, reporting versioning, publication in pdf, excel, ppt allowing user analysis input and formating."/>
    <s v="IBM"/>
    <x v="14"/>
    <s v="Cognos Disclosure Management"/>
    <x v="28"/>
    <s v="Multiple Programs"/>
    <s v="Information Technology Services"/>
    <s v="APP-01019"/>
    <s v="In Production"/>
    <s v="web"/>
    <x v="0"/>
    <x v="1547"/>
  </r>
  <r>
    <x v="0"/>
    <x v="28"/>
    <x v="4275"/>
    <s v="CEDIS                                                   "/>
    <m/>
    <s v=""/>
    <x v="1"/>
    <s v=""/>
    <x v="28"/>
    <s v="Citizenship for Newcomers and All Canadians"/>
    <s v="Communications Services"/>
    <s v="IRCC-CEDIS"/>
    <s v="In Production"/>
    <s v="web"/>
    <x v="1"/>
    <x v="1548"/>
  </r>
  <r>
    <x v="0"/>
    <x v="18"/>
    <x v="4276"/>
    <s v="CFM"/>
    <s v="The CFM application is used by CIC's public user to provide feedback about CIC's services."/>
    <s v=""/>
    <x v="1"/>
    <s v=""/>
    <x v="28"/>
    <s v="Multiple Programs"/>
    <s v="Information Technology Services"/>
    <s v="APP-00949"/>
    <s v="In Production"/>
    <s v="web"/>
    <x v="1"/>
    <x v="88"/>
  </r>
  <r>
    <x v="0"/>
    <x v="7"/>
    <x v="4277"/>
    <s v="CIBIDS"/>
    <m/>
    <s v=""/>
    <x v="1"/>
    <s v=""/>
    <x v="28"/>
    <s v="Migration Control and Security Management"/>
    <s v="Information Management Services"/>
    <s v="IRCC-CIBIDS"/>
    <s v="In Production"/>
    <s v="web"/>
    <x v="1"/>
    <x v="1549"/>
  </r>
  <r>
    <x v="0"/>
    <x v="8"/>
    <x v="4278"/>
    <s v="CIC Intranet"/>
    <m/>
    <s v=""/>
    <x v="1"/>
    <s v=""/>
    <x v="28"/>
    <s v="Unassigned PAA"/>
    <s v="Communications Services"/>
    <s v="IRCC-CIC Intranet Ap"/>
    <s v="In Production"/>
    <s v="web"/>
    <x v="1"/>
    <x v="1550"/>
  </r>
  <r>
    <x v="4"/>
    <x v="5"/>
    <x v="4279"/>
    <s v="CICWiki"/>
    <s v="Collaboration tool. To be replaced by GCPedia and GCConnex."/>
    <s v=""/>
    <x v="1"/>
    <s v=""/>
    <x v="28"/>
    <s v=""/>
    <s v=""/>
    <s v="APP-02035"/>
    <s v="In Production"/>
    <s v="web"/>
    <x v="0"/>
    <x v="1551"/>
  </r>
  <r>
    <x v="4"/>
    <x v="5"/>
    <x v="4280"/>
    <s v="CitSearch"/>
    <s v="Intranet application."/>
    <s v=""/>
    <x v="1"/>
    <s v=""/>
    <x v="28"/>
    <s v=""/>
    <s v=""/>
    <s v="APP-02037"/>
    <s v="In Production"/>
    <s v="web"/>
    <x v="1"/>
    <x v="86"/>
  </r>
  <r>
    <x v="2"/>
    <x v="10"/>
    <x v="4281"/>
    <s v="CKFITS"/>
    <s v="Automated system for the monitoring and oversight of CIC Immigration Controlled Forms."/>
    <s v=""/>
    <x v="1"/>
    <s v=""/>
    <x v="28"/>
    <s v="Unassigned PAA"/>
    <s v="Other"/>
    <s v="IRCC-CKFITS"/>
    <s v="In Production"/>
    <s v="web"/>
    <x v="1"/>
    <x v="1548"/>
  </r>
  <r>
    <x v="4"/>
    <x v="5"/>
    <x v="4282"/>
    <s v="Classified"/>
    <s v="Intranet tool for employees to list items for sale. To be replaced by GCPedia or GCConnex."/>
    <s v=""/>
    <x v="1"/>
    <s v=""/>
    <x v="28"/>
    <s v=""/>
    <s v=""/>
    <s v="APP-02041"/>
    <s v="In Production"/>
    <s v="web"/>
    <x v="1"/>
    <x v="1552"/>
  </r>
  <r>
    <x v="3"/>
    <x v="31"/>
    <x v="4283"/>
    <s v="EDW - Cognos BI"/>
    <m/>
    <s v="IBM"/>
    <x v="14"/>
    <s v="Cognos Business Intelligence"/>
    <x v="28"/>
    <s v="Multiple Program Areas"/>
    <s v="Information Technology Services"/>
    <s v="APP-01007"/>
    <s v="In Production"/>
    <s v="web"/>
    <x v="0"/>
    <x v="1553"/>
  </r>
  <r>
    <x v="8"/>
    <x v="29"/>
    <x v="191"/>
    <s v="ColdFusion"/>
    <s v="A rapid development platform for building modern web applications."/>
    <s v=""/>
    <x v="78"/>
    <s v="Adobe Coldfusion"/>
    <x v="28"/>
    <s v="Information Technology"/>
    <s v="Information Technology Services"/>
    <s v="IRCC-ColdFusion"/>
    <s v="In Production"/>
    <s v="desktop"/>
    <x v="0"/>
    <x v="145"/>
  </r>
  <r>
    <x v="4"/>
    <x v="5"/>
    <x v="4284"/>
    <s v="Comments"/>
    <s v="Intranet application."/>
    <s v=""/>
    <x v="1"/>
    <s v=""/>
    <x v="28"/>
    <s v=""/>
    <s v=""/>
    <s v="APP-02043"/>
    <s v="In Production"/>
    <s v="web"/>
    <x v="1"/>
    <x v="1554"/>
  </r>
  <r>
    <x v="0"/>
    <x v="7"/>
    <x v="794"/>
    <s v="Correspondence                             "/>
    <s v="Provides the mailroom staff in each of our three lines of business to produce a letter of missing requirements for the clients who have submitted an application that is not complete and to produce production statistics for the PRC Team Leader and the PRC Operation Manager.  In addition, it is used to query for the client letters that has been sent if an inquiry is made."/>
    <s v=""/>
    <x v="1"/>
    <s v=""/>
    <x v="28"/>
    <s v="Permanent Economic Residents"/>
    <s v="Communications Services"/>
    <s v="IRCC-Correspondence"/>
    <s v="In Production"/>
    <s v="web"/>
    <x v="1"/>
    <x v="1539"/>
  </r>
  <r>
    <x v="0"/>
    <x v="85"/>
    <x v="4285"/>
    <s v="CPC - M"/>
    <s v="Imaging system for case processiing centre Missisuasga. Sponsorship files are scanned and saved in .tif format (stored on OMIS2W217 computer). File were scanned by an outside company (xebec). The tif images have not been updated since August 9, 2010, and ssytem is only used for reference lookup as needed."/>
    <s v=""/>
    <x v="1"/>
    <s v=""/>
    <x v="28"/>
    <s v="Family and Discretionary Immigration"/>
    <s v="Information Technology Services"/>
    <s v="IRCC-CPC - M"/>
    <s v="In Production"/>
    <s v="desktop"/>
    <x v="1"/>
    <x v="1555"/>
  </r>
  <r>
    <x v="0"/>
    <x v="16"/>
    <x v="4286"/>
    <s v="CPC Images"/>
    <m/>
    <s v=""/>
    <x v="1"/>
    <s v=""/>
    <x v="28"/>
    <s v="Support Services - Search"/>
    <s v=""/>
    <s v="APP-00813"/>
    <s v="In Production"/>
    <s v="web"/>
    <x v="1"/>
    <x v="88"/>
  </r>
  <r>
    <x v="3"/>
    <x v="31"/>
    <x v="4287"/>
    <s v="CPC-M Stats                                      "/>
    <m/>
    <s v=""/>
    <x v="1"/>
    <s v=""/>
    <x v="28"/>
    <s v="Family and Discretionary Immigration"/>
    <s v="Information Technology Services"/>
    <s v="IRCC-CPC-M Stats"/>
    <s v="In Production"/>
    <s v="desktop"/>
    <x v="1"/>
    <x v="1556"/>
  </r>
  <r>
    <x v="0"/>
    <x v="16"/>
    <x v="4288"/>
    <s v="CPS-III"/>
    <m/>
    <s v=""/>
    <x v="1"/>
    <s v=""/>
    <x v="28"/>
    <s v="Permanent Economic Residents"/>
    <s v="Other"/>
    <s v="IRCC-CPS-III"/>
    <s v="In Production"/>
    <s v="web"/>
    <x v="1"/>
    <x v="1557"/>
  </r>
  <r>
    <x v="0"/>
    <x v="16"/>
    <x v="4289"/>
    <s v="CSE                                                        "/>
    <s v="The Case Specific Enquiry application is used by CIC Clients to enquire on applications submitted at visa offices.  The Case Specific Enquiry application is used by CIC Clients to enquire on applications submitted at visa offices."/>
    <s v=""/>
    <x v="1"/>
    <s v=""/>
    <x v="28"/>
    <s v="Unassigned PAA"/>
    <s v="Other"/>
    <s v="IRCC-CSE"/>
    <s v="In Production"/>
    <s v="web"/>
    <x v="1"/>
    <x v="1558"/>
  </r>
  <r>
    <x v="2"/>
    <x v="52"/>
    <x v="4290"/>
    <s v="CSMS (SGSC)                                    "/>
    <m/>
    <s v=""/>
    <x v="1"/>
    <s v=""/>
    <x v="28"/>
    <s v="Unassigned PAA"/>
    <s v="Management and Oversight Services"/>
    <s v="IRCC-CSMS (SGSC)"/>
    <s v="In Production"/>
    <s v="rich"/>
    <x v="1"/>
    <x v="1559"/>
  </r>
  <r>
    <x v="0"/>
    <x v="16"/>
    <x v="4291"/>
    <s v="CSQ-Lite"/>
    <m/>
    <s v=""/>
    <x v="1"/>
    <s v=""/>
    <x v="28"/>
    <s v="Support Services - Search"/>
    <s v="Other"/>
    <s v="APP-01806"/>
    <s v="In Production"/>
    <s v="web"/>
    <x v="1"/>
    <x v="1560"/>
  </r>
  <r>
    <x v="0"/>
    <x v="16"/>
    <x v="4292"/>
    <s v="CTS File Repository"/>
    <m/>
    <s v=""/>
    <x v="1"/>
    <s v=""/>
    <x v="28"/>
    <s v="Permanent Economic Residents"/>
    <s v="Management and Oversight Services"/>
    <s v="IRCC-CTS Main"/>
    <s v="In Production"/>
    <s v="desktop"/>
    <x v="1"/>
    <x v="1561"/>
  </r>
  <r>
    <x v="2"/>
    <x v="2"/>
    <x v="4293"/>
    <s v="DFMS"/>
    <m/>
    <s v=""/>
    <x v="1"/>
    <s v=""/>
    <x v="28"/>
    <s v="Financial Management"/>
    <s v="Financial Management Services,Other"/>
    <s v="IRCC-IFMS"/>
    <s v="In Production"/>
    <s v="web"/>
    <x v="1"/>
    <x v="1562"/>
  </r>
  <r>
    <x v="2"/>
    <x v="3"/>
    <x v="4294"/>
    <s v="Director Awards                              "/>
    <s v="Provide staff with an electronic submission form for the Directors Award."/>
    <s v=""/>
    <x v="1"/>
    <s v=""/>
    <x v="28"/>
    <s v="Unassigned PAA"/>
    <s v="Human Resources Management Services"/>
    <s v="IRCC-Director Awards"/>
    <s v="In Production"/>
    <s v="web"/>
    <x v="1"/>
    <x v="1556"/>
  </r>
  <r>
    <x v="0"/>
    <x v="85"/>
    <x v="4295"/>
    <s v="DMP - Dicom                           "/>
    <m/>
    <s v="Other"/>
    <x v="14"/>
    <s v="Philips Medical Systems / DICOM"/>
    <x v="28"/>
    <s v="Unassigned PAA"/>
    <s v="Other"/>
    <s v="IRCC-DMP - Dicom 42"/>
    <s v="In Production"/>
    <s v="desktop"/>
    <x v="0"/>
    <x v="1563"/>
  </r>
  <r>
    <x v="4"/>
    <x v="5"/>
    <x v="4296"/>
    <s v="DNTA"/>
    <m/>
    <s v=""/>
    <x v="1"/>
    <s v=""/>
    <x v="28"/>
    <s v="GCMS"/>
    <s v="Information Technology Services"/>
    <s v="APP-03706"/>
    <s v="In Production"/>
    <s v="web"/>
    <x v="1"/>
    <x v="587"/>
  </r>
  <r>
    <x v="3"/>
    <x v="31"/>
    <x v="4297"/>
    <s v="DV Dashboard"/>
    <s v="A dashboard development environment for visualizing Excel spreadsheet data through a variety of online, interactive charts.  DV Dashboard is used to build the APM, ETI and Services Dashboards.  The system consists of a Studio for chart configuration and an online web-based dashboard application."/>
    <s v=""/>
    <x v="1"/>
    <s v=""/>
    <x v="28"/>
    <s v="Data Visualization"/>
    <s v="Information Technology Services"/>
    <s v="APP-04266"/>
    <s v="In Production"/>
    <s v="web"/>
    <x v="1"/>
    <x v="1564"/>
  </r>
  <r>
    <x v="0"/>
    <x v="16"/>
    <x v="4298"/>
    <s v="eServices - e-Application / e-App"/>
    <m/>
    <s v=""/>
    <x v="1"/>
    <s v=""/>
    <x v="28"/>
    <s v="Unassigned PAA"/>
    <s v="Information Technology Services"/>
    <s v="IRCC-e-Application"/>
    <s v="In Production"/>
    <s v="web"/>
    <x v="1"/>
    <x v="1565"/>
  </r>
  <r>
    <x v="0"/>
    <x v="16"/>
    <x v="4299"/>
    <s v="eServices - e-CAS-COA"/>
    <m/>
    <s v="Microsoft_Corporation"/>
    <x v="1"/>
    <s v="MSAccess and SQL"/>
    <x v="28"/>
    <s v="Migration Control and Security Management"/>
    <s v="Information Management Services"/>
    <s v="IRCC-e-CAS-COA"/>
    <s v="In Production"/>
    <s v="web"/>
    <x v="1"/>
    <x v="1566"/>
  </r>
  <r>
    <x v="8"/>
    <x v="29"/>
    <x v="110"/>
    <s v="Eclipse"/>
    <s v="A platform for building integrated web and application development tooling"/>
    <s v="Other"/>
    <x v="1"/>
    <s v="The Eclipse Foundation, Eclipse Mars"/>
    <x v="28"/>
    <s v="Information Technology"/>
    <s v="Information Technology Services"/>
    <s v="IRCC-Eclipse"/>
    <s v="In Production"/>
    <s v="desktop"/>
    <x v="0"/>
    <x v="10"/>
  </r>
  <r>
    <x v="10"/>
    <x v="55"/>
    <x v="4300"/>
    <s v="EDL SFTP"/>
    <m/>
    <s v=""/>
    <x v="1"/>
    <s v=""/>
    <x v="28"/>
    <s v="Program Integrity"/>
    <s v="Information Technology Services"/>
    <s v="APP-00018"/>
    <s v="In Production"/>
    <s v="desktop"/>
    <x v="1"/>
    <x v="1567"/>
  </r>
  <r>
    <x v="0"/>
    <x v="85"/>
    <x v="4301"/>
    <s v="EDL-QAIS"/>
    <m/>
    <s v=""/>
    <x v="1"/>
    <s v=""/>
    <x v="28"/>
    <s v="Unassigned PAA"/>
    <s v="Other"/>
    <s v="IRCC-QAIS  EDL"/>
    <s v="In Production"/>
    <s v="desktop"/>
    <x v="1"/>
    <x v="1568"/>
  </r>
  <r>
    <x v="3"/>
    <x v="31"/>
    <x v="4302"/>
    <s v="EDW - CnDs"/>
    <s v="SPSS Collaboration and Deployment Services, for storing and deployment of advanced analytics models, schedule and manage Advanced analytics Execution Servers."/>
    <s v="IBM"/>
    <x v="1"/>
    <s v="CnDs"/>
    <x v="28"/>
    <s v="Multiple Programs"/>
    <s v="Information Technology Services"/>
    <s v="APP-04094"/>
    <s v="In Production"/>
    <s v="web"/>
    <x v="0"/>
    <x v="587"/>
  </r>
  <r>
    <x v="3"/>
    <x v="31"/>
    <x v="4303"/>
    <s v="EDW - IAV"/>
    <s v="Informatica Address Validation"/>
    <s v="Informatica"/>
    <x v="1"/>
    <s v="Informatica Address Dr"/>
    <x v="28"/>
    <s v="Multiple Programs"/>
    <s v="Information Technology Services"/>
    <s v="APP-04091"/>
    <s v="In Production"/>
    <s v="web"/>
    <x v="0"/>
    <x v="587"/>
  </r>
  <r>
    <x v="3"/>
    <x v="31"/>
    <x v="4304"/>
    <s v="EDW - IDQ"/>
    <m/>
    <s v="Informatica"/>
    <x v="1"/>
    <s v="Informatica DQ"/>
    <x v="28"/>
    <s v="Multiple Programs"/>
    <s v="Information Technology Services"/>
    <s v="APP-04088"/>
    <s v="In Production"/>
    <s v="web"/>
    <x v="0"/>
    <x v="587"/>
  </r>
  <r>
    <x v="3"/>
    <x v="31"/>
    <x v="4305"/>
    <s v="EDW - Netezza"/>
    <s v="IBM PureData System for Analytics (Netezza); Big data environment specialized for Advanced Analytics.  N2002-10  _x000a_Includes both Striper and Twinfin."/>
    <s v="IBM"/>
    <x v="1"/>
    <s v="Netezza IBM PureData System for Analytics"/>
    <x v="28"/>
    <s v="Multiple Programs"/>
    <s v="Information Technology Services"/>
    <s v="APP-01034"/>
    <s v="In Production"/>
    <s v="appliance"/>
    <x v="0"/>
    <x v="1569"/>
  </r>
  <r>
    <x v="3"/>
    <x v="31"/>
    <x v="4306"/>
    <s v="EDW - SAS Forecast"/>
    <s v="Advanced Analytics , SAS Forecast Solution"/>
    <s v=""/>
    <x v="79"/>
    <s v=""/>
    <x v="28"/>
    <s v="Multiple Programs"/>
    <s v="Information Technology Services"/>
    <s v="APP-04100"/>
    <s v="In Production"/>
    <s v="web"/>
    <x v="0"/>
    <x v="1570"/>
  </r>
  <r>
    <x v="3"/>
    <x v="4"/>
    <x v="4307"/>
    <s v="EDW - SPSS Scoring"/>
    <s v="Advanced Analytics , SPSS Real Time Scoring Server"/>
    <s v="IBM"/>
    <x v="1"/>
    <s v="Scoring Server"/>
    <x v="28"/>
    <s v="Multiple Programs"/>
    <s v="Information Technology Services"/>
    <s v="APP-04097"/>
    <s v="In Production"/>
    <s v="web"/>
    <x v="0"/>
    <x v="587"/>
  </r>
  <r>
    <x v="3"/>
    <x v="31"/>
    <x v="4308"/>
    <s v="EDW - WIAdmin"/>
    <s v="License Management Server for SPSS and i2ANB desktop licensing"/>
    <s v="IBM"/>
    <x v="1"/>
    <s v="Sentinel RMS"/>
    <x v="28"/>
    <s v="Multiple Programs"/>
    <s v="Information Technology Services"/>
    <s v="APP-04103"/>
    <s v="In Production"/>
    <s v="web"/>
    <x v="0"/>
    <x v="587"/>
  </r>
  <r>
    <x v="0"/>
    <x v="7"/>
    <x v="4309"/>
    <s v="Enterprise Connect"/>
    <s v=""/>
    <s v="Open Text"/>
    <x v="14"/>
    <s v="Enterprise Connect"/>
    <x v="28"/>
    <s v="Unassigned PAA"/>
    <s v="Other"/>
    <s v="IRCC-Enterprise Conn"/>
    <s v="In Production"/>
    <s v="desktop"/>
    <x v="0"/>
    <x v="1571"/>
  </r>
  <r>
    <x v="2"/>
    <x v="2"/>
    <x v="4310"/>
    <s v="e-Payment"/>
    <s v="An internet system that provides an electronic payment of cost recovery at the overseas missions and in Canada which is also capable of reconciling a fee payment with an application (TR,PR,SP or CIT).  Note that this is now a module in IPRMS.  Therefore, decomissioning this as a system."/>
    <s v=""/>
    <x v="1"/>
    <s v="RGBB"/>
    <x v="28"/>
    <s v="Client Services - Client Relationship Management"/>
    <s v="Financial Management Services,Other"/>
    <s v="IRCC-e-Payment"/>
    <s v="In Production"/>
    <s v="web"/>
    <x v="0"/>
    <x v="1572"/>
  </r>
  <r>
    <x v="3"/>
    <x v="34"/>
    <x v="4311"/>
    <s v="EDW - Erwin"/>
    <s v="Erwin Moder Mart repositiory  that store all physical and functionnal models for CIC.Erwin Modeler Workgroup Edition is the client."/>
    <s v="CA Technologies"/>
    <x v="14"/>
    <s v="Erwin"/>
    <x v="28"/>
    <s v="Multiple Programs"/>
    <s v="Information Technology Services"/>
    <s v="APP-01022"/>
    <s v="In Production"/>
    <s v="web"/>
    <x v="0"/>
    <x v="10"/>
  </r>
  <r>
    <x v="4"/>
    <x v="5"/>
    <x v="4312"/>
    <s v="Ethics"/>
    <s v="Intranet application."/>
    <s v=""/>
    <x v="1"/>
    <s v=""/>
    <x v="28"/>
    <s v=""/>
    <s v=""/>
    <s v="APP-02047"/>
    <s v="In Production"/>
    <s v="web"/>
    <x v="1"/>
    <x v="1573"/>
  </r>
  <r>
    <x v="2"/>
    <x v="3"/>
    <x v="229"/>
    <s v="Fast Track                                           "/>
    <s v="Provides managers with electronic staffing actions request forms."/>
    <s v=""/>
    <x v="1"/>
    <s v=""/>
    <x v="28"/>
    <s v="Unassigned PAA"/>
    <s v="Human Resources Management Services"/>
    <s v="IRCC-Fast Track"/>
    <s v="In Production"/>
    <s v="web"/>
    <x v="1"/>
    <x v="1556"/>
  </r>
  <r>
    <x v="0"/>
    <x v="7"/>
    <x v="4313"/>
    <s v="File Request                                      "/>
    <s v="Provides staff with an electronic submission form to request files from File Retirement."/>
    <s v=""/>
    <x v="1"/>
    <s v=""/>
    <x v="28"/>
    <s v="Unassigned PAA"/>
    <s v="Communications Services"/>
    <s v="IRCC-File Request"/>
    <s v="In Production"/>
    <s v="web"/>
    <x v="1"/>
    <x v="1556"/>
  </r>
  <r>
    <x v="2"/>
    <x v="10"/>
    <x v="4314"/>
    <s v="File Tracking                                      "/>
    <s v="Keeps track of physical file location with Citizenship Operations."/>
    <s v=""/>
    <x v="1"/>
    <s v=""/>
    <x v="28"/>
    <s v="Citizenship for Newcomers and All Canadians"/>
    <s v="Information Management Services"/>
    <s v="IRCC-File Tracking"/>
    <s v="In Production"/>
    <s v="desktop"/>
    <x v="1"/>
    <x v="1539"/>
  </r>
  <r>
    <x v="2"/>
    <x v="10"/>
    <x v="4315"/>
    <s v="FIMS"/>
    <s v="A system that inventories/tracks information (order, quantity, type, distribution) of CIT and IMM forms for both in-Canada and Overseas."/>
    <s v=""/>
    <x v="1"/>
    <s v=""/>
    <x v="28"/>
    <s v="Permanent Economic Residents"/>
    <s v="Travel and Other Administrative Services"/>
    <s v="IRCC-FIMS"/>
    <s v="In Production"/>
    <s v="web"/>
    <x v="1"/>
    <x v="1574"/>
  </r>
  <r>
    <x v="0"/>
    <x v="19"/>
    <x v="4316"/>
    <s v="FIN"/>
    <m/>
    <s v=""/>
    <x v="1"/>
    <s v=""/>
    <x v="28"/>
    <s v=""/>
    <s v=""/>
    <s v="APP-02051"/>
    <s v="In Production"/>
    <s v="web"/>
    <x v="1"/>
    <x v="1554"/>
  </r>
  <r>
    <x v="0"/>
    <x v="7"/>
    <x v="442"/>
    <s v="GCDOCS"/>
    <m/>
    <s v="Open Text"/>
    <x v="14"/>
    <s v="GCDocs"/>
    <x v="28"/>
    <s v="Unassigned PAA"/>
    <s v="Other"/>
    <s v="IRCC-GCDocs"/>
    <s v="In Production"/>
    <s v="web"/>
    <x v="0"/>
    <x v="1575"/>
  </r>
  <r>
    <x v="0"/>
    <x v="16"/>
    <x v="4317"/>
    <s v="GCMS"/>
    <m/>
    <s v="Other"/>
    <x v="14"/>
    <s v="Oracle Siebel, Custom .NET, Adobe, IBM Websphere, Smaller 3rd Party vendors"/>
    <x v="28"/>
    <s v="Management of Human Migration"/>
    <s v="Information Management Services"/>
    <s v="IRCC-GCMS"/>
    <s v="In Production"/>
    <s v="web"/>
    <x v="0"/>
    <x v="1576"/>
  </r>
  <r>
    <x v="0"/>
    <x v="62"/>
    <x v="4318"/>
    <s v="GCMS Issues Report"/>
    <s v="Web form for GCMS clients to submit issues about GCMS"/>
    <s v=""/>
    <x v="1"/>
    <s v=""/>
    <x v="28"/>
    <s v=""/>
    <s v=""/>
    <s v="APP-02055"/>
    <s v="In Production"/>
    <s v="web"/>
    <x v="1"/>
    <x v="1577"/>
  </r>
  <r>
    <x v="4"/>
    <x v="5"/>
    <x v="4319"/>
    <s v="GCMS Outbound"/>
    <s v="Outbound service between IRIS and GCMS."/>
    <s v=""/>
    <x v="1"/>
    <s v=""/>
    <x v="28"/>
    <s v=""/>
    <s v=""/>
    <s v="APP-04108"/>
    <s v="In Production"/>
    <s v="desktop"/>
    <x v="1"/>
    <x v="1578"/>
  </r>
  <r>
    <x v="10"/>
    <x v="55"/>
    <x v="4320"/>
    <s v="GCMS Simulator"/>
    <m/>
    <s v=""/>
    <x v="1"/>
    <s v=""/>
    <x v="28"/>
    <s v="Passport Program"/>
    <s v="Information Technology Services"/>
    <s v="APP-04110"/>
    <s v="In Production"/>
    <s v="desktop"/>
    <x v="1"/>
    <x v="1578"/>
  </r>
  <r>
    <x v="2"/>
    <x v="9"/>
    <x v="4321"/>
    <s v="GCS - SSC"/>
    <m/>
    <s v="Oracle"/>
    <x v="14"/>
    <s v="Siebel"/>
    <x v="28"/>
    <s v="Newcomer Settlement and Integration"/>
    <s v="Other"/>
    <s v="APP-01677"/>
    <s v="In Production"/>
    <s v="web"/>
    <x v="0"/>
    <x v="1579"/>
  </r>
  <r>
    <x v="3"/>
    <x v="31"/>
    <x v="4322"/>
    <s v="GCS - Answers"/>
    <m/>
    <s v=""/>
    <x v="80"/>
    <s v=""/>
    <x v="28"/>
    <s v="Multiple Programs"/>
    <s v="Information Technology Services"/>
    <s v="APP-04085"/>
    <s v="In Production"/>
    <s v="web"/>
    <x v="0"/>
    <x v="587"/>
  </r>
  <r>
    <x v="2"/>
    <x v="3"/>
    <x v="4323"/>
    <s v="HR Dashboard"/>
    <s v="A web-based dashboard tool that promotes a self-service approach to HR planning and reporting in alignment with Treasury Board's mandated Common Human Resources Business Process (CHRBP) model."/>
    <s v=""/>
    <x v="1"/>
    <s v=""/>
    <x v="28"/>
    <s v="Human Resource Management"/>
    <s v="Human Resources Management Services"/>
    <s v="APP-00116"/>
    <s v="In Production"/>
    <s v="web"/>
    <x v="1"/>
    <x v="1580"/>
  </r>
  <r>
    <x v="2"/>
    <x v="9"/>
    <x v="4324"/>
    <s v="iCARE"/>
    <m/>
    <s v=""/>
    <x v="1"/>
    <s v=""/>
    <x v="28"/>
    <s v="Newcomer Settlement and Integration"/>
    <s v="Other"/>
    <s v="IRCC-iCARE"/>
    <s v="In Production"/>
    <s v="web"/>
    <x v="1"/>
    <x v="1581"/>
  </r>
  <r>
    <x v="10"/>
    <x v="59"/>
    <x v="4325"/>
    <s v="IDM"/>
    <m/>
    <s v=""/>
    <x v="81"/>
    <s v=""/>
    <x v="28"/>
    <s v="SIMB - GCMS"/>
    <s v="Information Technology Services"/>
    <s v="APP-04106"/>
    <s v="InDevelopment"/>
    <s v="web"/>
    <x v="0"/>
    <x v="1582"/>
  </r>
  <r>
    <x v="10"/>
    <x v="59"/>
    <x v="4326"/>
    <s v="EDW - ILMT"/>
    <s v="Monitoring tool for IBM PVU licenses audit compliancy on VM environment ."/>
    <s v="IBM"/>
    <x v="1"/>
    <s v="IBM Licensing Monitoring Tool"/>
    <x v="28"/>
    <s v="SIMB"/>
    <s v="Information Technology Services"/>
    <s v="APP-01031"/>
    <s v="In Production"/>
    <s v="web"/>
    <x v="0"/>
    <x v="1583"/>
  </r>
  <r>
    <x v="2"/>
    <x v="9"/>
    <x v="4327"/>
    <s v="iLOVE"/>
    <s v="Internal web application allowing CPC Sydney to validate if a client has achieved a minimum language level in iCAMS/iCARE database records."/>
    <s v=""/>
    <x v="1"/>
    <s v=""/>
    <x v="28"/>
    <s v="Newcomer Settlement and Integration"/>
    <s v="Information Management Services"/>
    <s v="APP-00020"/>
    <s v="In Production"/>
    <s v="web"/>
    <x v="1"/>
    <x v="1584"/>
  </r>
  <r>
    <x v="0"/>
    <x v="62"/>
    <x v="4328"/>
    <s v="IM/IT Intake"/>
    <s v="Intranet application."/>
    <s v=""/>
    <x v="1"/>
    <s v=""/>
    <x v="28"/>
    <s v=""/>
    <s v=""/>
    <s v="APP-02059"/>
    <s v="In Production"/>
    <s v="web"/>
    <x v="1"/>
    <x v="998"/>
  </r>
  <r>
    <x v="4"/>
    <x v="5"/>
    <x v="4329"/>
    <s v="Import Tool"/>
    <s v="Intranet application."/>
    <s v=""/>
    <x v="1"/>
    <s v=""/>
    <x v="28"/>
    <s v=""/>
    <s v=""/>
    <s v="APP-02061"/>
    <s v="In Production"/>
    <s v="web"/>
    <x v="1"/>
    <x v="86"/>
  </r>
  <r>
    <x v="1"/>
    <x v="12"/>
    <x v="4330"/>
    <s v="Call Centre - Info-Client"/>
    <m/>
    <s v=""/>
    <x v="1"/>
    <s v=""/>
    <x v="28"/>
    <s v="Unassigned PAA"/>
    <s v="Communications Services"/>
    <s v="IRCC-Info-Client"/>
    <s v="In Production"/>
    <s v="web"/>
    <x v="1"/>
    <x v="1548"/>
  </r>
  <r>
    <x v="3"/>
    <x v="46"/>
    <x v="4331"/>
    <s v="EDW - Informatica PC"/>
    <m/>
    <s v="Informatica"/>
    <x v="1"/>
    <s v="Informatica Power Center"/>
    <x v="28"/>
    <s v="Multiple Programs"/>
    <s v="Information Technology Services"/>
    <s v="IRCC-EDW"/>
    <s v="In Production"/>
    <s v="web"/>
    <x v="0"/>
    <x v="1585"/>
  </r>
  <r>
    <x v="2"/>
    <x v="3"/>
    <x v="4332"/>
    <s v="Instant Awards                                "/>
    <s v="Provides staff with an electronic submission form for Instant Award"/>
    <s v=""/>
    <x v="1"/>
    <s v=""/>
    <x v="28"/>
    <s v="Unassigned PAA"/>
    <s v="Human Resources Management Services"/>
    <s v="IRCC-Instant Awards"/>
    <s v="In Production"/>
    <s v="web"/>
    <x v="1"/>
    <x v="1556"/>
  </r>
  <r>
    <x v="2"/>
    <x v="2"/>
    <x v="4333"/>
    <s v="IPRMS"/>
    <m/>
    <s v=""/>
    <x v="1"/>
    <s v=""/>
    <x v="28"/>
    <s v="Finance"/>
    <s v="Financial Management Services"/>
    <s v="APP-00978"/>
    <s v="In Production"/>
    <s v="web"/>
    <x v="1"/>
    <x v="1586"/>
  </r>
  <r>
    <x v="0"/>
    <x v="8"/>
    <x v="4334"/>
    <s v="IRCC web site"/>
    <s v="Public facing website"/>
    <s v=""/>
    <x v="1"/>
    <s v=""/>
    <x v="28"/>
    <s v="Unassigned PAA"/>
    <s v="Communications Services,Other"/>
    <s v="IRCC-IRCC web site"/>
    <s v="In Production"/>
    <s v="web"/>
    <x v="1"/>
    <x v="1587"/>
  </r>
  <r>
    <x v="0"/>
    <x v="16"/>
    <x v="4335"/>
    <s v="KMS"/>
    <s v="KMS is a client server that tracks the order and distribution of forms, application kits and publications. It also has the capability to print labels and generate statistical reports."/>
    <s v=""/>
    <x v="1"/>
    <s v=""/>
    <x v="28"/>
    <s v="Temporary Economic Residents"/>
    <s v="Other"/>
    <s v="IRCC-KMS"/>
    <s v="In Production"/>
    <s v="web"/>
    <x v="1"/>
    <x v="1588"/>
  </r>
  <r>
    <x v="10"/>
    <x v="55"/>
    <x v="4336"/>
    <s v="Postal Code"/>
    <s v="A standalone data load that provides monthly postal codes updates from Canada Post to the KMS system."/>
    <s v=""/>
    <x v="1"/>
    <s v=""/>
    <x v="28"/>
    <s v="Temporary Economic Residents"/>
    <s v="Other"/>
    <s v="IRCC-KMS Postal Code"/>
    <s v="In Production"/>
    <s v="desktop"/>
    <x v="1"/>
    <x v="1589"/>
  </r>
  <r>
    <x v="0"/>
    <x v="16"/>
    <x v="4337"/>
    <s v="LIMS"/>
    <m/>
    <s v=""/>
    <x v="1"/>
    <s v=""/>
    <x v="28"/>
    <s v="Litigation Management"/>
    <s v="Legal Services,Other"/>
    <s v="IRCC-LIMS"/>
    <s v="In Production"/>
    <s v="web"/>
    <x v="1"/>
    <x v="1590"/>
  </r>
  <r>
    <x v="4"/>
    <x v="5"/>
    <x v="4338"/>
    <s v="Living"/>
    <s v="Internet application."/>
    <s v=""/>
    <x v="1"/>
    <s v=""/>
    <x v="28"/>
    <s v=""/>
    <s v=""/>
    <s v="APP-02069"/>
    <s v="In Production"/>
    <s v="web"/>
    <x v="1"/>
    <x v="86"/>
  </r>
  <r>
    <x v="0"/>
    <x v="28"/>
    <x v="4339"/>
    <s v="eServices - LLS"/>
    <s v="A former internet tool hosted by DEFAIT that provided potential student or student workers the ability to search on information related to educational programs across Canada. CIC and HRSDC were partnered with DEFAIT to provide site associated information. CIC was responsible for providing a series of questions related to immigration, visa requirements, visa and case processing offices. On-line clients would receive answers depending upon which question selection criteria they chose. Note: The former LLS may have been replaced by the International Education Promotion (IEP) which is hosted now by DEFAT-D."/>
    <s v=""/>
    <x v="1"/>
    <s v=""/>
    <x v="28"/>
    <s v="Temporary Economic Residents"/>
    <s v="Communications Services"/>
    <s v="IRCC-LLS"/>
    <s v="In Production"/>
    <s v="web"/>
    <x v="1"/>
    <x v="1591"/>
  </r>
  <r>
    <x v="2"/>
    <x v="10"/>
    <x v="4340"/>
    <s v="Mail Tracking - Sydney"/>
    <s v="Allows mailroom staff to capture the barcode number of all mail received in our three mailrooms.  The information is then categorized by LOB, date received application type (Grant or Proof for CPCS) and bucket Id (as the mail is stored in physical buckets that are serialized and labelled by the staff). Staff are also able to search via this application for all mail either by full or partial barcode number of the mail item or by date and bucket id that the mail item is located in.  This allows the staff to be able to locate and retrieve a physical mail item more quickly and efficiently as the system will display the bucket Id and location within the bucket of the searched mail item."/>
    <s v=""/>
    <x v="1"/>
    <s v=""/>
    <x v="28"/>
    <s v="Unassigned PAA"/>
    <s v="Information Management Services"/>
    <s v="IRCC-Mailroom"/>
    <s v="In Production"/>
    <s v="web"/>
    <x v="1"/>
    <x v="1539"/>
  </r>
  <r>
    <x v="4"/>
    <x v="5"/>
    <x v="4341"/>
    <s v="Mailroom Stats-Kit Reporting"/>
    <s v="The Mailroom Stats – Kit Reporting application is used daily by RPR for recording incoming applications.  It is also used for historical data on applications received."/>
    <s v=""/>
    <x v="1"/>
    <s v=""/>
    <x v="28"/>
    <s v=""/>
    <s v=""/>
    <s v="APP-02528"/>
    <s v="In Production"/>
    <s v="web"/>
    <x v="1"/>
    <x v="86"/>
  </r>
  <r>
    <x v="0"/>
    <x v="18"/>
    <x v="4342"/>
    <s v="MediaPort"/>
    <s v="An Intranet app to track all the external media line correspondence."/>
    <s v=""/>
    <x v="1"/>
    <s v=""/>
    <x v="28"/>
    <s v=""/>
    <s v="Information Management Services"/>
    <s v="APP-00957"/>
    <s v="In Production"/>
    <s v="web"/>
    <x v="1"/>
    <x v="88"/>
  </r>
  <r>
    <x v="0"/>
    <x v="42"/>
    <x v="4343"/>
    <s v="eServices - MyCIC"/>
    <m/>
    <s v=""/>
    <x v="1"/>
    <s v=""/>
    <x v="28"/>
    <s v="Unassigned PAA"/>
    <s v="Information Technology Services"/>
    <s v="IRCC-MyCIC"/>
    <s v="In Production"/>
    <s v="web"/>
    <x v="1"/>
    <x v="1592"/>
  </r>
  <r>
    <x v="0"/>
    <x v="19"/>
    <x v="4344"/>
    <s v="Notice"/>
    <s v="Intranet application."/>
    <s v=""/>
    <x v="1"/>
    <s v=""/>
    <x v="28"/>
    <s v=""/>
    <s v=""/>
    <s v="APP-02071"/>
    <s v="In Production"/>
    <s v="web"/>
    <x v="1"/>
    <x v="1577"/>
  </r>
  <r>
    <x v="0"/>
    <x v="11"/>
    <x v="4345"/>
    <s v="Occupational"/>
    <s v="Intranet application."/>
    <s v=""/>
    <x v="1"/>
    <s v=""/>
    <x v="28"/>
    <s v=""/>
    <s v=""/>
    <s v="APP-02073"/>
    <s v="In Production"/>
    <s v="web"/>
    <x v="1"/>
    <x v="1593"/>
  </r>
  <r>
    <x v="2"/>
    <x v="2"/>
    <x v="4346"/>
    <s v="OLDGT / CMM"/>
    <m/>
    <s v=""/>
    <x v="82"/>
    <s v=""/>
    <x v="28"/>
    <s v="Cost Management"/>
    <s v="Financial Management Services"/>
    <s v="IRCC-CMM"/>
    <s v="In Production"/>
    <s v="web"/>
    <x v="0"/>
    <x v="1594"/>
  </r>
  <r>
    <x v="0"/>
    <x v="42"/>
    <x v="4347"/>
    <s v="eServices - OLS"/>
    <s v="The On-Line Services internet application provides a single-signon/registration entry point for GOL web applications namely; Payment of fees through the internet (e-Payment) and residence Calculator."/>
    <s v=""/>
    <x v="1"/>
    <s v="Vendor Payment Tech - for e-payment credit card transactions (to be confirmed)"/>
    <x v="28"/>
    <s v="Unassigned PAA"/>
    <s v="Other"/>
    <s v="IRCC-OLS"/>
    <s v="In Production"/>
    <s v="web"/>
    <x v="1"/>
    <x v="1595"/>
  </r>
  <r>
    <x v="0"/>
    <x v="8"/>
    <x v="4348"/>
    <s v="Online Manuals                               "/>
    <s v="Provides staff an electronic means to reference, print or e-mail information about the Citizenship Policy, Legislation and Procedures to assist them in processing citizenship applications."/>
    <s v=""/>
    <x v="1"/>
    <s v=""/>
    <x v="28"/>
    <s v="Unassigned PAA"/>
    <s v="Information Management Services"/>
    <s v="IRCC-Online Manuals"/>
    <s v="In Production"/>
    <s v="desktop"/>
    <x v="1"/>
    <x v="1548"/>
  </r>
  <r>
    <x v="0"/>
    <x v="16"/>
    <x v="4349"/>
    <s v="OTS"/>
    <m/>
    <s v=""/>
    <x v="1"/>
    <s v=""/>
    <x v="28"/>
    <s v="Unassigned PAA"/>
    <s v="Human Resources Management Services"/>
    <s v="IRCC-OTS"/>
    <s v="In Production"/>
    <s v="web"/>
    <x v="1"/>
    <x v="1596"/>
  </r>
  <r>
    <x v="4"/>
    <x v="5"/>
    <x v="4350"/>
    <s v="Passport - Compliments"/>
    <s v="Internet application."/>
    <s v=""/>
    <x v="1"/>
    <s v=""/>
    <x v="28"/>
    <s v=""/>
    <s v=""/>
    <s v="APP-02083"/>
    <s v="In Production"/>
    <s v="web"/>
    <x v="1"/>
    <x v="86"/>
  </r>
  <r>
    <x v="4"/>
    <x v="5"/>
    <x v="4351"/>
    <s v="Passport - Feedback"/>
    <s v="Internet application."/>
    <s v=""/>
    <x v="1"/>
    <s v=""/>
    <x v="28"/>
    <s v=""/>
    <s v=""/>
    <s v="APP-02085"/>
    <s v="In Production"/>
    <s v="web"/>
    <x v="1"/>
    <x v="86"/>
  </r>
  <r>
    <x v="4"/>
    <x v="5"/>
    <x v="4352"/>
    <s v="Passport - General"/>
    <s v="Internet application."/>
    <s v=""/>
    <x v="1"/>
    <s v=""/>
    <x v="28"/>
    <s v=""/>
    <s v=""/>
    <s v="APP-02087"/>
    <s v="In Production"/>
    <s v="web"/>
    <x v="1"/>
    <x v="86"/>
  </r>
  <r>
    <x v="4"/>
    <x v="5"/>
    <x v="4353"/>
    <s v="Passport - Official"/>
    <s v="Internet application."/>
    <s v=""/>
    <x v="1"/>
    <s v=""/>
    <x v="28"/>
    <s v=""/>
    <s v=""/>
    <s v="APP-02089"/>
    <s v="In Production"/>
    <s v="web"/>
    <x v="1"/>
    <x v="86"/>
  </r>
  <r>
    <x v="4"/>
    <x v="5"/>
    <x v="4354"/>
    <s v="Passport - Request"/>
    <s v="Internet application."/>
    <s v=""/>
    <x v="1"/>
    <s v=""/>
    <x v="28"/>
    <s v=""/>
    <s v=""/>
    <s v="APP-02091"/>
    <s v="In Production"/>
    <s v="web"/>
    <x v="1"/>
    <x v="86"/>
  </r>
  <r>
    <x v="1"/>
    <x v="1"/>
    <x v="4355"/>
    <s v="RUP-TeamConcert"/>
    <s v="&quot;RUP Rational is a suite of tools to support the SDLC framework used by Passport Legacy Business solution teams. The suite is used to develop and run the Request Management System (See PPTC-0008), manage source code and executable and build and manage automated testing processes._x000a__x000a_The suite includes the following tools;_x000a_Clear Case, Clear Quest, Functional Tester, Quality Manager and Team Concert.&quot;"/>
    <s v="IBM"/>
    <x v="14"/>
    <s v="IBM Rational - Team Concert"/>
    <x v="28"/>
    <s v="Passport Program"/>
    <s v="Information Technology Services,Management and Oversight Services"/>
    <s v="APP-02305"/>
    <s v="In Production"/>
    <s v="web"/>
    <x v="0"/>
    <x v="1597"/>
  </r>
  <r>
    <x v="4"/>
    <x v="5"/>
    <x v="4356"/>
    <s v="Passport - Status"/>
    <s v="Internet application."/>
    <s v=""/>
    <x v="1"/>
    <s v=""/>
    <x v="28"/>
    <s v=""/>
    <s v=""/>
    <s v="APP-02093"/>
    <s v="In Production"/>
    <s v="web"/>
    <x v="1"/>
    <x v="86"/>
  </r>
  <r>
    <x v="4"/>
    <x v="5"/>
    <x v="4357"/>
    <s v="Passport - Submit"/>
    <s v="Internet application."/>
    <s v=""/>
    <x v="1"/>
    <s v=""/>
    <x v="28"/>
    <s v=""/>
    <s v=""/>
    <s v="APP-02095"/>
    <s v="In Production"/>
    <s v="web"/>
    <x v="1"/>
    <x v="86"/>
  </r>
  <r>
    <x v="2"/>
    <x v="20"/>
    <x v="4358"/>
    <s v="FTWR"/>
    <m/>
    <s v=""/>
    <x v="1"/>
    <s v=""/>
    <x v="28"/>
    <s v="Passport Program"/>
    <s v=""/>
    <s v="APP-02307"/>
    <s v="In Production"/>
    <s v="web"/>
    <x v="1"/>
    <x v="1598"/>
  </r>
  <r>
    <x v="4"/>
    <x v="5"/>
    <x v="4359"/>
    <s v="IRIS-AdminPPT"/>
    <m/>
    <s v=""/>
    <x v="1"/>
    <s v=""/>
    <x v="28"/>
    <s v="Passport Program"/>
    <s v=""/>
    <s v="APP-02254"/>
    <s v="In Production"/>
    <s v="web"/>
    <x v="1"/>
    <x v="1599"/>
  </r>
  <r>
    <x v="10"/>
    <x v="55"/>
    <x v="4360"/>
    <s v="GCMS Inbound"/>
    <m/>
    <s v=""/>
    <x v="1"/>
    <s v=""/>
    <x v="28"/>
    <s v="Passport Program"/>
    <s v="Information Technology Services"/>
    <s v="APP-02273"/>
    <s v="In Production"/>
    <s v="desktop"/>
    <x v="1"/>
    <x v="1599"/>
  </r>
  <r>
    <x v="4"/>
    <x v="5"/>
    <x v="4361"/>
    <s v="IRIS-MARA"/>
    <m/>
    <s v=""/>
    <x v="1"/>
    <s v=""/>
    <x v="28"/>
    <s v="Passport Program"/>
    <s v=""/>
    <s v="APP-02275"/>
    <s v="In Production"/>
    <s v="web"/>
    <x v="1"/>
    <x v="1599"/>
  </r>
  <r>
    <x v="4"/>
    <x v="5"/>
    <x v="4362"/>
    <s v="IRIS-MARAViewer"/>
    <m/>
    <s v=""/>
    <x v="1"/>
    <s v=""/>
    <x v="28"/>
    <s v="Passport Program"/>
    <s v=""/>
    <s v="APP-02277"/>
    <s v="In Production"/>
    <s v="web"/>
    <x v="1"/>
    <x v="1599"/>
  </r>
  <r>
    <x v="4"/>
    <x v="5"/>
    <x v="4363"/>
    <s v="IRIS-OTTracking"/>
    <m/>
    <s v=""/>
    <x v="1"/>
    <s v=""/>
    <x v="28"/>
    <s v="Passport Program"/>
    <s v=""/>
    <s v="APP-02279"/>
    <s v="In Production"/>
    <s v="web"/>
    <x v="1"/>
    <x v="1599"/>
  </r>
  <r>
    <x v="4"/>
    <x v="5"/>
    <x v="4364"/>
    <s v="IRIS-PASSAP"/>
    <m/>
    <s v=""/>
    <x v="1"/>
    <s v=""/>
    <x v="28"/>
    <s v="Passport Program"/>
    <s v=""/>
    <s v="APP-02281"/>
    <s v="In Production"/>
    <s v="web"/>
    <x v="1"/>
    <x v="1599"/>
  </r>
  <r>
    <x v="4"/>
    <x v="5"/>
    <x v="4365"/>
    <s v="IRIS-PCI"/>
    <m/>
    <s v=""/>
    <x v="1"/>
    <s v=""/>
    <x v="28"/>
    <s v="Passport Program"/>
    <s v=""/>
    <s v="APP-02283"/>
    <s v="In Production"/>
    <s v="web"/>
    <x v="1"/>
    <x v="1599"/>
  </r>
  <r>
    <x v="4"/>
    <x v="5"/>
    <x v="4366"/>
    <s v="IRIS-PhotocardManager"/>
    <m/>
    <s v=""/>
    <x v="1"/>
    <s v=""/>
    <x v="28"/>
    <s v="Passport Program"/>
    <s v=""/>
    <s v="APP-02285"/>
    <s v="In Production"/>
    <s v="web"/>
    <x v="1"/>
    <x v="1599"/>
  </r>
  <r>
    <x v="4"/>
    <x v="5"/>
    <x v="4367"/>
    <s v="IRIS-PMPSimplified"/>
    <m/>
    <s v=""/>
    <x v="1"/>
    <s v=""/>
    <x v="28"/>
    <s v="Passport Program"/>
    <s v=""/>
    <s v="APP-02287"/>
    <s v="In Production"/>
    <s v="web"/>
    <x v="1"/>
    <x v="1599"/>
  </r>
  <r>
    <x v="4"/>
    <x v="5"/>
    <x v="4368"/>
    <s v="IRIS-PMPTransfer"/>
    <m/>
    <s v=""/>
    <x v="1"/>
    <s v=""/>
    <x v="28"/>
    <s v="Passport Program"/>
    <s v=""/>
    <s v="APP-02289"/>
    <s v="In Production"/>
    <s v="desktop"/>
    <x v="1"/>
    <x v="1599"/>
  </r>
  <r>
    <x v="4"/>
    <x v="5"/>
    <x v="4369"/>
    <s v="IRIS-PTFReports"/>
    <m/>
    <s v=""/>
    <x v="1"/>
    <s v=""/>
    <x v="28"/>
    <s v="Passport Program"/>
    <s v=""/>
    <s v="APP-02291"/>
    <s v="In Production"/>
    <s v="web"/>
    <x v="1"/>
    <x v="1599"/>
  </r>
  <r>
    <x v="4"/>
    <x v="5"/>
    <x v="4370"/>
    <s v="IRIS-AddressLabel"/>
    <m/>
    <s v=""/>
    <x v="1"/>
    <s v=""/>
    <x v="28"/>
    <s v="Passport Program"/>
    <s v=""/>
    <s v="APP-02256"/>
    <s v="In Production"/>
    <s v="web"/>
    <x v="1"/>
    <x v="1599"/>
  </r>
  <r>
    <x v="4"/>
    <x v="5"/>
    <x v="4371"/>
    <s v="IRIS-QAP"/>
    <m/>
    <s v=""/>
    <x v="1"/>
    <s v=""/>
    <x v="28"/>
    <s v="Passport Program"/>
    <s v=""/>
    <s v="APP-02293"/>
    <s v="In Production"/>
    <s v="web"/>
    <x v="1"/>
    <x v="1599"/>
  </r>
  <r>
    <x v="4"/>
    <x v="5"/>
    <x v="4372"/>
    <s v="IRIS-Qmonitor"/>
    <m/>
    <s v=""/>
    <x v="1"/>
    <s v=""/>
    <x v="28"/>
    <s v="Passport Program"/>
    <s v=""/>
    <s v="APP-02295"/>
    <s v="In Production"/>
    <s v="web"/>
    <x v="1"/>
    <x v="1599"/>
  </r>
  <r>
    <x v="4"/>
    <x v="5"/>
    <x v="4373"/>
    <s v="IRIS-SLExtract"/>
    <m/>
    <s v=""/>
    <x v="1"/>
    <s v=""/>
    <x v="28"/>
    <s v="Passport Program"/>
    <s v=""/>
    <s v="APP-02297"/>
    <s v="In Production"/>
    <s v="web"/>
    <x v="1"/>
    <x v="1599"/>
  </r>
  <r>
    <x v="4"/>
    <x v="5"/>
    <x v="4374"/>
    <s v="IRIS-CallCenter"/>
    <m/>
    <s v=""/>
    <x v="1"/>
    <s v=""/>
    <x v="28"/>
    <s v="Passport Program"/>
    <s v=""/>
    <s v="APP-02258"/>
    <s v="In Production"/>
    <s v="web"/>
    <x v="1"/>
    <x v="1599"/>
  </r>
  <r>
    <x v="4"/>
    <x v="5"/>
    <x v="4375"/>
    <s v="IRIS-CI-SLAlerts"/>
    <m/>
    <s v=""/>
    <x v="1"/>
    <s v=""/>
    <x v="28"/>
    <s v="Passport Program"/>
    <s v=""/>
    <s v="APP-02261"/>
    <s v="In Production"/>
    <s v="web"/>
    <x v="1"/>
    <x v="1599"/>
  </r>
  <r>
    <x v="4"/>
    <x v="5"/>
    <x v="4376"/>
    <s v="IRIS-CICExtract"/>
    <m/>
    <s v=""/>
    <x v="1"/>
    <s v=""/>
    <x v="28"/>
    <s v="Passport Program"/>
    <s v=""/>
    <s v="APP-02263"/>
    <s v="In Production"/>
    <s v="rich"/>
    <x v="1"/>
    <x v="1599"/>
  </r>
  <r>
    <x v="4"/>
    <x v="5"/>
    <x v="4377"/>
    <s v="IRIS-CSCParser"/>
    <m/>
    <s v=""/>
    <x v="1"/>
    <s v=""/>
    <x v="28"/>
    <s v="Passport Program"/>
    <s v=""/>
    <s v="APP-02265"/>
    <s v="In Production"/>
    <s v="web"/>
    <x v="1"/>
    <x v="1599"/>
  </r>
  <r>
    <x v="4"/>
    <x v="5"/>
    <x v="4378"/>
    <s v="IRIS-DOJC41"/>
    <m/>
    <s v=""/>
    <x v="1"/>
    <s v=""/>
    <x v="28"/>
    <s v="Passport Program"/>
    <s v=""/>
    <s v="APP-02267"/>
    <s v="In Production"/>
    <s v="web"/>
    <x v="1"/>
    <x v="1599"/>
  </r>
  <r>
    <x v="4"/>
    <x v="5"/>
    <x v="4379"/>
    <s v="IRIS-ePPSIECAPI"/>
    <m/>
    <s v=""/>
    <x v="1"/>
    <s v=""/>
    <x v="28"/>
    <s v="Passport Program"/>
    <s v=""/>
    <s v="APP-02269"/>
    <s v="In Production"/>
    <s v="web"/>
    <x v="1"/>
    <x v="1599"/>
  </r>
  <r>
    <x v="4"/>
    <x v="5"/>
    <x v="4380"/>
    <s v="IRIS-ESRFViewer"/>
    <m/>
    <s v=""/>
    <x v="1"/>
    <s v=""/>
    <x v="28"/>
    <s v="Passport Program"/>
    <s v=""/>
    <s v="APP-02271"/>
    <s v="In Production"/>
    <s v="web"/>
    <x v="1"/>
    <x v="1599"/>
  </r>
  <r>
    <x v="2"/>
    <x v="20"/>
    <x v="4381"/>
    <s v="MP Portal"/>
    <m/>
    <s v=""/>
    <x v="1"/>
    <s v=""/>
    <x v="28"/>
    <s v=""/>
    <s v=""/>
    <s v="APP-02313"/>
    <s v="In Production"/>
    <s v="web"/>
    <x v="1"/>
    <x v="1600"/>
  </r>
  <r>
    <x v="4"/>
    <x v="5"/>
    <x v="4382"/>
    <s v="RAS-RSA"/>
    <s v=""/>
    <s v=""/>
    <x v="1"/>
    <s v=""/>
    <x v="28"/>
    <s v=""/>
    <s v=""/>
    <s v="APP-02309"/>
    <s v="In Production"/>
    <s v="web"/>
    <x v="0"/>
    <x v="86"/>
  </r>
  <r>
    <x v="1"/>
    <x v="1"/>
    <x v="4383"/>
    <s v="RUP-ClearCase"/>
    <s v="&quot;RUP Rational is a suite of tools to support the SDLC framework used by Passport Legacy Business solution teams. The suite is used to develop and run the Request Management System (See PPTC-0008), manage source code and executable and build and manage automated testing processes._x000a__x000a_The suite includes the following tools;_x000a_Clear Case, Clear Quest, Functional Tester, Quality Manager and Team Concert.&quot;"/>
    <s v="IBM"/>
    <x v="14"/>
    <s v="IBM Rational - Clear Case"/>
    <x v="28"/>
    <s v="Passport Program"/>
    <s v="Information Technology Services,Management and Oversight Services"/>
    <s v="APP-02299"/>
    <s v="In Production"/>
    <s v="web"/>
    <x v="0"/>
    <x v="1597"/>
  </r>
  <r>
    <x v="1"/>
    <x v="1"/>
    <x v="4384"/>
    <s v="RUP-FunctionalTester"/>
    <s v="&quot;RUP Rational is a suite of tools to support the SDLC framework used by Passport Legacy Business solution teams. The suite is used to develop and run the Request Management System (See PPTC-0008), manage source code and executable and build and manage automated testing processes._x000a__x000a_The suite includes the following tools;_x000a_Clear Case, Clear Quest, Functional Tester, Quality Manager and Team Concert.&quot;"/>
    <s v="IBM"/>
    <x v="14"/>
    <s v="IBM Rational - Functional Tester"/>
    <x v="28"/>
    <s v="Passport Program"/>
    <s v="Information Technology Services,Management and Oversight Services"/>
    <s v="APP-02301"/>
    <s v="In Production"/>
    <s v="web"/>
    <x v="0"/>
    <x v="1597"/>
  </r>
  <r>
    <x v="1"/>
    <x v="1"/>
    <x v="4385"/>
    <s v="RUP-QualityManager"/>
    <s v="&quot;RUP Rational is a suite of tools to support the SDLC framework used by Passport Legacy Business solution teams. The suite is used to develop and run the Request Management System (See PPTC-0008), manage source code and executable and build and manage automated testing processes._x000a__x000a_The suite includes the following tools;_x000a_Clear Case, Clear Quest, Functional Tester, Quality Manager and Team Concert.&quot;"/>
    <s v="IBM"/>
    <x v="14"/>
    <s v="IBM Rational - Quality Manager"/>
    <x v="28"/>
    <s v="Passport Program"/>
    <s v="Information Technology Services,Management and Oversight Services"/>
    <s v="APP-02303"/>
    <s v="In Production"/>
    <s v="web"/>
    <x v="0"/>
    <x v="1597"/>
  </r>
  <r>
    <x v="0"/>
    <x v="19"/>
    <x v="4386"/>
    <s v="PGP Web Form"/>
    <m/>
    <s v=""/>
    <x v="1"/>
    <s v=""/>
    <x v="28"/>
    <s v="Parents and Grandparents"/>
    <s v="Information Technology Services"/>
    <s v="APP-03710"/>
    <s v="In Production"/>
    <s v="web"/>
    <x v="1"/>
    <x v="88"/>
  </r>
  <r>
    <x v="2"/>
    <x v="9"/>
    <x v="4387"/>
    <s v="PI Tool                                                 "/>
    <s v="The PI Tool is an internal web-based application for conducting Program Integrity exercises. _x000a__x000a_The PI Tool provides the ability to build custom questionnaires and manage the program integrity exercises in Canada and in missions abroad. _x000a__x000a_The PI Tool provides the ability to create and implement questions relevant to the particular line of business, determine who will answer these questions, and easily monitor the responses in real time.  Reporting is facilitated, allowing more time to be spent analyzing results. _x000a__x000a_With the PI Tool, questions can be composed"/>
    <s v=""/>
    <x v="1"/>
    <s v=""/>
    <x v="28"/>
    <s v="Unassigned PAA"/>
    <s v=""/>
    <s v="IRCC-PI Tool"/>
    <s v="In Production"/>
    <s v="web"/>
    <x v="1"/>
    <x v="1601"/>
  </r>
  <r>
    <x v="4"/>
    <x v="5"/>
    <x v="4388"/>
    <s v="Piwik"/>
    <s v="Open source web analytics software to compile web page usage statistics and usage."/>
    <s v=""/>
    <x v="1"/>
    <s v=""/>
    <x v="28"/>
    <s v=""/>
    <s v=""/>
    <s v="APP-02099"/>
    <s v="In Production"/>
    <s v="web"/>
    <x v="0"/>
    <x v="86"/>
  </r>
  <r>
    <x v="4"/>
    <x v="5"/>
    <x v="4389"/>
    <s v="IRIS"/>
    <m/>
    <s v=""/>
    <x v="1"/>
    <s v=""/>
    <x v="28"/>
    <s v="Passport Program"/>
    <s v=""/>
    <s v="IRCC-PPTC-0001"/>
    <s v="In Production"/>
    <s v="web"/>
    <x v="1"/>
    <x v="1599"/>
  </r>
  <r>
    <x v="4"/>
    <x v="5"/>
    <x v="4390"/>
    <s v="CMS"/>
    <m/>
    <s v=""/>
    <x v="1"/>
    <s v=""/>
    <x v="28"/>
    <s v="Passport Program"/>
    <s v=""/>
    <s v="IRCC-PPTC-0003"/>
    <s v="In Production"/>
    <s v="web"/>
    <x v="1"/>
    <x v="88"/>
  </r>
  <r>
    <x v="4"/>
    <x v="5"/>
    <x v="4391"/>
    <s v="FR"/>
    <m/>
    <s v=""/>
    <x v="1"/>
    <s v=""/>
    <x v="28"/>
    <s v="Passport Program"/>
    <s v=""/>
    <s v="IRCC-PPTC-0004"/>
    <s v="In Production"/>
    <s v="desktop"/>
    <x v="1"/>
    <x v="1602"/>
  </r>
  <r>
    <x v="1"/>
    <x v="1"/>
    <x v="4392"/>
    <s v="RUP - Clear Quest"/>
    <m/>
    <s v="Other"/>
    <x v="1"/>
    <s v="IBM Rational - Clear Quest"/>
    <x v="28"/>
    <s v="Passport Program"/>
    <s v="Information Technology Services,Management and Oversight Services"/>
    <s v="IRCC-PPTC-0008"/>
    <s v="In Production"/>
    <s v="web"/>
    <x v="0"/>
    <x v="1597"/>
  </r>
  <r>
    <x v="2"/>
    <x v="20"/>
    <x v="4393"/>
    <s v="PPTC-MTS"/>
    <s v="MTS is used to track all passport applications received by mail."/>
    <s v="Other"/>
    <x v="1"/>
    <s v="Pitney-Bowes Arrival and/or DE+"/>
    <x v="28"/>
    <s v="Passport Program"/>
    <s v=""/>
    <s v="IRCC-PPTC-0009"/>
    <s v="In Production"/>
    <s v="web"/>
    <x v="0"/>
    <x v="145"/>
  </r>
  <r>
    <x v="2"/>
    <x v="20"/>
    <x v="4394"/>
    <s v="Q-Matic"/>
    <s v="The Q-Matic application manages client queues at regional offices. This analysis is based on old version (Q-win) running 23 offices; however 8 offices are currently running newer version (Q-suite) which is not being evaluated."/>
    <s v="Other"/>
    <x v="1"/>
    <s v="Q-Matic, Queue Management System"/>
    <x v="28"/>
    <s v="Passport Program"/>
    <s v=""/>
    <s v="IRCC-PPTC-0010"/>
    <s v="In Production"/>
    <s v="web"/>
    <x v="0"/>
    <x v="1082"/>
  </r>
  <r>
    <x v="2"/>
    <x v="20"/>
    <x v="4395"/>
    <s v="RA Checklist"/>
    <s v="Logs errors associated with passport applications received through the receiving agents program."/>
    <s v=""/>
    <x v="1"/>
    <s v=""/>
    <x v="28"/>
    <s v="Passport Program"/>
    <s v=""/>
    <s v="IRCC-PPTC-0011"/>
    <s v="In Production"/>
    <s v="desktop"/>
    <x v="1"/>
    <x v="1603"/>
  </r>
  <r>
    <x v="2"/>
    <x v="20"/>
    <x v="4396"/>
    <s v="Return Passport"/>
    <m/>
    <s v=""/>
    <x v="1"/>
    <s v=""/>
    <x v="28"/>
    <s v="Passport Program"/>
    <s v=""/>
    <s v="IRCC-PPTC-0012"/>
    <s v="In Production"/>
    <s v="web"/>
    <x v="1"/>
    <x v="1604"/>
  </r>
  <r>
    <x v="5"/>
    <x v="25"/>
    <x v="1980"/>
    <s v="SAS"/>
    <m/>
    <s v="SAS_Institute_Canada_Inc"/>
    <x v="82"/>
    <s v=""/>
    <x v="28"/>
    <s v="Passport Program"/>
    <s v="Financial Management Services,Human Resources Management Services,Management and Oversight Services,Materiel Services,Real Property Services"/>
    <s v="IRCC-PPTC-0013"/>
    <s v="In Production"/>
    <s v="desktop"/>
    <x v="0"/>
    <x v="1605"/>
  </r>
  <r>
    <x v="1"/>
    <x v="1"/>
    <x v="4397"/>
    <s v="SCCM"/>
    <s v="This application is used for configuration management, inventory and patching purposes (security patches)."/>
    <s v="Other"/>
    <x v="1"/>
    <s v="Microsoft System Centre Configuration Manager"/>
    <x v="28"/>
    <s v="Passport Program"/>
    <s v="Information Technology Services"/>
    <s v="IRCC-PPTC-0015"/>
    <s v="In Production"/>
    <s v="desktop"/>
    <x v="0"/>
    <x v="1606"/>
  </r>
  <r>
    <x v="2"/>
    <x v="2"/>
    <x v="4398"/>
    <s v="CPM"/>
    <s v="This application, formerly known as SAS Activity-Based Management, is an analytic application that models business processes to determine cost and profitability, as well as what drives them"/>
    <s v="SAS_Institute_Canada_Inc"/>
    <x v="75"/>
    <s v=""/>
    <x v="28"/>
    <s v="Finance"/>
    <s v="Financial Management Services,Management and Oversight Services"/>
    <s v="IRCC-PPTC-0016"/>
    <s v="In Production"/>
    <s v="web"/>
    <x v="0"/>
    <x v="1607"/>
  </r>
  <r>
    <x v="2"/>
    <x v="20"/>
    <x v="4399"/>
    <s v="Operations Knowledge Centre"/>
    <s v="This is the Operations Knowledge portal for passport Operations staff."/>
    <s v=""/>
    <x v="1"/>
    <s v=""/>
    <x v="28"/>
    <s v="Passport Program"/>
    <s v=""/>
    <s v="APP-02353"/>
    <s v="In Production"/>
    <s v="web"/>
    <x v="1"/>
    <x v="1600"/>
  </r>
  <r>
    <x v="2"/>
    <x v="70"/>
    <x v="4400"/>
    <s v="PRC Scanning"/>
    <s v="This is a suite of application that captures the client’s data and image from the IMM 5455, 5292, 5688 forms to produce the Permanent Residents card. The software components include scanning of the client’s application, quality assurance and transfer of the data to CBN for card productions."/>
    <s v="Other"/>
    <x v="14"/>
    <s v="CIC supported COTS product (transferred from Vendor - Dunord)"/>
    <x v="28"/>
    <s v="Permanent Economic Residents"/>
    <s v="Information Technology Services"/>
    <s v="IRCC-PRC Scanning"/>
    <s v="In Production"/>
    <s v="desktop"/>
    <x v="0"/>
    <x v="1539"/>
  </r>
  <r>
    <x v="2"/>
    <x v="9"/>
    <x v="4401"/>
    <s v="Proactive - G&amp;C"/>
    <s v="Enables posting of Gs &amp; Cs larger than $25K to the public."/>
    <s v=""/>
    <x v="1"/>
    <s v=""/>
    <x v="28"/>
    <s v="Newcomer Settlement and Integration"/>
    <s v="Information Technology Services"/>
    <s v="APP-04078"/>
    <s v="In Production"/>
    <s v="web"/>
    <x v="1"/>
    <x v="88"/>
  </r>
  <r>
    <x v="0"/>
    <x v="28"/>
    <x v="4402"/>
    <s v="Proactive - T&amp;H"/>
    <s v="Enables posting of all Travel and Hospitality to the public."/>
    <s v=""/>
    <x v="1"/>
    <s v=""/>
    <x v="28"/>
    <s v="Travel and Hospitality"/>
    <s v="Information Technology Services"/>
    <s v="APP-04082"/>
    <s v="In Production"/>
    <s v="web"/>
    <x v="1"/>
    <x v="88"/>
  </r>
  <r>
    <x v="0"/>
    <x v="8"/>
    <x v="2416"/>
    <s v="Proactive Disclosure - Contracts over $10K"/>
    <s v="Internet application."/>
    <s v=""/>
    <x v="1"/>
    <s v=""/>
    <x v="28"/>
    <s v=""/>
    <s v=""/>
    <s v="APP-02101"/>
    <s v="In Production"/>
    <s v="web"/>
    <x v="1"/>
    <x v="86"/>
  </r>
  <r>
    <x v="2"/>
    <x v="3"/>
    <x v="4403"/>
    <s v="PSHRMS"/>
    <m/>
    <s v="Oracle"/>
    <x v="83"/>
    <s v="ERP"/>
    <x v="28"/>
    <s v="Human Resource Management"/>
    <s v="Human Resources Management Services"/>
    <s v="IRCC-PSHRMS"/>
    <s v="In Production"/>
    <s v="web"/>
    <x v="0"/>
    <x v="1608"/>
  </r>
  <r>
    <x v="0"/>
    <x v="28"/>
    <x v="4404"/>
    <s v="eServices - ResCalc"/>
    <s v="An OLS internet service that provides clients with the ability to determine if they have lived in Canada long enough to be eligible for citizenship and if not; when they will become eligible."/>
    <s v=""/>
    <x v="1"/>
    <s v=""/>
    <x v="28"/>
    <s v="Permanent Economic Residents"/>
    <s v="Other"/>
    <s v="IRCC-ResCalc"/>
    <s v="In Production"/>
    <s v="web"/>
    <x v="1"/>
    <x v="1609"/>
  </r>
  <r>
    <x v="0"/>
    <x v="19"/>
    <x v="4405"/>
    <s v="Retirement Request"/>
    <m/>
    <s v=""/>
    <x v="1"/>
    <s v=""/>
    <x v="28"/>
    <s v=""/>
    <s v=""/>
    <s v="APP-02103"/>
    <s v="In Production"/>
    <s v="web"/>
    <x v="1"/>
    <x v="1577"/>
  </r>
  <r>
    <x v="0"/>
    <x v="16"/>
    <x v="4406"/>
    <s v="RFWS (SRTE)                                     "/>
    <m/>
    <s v=""/>
    <x v="1"/>
    <s v=""/>
    <x v="28"/>
    <s v="Unassigned PAA"/>
    <s v="Management and Oversight Services"/>
    <s v="IRCC-RFWS (SRTE)"/>
    <s v="In Production"/>
    <s v="web"/>
    <x v="1"/>
    <x v="1539"/>
  </r>
  <r>
    <x v="1"/>
    <x v="12"/>
    <x v="4407"/>
    <s v="Call Centre - Rogers VCC"/>
    <m/>
    <s v="Rogers / Inin"/>
    <x v="14"/>
    <s v="Interactive Intelligence CIC 4.0 products offered as VCC by Rogers"/>
    <x v="28"/>
    <s v="Multiple Programs"/>
    <s v="Communications Services"/>
    <s v="APP-00015"/>
    <s v="In Production"/>
    <s v="web"/>
    <x v="0"/>
    <x v="1610"/>
  </r>
  <r>
    <x v="0"/>
    <x v="16"/>
    <x v="4408"/>
    <s v="ROMS (SRGO)                                  "/>
    <m/>
    <s v=""/>
    <x v="1"/>
    <s v=""/>
    <x v="28"/>
    <s v="Unassigned PAA"/>
    <s v="Management and Oversight Services"/>
    <s v="IRCC-ROMS (SRGO)"/>
    <s v="In Production"/>
    <s v="web"/>
    <x v="1"/>
    <x v="1539"/>
  </r>
  <r>
    <x v="0"/>
    <x v="28"/>
    <x v="4409"/>
    <s v="Search (GSA)"/>
    <s v="Provides search capabilities for the CIC's Intranet site."/>
    <s v="Google"/>
    <x v="84"/>
    <s v=""/>
    <x v="28"/>
    <s v="Multiple Programs"/>
    <s v="Information Management Services"/>
    <s v="APP-00946"/>
    <s v="In Production"/>
    <s v="appliance"/>
    <x v="0"/>
    <x v="1611"/>
  </r>
  <r>
    <x v="4"/>
    <x v="5"/>
    <x v="4410"/>
    <s v="SendSuite"/>
    <s v="Mailroom system."/>
    <s v="Pitney Bowes"/>
    <x v="14"/>
    <s v="SendSuite"/>
    <x v="28"/>
    <s v=""/>
    <s v=""/>
    <s v="APP-02023"/>
    <s v="In Production"/>
    <s v="web"/>
    <x v="0"/>
    <x v="145"/>
  </r>
  <r>
    <x v="8"/>
    <x v="29"/>
    <x v="4411"/>
    <s v="Siebel Client and Tools"/>
    <s v="A Client Relationship Management (CRM) platform on which GCMS and GCS are built."/>
    <s v="Oracle_Canada_ULC"/>
    <x v="1"/>
    <s v="Oracle Siebel Tools"/>
    <x v="28"/>
    <s v="Information Technology"/>
    <s v="Information Technology Services"/>
    <s v="IRCC-Siebel Client a"/>
    <s v="In Production"/>
    <s v="desktop"/>
    <x v="0"/>
    <x v="523"/>
  </r>
  <r>
    <x v="0"/>
    <x v="16"/>
    <x v="4412"/>
    <s v="SMART database"/>
    <s v="The SMART stakeholder database to centralize stakeholder information (contact details, backgrounder info) and information on stakeholder events. The database also has a mass emailing and listserv function that we use to send out all of our external news releases, newsletters and mass mailings. The system can also manage event RSVPs and track attendance._x000a__x000a_The existing contract has been extended with Syrenis (formally Qbase) who has been providing the clienwith the SMART licenses, technical support, etc., since 2012. The database is cleared to a Protected A level and all information are stored on Canadian servers. This contract will end October 2017."/>
    <s v="Other"/>
    <x v="1"/>
    <s v="SMART"/>
    <x v="28"/>
    <s v="Communications"/>
    <s v="Communications Services,Information Technology Services"/>
    <s v="IRCC-SMART database"/>
    <s v="In Production"/>
    <s v="cloud"/>
    <x v="0"/>
    <x v="523"/>
  </r>
  <r>
    <x v="8"/>
    <x v="39"/>
    <x v="3105"/>
    <s v="Sparx Enterprise Architect"/>
    <s v="A visual modeling and design tool based on the OMG UML"/>
    <s v="Other"/>
    <x v="14"/>
    <s v="Sparx Systems,  Enterprise Architecture Version 12"/>
    <x v="28"/>
    <s v="Information Technology"/>
    <s v="Information Technology Services"/>
    <s v="IRCC-Sparx Enterpris"/>
    <s v="In Production"/>
    <s v="desktop"/>
    <x v="0"/>
    <x v="145"/>
  </r>
  <r>
    <x v="3"/>
    <x v="34"/>
    <x v="4413"/>
    <s v="SPSS Modeler"/>
    <s v="Processing Server for SPSS Modeler models (Data Mining, predictive analytics); can batch process models."/>
    <s v="IBM"/>
    <x v="14"/>
    <s v="SPSS Modeler"/>
    <x v="28"/>
    <s v="Multiple Programs"/>
    <s v="Information Technology Services"/>
    <s v="APP-01013"/>
    <s v="In Production"/>
    <s v="web"/>
    <x v="0"/>
    <x v="1553"/>
  </r>
  <r>
    <x v="5"/>
    <x v="25"/>
    <x v="4414"/>
    <s v="SPSS Statistics"/>
    <s v="Processing Server for SPSS Statistics Standard, can batch process models."/>
    <s v=""/>
    <x v="1"/>
    <s v=""/>
    <x v="28"/>
    <s v="Multiple Programs"/>
    <s v="Information Technology Services"/>
    <s v="APP-01016"/>
    <s v="In Production"/>
    <s v="desktop"/>
    <x v="1"/>
    <x v="1553"/>
  </r>
  <r>
    <x v="8"/>
    <x v="29"/>
    <x v="4415"/>
    <s v="SQL Server Tools"/>
    <s v="A Relational Database Management System (RDBMS) to provide database development, management and services."/>
    <s v="Microsoft Corporation"/>
    <x v="85"/>
    <s v=""/>
    <x v="28"/>
    <s v="Information Technology"/>
    <s v="Information Technology Services"/>
    <s v="IRCC-SQL Server Tool"/>
    <s v="In Production"/>
    <s v="desktop"/>
    <x v="0"/>
    <x v="145"/>
  </r>
  <r>
    <x v="3"/>
    <x v="31"/>
    <x v="4416"/>
    <s v="S3RSS"/>
    <s v="This internal report scheduler tracks/distributes via internal email shared schedules and report-specific schedules to assist clients with the processing and distribution of reports. The schedules specify a type of recurrence: monthly, weekly, or daily. S3RSS provides reports for WebCIMS and other clients."/>
    <s v=""/>
    <x v="1"/>
    <s v=""/>
    <x v="28"/>
    <s v="Unassigned PAA"/>
    <s v="Other"/>
    <s v="IRCC-S3RSS"/>
    <s v="In Production"/>
    <s v="desktop"/>
    <x v="1"/>
    <x v="1567"/>
  </r>
  <r>
    <x v="2"/>
    <x v="23"/>
    <x v="125"/>
    <s v="TeamMate"/>
    <m/>
    <s v="Other"/>
    <x v="14"/>
    <s v="CCH / Wolters Kluwer"/>
    <x v="28"/>
    <s v="Unassigned PAA"/>
    <s v="Management and Oversight Services"/>
    <s v="IRCC-TeamMate"/>
    <s v="In Production"/>
    <s v="rich"/>
    <x v="0"/>
    <x v="1548"/>
  </r>
  <r>
    <x v="8"/>
    <x v="38"/>
    <x v="241"/>
    <s v="TFS"/>
    <m/>
    <s v="Microsoft"/>
    <x v="1"/>
    <s v="Visual Studio 2010 - Team Foundation Server"/>
    <x v="28"/>
    <s v=""/>
    <s v="Information Technology Services"/>
    <s v="APP-00140"/>
    <s v="In Production"/>
    <s v="web"/>
    <x v="0"/>
    <x v="1548"/>
  </r>
  <r>
    <x v="3"/>
    <x v="63"/>
    <x v="1036"/>
    <s v="EDW - TM1"/>
    <m/>
    <s v="IBM"/>
    <x v="14"/>
    <s v="Cognos TM1"/>
    <x v="28"/>
    <s v="Multiple Programs"/>
    <s v="Information Technology Services"/>
    <s v="APP-01009"/>
    <s v="In Production"/>
    <s v="web"/>
    <x v="0"/>
    <x v="1477"/>
  </r>
  <r>
    <x v="0"/>
    <x v="16"/>
    <x v="4417"/>
    <s v="Update DMP"/>
    <s v="Custom-designed support software for DMP - Dicom 42."/>
    <s v=""/>
    <x v="1"/>
    <s v=""/>
    <x v="28"/>
    <s v="Unassigned PAA"/>
    <s v="Other"/>
    <s v="IRCC-Update DMP     "/>
    <s v="In Production"/>
    <s v="desktop"/>
    <x v="1"/>
    <x v="1612"/>
  </r>
  <r>
    <x v="8"/>
    <x v="29"/>
    <x v="246"/>
    <s v="Visual Studio"/>
    <s v="A rich, integrated development environment for creating  applications for Windows, Android, and iOS, as well as modern web applications and cloud services."/>
    <s v="Microsoft Corporation"/>
    <x v="86"/>
    <s v=""/>
    <x v="28"/>
    <s v="Information Technology"/>
    <s v="Information Technology Services"/>
    <s v="IRCC-Visual Studio"/>
    <s v="In Production"/>
    <s v="desktop"/>
    <x v="0"/>
    <x v="88"/>
  </r>
  <r>
    <x v="1"/>
    <x v="12"/>
    <x v="4418"/>
    <s v="Call Centre - WebCART                                           "/>
    <s v="WebCART serves as a repository for Case Processing Centres procedures and provides the most up-to-date information on CIC related programs, procedures and services in a way that is well-organized, user friendly and efficient."/>
    <s v=""/>
    <x v="1"/>
    <s v=""/>
    <x v="28"/>
    <s v="Unassigned PAA"/>
    <s v="Other"/>
    <s v="IRCC-WebCART"/>
    <s v="In Production"/>
    <s v="web"/>
    <x v="1"/>
    <x v="1613"/>
  </r>
  <r>
    <x v="0"/>
    <x v="13"/>
    <x v="4419"/>
    <s v="WebCIMS"/>
    <m/>
    <s v="A.Net Solutions Inc."/>
    <x v="27"/>
    <s v=""/>
    <x v="28"/>
    <s v="Unassigned PAA"/>
    <s v="Travel and Other Administrative Services"/>
    <s v="IRCC-WebCIMS EXEC/BM"/>
    <s v="In Production"/>
    <s v="web"/>
    <x v="0"/>
    <x v="1614"/>
  </r>
  <r>
    <x v="2"/>
    <x v="51"/>
    <x v="4420"/>
    <s v="ATRIS"/>
    <s v="The Aboriginal and Treaty Rights Information System (ATRIS) application provides required baseline information (e.g. what existing or potential rights that may exist within the vicinity of a proposed government or industry activity) to assist in determining whether a duty to consult exists and the extent of the consultation that is required."/>
    <s v=""/>
    <x v="1"/>
    <s v=""/>
    <x v="29"/>
    <s v="The Government"/>
    <s v="Information Management Services"/>
    <s v="AANDC-1"/>
    <s v="In Production"/>
    <s v="web"/>
    <x v="1"/>
    <x v="1615"/>
  </r>
  <r>
    <x v="0"/>
    <x v="16"/>
    <x v="4421"/>
    <s v="APCM"/>
    <m/>
    <s v="Other"/>
    <x v="14"/>
    <s v="CSDC Enterprise Solutions / AccessPro Suite"/>
    <x v="29"/>
    <s v="Internal Services"/>
    <s v="Information Management Services"/>
    <s v="AANDC-6"/>
    <s v="In Production"/>
    <s v="rich"/>
    <x v="0"/>
    <x v="1615"/>
  </r>
  <r>
    <x v="6"/>
    <x v="57"/>
    <x v="4422"/>
    <s v="LMS"/>
    <m/>
    <s v=""/>
    <x v="87"/>
    <s v=""/>
    <x v="29"/>
    <s v="Internal Services"/>
    <s v="Human Resources Management Services"/>
    <s v="APP-01970"/>
    <s v="In Production"/>
    <s v="desktop"/>
    <x v="0"/>
    <x v="1616"/>
  </r>
  <r>
    <x v="0"/>
    <x v="7"/>
    <x v="4423"/>
    <s v="BGMS"/>
    <s v="The Band Governance Management System (BGMS) application is used by Headquarters, Regional and First Nation users for elections.  The application consists of the following three components: Elections - used to record each election and related event, ByLaws - tracks the history and current status of all bylaws and Estates (future release)."/>
    <s v=""/>
    <x v="1"/>
    <s v=""/>
    <x v="29"/>
    <s v="The Government"/>
    <s v="Information Management Services"/>
    <s v="AANDC-21"/>
    <s v="In Production"/>
    <s v="web"/>
    <x v="1"/>
    <x v="1615"/>
  </r>
  <r>
    <x v="1"/>
    <x v="12"/>
    <x v="4424"/>
    <s v="CallBase Web"/>
    <s v="Call centre management system used for the library and public enquiries centre. Uses both a thin Web client and a fat client."/>
    <s v="Other"/>
    <x v="14"/>
    <s v="Nortak / CallBase Web"/>
    <x v="29"/>
    <s v="Internal Services"/>
    <s v="Information Technology Services"/>
    <s v="AANDC-31"/>
    <s v="In Production"/>
    <s v="rich"/>
    <x v="0"/>
    <x v="1617"/>
  </r>
  <r>
    <x v="0"/>
    <x v="0"/>
    <x v="4425"/>
    <s v="Collaboration"/>
    <m/>
    <s v="Other"/>
    <x v="14"/>
    <s v="OpenText / eDocs Collaboration"/>
    <x v="29"/>
    <s v="Internal Services"/>
    <s v="Information Management Services"/>
    <s v="AANDC-38"/>
    <s v="In Production"/>
    <s v="web"/>
    <x v="0"/>
    <x v="1618"/>
  </r>
  <r>
    <x v="0"/>
    <x v="7"/>
    <x v="4426"/>
    <s v="CIDM"/>
    <m/>
    <s v="Other"/>
    <x v="14"/>
    <s v="OpenText / eDOCS DM"/>
    <x v="29"/>
    <s v="Internal Services"/>
    <s v="Financial Management Services"/>
    <s v="AANDC-42"/>
    <s v="In Production"/>
    <s v="web"/>
    <x v="0"/>
    <x v="1617"/>
  </r>
  <r>
    <x v="0"/>
    <x v="7"/>
    <x v="4427"/>
    <s v="CLCA.net"/>
    <s v="The Comprehensive Land Claim Agreement (.net) application manages data related to procurement  and Comprehensive Land Claim Agreements."/>
    <s v=""/>
    <x v="1"/>
    <s v=""/>
    <x v="29"/>
    <s v="The Government"/>
    <s v="Information Management Services"/>
    <s v="AANDC-43"/>
    <s v="In Production"/>
    <s v="web"/>
    <x v="1"/>
    <x v="1617"/>
  </r>
  <r>
    <x v="8"/>
    <x v="39"/>
    <x v="4428"/>
    <s v="CASC"/>
    <s v="The Corporate Application Security Controller (CASC) is a customized application whose purpose is to provide secure access to some in-house web-based applications (older ADF1.x applications).  CASC is composed of two inter-related modules: CASCM and CASCC."/>
    <s v=""/>
    <x v="1"/>
    <s v=""/>
    <x v="29"/>
    <s v="Internal Services"/>
    <s v="Information Technology Services"/>
    <s v="AANDC-44"/>
    <s v="In Production"/>
    <s v="web"/>
    <x v="1"/>
    <x v="1615"/>
  </r>
  <r>
    <x v="0"/>
    <x v="7"/>
    <x v="4429"/>
    <s v="CT Summation"/>
    <m/>
    <s v="Other"/>
    <x v="14"/>
    <s v="AccessData / Summation"/>
    <x v="29"/>
    <s v="The People"/>
    <s v="Information Management Services"/>
    <s v="AANDC-50"/>
    <s v="In Production"/>
    <s v="web"/>
    <x v="0"/>
    <x v="1619"/>
  </r>
  <r>
    <x v="2"/>
    <x v="40"/>
    <x v="4430"/>
    <s v="EIS"/>
    <m/>
    <s v=""/>
    <x v="1"/>
    <s v=""/>
    <x v="29"/>
    <s v="The People"/>
    <s v="Financial Management Services"/>
    <s v="AANDC-55"/>
    <s v="In Production"/>
    <s v="web"/>
    <x v="1"/>
    <x v="1617"/>
  </r>
  <r>
    <x v="3"/>
    <x v="31"/>
    <x v="4431"/>
    <s v="ERAS"/>
    <m/>
    <s v="Other"/>
    <x v="1"/>
    <s v="IBM / Cognos"/>
    <x v="29"/>
    <s v="The People"/>
    <s v="Information Technology Services"/>
    <s v="AANDC-56"/>
    <s v="In Production"/>
    <s v="web"/>
    <x v="0"/>
    <x v="1620"/>
  </r>
  <r>
    <x v="0"/>
    <x v="16"/>
    <x v="4432"/>
    <s v="ERS"/>
    <m/>
    <s v=""/>
    <x v="1"/>
    <s v=""/>
    <x v="29"/>
    <s v="The People"/>
    <s v="Information Management Services"/>
    <s v="AANDC-63"/>
    <s v="In Production"/>
    <s v="web"/>
    <x v="1"/>
    <x v="1615"/>
  </r>
  <r>
    <x v="6"/>
    <x v="33"/>
    <x v="4433"/>
    <s v="EAS"/>
    <m/>
    <s v=""/>
    <x v="1"/>
    <s v=""/>
    <x v="29"/>
    <s v="Internal Services"/>
    <s v="Travel and Other Administrative Services"/>
    <s v="AANDC-64"/>
    <s v="In Production"/>
    <s v="web"/>
    <x v="1"/>
    <x v="1615"/>
  </r>
  <r>
    <x v="2"/>
    <x v="2"/>
    <x v="4434"/>
    <s v="FSR"/>
    <m/>
    <s v="Other"/>
    <x v="14"/>
    <s v="IBM / Cognos"/>
    <x v="29"/>
    <s v="Internal Services"/>
    <s v="Financial Management Services"/>
    <s v="AANDC-69"/>
    <s v="In Production"/>
    <s v="web"/>
    <x v="0"/>
    <x v="1620"/>
  </r>
  <r>
    <x v="6"/>
    <x v="61"/>
    <x v="4435"/>
    <s v="FNPS"/>
    <s v="The First Nation Profiles System (FNP) application provides profiles of First Nations, tribal councils, etc."/>
    <s v=""/>
    <x v="1"/>
    <s v=""/>
    <x v="29"/>
    <s v="The Government"/>
    <s v="Information Management Services"/>
    <s v="AANDC-71"/>
    <s v="In Production"/>
    <s v="web"/>
    <x v="1"/>
    <x v="1615"/>
  </r>
  <r>
    <x v="2"/>
    <x v="9"/>
    <x v="4436"/>
    <s v="FNCFS"/>
    <m/>
    <s v=""/>
    <x v="1"/>
    <s v=""/>
    <x v="29"/>
    <s v="The People"/>
    <s v="Financial Management Services"/>
    <s v="AANDC-73"/>
    <s v="In Production"/>
    <s v="web"/>
    <x v="1"/>
    <x v="1615"/>
  </r>
  <r>
    <x v="0"/>
    <x v="7"/>
    <x v="4437"/>
    <s v="FORTIS"/>
    <m/>
    <s v="Other"/>
    <x v="14"/>
    <s v="WestBrook Technologies / FORTIS"/>
    <x v="29"/>
    <s v="Internal Services"/>
    <s v="Information Management Services"/>
    <s v="AANDC-75"/>
    <s v="In Production"/>
    <s v="rich"/>
    <x v="0"/>
    <x v="1621"/>
  </r>
  <r>
    <x v="2"/>
    <x v="9"/>
    <x v="4438"/>
    <s v="GCIMS"/>
    <m/>
    <s v=""/>
    <x v="1"/>
    <s v=""/>
    <x v="29"/>
    <s v="Internal Services"/>
    <s v="Financial Management Services"/>
    <s v="AANDC-80"/>
    <s v="In Production"/>
    <s v="web"/>
    <x v="1"/>
    <x v="1615"/>
  </r>
  <r>
    <x v="2"/>
    <x v="9"/>
    <x v="4439"/>
    <s v="IGSS"/>
    <s v="The Indian Government Support System (IGSS) application tracks funding for band employee benefits, band support funding, tribal council funding and advisory services for unaffiliated bands."/>
    <s v=""/>
    <x v="1"/>
    <s v=""/>
    <x v="29"/>
    <s v="The Government"/>
    <s v="Financial Management Services"/>
    <s v="AANDC-87"/>
    <s v="In Production"/>
    <s v="web"/>
    <x v="1"/>
    <x v="1615"/>
  </r>
  <r>
    <x v="0"/>
    <x v="85"/>
    <x v="4440"/>
    <s v="ILRS"/>
    <m/>
    <s v=""/>
    <x v="1"/>
    <s v=""/>
    <x v="29"/>
    <s v="The Land and Economy"/>
    <s v="Information Management Services"/>
    <s v="AANDC-88"/>
    <s v="In Production"/>
    <s v="web"/>
    <x v="1"/>
    <x v="1615"/>
  </r>
  <r>
    <x v="0"/>
    <x v="16"/>
    <x v="4441"/>
    <s v="IRS"/>
    <m/>
    <s v=""/>
    <x v="1"/>
    <s v=""/>
    <x v="29"/>
    <s v="The People"/>
    <s v="Information Management Services"/>
    <s v="AANDC-90"/>
    <s v="In Production"/>
    <s v="web"/>
    <x v="1"/>
    <x v="1617"/>
  </r>
  <r>
    <x v="3"/>
    <x v="4"/>
    <x v="4442"/>
    <s v="ICMS"/>
    <s v="The Integrated Capital Management System (ICMS) was developed to support improved Community Infrastructure (CI)  data collection processes so that program administrators will have relevant and accurate data available."/>
    <s v=""/>
    <x v="1"/>
    <s v=""/>
    <x v="29"/>
    <s v="The Land and Economy"/>
    <s v="Information Management Services"/>
    <s v="AANDC-92"/>
    <s v="In Production"/>
    <s v="web"/>
    <x v="1"/>
    <x v="1615"/>
  </r>
  <r>
    <x v="3"/>
    <x v="4"/>
    <x v="4443"/>
    <s v="ICMS-RS"/>
    <m/>
    <s v=""/>
    <x v="1"/>
    <s v=""/>
    <x v="29"/>
    <s v="The Land and Economy"/>
    <s v="Information Technology Services"/>
    <s v="AANDC-93"/>
    <s v="In Production"/>
    <s v="web"/>
    <x v="0"/>
    <x v="1622"/>
  </r>
  <r>
    <x v="0"/>
    <x v="7"/>
    <x v="4444"/>
    <s v="IEMS"/>
    <m/>
    <s v=""/>
    <x v="1"/>
    <s v=""/>
    <x v="29"/>
    <s v="The Land and Economy"/>
    <s v="Information Management Services"/>
    <s v="AANDC-94"/>
    <s v="In Production"/>
    <s v="web"/>
    <x v="1"/>
    <x v="1623"/>
  </r>
  <r>
    <x v="2"/>
    <x v="2"/>
    <x v="4445"/>
    <s v="IFS"/>
    <m/>
    <s v="Other"/>
    <x v="1"/>
    <s v="IBM / Cognos"/>
    <x v="29"/>
    <s v="Internal Services"/>
    <s v="Financial Management Services"/>
    <s v="AANDC-95"/>
    <s v="In Production"/>
    <s v="web"/>
    <x v="0"/>
    <x v="1622"/>
  </r>
  <r>
    <x v="2"/>
    <x v="40"/>
    <x v="4446"/>
    <s v="IHRRS"/>
    <m/>
    <s v="Other"/>
    <x v="1"/>
    <s v="IBM / Cognos"/>
    <x v="29"/>
    <s v="Internal Services"/>
    <s v="Human Resources Management Services"/>
    <s v="AANDC-96"/>
    <s v="In Production"/>
    <s v="web"/>
    <x v="0"/>
    <x v="1624"/>
  </r>
  <r>
    <x v="0"/>
    <x v="43"/>
    <x v="4447"/>
    <s v="WCMS"/>
    <s v="A web content management system."/>
    <s v="Other"/>
    <x v="14"/>
    <s v="Autonomy / Interwoven Teamsite"/>
    <x v="29"/>
    <s v="Internal Services"/>
    <s v="Information Management Services"/>
    <s v="AANDC-99"/>
    <s v="In Production"/>
    <s v="web"/>
    <x v="0"/>
    <x v="1625"/>
  </r>
  <r>
    <x v="0"/>
    <x v="13"/>
    <x v="4448"/>
    <s v="Inuit Graves"/>
    <m/>
    <s v=""/>
    <x v="1"/>
    <s v=""/>
    <x v="29"/>
    <s v="The Government"/>
    <s v=""/>
    <s v="APP-01976"/>
    <s v="In Production"/>
    <s v="web"/>
    <x v="1"/>
    <x v="10"/>
  </r>
  <r>
    <x v="1"/>
    <x v="12"/>
    <x v="4449"/>
    <s v="ITSP"/>
    <m/>
    <s v="Other"/>
    <x v="14"/>
    <s v="BMC / Remedy"/>
    <x v="29"/>
    <s v="Internal Services"/>
    <s v="Information Technology Services"/>
    <s v="AANDC-102"/>
    <s v="In Production"/>
    <s v="rich"/>
    <x v="0"/>
    <x v="1626"/>
  </r>
  <r>
    <x v="0"/>
    <x v="7"/>
    <x v="4450"/>
    <s v="LAS"/>
    <s v="The Land Administration System (LAS) tracks and manages oil and gas rights, bids. LAS is also known as Northern Oil and Gas Land Administration System."/>
    <s v=""/>
    <x v="1"/>
    <s v=""/>
    <x v="29"/>
    <s v="The North"/>
    <s v="Information Management Services"/>
    <s v="AANDC-103"/>
    <s v="In Production"/>
    <s v="web"/>
    <x v="1"/>
    <x v="1627"/>
  </r>
  <r>
    <x v="0"/>
    <x v="16"/>
    <x v="4337"/>
    <s v="LIMS"/>
    <m/>
    <s v="Other"/>
    <x v="14"/>
    <s v="IBlaze / CT Summation"/>
    <x v="29"/>
    <s v="Internal Services"/>
    <s v="Information Management Services"/>
    <s v="AANDC-109"/>
    <s v="In Production"/>
    <s v="desktop"/>
    <x v="0"/>
    <x v="1619"/>
  </r>
  <r>
    <x v="0"/>
    <x v="8"/>
    <x v="4451"/>
    <s v="MIMSY-XG"/>
    <s v="MIMSY-XG is a Collections Catalogue Management Database for the Inuit Art Gallery."/>
    <s v="Other"/>
    <x v="14"/>
    <s v="Axiell / MIMSY-XG"/>
    <x v="29"/>
    <s v="Internal Services"/>
    <s v="Information Management Services"/>
    <s v="AANDC-111"/>
    <s v="In Production"/>
    <s v="rich"/>
    <x v="0"/>
    <x v="1619"/>
  </r>
  <r>
    <x v="0"/>
    <x v="16"/>
    <x v="4452"/>
    <s v="NATS"/>
    <s v="The National ATR Tracking System (NATS) application is a web-based application which the business line uses to track the progress of Addition to Reserves (ATR) files from their start date in the region until they are approved by the Privy Council Office (or by the Minister, as in the case of Ministerial Orders)."/>
    <s v=""/>
    <x v="1"/>
    <s v=""/>
    <x v="29"/>
    <s v="The Land and Economy"/>
    <s v="Information Management Services"/>
    <s v="AANDC-114"/>
    <s v="In Production"/>
    <s v="web"/>
    <x v="1"/>
    <x v="1615"/>
  </r>
  <r>
    <x v="2"/>
    <x v="20"/>
    <x v="4453"/>
    <s v="NETLANDS"/>
    <m/>
    <s v=""/>
    <x v="1"/>
    <s v=""/>
    <x v="29"/>
    <s v="The Land and Economy"/>
    <s v="Information Management Services"/>
    <s v="AANDC-118"/>
    <s v="In Production"/>
    <s v="web"/>
    <x v="1"/>
    <x v="1619"/>
  </r>
  <r>
    <x v="0"/>
    <x v="7"/>
    <x v="4454"/>
    <s v="NNC"/>
    <s v="The Nutrition North Canada (NNC) is a reporting solution that provides reporting in regards to food prices and food shipment data collected from NNC program recipients."/>
    <s v=""/>
    <x v="1"/>
    <s v=""/>
    <x v="29"/>
    <s v="The North"/>
    <s v="Information Management Services"/>
    <s v="AANDC-128"/>
    <s v="In Production"/>
    <s v="web"/>
    <x v="1"/>
    <x v="1615"/>
  </r>
  <r>
    <x v="3"/>
    <x v="31"/>
    <x v="4455"/>
    <s v="NNC-RS"/>
    <s v="A Nutrition North Reporting and Analytics Solution."/>
    <s v="Other"/>
    <x v="1"/>
    <s v="IBM / Cognos"/>
    <x v="29"/>
    <s v="The North"/>
    <s v="Information Technology Services"/>
    <s v="AANDC-129"/>
    <s v="In Production"/>
    <s v="web"/>
    <x v="0"/>
    <x v="1622"/>
  </r>
  <r>
    <x v="2"/>
    <x v="40"/>
    <x v="4456"/>
    <s v="Nakisa"/>
    <s v="The PeopleSoft Nakisa OrgChart application is used for creating and displaying Organization Charts exported from the Peoplesoft system."/>
    <s v="Other"/>
    <x v="14"/>
    <s v="Nakisa / Org Chart /Org Modeler"/>
    <x v="29"/>
    <s v="Internal Services"/>
    <s v="Human Resources Management Services"/>
    <s v="AANDC-135"/>
    <s v="In Production"/>
    <s v="web"/>
    <x v="0"/>
    <x v="1615"/>
  </r>
  <r>
    <x v="0"/>
    <x v="7"/>
    <x v="4457"/>
    <s v="PIMS-OFI"/>
    <s v="The Proposal Information Management System (PIMS) is used by economic developement programs."/>
    <s v=""/>
    <x v="1"/>
    <s v=""/>
    <x v="29"/>
    <s v="Internal Services"/>
    <s v="Information Management Services"/>
    <s v="AANDC-140"/>
    <s v="In Production"/>
    <s v="web"/>
    <x v="1"/>
    <x v="1625"/>
  </r>
  <r>
    <x v="2"/>
    <x v="40"/>
    <x v="4458"/>
    <s v="RPM"/>
    <s v="The Rational Portfolio Management application is a Project Portfolio Management (PPM) tool that is used to track and report on the depatment's portfolio of IM/IT enabled projects."/>
    <s v="Other"/>
    <x v="14"/>
    <s v="IBM / Rational Portfolio Manager"/>
    <x v="29"/>
    <s v="Internal Services"/>
    <s v="Other"/>
    <s v="AANDC-141"/>
    <s v="In Production"/>
    <s v="rich"/>
    <x v="0"/>
    <x v="1618"/>
  </r>
  <r>
    <x v="9"/>
    <x v="54"/>
    <x v="4459"/>
    <s v="RTID"/>
    <m/>
    <s v="Other"/>
    <x v="14"/>
    <s v="MorphoTrust / RTID"/>
    <x v="29"/>
    <s v="Internal Services"/>
    <s v="Information Technology Services"/>
    <s v="AANDC-142"/>
    <s v="In Production"/>
    <s v="desktop"/>
    <x v="0"/>
    <x v="1619"/>
  </r>
  <r>
    <x v="0"/>
    <x v="16"/>
    <x v="4460"/>
    <s v="RIMS"/>
    <s v="Tracks and administers over 5000 active oil and gas surface and sub-surface agreements and a similar number of wells and their associated obligations on First Nation lands."/>
    <s v="Other"/>
    <x v="14"/>
    <s v="L.J Consultants / RIMS"/>
    <x v="29"/>
    <s v="The Land and Economy"/>
    <s v="Information Management Services"/>
    <s v="AANDC-144"/>
    <s v="In Production"/>
    <s v="web"/>
    <x v="0"/>
    <x v="1619"/>
  </r>
  <r>
    <x v="0"/>
    <x v="16"/>
    <x v="4461"/>
    <s v="SCIS"/>
    <m/>
    <s v=""/>
    <x v="1"/>
    <s v=""/>
    <x v="29"/>
    <s v="The People"/>
    <s v="Information Management Services"/>
    <s v="AANDC-147"/>
    <s v="In Production"/>
    <s v="web"/>
    <x v="1"/>
    <x v="1615"/>
  </r>
  <r>
    <x v="9"/>
    <x v="54"/>
    <x v="4462"/>
    <s v="SSIS"/>
    <m/>
    <s v=""/>
    <x v="1"/>
    <s v=""/>
    <x v="29"/>
    <s v="Internal Services"/>
    <s v="Information Management Services"/>
    <s v="AANDC-148"/>
    <s v="In Production"/>
    <s v="web"/>
    <x v="1"/>
    <x v="1615"/>
  </r>
  <r>
    <x v="0"/>
    <x v="16"/>
    <x v="4463"/>
    <s v="SADRE"/>
    <m/>
    <s v=""/>
    <x v="1"/>
    <s v=""/>
    <x v="29"/>
    <s v="The People"/>
    <s v="Information Management Services"/>
    <s v="AANDC-149"/>
    <s v="In Production"/>
    <s v="desktop"/>
    <x v="1"/>
    <x v="1628"/>
  </r>
  <r>
    <x v="0"/>
    <x v="16"/>
    <x v="4464"/>
    <s v="SCBDB"/>
    <m/>
    <s v=""/>
    <x v="1"/>
    <s v=""/>
    <x v="29"/>
    <s v="The Government"/>
    <s v="Information Management Services"/>
    <s v="AANDC-155"/>
    <s v="In Production"/>
    <s v="web"/>
    <x v="1"/>
    <x v="1615"/>
  </r>
  <r>
    <x v="0"/>
    <x v="16"/>
    <x v="4465"/>
    <s v="SCBRI"/>
    <m/>
    <s v=""/>
    <x v="1"/>
    <s v=""/>
    <x v="29"/>
    <s v="The Government"/>
    <s v="Information Technology Services"/>
    <s v="AANDC-156"/>
    <s v="In Production"/>
    <s v="web"/>
    <x v="1"/>
    <x v="1615"/>
  </r>
  <r>
    <x v="5"/>
    <x v="90"/>
    <x v="4466"/>
    <s v="SCBS-Map"/>
    <s v="The Specific Claims Settlements interactive Map (SCDB-Map) allow sthe public as well as internal staff to display claimants on a map that have specific claims settled through negotiation, and display tombstone information of the specific claims settled through negotiation."/>
    <s v=""/>
    <x v="1"/>
    <s v=""/>
    <x v="29"/>
    <s v="The Government"/>
    <s v="Information Management Services"/>
    <s v="AANDC-157"/>
    <s v="In Production"/>
    <s v="web"/>
    <x v="1"/>
    <x v="1615"/>
  </r>
  <r>
    <x v="0"/>
    <x v="16"/>
    <x v="125"/>
    <s v="Teammate"/>
    <m/>
    <s v="Other"/>
    <x v="14"/>
    <s v="Arc Logics / TeamMate Audit Management"/>
    <x v="29"/>
    <s v="Internal Services"/>
    <s v="Information Management Services"/>
    <s v="AANDC-165"/>
    <s v="In Production"/>
    <s v="desktop"/>
    <x v="0"/>
    <x v="1629"/>
  </r>
  <r>
    <x v="0"/>
    <x v="7"/>
    <x v="4467"/>
    <s v="TAD"/>
    <s v="The Treaty Assessment Database (TAD) application plans, manages and reports on treaties in British Columbia region."/>
    <s v=""/>
    <x v="1"/>
    <s v=""/>
    <x v="29"/>
    <s v="The Government"/>
    <s v="Information Management Services"/>
    <s v="AANDC-168"/>
    <s v="In Production"/>
    <s v="web"/>
    <x v="1"/>
    <x v="1625"/>
  </r>
  <r>
    <x v="2"/>
    <x v="9"/>
    <x v="4468"/>
    <s v="TPS"/>
    <m/>
    <s v=""/>
    <x v="1"/>
    <s v=""/>
    <x v="29"/>
    <s v="The People"/>
    <s v="Financial Management Services"/>
    <s v="AANDC-170"/>
    <s v="In Production"/>
    <s v="web"/>
    <x v="1"/>
    <x v="1615"/>
  </r>
  <r>
    <x v="2"/>
    <x v="9"/>
    <x v="4469"/>
    <s v="TFMS"/>
    <m/>
    <s v=""/>
    <x v="1"/>
    <s v=""/>
    <x v="29"/>
    <s v="The Land and Economy"/>
    <s v="Financial Management Services"/>
    <s v="AANDC-172"/>
    <s v="In Production"/>
    <s v="web"/>
    <x v="1"/>
    <x v="1630"/>
  </r>
  <r>
    <x v="3"/>
    <x v="4"/>
    <x v="4470"/>
    <s v="VTLS - VIRTUA"/>
    <s v="The Virginia Tech Library System (VTLS) application is an integrated automated library system.  It is comprised of several subsystems: Cataloguing, on-line public access catalogue to provide read only access to users, circulation, and serials control."/>
    <s v="Other"/>
    <x v="14"/>
    <s v="Virginia Tech Library System - CHAMO"/>
    <x v="29"/>
    <s v="Internal Services"/>
    <s v="Other"/>
    <s v="AANDC-174"/>
    <s v="In Production"/>
    <s v="desktop"/>
    <x v="0"/>
    <x v="1631"/>
  </r>
  <r>
    <x v="8"/>
    <x v="38"/>
    <x v="4471"/>
    <s v="TTPro"/>
    <s v="Software supporting issue and defect management and change requests"/>
    <s v="Seapine Software"/>
    <x v="14"/>
    <s v="TestTrack"/>
    <x v="29"/>
    <s v="Internal Services"/>
    <s v="Information Technology Services,Management and Oversight Services"/>
    <s v="APP-01987"/>
    <s v="In Production"/>
    <s v="web"/>
    <x v="0"/>
    <x v="10"/>
  </r>
  <r>
    <x v="5"/>
    <x v="90"/>
    <x v="4472"/>
    <s v="NMS"/>
    <s v="Online map selection is a process that modernizes the acquisition of mineral tenure._x000a_[Release 1]"/>
    <s v="Pacific Geotech"/>
    <x v="1"/>
    <s v="truePERMIT™ technology framework solution"/>
    <x v="29"/>
    <s v="Northern Land, Resources and Environmental Management"/>
    <s v="Real Property Services"/>
    <s v="APP-01794"/>
    <s v="In Production"/>
    <s v="web"/>
    <x v="0"/>
    <x v="86"/>
  </r>
  <r>
    <x v="2"/>
    <x v="9"/>
    <x v="4473"/>
    <s v="GLMS"/>
    <m/>
    <s v=""/>
    <x v="1"/>
    <s v=""/>
    <x v="29"/>
    <s v="Internal Services"/>
    <s v="Financial Management Services"/>
    <s v="APP-01973"/>
    <s v="In Production"/>
    <s v="web"/>
    <x v="1"/>
    <x v="86"/>
  </r>
  <r>
    <x v="0"/>
    <x v="5"/>
    <x v="4474"/>
    <s v="FNCP"/>
    <s v="The First Nations Community Profiles (FNCP) application is a technical solution that captures and displays community based data related to financial records, education, infrastructure, environmental and activities related to community contact. Where available, data is pulled from expert systems.  In addition, enhanced functionality such as better search capabilities, the ability to generate PDF files and print have been included."/>
    <s v=""/>
    <x v="1"/>
    <s v=""/>
    <x v="29"/>
    <s v="The Government"/>
    <s v="Information Management Services"/>
    <s v="AANDC-198"/>
    <s v="In Production"/>
    <s v="web"/>
    <x v="1"/>
    <x v="86"/>
  </r>
  <r>
    <x v="0"/>
    <x v="28"/>
    <x v="4475"/>
    <s v="ATRIS-Map"/>
    <s v="Interactive maps for viewing information from the Aboriginal and Treaty Rights Information System (ATRIS) application."/>
    <s v="ESRI_Canada_Limited"/>
    <x v="45"/>
    <s v=""/>
    <x v="29"/>
    <s v="The Government"/>
    <s v="Travel and Other Administrative Services"/>
    <s v="AANDC-207"/>
    <s v="In Production"/>
    <s v="web"/>
    <x v="0"/>
    <x v="86"/>
  </r>
  <r>
    <x v="2"/>
    <x v="5"/>
    <x v="4476"/>
    <s v="ERIP"/>
    <s v="Interactive map connected to the Indian Land Registry System (ILRS) for viewing parcel registry data.w"/>
    <s v="ESRI_Canada_Limited"/>
    <x v="45"/>
    <s v=""/>
    <x v="29"/>
    <s v="The Land and Economy"/>
    <s v="Information Management Services"/>
    <s v="AANDC-210"/>
    <s v="In Production"/>
    <s v="web"/>
    <x v="0"/>
    <x v="86"/>
  </r>
  <r>
    <x v="2"/>
    <x v="9"/>
    <x v="4477"/>
    <s v="FNCFS-Map"/>
    <s v="Interactive map for showing information from the First Nations Child &amp; Family Services (FNCFS) application."/>
    <s v="ESRI_Canada_Limited"/>
    <x v="45"/>
    <s v=""/>
    <x v="29"/>
    <s v="The People"/>
    <s v="Financial Management Services"/>
    <s v="AANDC-211"/>
    <s v="In Production"/>
    <s v="web"/>
    <x v="0"/>
    <x v="86"/>
  </r>
  <r>
    <x v="2"/>
    <x v="9"/>
    <x v="4478"/>
    <s v="FNCFS-RS"/>
    <m/>
    <s v=""/>
    <x v="1"/>
    <s v=""/>
    <x v="29"/>
    <s v="The People"/>
    <s v="Financial Management Services"/>
    <s v="AANDC-212"/>
    <s v="In Production"/>
    <s v="web"/>
    <x v="1"/>
    <x v="86"/>
  </r>
  <r>
    <x v="2"/>
    <x v="5"/>
    <x v="4479"/>
    <s v="FNP-Map"/>
    <s v="Interactive map for the First Nations Profile (FNP) application."/>
    <s v="ESRI_Canada_Limited"/>
    <x v="45"/>
    <s v=""/>
    <x v="29"/>
    <s v="The People"/>
    <s v="Information Management Services"/>
    <s v="AANDC-213"/>
    <s v="In Production"/>
    <s v="web"/>
    <x v="0"/>
    <x v="86"/>
  </r>
  <r>
    <x v="2"/>
    <x v="5"/>
    <x v="4480"/>
    <s v="IMERA-Map"/>
    <s v="Interactive map showing Emergency events for First Nations communities on a map."/>
    <s v="ESRI_Canada_Limited"/>
    <x v="45"/>
    <s v=""/>
    <x v="29"/>
    <s v="The Government"/>
    <s v="Information Management Services"/>
    <s v="AANDC-214"/>
    <s v="In Production"/>
    <s v="web"/>
    <x v="0"/>
    <x v="86"/>
  </r>
  <r>
    <x v="0"/>
    <x v="7"/>
    <x v="4481"/>
    <s v="LAS-Map"/>
    <s v="Interactive Map for the viewing information from the Land Administration System (LAS) application.  Application also known as Northern Oil and Gas Land Administration System."/>
    <s v="ESRI_Canada_Limited"/>
    <x v="45"/>
    <s v=""/>
    <x v="29"/>
    <s v="The North"/>
    <s v="Information Management Services"/>
    <s v="AANDC-215"/>
    <s v="In Production"/>
    <s v="web"/>
    <x v="1"/>
    <x v="86"/>
  </r>
  <r>
    <x v="2"/>
    <x v="5"/>
    <x v="4482"/>
    <s v="LMS"/>
    <m/>
    <s v="Other"/>
    <x v="1"/>
    <s v="GCI"/>
    <x v="29"/>
    <s v="Internal Services"/>
    <s v="Information Management Services"/>
    <s v="AANDC-216"/>
    <s v="In Production"/>
    <s v="web"/>
    <x v="0"/>
    <x v="86"/>
  </r>
  <r>
    <x v="0"/>
    <x v="7"/>
    <x v="4483"/>
    <s v="NNC-Map"/>
    <s v="Interactive map for the Nutrition North Canada (NNC) application."/>
    <s v="ESRI_Canada_Limited"/>
    <x v="45"/>
    <s v=""/>
    <x v="29"/>
    <s v="The North"/>
    <s v="Information Management Services"/>
    <s v="AANDC-217"/>
    <s v="In Production"/>
    <s v="web"/>
    <x v="0"/>
    <x v="86"/>
  </r>
  <r>
    <x v="2"/>
    <x v="5"/>
    <x v="4484"/>
    <s v="NNQP-Map"/>
    <s v="Interactive map for the Nutrition North Query Package application."/>
    <s v="ESRI_Canada_Limited"/>
    <x v="88"/>
    <s v=""/>
    <x v="29"/>
    <s v="The North"/>
    <s v="Information Management Services"/>
    <s v="AANDC-218"/>
    <s v="In Production"/>
    <s v="web"/>
    <x v="0"/>
    <x v="86"/>
  </r>
  <r>
    <x v="2"/>
    <x v="5"/>
    <x v="4485"/>
    <s v="RBIS"/>
    <m/>
    <s v=""/>
    <x v="1"/>
    <s v=""/>
    <x v="29"/>
    <s v="The Government"/>
    <s v="Information Management Services"/>
    <s v="AANDC-220"/>
    <s v="In Production"/>
    <s v="web"/>
    <x v="1"/>
    <x v="86"/>
  </r>
  <r>
    <x v="3"/>
    <x v="4"/>
    <x v="4486"/>
    <s v="VTLS - VIRTUA (Web)"/>
    <s v="The Virginia Tech Library System (web interface) application is an on-line public access catalogue to provide read only access to users, circulation, and serials control."/>
    <s v="Other"/>
    <x v="1"/>
    <s v="Virginia Tech Library System - VIRTUA"/>
    <x v="29"/>
    <s v="Internal Services"/>
    <s v="Other"/>
    <s v="AANDC-222"/>
    <s v="In Production"/>
    <s v="web"/>
    <x v="0"/>
    <x v="86"/>
  </r>
  <r>
    <x v="4"/>
    <x v="5"/>
    <x v="4487"/>
    <s v="MTME"/>
    <s v="Modern Treaty Obligation System will provide departments with a central, accessible tool to identify, track, analyze and report on the status of their obligations.  It will also support the MTIO in meeting its mandate._x000a__x000a_MTME was built using MS Dynamics on the GC Case platform which provides TAG with governance, tools, training and guidance for federal officials to better equip them in managing and fulfilling their Treaty obligations, resulting in reduction in Government of Canada legal and financial risks."/>
    <s v="Microsoft"/>
    <x v="1"/>
    <s v="MS Dynamics"/>
    <x v="29"/>
    <s v=""/>
    <s v=""/>
    <s v="APP-04229"/>
    <s v="In Production"/>
    <s v="cloud"/>
    <x v="0"/>
    <x v="86"/>
  </r>
  <r>
    <x v="4"/>
    <x v="5"/>
    <x v="1979"/>
    <s v="BEYOND 20/20"/>
    <s v=""/>
    <s v=""/>
    <x v="1"/>
    <s v=""/>
    <x v="29"/>
    <s v=""/>
    <s v=""/>
    <s v="APP-04246"/>
    <s v="In Production"/>
    <s v="desktop"/>
    <x v="0"/>
    <x v="106"/>
  </r>
  <r>
    <x v="4"/>
    <x v="5"/>
    <x v="4488"/>
    <s v="DAMS"/>
    <s v=""/>
    <s v=""/>
    <x v="1"/>
    <s v=""/>
    <x v="29"/>
    <s v=""/>
    <s v=""/>
    <s v="APP-04248"/>
    <s v="InDevelopment"/>
    <s v="desktop"/>
    <x v="0"/>
    <x v="106"/>
  </r>
  <r>
    <x v="4"/>
    <x v="5"/>
    <x v="4489"/>
    <s v="IBUY"/>
    <s v=""/>
    <s v=""/>
    <x v="1"/>
    <s v=""/>
    <x v="29"/>
    <s v=""/>
    <s v=""/>
    <s v="APP-04250"/>
    <s v="In Production"/>
    <s v="desktop"/>
    <x v="0"/>
    <x v="106"/>
  </r>
  <r>
    <x v="4"/>
    <x v="5"/>
    <x v="4490"/>
    <s v="ORACLE FINANCIALS"/>
    <s v=""/>
    <s v=""/>
    <x v="1"/>
    <s v=""/>
    <x v="29"/>
    <s v=""/>
    <s v=""/>
    <s v="APP-04252"/>
    <s v="In Production"/>
    <s v="desktop"/>
    <x v="0"/>
    <x v="106"/>
  </r>
  <r>
    <x v="4"/>
    <x v="5"/>
    <x v="4491"/>
    <s v="OSMS"/>
    <s v="OSMS is a COTS product by Freebalance. OSMS was replaced by the SFT functionality in SAP in April of 2014.  At this point, OSMS is only a legacy system used for reporting since we are required to keep 7 years of financial data."/>
    <s v=""/>
    <x v="1"/>
    <s v=""/>
    <x v="29"/>
    <s v=""/>
    <s v=""/>
    <s v="APP-04254"/>
    <s v="In Production"/>
    <s v="desktop"/>
    <x v="0"/>
    <x v="106"/>
  </r>
  <r>
    <x v="4"/>
    <x v="5"/>
    <x v="4492"/>
    <s v="CA Bank"/>
    <s v="Application to store and manage Contribution Agreement clauses that are legal approved for use."/>
    <s v=""/>
    <x v="1"/>
    <s v=""/>
    <x v="30"/>
    <s v="Funding Program Management"/>
    <s v=""/>
    <s v="APP-02322"/>
    <s v="In Production"/>
    <s v="web"/>
    <x v="1"/>
    <x v="593"/>
  </r>
  <r>
    <x v="3"/>
    <x v="31"/>
    <x v="4493"/>
    <s v="COGNOSBI"/>
    <s v="A Cognos-based reporting system is currently in production, and is used by both internal and external clients to produce reports based on information within the SIMSI IDW."/>
    <s v="IBM"/>
    <x v="1"/>
    <s v="Cognos BI"/>
    <x v="30"/>
    <s v="All"/>
    <s v="Other"/>
    <s v="APP-01708"/>
    <s v="In Production"/>
    <s v="web"/>
    <x v="0"/>
    <x v="584"/>
  </r>
  <r>
    <x v="2"/>
    <x v="40"/>
    <x v="4494"/>
    <s v="FSR"/>
    <m/>
    <s v=""/>
    <x v="1"/>
    <s v=""/>
    <x v="30"/>
    <s v="Financial Management"/>
    <s v="Financial Management Services"/>
    <s v="APP-03361"/>
    <s v="InDevelopment"/>
    <s v="web"/>
    <x v="1"/>
    <x v="1632"/>
  </r>
  <r>
    <x v="2"/>
    <x v="3"/>
    <x v="4495"/>
    <s v="HR Reporting"/>
    <s v="Cloud SAAS (PeopleInsight) to provide reports on our HR Data provided by PeopleSoft (MyGCHR)"/>
    <s v="PeopleInsight"/>
    <x v="1"/>
    <s v="PeopleInsight"/>
    <x v="30"/>
    <s v="Human Resources Reporting"/>
    <s v="Human Resources Management Services"/>
    <s v="APP-02365"/>
    <s v="In Production"/>
    <s v="cloud"/>
    <x v="0"/>
    <x v="1633"/>
  </r>
  <r>
    <x v="0"/>
    <x v="42"/>
    <x v="4496"/>
    <s v="IRIS"/>
    <s v="INFC Portal to provide proponents access to Infrastructure programs and projects and to collaborate online with INFC staff.  Also provides INFC with Client Relationship Management capabilities"/>
    <s v="Microsoft"/>
    <x v="1"/>
    <s v="MS Dynamics (SCMS) and CRM Portal"/>
    <x v="30"/>
    <s v="Infrastructure Funding Programs"/>
    <s v="Other"/>
    <s v="APP-03358"/>
    <s v="InDevelopment"/>
    <s v="web"/>
    <x v="0"/>
    <x v="1634"/>
  </r>
  <r>
    <x v="1"/>
    <x v="12"/>
    <x v="160"/>
    <s v="JIRA"/>
    <s v="Service Management / Workflow Tool"/>
    <s v="Atlassian"/>
    <x v="1"/>
    <s v="JIRA"/>
    <x v="30"/>
    <s v="Internal Services"/>
    <s v="Information Technology Services"/>
    <s v="APP-02317"/>
    <s v="In Production"/>
    <s v="web"/>
    <x v="0"/>
    <x v="307"/>
  </r>
  <r>
    <x v="0"/>
    <x v="28"/>
    <x v="2151"/>
    <s v="LaserFiche"/>
    <m/>
    <s v="RICOH"/>
    <x v="1"/>
    <s v="LaserFiche"/>
    <x v="30"/>
    <s v="Internal Services"/>
    <s v="Management and Oversight Services"/>
    <s v="APP-01714"/>
    <s v="In Production"/>
    <s v="web"/>
    <x v="0"/>
    <x v="1635"/>
  </r>
  <r>
    <x v="3"/>
    <x v="15"/>
    <x v="4497"/>
    <s v="LEXICON"/>
    <s v="This small web application is a meta-data repository that provides consistent definitions of all data elements in use in program systems."/>
    <s v=""/>
    <x v="1"/>
    <s v=""/>
    <x v="30"/>
    <s v="All"/>
    <s v="Other"/>
    <s v="APP-01706"/>
    <s v="In Production"/>
    <s v="web"/>
    <x v="1"/>
    <x v="577"/>
  </r>
  <r>
    <x v="10"/>
    <x v="69"/>
    <x v="4498"/>
    <s v="Central Collab"/>
    <m/>
    <s v="OPROMA"/>
    <x v="1"/>
    <s v="Central Collab"/>
    <x v="30"/>
    <s v=""/>
    <s v="Information Management Services"/>
    <s v="APP-03364"/>
    <s v="In Production"/>
    <s v="cloud"/>
    <x v="0"/>
    <x v="86"/>
  </r>
  <r>
    <x v="2"/>
    <x v="41"/>
    <x v="4499"/>
    <s v="PBMS"/>
    <s v="PBMS is a small web application that is used to support the planning and funding activities of the IMIT directorate."/>
    <s v=""/>
    <x v="1"/>
    <s v=""/>
    <x v="30"/>
    <s v="Internal Services"/>
    <s v="Financial Management Services"/>
    <s v="APP-01718"/>
    <s v="In Production"/>
    <s v="web"/>
    <x v="1"/>
    <x v="1636"/>
  </r>
  <r>
    <x v="2"/>
    <x v="9"/>
    <x v="4500"/>
    <s v="PIMS"/>
    <s v="The Program Information Management System holds information related to the administration of funding programs and related projects managed through INFC and holds all  finances including commitment values, expenditures, reference level and vote information."/>
    <s v=""/>
    <x v="1"/>
    <s v=""/>
    <x v="30"/>
    <s v="Major Infrastructure Programs"/>
    <s v="Other"/>
    <s v="APP-01700"/>
    <s v="In Production"/>
    <s v="web"/>
    <x v="1"/>
    <x v="575"/>
  </r>
  <r>
    <x v="0"/>
    <x v="11"/>
    <x v="4501"/>
    <s v="Quotes"/>
    <s v="Quotes is a small web application that allows communications and parliamentary affairs keep quotations and extracts from speeches to be used in their communication activities."/>
    <s v=""/>
    <x v="1"/>
    <s v=""/>
    <x v="30"/>
    <s v="Internal Services"/>
    <s v="Communications Services"/>
    <s v="APP-01716"/>
    <s v="In Production"/>
    <s v="web"/>
    <x v="1"/>
    <x v="1636"/>
  </r>
  <r>
    <x v="4"/>
    <x v="5"/>
    <x v="4502"/>
    <s v="TMAM"/>
    <s v="Audit and Evaluation Case Management System"/>
    <s v="CCH"/>
    <x v="1"/>
    <s v=""/>
    <x v="30"/>
    <s v="Audit and Evaluation"/>
    <s v=""/>
    <s v="APP-02320"/>
    <s v="In Production"/>
    <s v="web"/>
    <x v="0"/>
    <x v="1637"/>
  </r>
  <r>
    <x v="4"/>
    <x v="5"/>
    <x v="4502"/>
    <s v=""/>
    <s v="Audit Management System"/>
    <s v="Wolters Kluwer"/>
    <x v="1"/>
    <s v=""/>
    <x v="30"/>
    <s v=""/>
    <s v=""/>
    <s v="APP-01642"/>
    <s v=""/>
    <s v=""/>
    <x v="0"/>
    <x v="106"/>
  </r>
  <r>
    <x v="8"/>
    <x v="38"/>
    <x v="241"/>
    <s v="TFS"/>
    <s v="Application Code Repository for INFC Custom Application"/>
    <s v="Microsoft"/>
    <x v="1"/>
    <s v=""/>
    <x v="30"/>
    <s v="Information Technology"/>
    <s v="Information Technology Services"/>
    <s v="APP-02325"/>
    <s v="In Production"/>
    <s v="web"/>
    <x v="0"/>
    <x v="145"/>
  </r>
  <r>
    <x v="0"/>
    <x v="7"/>
    <x v="4503"/>
    <s v="WebCIMS"/>
    <s v="WebCIMS is a correspondence management tool (commercial-off-the-shelf) that is used in INFC to manage ministerial correspondence."/>
    <s v=""/>
    <x v="27"/>
    <s v=""/>
    <x v="30"/>
    <s v="Internal Services"/>
    <s v="Management and Oversight Services"/>
    <s v="APP-01712"/>
    <s v="In Production"/>
    <s v="web"/>
    <x v="0"/>
    <x v="523"/>
  </r>
  <r>
    <x v="3"/>
    <x v="46"/>
    <x v="4504"/>
    <s v=""/>
    <s v="Used to extract a file of abstracts and titles that need to be exported for translation and then import the returned file."/>
    <s v=""/>
    <x v="1"/>
    <s v=""/>
    <x v="31"/>
    <s v="SA1.1.5 Intellectual Property"/>
    <s v="Information Management Services"/>
    <s v="IC-ABSTRAN"/>
    <s v="In Production"/>
    <s v="rich"/>
    <x v="1"/>
    <x v="1638"/>
  </r>
  <r>
    <x v="0"/>
    <x v="19"/>
    <x v="4505"/>
    <s v="ALCES"/>
    <s v="Adobe LiveCycle ES is a module based platform to design, develop and manage  forms in multiple formats including PDF.  This implementation has the ReaderExtension and Forms ES modules."/>
    <s v="Adobe_Systems_Incorporated"/>
    <x v="2"/>
    <s v="LiveCycle Enterprise Suite"/>
    <x v="31"/>
    <s v="SSA 4.1.2.4 Information Technology"/>
    <s v="Information Technology Services"/>
    <s v="IC-ADOLCES"/>
    <s v="In Production"/>
    <s v="web"/>
    <x v="0"/>
    <x v="1639"/>
  </r>
  <r>
    <x v="0"/>
    <x v="16"/>
    <x v="4506"/>
    <s v="AIRR"/>
    <s v="An application to automate measuring devices' inspection result data entry and enable electronic data transfer as a means to offset significant additional data entry workload resulting from the introduction of mandatory inspection frequencies (e.g., retail and commercial scales, gas pumps every 2 years)."/>
    <s v=""/>
    <x v="1"/>
    <s v=""/>
    <x v="31"/>
    <s v="SA1.1.1 Trade Measurement"/>
    <s v="Other"/>
    <s v="IC-AIRR"/>
    <s v="In Production"/>
    <s v="web"/>
    <x v="1"/>
    <x v="1640"/>
  </r>
  <r>
    <x v="10"/>
    <x v="55"/>
    <x v="4507"/>
    <s v="ALSC"/>
    <s v="The ALSC Admin application provides an easy way for project teams to manage configurable project data, such as Epic Templates, user roles, and environment specific configuration key/value pairs. The ALSC Admin application offers the following functionality:  - Team Leads have a unified view of all projects they need to manage.  - Add Epic Templates to a project.  - Force reload Epic Templates for a project. - Force reload ALL Epic Templates in the environment (ALSC Administrators only) - Assign/revoke application-specific roles to any Strategis user.  - Create/update configuration key/value pairs (for example, the URL to a web service URL or the license key for a third-party product such as the Google Maps API). - Add new project to the ALSC project"/>
    <s v=""/>
    <x v="1"/>
    <s v=""/>
    <x v="31"/>
    <s v="SSA 4.1.2.4 Information Technology"/>
    <s v="Information Technology Services"/>
    <s v="IC-ALSC"/>
    <s v="In Production"/>
    <s v="web"/>
    <x v="1"/>
    <x v="1641"/>
  </r>
  <r>
    <x v="4"/>
    <x v="66"/>
    <x v="4508"/>
    <s v="AMIKA MOBILE ALERT MESSAGING SYSTEM"/>
    <s v="Communications and control system that provides alerts to CRC Campus Operations Branch building maintenance personnel with regards to the physical structure and systems that maintain the CRC infrastructure."/>
    <s v="Other"/>
    <x v="14"/>
    <s v="AMIKA Mobility/Campus Alert System"/>
    <x v="31"/>
    <s v="SA1.2.1 Spectrum Management and Telecommunications"/>
    <s v="Other,Real Property Services"/>
    <s v="IC-AMIKA"/>
    <s v="In Production"/>
    <s v=""/>
    <x v="0"/>
    <x v="1477"/>
  </r>
  <r>
    <x v="4"/>
    <x v="5"/>
    <x v="4509"/>
    <s v=""/>
    <s v="Database that tracks issues with antennas - searchable"/>
    <s v=""/>
    <x v="1"/>
    <s v=""/>
    <x v="31"/>
    <s v=""/>
    <s v=""/>
    <s v="APP-04044"/>
    <s v="In Production"/>
    <s v="desktop"/>
    <x v="1"/>
    <x v="1642"/>
  </r>
  <r>
    <x v="0"/>
    <x v="8"/>
    <x v="4510"/>
    <s v=""/>
    <s v="Used to retrieve application information from WIPO for applications entering national phase in Canada. This system also allows for paper applications to be scanned into the system and the ability to swap pages in documents electronically."/>
    <s v=""/>
    <x v="1"/>
    <s v=""/>
    <x v="31"/>
    <s v="SA1.1.5 Intellectual Property"/>
    <s v="Information Management Services"/>
    <s v="IC-APPENTRY"/>
    <s v="In Production"/>
    <s v="rich"/>
    <x v="1"/>
    <x v="1643"/>
  </r>
  <r>
    <x v="3"/>
    <x v="46"/>
    <x v="4511"/>
    <s v=""/>
    <s v="Used to create one of export products that is shared with IP offices and commercial clients."/>
    <s v=""/>
    <x v="1"/>
    <s v=""/>
    <x v="31"/>
    <s v="SA1.1.5 Intellectual Property"/>
    <s v="Information Technology Services"/>
    <s v="IC-APPXPORT"/>
    <s v="In Production"/>
    <s v="rich"/>
    <x v="1"/>
    <x v="1644"/>
  </r>
  <r>
    <x v="4"/>
    <x v="5"/>
    <x v="4512"/>
    <s v=""/>
    <s v="AP7Capture is a stand-alone COTS application designed to assist administrations and the Radiocommunication Bureau (BR) in capturing earth station AP7 input parameters for AP7 Analysis."/>
    <s v=""/>
    <x v="1"/>
    <s v="International Telecommunication Union (ITU)"/>
    <x v="31"/>
    <s v=""/>
    <s v=""/>
    <s v="APP-04047"/>
    <s v="In Production"/>
    <s v="desktop"/>
    <x v="0"/>
    <x v="106"/>
  </r>
  <r>
    <x v="0"/>
    <x v="28"/>
    <x v="4513"/>
    <s v="LYRIS"/>
    <s v="Industry Canada's Listserv service"/>
    <s v="Other"/>
    <x v="14"/>
    <s v="Lyris Inc/List Manager"/>
    <x v="31"/>
    <s v="SSA 4.1.2.4 Information Technology"/>
    <s v="Information Technology Services"/>
    <s v="IC-ASBALS"/>
    <s v="In Production"/>
    <s v=""/>
    <x v="0"/>
    <x v="1645"/>
  </r>
  <r>
    <x v="6"/>
    <x v="24"/>
    <x v="4514"/>
    <s v="LYRIS, SYNERGIS"/>
    <s v="Tracks project costs, timelines, and resource utilization (timesheets)"/>
    <s v=""/>
    <x v="1"/>
    <s v=""/>
    <x v="31"/>
    <s v="SSA 4.1.2.4 Information Technology"/>
    <s v="Financial Management Services,Information Technology Services"/>
    <s v="IC-ASBPTT"/>
    <s v="In Production"/>
    <s v="web"/>
    <x v="1"/>
    <x v="1646"/>
  </r>
  <r>
    <x v="2"/>
    <x v="40"/>
    <x v="4515"/>
    <s v="ATRS"/>
    <s v="ATRS is a system that facilitates the reporting of time against work activities. Used by several other government departments, ATRS allows employees to enter their activities online, and electronically submit time sheets for approval on a bi-weekly basis."/>
    <s v="Other"/>
    <x v="14"/>
    <s v="SAP"/>
    <x v="31"/>
    <s v="SA1.1.5 Intellectual Property"/>
    <s v="Financial Management Services,Human Resources Management Services,Other"/>
    <s v="IC-ATRSEIS"/>
    <s v="In Production"/>
    <s v="rich"/>
    <x v="0"/>
    <x v="1647"/>
  </r>
  <r>
    <x v="0"/>
    <x v="0"/>
    <x v="4516"/>
    <s v="AXCESS1-ATIP-CASE-MANAGEMENT"/>
    <m/>
    <s v="Other"/>
    <x v="14"/>
    <s v="Epixus Axcess1"/>
    <x v="31"/>
    <s v="SSA 4.1.2.3 Information Management"/>
    <s v="Information Management Services"/>
    <s v="IC-AXCESS1"/>
    <s v="In Production"/>
    <s v="web"/>
    <x v="0"/>
    <x v="1648"/>
  </r>
  <r>
    <x v="4"/>
    <x v="66"/>
    <x v="4517"/>
    <s v="BACNET"/>
    <s v="BACnet is a communications protocol for building automation and control networks.  It is designed to allow communication of building automation and control systems for applications such as heating, ventilation and air-conditioning control, lighting control, access control and fire detection systems and their associated equipment.  The BACnet protocol provides mechanisms for computerized building automation devices to exchange information, regardless of the particular building service they perform. Proper communication between building automation devices is critical for maximizing building energy efficiency, indoor air quality, and other aspects of 'green' buildings."/>
    <s v="Other"/>
    <x v="14"/>
    <s v="Bacnet Company/Reliable Controls"/>
    <x v="31"/>
    <s v="SA1.2.1 Spectrum Management and Telecommunications"/>
    <s v="Other,Real Property Services"/>
    <s v="IC-BACNET"/>
    <s v="In Production"/>
    <s v=""/>
    <x v="0"/>
    <x v="106"/>
  </r>
  <r>
    <x v="0"/>
    <x v="13"/>
    <x v="4518"/>
    <s v="BCS"/>
    <s v="This application serves as a reference for ISED’s enterprise information classification structure.  It was originally developed to be used as a tool to assist in setting standards, rules and records management retention schedules, all based on the business of the department, for the management of ISED’s information resources.   As a web-based application, it  provides both search and reporting functions.  While the application is no longer being updated, it is still being utilized as foundation for the development of the department’s new enterprise information architecture."/>
    <s v=""/>
    <x v="1"/>
    <s v=""/>
    <x v="31"/>
    <s v="SSA 4.1.2.3 Information Management"/>
    <s v="Information Management Services"/>
    <s v="IC-BCS"/>
    <s v="In Production"/>
    <s v="web"/>
    <x v="1"/>
    <x v="1649"/>
  </r>
  <r>
    <x v="0"/>
    <x v="8"/>
    <x v="4519"/>
    <s v="BIZPAL"/>
    <s v="BizPaL is an online service that simplifies the business permit and licence process for entrepreneurs, governments, and third party business service providers. Easy and convenient, BizPaL provides Canadian businesses with one-stop access to permit and licence information for all levels of government. The services primary goals are to slash document research time and help entrepreneurs start up faster. BizPaL is currently being run as a project by Industry Canada in partnership with several provincial, territorial and local governments."/>
    <s v="Other"/>
    <x v="14"/>
    <s v="EllisLab/Expression Engine"/>
    <x v="31"/>
    <s v="SA3.1.2 Canada Business Network"/>
    <s v="Other"/>
    <s v="IC-BIZPAL"/>
    <s v="In Production"/>
    <s v="cloud"/>
    <x v="0"/>
    <x v="106"/>
  </r>
  <r>
    <x v="0"/>
    <x v="19"/>
    <x v="4520"/>
    <s v=""/>
    <s v=""/>
    <s v=""/>
    <x v="1"/>
    <s v=""/>
    <x v="31"/>
    <s v="SA1.1.5 Intellectual Property"/>
    <s v="Other"/>
    <s v="IC-BNKSPKR"/>
    <s v="In Production"/>
    <s v="web"/>
    <x v="1"/>
    <x v="1650"/>
  </r>
  <r>
    <x v="6"/>
    <x v="57"/>
    <x v="4521"/>
    <s v="OHWS"/>
    <s v="The Occupational Health and Workplace Safety Training application has two primary objectives: - Provide an online training exercise on Health and Safety issues that all Industry Canada employees must complete. - Provide an online administration component  On-line Training Session for Employee &amp; Manager Awareness in regards to Occupational Health and Safety provisions of the Canada Labour Code (CLC), Part II"/>
    <s v=""/>
    <x v="1"/>
    <s v=""/>
    <x v="31"/>
    <s v="SSA 4.1.2.1 Human Resource Management"/>
    <s v="Human Resources Management Services"/>
    <s v="IC-CASOHW"/>
    <s v="In Production"/>
    <s v="web"/>
    <x v="1"/>
    <x v="1651"/>
  </r>
  <r>
    <x v="4"/>
    <x v="5"/>
    <x v="4522"/>
    <s v=""/>
    <s v="The CASS is a web-based system for managing all aspects of the RCS co-operative processes including individual and aggregated co-operative account management, correspondence (letters and surveys)generation, data entry and reporting. It will utilize existing correspondence delivery methods (physical mail outs), data collection (manual entry, batch files) and reporting formats to ensure minimal impacts on existing  Rural Cooperative Secretariat (RCS) processes and workflows. It will also provide additional flexibility to existing workflows to allow improved management of co-operative correspondence and data collection tracking."/>
    <s v=""/>
    <x v="1"/>
    <s v=""/>
    <x v="31"/>
    <s v="SSA 4.1.2.4 Information Technology"/>
    <s v="Information Management Services"/>
    <s v="IC-CASS"/>
    <s v="In Production"/>
    <s v="web"/>
    <x v="1"/>
    <x v="1652"/>
  </r>
  <r>
    <x v="0"/>
    <x v="0"/>
    <x v="4523"/>
    <s v="THES"/>
    <s v="Implementation of processes to facilitate greater transparency with government reporting for Travel and Hospitality by senior execs and ministerial staff The Proactive Disclosure is a joint project managed by the Director of the Information and Privacy Rights Administration (ATIP) and the Finance Department of Industry Canada.  The objective of this project is to construct a website to publish Industry Canada's high-level officials' travel and hospitality expenses. The project allows the government official or his/her assistant to enter the expense reports that will be approved prior to being published.  Web application that publishes Industry Canada's high-level officials' travel and hospitality expenses on an external web site in accordance with TBS"/>
    <s v=""/>
    <x v="1"/>
    <s v=""/>
    <x v="31"/>
    <s v="SSA 4.1.2.2 Financial Management"/>
    <s v="Financial Management Services"/>
    <s v="IC-CASTHD"/>
    <s v="In Production"/>
    <s v="web"/>
    <x v="1"/>
    <x v="1651"/>
  </r>
  <r>
    <x v="0"/>
    <x v="16"/>
    <x v="4524"/>
    <s v="BIMS"/>
    <m/>
    <s v=""/>
    <x v="1"/>
    <s v=""/>
    <x v="31"/>
    <s v="PA1.4 Competition Law Enforcement"/>
    <s v="Information Management Services"/>
    <s v="IC-CBBIMS"/>
    <s v="In Production"/>
    <s v="web"/>
    <x v="1"/>
    <x v="98"/>
  </r>
  <r>
    <x v="0"/>
    <x v="16"/>
    <x v="4525"/>
    <s v="CBCANO, CAN"/>
    <s v="A CA Identification Number, commonly referred to as'CA Number', is a five-digit number preceded by the letters CA issued by the Competition Bureau upon request. Only Canadian manufacturers, processors or finishers of a textile fibre product or Canadians engaged in the business of importing or selling any textile fibre product are allowed to register for a CA Identification Number. Such dealers are not required to have a CA Identification Number but they may use it in place of their name and address on the label of consumer textile articles."/>
    <s v=""/>
    <x v="1"/>
    <s v=""/>
    <x v="31"/>
    <s v="PA1.4 Competition Law Enforcement"/>
    <s v="Information Management Services"/>
    <s v="IC-CBCANUM"/>
    <s v="In Production"/>
    <s v="web"/>
    <x v="1"/>
    <x v="1653"/>
  </r>
  <r>
    <x v="0"/>
    <x v="28"/>
    <x v="4526"/>
    <s v="DIS"/>
    <m/>
    <s v=""/>
    <x v="1"/>
    <s v=""/>
    <x v="31"/>
    <s v="PA1.4 Competition Law Enforcement"/>
    <s v="Information Management Services"/>
    <s v="IC-CBDIS"/>
    <s v="In Production"/>
    <s v="web"/>
    <x v="1"/>
    <x v="88"/>
  </r>
  <r>
    <x v="0"/>
    <x v="16"/>
    <x v="4527"/>
    <s v="I2"/>
    <m/>
    <s v="Other"/>
    <x v="1"/>
    <s v="IBM"/>
    <x v="31"/>
    <s v="PA1.4 Competition Law Enforcement"/>
    <s v="Other"/>
    <s v="IC-CBNOTEBK"/>
    <s v="In Production"/>
    <s v="desktop"/>
    <x v="0"/>
    <x v="106"/>
  </r>
  <r>
    <x v="0"/>
    <x v="8"/>
    <x v="4528"/>
    <s v="Canada Business &quot;Portal&quot;"/>
    <s v="Communications Portal for collaboration and to provide information to Small Business."/>
    <s v="Other"/>
    <x v="14"/>
    <s v="Ellis Lab/ExpressionEngine"/>
    <x v="31"/>
    <s v="SA3.1.2 Canada Business Network"/>
    <s v="Other"/>
    <s v="IC-CBPORTAL"/>
    <s v="In Production"/>
    <s v="cloud"/>
    <x v="0"/>
    <x v="1654"/>
  </r>
  <r>
    <x v="4"/>
    <x v="5"/>
    <x v="4529"/>
    <s v=""/>
    <s v=""/>
    <s v=""/>
    <x v="1"/>
    <s v=""/>
    <x v="31"/>
    <s v=""/>
    <s v=""/>
    <s v="APP-01962"/>
    <s v="In Production"/>
    <s v=""/>
    <x v="0"/>
    <x v="106"/>
  </r>
  <r>
    <x v="0"/>
    <x v="16"/>
    <x v="4530"/>
    <s v="RINGTAIL"/>
    <m/>
    <s v="Other"/>
    <x v="14"/>
    <s v="FTI Consulting/Ringtail"/>
    <x v="31"/>
    <s v="PA1.4 Competition Law Enforcement"/>
    <s v="Information Management Services"/>
    <s v="IC-CBRINGT"/>
    <s v="In Production"/>
    <s v="web"/>
    <x v="0"/>
    <x v="1655"/>
  </r>
  <r>
    <x v="2"/>
    <x v="52"/>
    <x v="4531"/>
    <s v="MSDA"/>
    <s v="MSDA is a fully integrated suite of web-based tools serving a multitude of purpose. It includes tools for: multi-channel client service delivery; client feedback; customized partnership modules; tracking and reporting on client and partner information;  and accessing web-based information resources. It is a broadened suite of information resources and tools readily available to Business Information Officers. Officers can search, view, print, save, email, fax and mail information from CB content management system, Business Gateway, ExportSource, and other CB content repositories and licensed resources . Information in this database includes: name, address, telephone numbers, e-mail addresses, language of service, nature and phase of business, nature of"/>
    <s v=""/>
    <x v="1"/>
    <s v=""/>
    <x v="31"/>
    <s v="SA3.1.2 Canada Business Network"/>
    <s v="Information Management Services"/>
    <s v="IC-CBUMSDA"/>
    <s v="In Production"/>
    <s v="web"/>
    <x v="1"/>
    <x v="1656"/>
  </r>
  <r>
    <x v="0"/>
    <x v="16"/>
    <x v="4532"/>
    <s v="CCAA"/>
    <s v="The Companies' Creditors Arrangement Act (CCAA) requires the Office of the Superintendent of Bankruptcy (OSB) to perform a number of new supervisory functions, such as: - creating and maintaining a public record and prescribed information registry of CCAA filings; - being the final repository of all CCAA files; - recording and addressing complaints; conducting investigations into the conduct of the monitors (insolvency professionals, who must now be licensed trustees); and; - developing a public policy advisory capacity. The product developed will have 2 applications: A Web application available to the public - both public and password-protected areas (mainly Monitors/Trustees in Bankruptcy offices). The application will be used to upload filings (PDF,"/>
    <s v=""/>
    <x v="1"/>
    <s v=""/>
    <x v="31"/>
    <s v="SA1.1.2 Bankruptcy and Insolvency"/>
    <s v="Other"/>
    <s v="IC-CCAA"/>
    <s v="In Production"/>
    <s v="web"/>
    <x v="1"/>
    <x v="1657"/>
  </r>
  <r>
    <x v="0"/>
    <x v="16"/>
    <x v="4533"/>
    <s v="CCD"/>
    <s v="Application to track all client requests to the Client Service Centre for Intellectual Property information."/>
    <s v=""/>
    <x v="1"/>
    <s v=""/>
    <x v="31"/>
    <s v="SA1.1.5 Intellectual Property"/>
    <s v="Other"/>
    <s v="IC-CCD"/>
    <s v="In Production"/>
    <s v="desktop"/>
    <x v="1"/>
    <x v="1658"/>
  </r>
  <r>
    <x v="4"/>
    <x v="66"/>
    <x v="4534"/>
    <s v="EBE"/>
    <s v="Front-end and back-end processing for all Incorporations request, as well as capturing compliance information (such as filing of annual returns / annual summaries) and all corporations changes such as amendments, dissolutions, discontinuances, revivals, changes of directors, changes of address, etc. for maintenance of Federal Corporations records (Presently only used for the Non for profit, SOAP and BOTA incorporations)"/>
    <s v=""/>
    <x v="1"/>
    <s v=""/>
    <x v="31"/>
    <s v="SA1.1.3 Federal Incorporations"/>
    <s v="Other"/>
    <s v="IC-CCEBE"/>
    <s v="In Production"/>
    <s v="desktop"/>
    <x v="1"/>
    <x v="1659"/>
  </r>
  <r>
    <x v="0"/>
    <x v="0"/>
    <x v="4535"/>
    <s v="CCM"/>
    <s v="Executive Correspondence Tracking. CPO is the power user of CCM but it is used by all sectors as it deals with correspondence for the entire department."/>
    <s v="WorkDynamics_Technologies_Inc"/>
    <x v="0"/>
    <s v=""/>
    <x v="31"/>
    <s v="SSA 4.1.1.1 Management and Oversight"/>
    <s v="Management and Oversight Services"/>
    <s v="IC-CCM"/>
    <s v="In Production"/>
    <s v="rich"/>
    <x v="0"/>
    <x v="1660"/>
  </r>
  <r>
    <x v="0"/>
    <x v="28"/>
    <x v="4536"/>
    <s v=""/>
    <s v="Canadian copyright search"/>
    <s v=""/>
    <x v="1"/>
    <s v=""/>
    <x v="31"/>
    <s v="SA1.1.5 Intellectual Property"/>
    <s v="Other"/>
    <s v="IC-CCSS"/>
    <s v="In Production"/>
    <s v="web"/>
    <x v="1"/>
    <x v="1661"/>
  </r>
  <r>
    <x v="4"/>
    <x v="66"/>
    <x v="4537"/>
    <s v="CID"/>
    <s v="The Canadian Importers Database (CID) provides lists of companies importing goods into Canada, by product, by city and by country of origin."/>
    <s v=""/>
    <x v="1"/>
    <s v=""/>
    <x v="31"/>
    <s v="SA3.1.2 Canada Business Network"/>
    <s v="Other"/>
    <s v="IC-CDNID"/>
    <s v="In Production"/>
    <s v="web"/>
    <x v="1"/>
    <x v="1657"/>
  </r>
  <r>
    <x v="4"/>
    <x v="66"/>
    <x v="4538"/>
    <s v="CAMPUS ENERGY MANAGEMENT SYSTEM"/>
    <s v="Automated system used to manage the energy systems of the CRC Campus."/>
    <s v="Other"/>
    <x v="14"/>
    <s v="Schneider/10A Enterprise"/>
    <x v="31"/>
    <s v="SA1.2.1 Spectrum Management and Telecommunications"/>
    <s v="Other,Real Property Services"/>
    <s v="IC-CEMS"/>
    <s v="In Production"/>
    <s v=""/>
    <x v="0"/>
    <x v="88"/>
  </r>
  <r>
    <x v="0"/>
    <x v="19"/>
    <x v="4539"/>
    <s v="CFMS"/>
    <s v="Web based client feedback system for the collection and report of client comments."/>
    <s v=""/>
    <x v="1"/>
    <s v=""/>
    <x v="31"/>
    <s v="SA1.1.5 Intellectual Property"/>
    <s v="Other"/>
    <s v="IC-CFMS"/>
    <s v="In Production"/>
    <s v="web"/>
    <x v="1"/>
    <x v="1650"/>
  </r>
  <r>
    <x v="4"/>
    <x v="66"/>
    <x v="4540"/>
    <s v="CAMPUS HVAC SYSTEM"/>
    <s v="A monitoring application that provides real-time information on the heating, ventilation and air conditioning status of the Communications Research Centre campus."/>
    <s v="Other"/>
    <x v="14"/>
    <s v="Honeywell/Enterprise Building Integrator"/>
    <x v="31"/>
    <s v="SA1.2.1 Spectrum Management and Telecommunications"/>
    <s v="Other,Real Property Services"/>
    <s v="IC-CHVACS"/>
    <s v="In Production"/>
    <s v=""/>
    <x v="0"/>
    <x v="1662"/>
  </r>
  <r>
    <x v="0"/>
    <x v="16"/>
    <x v="4541"/>
    <s v=""/>
    <s v="Automated system for the processing of copyright applications. Copyright?s client-server application that went into production in 2002. It was built using Oracle Developer suite 6i on HP-UX and was designed to perform all administrative processing of the Copyright branch, including direct database load of Copyright e-commerce applications."/>
    <s v=""/>
    <x v="1"/>
    <s v=""/>
    <x v="31"/>
    <s v="SA1.1.5 Intellectual Property"/>
    <s v="Other"/>
    <s v="IC-CIPOCCR"/>
    <s v="In Production"/>
    <s v="web"/>
    <x v="1"/>
    <x v="1663"/>
  </r>
  <r>
    <x v="3"/>
    <x v="31"/>
    <x v="4542"/>
    <s v="CIPOCID"/>
    <s v="A web-based statistical reporting application that uses Cognos tools Impromptu and Powerplay to give management flexible and accurate statistics on Branch performance metrics.  This web-based infrastructure provides access to performance metrics and enterprise analysis reporting as well as shared services for EIS information management and collection.  There are currently three web-based EIS applications in production: one for the Trade-marks Branch (2004), one for the Industrial Designs Office (2005) and one for the Copyright Office (2005)."/>
    <s v="Other"/>
    <x v="14"/>
    <s v="IBM/Cognos"/>
    <x v="31"/>
    <s v="SA1.1.5 Intellectual Property"/>
    <s v="Other"/>
    <s v="IC-CIPOCID"/>
    <s v="In Production"/>
    <s v="web"/>
    <x v="0"/>
    <x v="1664"/>
  </r>
  <r>
    <x v="0"/>
    <x v="28"/>
    <x v="4543"/>
    <s v="CR_ECOM"/>
    <s v="E-commerce transactions (e-filing copyright application, e-filing grant of interest, ...) for Copyright."/>
    <s v=""/>
    <x v="1"/>
    <s v=""/>
    <x v="31"/>
    <s v="SA1.1.5 Intellectual Property"/>
    <s v="Other"/>
    <s v="IC-CIPOECOM"/>
    <s v="In Production"/>
    <s v="web"/>
    <x v="1"/>
    <x v="1665"/>
  </r>
  <r>
    <x v="0"/>
    <x v="28"/>
    <x v="4544"/>
    <s v=""/>
    <s v="Trademarck search"/>
    <s v=""/>
    <x v="1"/>
    <s v=""/>
    <x v="31"/>
    <s v="SA1.1.5 Intellectual Property"/>
    <s v="Information Management Services"/>
    <s v="IC-CIPOETM"/>
    <s v="In Production"/>
    <s v="web"/>
    <x v="1"/>
    <x v="1661"/>
  </r>
  <r>
    <x v="10"/>
    <x v="69"/>
    <x v="4545"/>
    <s v=""/>
    <m/>
    <s v=""/>
    <x v="1"/>
    <s v=""/>
    <x v="31"/>
    <s v="SA1.1.5 Intellectual Property"/>
    <s v="Information Management Services"/>
    <s v="IC-CIPOFTC"/>
    <s v="In Production"/>
    <s v="web"/>
    <x v="1"/>
    <x v="1666"/>
  </r>
  <r>
    <x v="0"/>
    <x v="7"/>
    <x v="4546"/>
    <s v=""/>
    <s v="List of Geographic Indicators"/>
    <s v=""/>
    <x v="1"/>
    <s v=""/>
    <x v="31"/>
    <s v="SA1.1.5 Intellectual Property"/>
    <s v="Information Management Services"/>
    <s v="IC-CIPOGEO"/>
    <s v="In Production"/>
    <s v="web"/>
    <x v="1"/>
    <x v="1650"/>
  </r>
  <r>
    <x v="0"/>
    <x v="28"/>
    <x v="4547"/>
    <s v=""/>
    <s v="Industrial design web search"/>
    <s v=""/>
    <x v="1"/>
    <s v=""/>
    <x v="31"/>
    <s v="SA1.1.5 Intellectual Property"/>
    <s v="Other"/>
    <s v="IC-CIPOIDS"/>
    <s v="In Production"/>
    <s v="web"/>
    <x v="1"/>
    <x v="1661"/>
  </r>
  <r>
    <x v="4"/>
    <x v="5"/>
    <x v="4548"/>
    <s v=""/>
    <s v="Product acquired by UNICOM Systems in 2015 and is now known as Unicom System Architect but ISED did not update to post-acquisition version.   An enterprise architecture tool that is used to model  business operations and the systems, applications, and databases that support them. System Architect supports various frameworks including TOGAF, DoDAF, MODAF and NAF."/>
    <s v=""/>
    <x v="1"/>
    <s v="IBM System Architect (now Unicom System Architect)"/>
    <x v="31"/>
    <s v="SSA 4.1.2.3 Information Management"/>
    <s v="Information Technology Services"/>
    <s v="IC-CIPORSA"/>
    <s v="In Production"/>
    <s v="rich"/>
    <x v="0"/>
    <x v="1667"/>
  </r>
  <r>
    <x v="0"/>
    <x v="16"/>
    <x v="4549"/>
    <s v="TM_ECOM"/>
    <s v="Trademark, copyright and industrial design e-commerce website."/>
    <s v=""/>
    <x v="1"/>
    <s v=""/>
    <x v="31"/>
    <s v="SA1.1.5 Intellectual Property"/>
    <s v="Information Management Services"/>
    <s v="IC-CIPOTMEC"/>
    <s v="In Production"/>
    <s v="web"/>
    <x v="1"/>
    <x v="1665"/>
  </r>
  <r>
    <x v="4"/>
    <x v="66"/>
    <x v="4550"/>
    <s v="CISWP"/>
    <s v="Canadian Industry Statistics presents and analyzes industry data on a number of economic indicators using the latest annual data sources from Statistics Canada."/>
    <s v=""/>
    <x v="1"/>
    <s v=""/>
    <x v="31"/>
    <s v="SA3.1.2 Canada Business Network"/>
    <s v="Other"/>
    <s v="IC-CIS"/>
    <s v="In Production"/>
    <s v="web"/>
    <x v="1"/>
    <x v="1657"/>
  </r>
  <r>
    <x v="3"/>
    <x v="31"/>
    <x v="4551"/>
    <s v="AWESOME"/>
    <s v="The AWESOME tool provides web managers and publishers with analytics and recommendations that can be used to improve their websites. It includes data from various sources, including web metrics, call centre data, and analysis performed by the Communications and Marketing Branch."/>
    <s v="Other"/>
    <x v="1"/>
    <s v="IBM Cognos"/>
    <x v="31"/>
    <s v="PA2.2 Information and Communication Technologies Research and Innovation"/>
    <s v="Communications Services"/>
    <s v="IC-CMBWIP"/>
    <s v="In Production"/>
    <s v="web"/>
    <x v="0"/>
    <x v="1664"/>
  </r>
  <r>
    <x v="0"/>
    <x v="16"/>
    <x v="4552"/>
    <s v="GCIS"/>
    <m/>
    <s v="Other"/>
    <x v="1"/>
    <s v="Lotus Notes Domino"/>
    <x v="31"/>
    <s v="SSA 4.1.2.2 Financial Management"/>
    <s v="Financial Management Services"/>
    <s v="IC-CMIS"/>
    <s v="In Production"/>
    <s v="rich"/>
    <x v="1"/>
    <x v="1668"/>
  </r>
  <r>
    <x v="3"/>
    <x v="31"/>
    <x v="4553"/>
    <s v=""/>
    <s v=""/>
    <s v=""/>
    <x v="1"/>
    <s v="IBM Cognos"/>
    <x v="31"/>
    <s v="SSA 4.1.2.4 Information Technology"/>
    <s v="Information Management Services"/>
    <s v="APP-01966"/>
    <s v="In Production"/>
    <s v="web"/>
    <x v="0"/>
    <x v="1669"/>
  </r>
  <r>
    <x v="0"/>
    <x v="43"/>
    <x v="4554"/>
    <s v="COMDECM"/>
    <s v="COMDECM is a desktop application that allows the office to manage the decisions documentation, add decisions to the Commissioner decisions database and make certain ones available to the public by loading them onto the website."/>
    <s v=""/>
    <x v="1"/>
    <s v=""/>
    <x v="31"/>
    <s v="SA1.1.5 Intellectual Property"/>
    <s v="Other"/>
    <s v="IC-COMDECM"/>
    <s v="In Production"/>
    <s v="rich"/>
    <x v="1"/>
    <x v="1643"/>
  </r>
  <r>
    <x v="4"/>
    <x v="66"/>
    <x v="4555"/>
    <s v="CORPCAN"/>
    <s v="This system is comprised of a web-based application and a desktop application that will share the data contained in this schema. The web-based application will serve Corporations Canada personnel and external clients performing a variety of operations. Corporations Canada personnel will access the web-based application from Industry Canada's internal network as well as from the Internet. External clients will access the web-based application from the Internet. The desktop application will serve Corporations Canada personnel only and will be accessed from Industry Canada's internal network. The schema will contain data pertaining to new and existing corporations, as well as transactions performed with respect to corporations (e.g. filing annual returns,"/>
    <s v=""/>
    <x v="1"/>
    <s v=""/>
    <x v="31"/>
    <s v="SA1.1.3 Federal Incorporations"/>
    <s v="Other"/>
    <s v="IC-CORPCAN"/>
    <s v="In Production"/>
    <s v="web"/>
    <x v="1"/>
    <x v="1670"/>
  </r>
  <r>
    <x v="4"/>
    <x v="5"/>
    <x v="4556"/>
    <s v=""/>
    <s v="The NUANS system is a highly sophisticated name searching service which has become a national corporate pre-clearance and name reservation system. The software analyzes names and assigns them a value. These values are stored in a NUANS software searchable format and each new query is itself analyzed, and subsequently compared to all existing names. The fifty most similar are chosen and listed in order of highest similarity to produce the NUANS report. The NUANS Report is a legislated and/or regulated requirement at both the federal and provincial level and is one of a number of documents which must be filed when creating a new business and/or changing the name of an existing company. A second service provided by the main NUANS system relates to tradema"/>
    <s v=""/>
    <x v="1"/>
    <s v=""/>
    <x v="31"/>
    <s v="SA1.1.3 Federal Incorporations"/>
    <s v="Other"/>
    <s v="IC-CORPNUANS"/>
    <s v="In Production"/>
    <s v="web"/>
    <x v="1"/>
    <x v="1671"/>
  </r>
  <r>
    <x v="0"/>
    <x v="16"/>
    <x v="4557"/>
    <s v=""/>
    <s v="Used to create a summary sheet of the Application/Patent. Every Application/Patent has a cover sheet created at the time of OPI and issue."/>
    <s v=""/>
    <x v="1"/>
    <s v=""/>
    <x v="31"/>
    <s v="SA1.1.5 Intellectual Property"/>
    <s v="Other"/>
    <s v="IC-COVPG"/>
    <s v="In Production"/>
    <s v="rich"/>
    <x v="1"/>
    <x v="1644"/>
  </r>
  <r>
    <x v="0"/>
    <x v="28"/>
    <x v="4558"/>
    <s v=""/>
    <s v="Used to allow the general public the ability to search  Canadian patents and applications and retrieve relevant information and documents."/>
    <s v=""/>
    <x v="1"/>
    <s v=""/>
    <x v="31"/>
    <s v="SA1.1.5 Intellectual Property"/>
    <s v="Information Management Services"/>
    <s v="IC-CPD"/>
    <s v="In Production"/>
    <s v="web"/>
    <x v="1"/>
    <x v="1672"/>
  </r>
  <r>
    <x v="0"/>
    <x v="13"/>
    <x v="4559"/>
    <s v=""/>
    <s v="Used to publish the Canadian Patent Office Record (CPOR)."/>
    <s v=""/>
    <x v="1"/>
    <s v=""/>
    <x v="31"/>
    <s v="SA1.1.5 Intellectual Property"/>
    <s v="Information Technology Services"/>
    <s v="IC-CPORPB"/>
    <s v="In Production"/>
    <s v="web"/>
    <x v="1"/>
    <x v="86"/>
  </r>
  <r>
    <x v="0"/>
    <x v="42"/>
    <x v="4560"/>
    <s v="CRC SHAREPOINT"/>
    <s v="Microsoft Sharepoint used as a document repository to support management oversight activities."/>
    <s v="Microsoft_Corporation"/>
    <x v="15"/>
    <s v=""/>
    <x v="31"/>
    <s v="SA1.2.1 Spectrum Management and Telecommunications"/>
    <s v="Management and Oversight Services,Other"/>
    <s v="IC-CRCS"/>
    <s v="In Production"/>
    <s v="web"/>
    <x v="0"/>
    <x v="1673"/>
  </r>
  <r>
    <x v="2"/>
    <x v="52"/>
    <x v="4561"/>
    <s v="IMCC-CLIENT-RELATIONSHIP-MGMT"/>
    <s v="What does this database do? This tracks all requests from ic.gc.ca clients made to the Strategis Client Services Help Desk, providing a profile of client inquiry details and the solution, the status of each call (opened, pending, closed or re-opened), method by which inquiry was received, who handled the request, who the request was referred to for the response, nature of the inquiry, information provided, turn around time for the response, etc. All modules of this Application are completely bilingual. Who will use this database? This database was developed for use by the IMCC Officers to track the inquiries they are responding to, who they have dealt with before, etc. This database should also be of interest to the product line managers, technical dev"/>
    <s v=""/>
    <x v="1"/>
    <s v="Lotus Notes"/>
    <x v="31"/>
    <s v="PA2.2 Information and Communication Technologies Research and Innovation"/>
    <s v="Communications Services,Other"/>
    <s v="IC-CRMS "/>
    <s v="In Production"/>
    <s v="rich"/>
    <x v="1"/>
    <x v="1674"/>
  </r>
  <r>
    <x v="9"/>
    <x v="54"/>
    <x v="4562"/>
    <s v="CENTRALIZED-IDENTITY-MGMT-SYS"/>
    <s v="Crowd is a centralized identity management system that allow for authentication and management of multiple userbases/directories (Active Directory, LDAP, eDirectory, etc?) from a single console. Crowd also allows to managed connected application's permissions from the same console, and also offer single sign-on support."/>
    <s v="Other"/>
    <x v="14"/>
    <s v="Altlassian Crowd"/>
    <x v="31"/>
    <s v="SSA 4.1.2.4 Information Technology"/>
    <s v="Information Technology Services"/>
    <s v="IC-CROWD"/>
    <s v="In Production"/>
    <s v="web"/>
    <x v="0"/>
    <x v="1675"/>
  </r>
  <r>
    <x v="0"/>
    <x v="16"/>
    <x v="4563"/>
    <s v="CSBF"/>
    <s v="Redesign of the SBLA 2000 Application. Application is being developed as a J2EE application with an Oracle back-end."/>
    <s v=""/>
    <x v="1"/>
    <s v=""/>
    <x v="31"/>
    <s v="SA3.1.1 Canada Small Business Financing"/>
    <s v="Other"/>
    <s v="IC-CSBFP"/>
    <s v="In Production"/>
    <s v="web"/>
    <x v="1"/>
    <x v="1676"/>
  </r>
  <r>
    <x v="4"/>
    <x v="66"/>
    <x v="4564"/>
    <s v="DPLUS"/>
    <s v="The Industrial Design application. This application went into production on Windows 2000 in 2002. At that time, the Industrial Design product line was converted from manual (scanning and viewing drawings) to automated drawings. It is built using Oracle Developer suite 6i on HP-UX. WIPO site: http://www.wipo.int/cgi-ipoa/atr_public/atr_details_query.pl?country_id= CA&amp;type_name=Industrial%20Design&amp;atrid=674&amp;atr_year=2002&amp;atr_year_filter= 2002&amp;status=2&amp;type_id=104&amp;atr_type=ID&amp;short_name=Canada&amp;language_id=en"/>
    <s v=""/>
    <x v="1"/>
    <s v=""/>
    <x v="31"/>
    <s v="SA1.1.5 Intellectual Property"/>
    <s v="Other"/>
    <s v="IC-DPLUS"/>
    <s v="In Production"/>
    <s v=""/>
    <x v="1"/>
    <x v="1677"/>
  </r>
  <r>
    <x v="2"/>
    <x v="40"/>
    <x v="4565"/>
    <s v="DPPM"/>
    <s v="The Departmental PPM Solution enables and supports the portfolio and project management processes for Industry Canada's Project Management Centre (PMC) which mesh with the Departmental Project Governance framework.  This application has functionality for: - Creating project Schedules &amp; Tasks - Recording time against a project  - Project Monitoring  - Project Reporting  - Project Dashboards  - Project Portfolio Management  Server  components include:  - Business Objects - CA Productivity Accelertor  - Clarity PPM  Desktop components include:  - Clarity PPM Schedule Connect  - Adobe SVG"/>
    <s v="CA_Technologies"/>
    <x v="25"/>
    <s v="CA Clarity PPM"/>
    <x v="31"/>
    <s v="SSA 4.1.2.4 Information Technology"/>
    <s v="Information Technology Services"/>
    <s v="IC-DPPM"/>
    <s v="In Production"/>
    <s v="web"/>
    <x v="0"/>
    <x v="1678"/>
  </r>
  <r>
    <x v="10"/>
    <x v="53"/>
    <x v="4566"/>
    <s v="ECOM-COMMON-PAYMENT-PROCESSING"/>
    <m/>
    <s v=""/>
    <x v="1"/>
    <s v=""/>
    <x v="31"/>
    <s v="SSA 4.1.2.4 Information Technology"/>
    <s v="Financial Management Services,Information Technology Services"/>
    <s v="IC-ECOMCPP"/>
    <s v="In Production"/>
    <s v="web"/>
    <x v="1"/>
    <x v="1679"/>
  </r>
  <r>
    <x v="10"/>
    <x v="53"/>
    <x v="4567"/>
    <s v="EFILE_CPYRGHT"/>
    <m/>
    <s v=""/>
    <x v="1"/>
    <s v=""/>
    <x v="31"/>
    <s v="SA1.1.5 Intellectual Property"/>
    <s v="Other"/>
    <s v="IC-ECPYRGHT"/>
    <s v="In Production"/>
    <s v="web"/>
    <x v="1"/>
    <x v="1665"/>
  </r>
  <r>
    <x v="3"/>
    <x v="31"/>
    <x v="4568"/>
    <s v="EIS"/>
    <s v="A web-based statistical reporting application that uses Cognos tools Impromptu and Powerplay to give management flexible and accurate statistics on Branch performance metrics.  This web-based infrastructure provides access to performance metrics and enterprise analysis reporting as well as shared services for EIS information management and collection.  There are currently three web-based EIS applications in production: one for the Trade-marks Branch (2004), one for the Industrial Designs Office (2005) and one for the Copyright Office (2005)."/>
    <s v="Other"/>
    <x v="14"/>
    <s v="IBM/Cognos"/>
    <x v="31"/>
    <s v="SA1.1.5 Intellectual Property"/>
    <s v="Other"/>
    <s v="IC-EIS"/>
    <s v="In Production"/>
    <s v="web"/>
    <x v="0"/>
    <x v="1664"/>
  </r>
  <r>
    <x v="6"/>
    <x v="71"/>
    <x v="4569"/>
    <s v="EPIC"/>
    <s v="Electronic Publishing at Industry Canada (EPIC): This custom built application allows Industry Canada web content provider to publish documents to the web environment (Internet, Intranet and Extranet) according to CLF and TBS guidelines."/>
    <s v=""/>
    <x v="1"/>
    <s v="Lotus Notes"/>
    <x v="31"/>
    <s v="PA2.2 Information and Communication Technologies Research and Innovation"/>
    <s v="Communications Services"/>
    <s v="IC-EPIC"/>
    <s v="In Production"/>
    <s v="rich"/>
    <x v="1"/>
    <x v="1680"/>
  </r>
  <r>
    <x v="4"/>
    <x v="5"/>
    <x v="4570"/>
    <s v=""/>
    <s v="Print Management"/>
    <s v=""/>
    <x v="1"/>
    <s v=""/>
    <x v="31"/>
    <s v="SA1.1.5 Intellectual Property"/>
    <s v="Other"/>
    <s v="IC-EQUITRAC"/>
    <s v="In Production"/>
    <s v="desktop"/>
    <x v="0"/>
    <x v="541"/>
  </r>
  <r>
    <x v="4"/>
    <x v="66"/>
    <x v="4571"/>
    <s v="ETDS"/>
    <m/>
    <s v=""/>
    <x v="1"/>
    <s v=""/>
    <x v="31"/>
    <s v="SA1.2.1 Spectrum Management and Telecommunications"/>
    <s v="Other"/>
    <s v="IC-ETDS"/>
    <s v="In Production"/>
    <s v="web"/>
    <x v="1"/>
    <x v="1657"/>
  </r>
  <r>
    <x v="2"/>
    <x v="2"/>
    <x v="4572"/>
    <s v="FITT"/>
    <s v="CIPO's financial data entry and reporting system tool to validate and process revenues, store payment details and manage payment information. It was implemented in 2003 and replaced the RIS system."/>
    <s v=""/>
    <x v="1"/>
    <s v=""/>
    <x v="31"/>
    <s v="SA1.1.5 Intellectual Property"/>
    <s v="Financial Management Services,Other"/>
    <s v="IC-FITT2"/>
    <s v="In Production"/>
    <s v="web"/>
    <x v="1"/>
    <x v="1681"/>
  </r>
  <r>
    <x v="0"/>
    <x v="7"/>
    <x v="4573"/>
    <s v=""/>
    <m/>
    <s v="Other"/>
    <x v="1"/>
    <s v="OpenText Content Server"/>
    <x v="31"/>
    <s v="SSA 4.1.2.4 Information Technology"/>
    <s v="Information Management Services"/>
    <s v="IC-GCDOCS"/>
    <s v="In Production"/>
    <s v="web"/>
    <x v="0"/>
    <x v="1682"/>
  </r>
  <r>
    <x v="0"/>
    <x v="19"/>
    <x v="4574"/>
    <s v="GRANTS-CONTRIBUTIONS-INTAKE"/>
    <s v="This application comprises two components: the public module allows Applicants to fill out and submit a PDF form to apply for various Grants and Contributions. Submitted forms are housed and processed in the internal module used by different clients such as FedDev Ontario and FedNor. Internal module provides search, reporting, editing, and audit on G's and C's submissions."/>
    <s v=""/>
    <x v="1"/>
    <s v=""/>
    <x v="31"/>
    <s v="SSA 4.1.2.2 Financial Management"/>
    <s v="Financial Management Services"/>
    <s v="IC-GCINTAKE"/>
    <s v="In Production"/>
    <s v="web"/>
    <x v="1"/>
    <x v="1683"/>
  </r>
  <r>
    <x v="4"/>
    <x v="5"/>
    <x v="4575"/>
    <s v=""/>
    <s v="Used for light Case and pdf Platform"/>
    <s v=""/>
    <x v="1"/>
    <s v=""/>
    <x v="31"/>
    <s v=""/>
    <s v=""/>
    <s v="APP-04080"/>
    <s v="In Production"/>
    <s v="web"/>
    <x v="1"/>
    <x v="1684"/>
  </r>
  <r>
    <x v="0"/>
    <x v="28"/>
    <x v="4576"/>
    <s v="AGS"/>
    <s v="Common search component employing Verity"/>
    <s v=""/>
    <x v="1"/>
    <s v=""/>
    <x v="31"/>
    <s v="SSA 4.1.2.4 Information Technology"/>
    <s v="Information Technology Services"/>
    <s v="IC-GNRCSRCH"/>
    <s v="In Production"/>
    <s v="web"/>
    <x v="1"/>
    <x v="1641"/>
  </r>
  <r>
    <x v="4"/>
    <x v="5"/>
    <x v="4577"/>
    <s v=""/>
    <s v=""/>
    <s v=""/>
    <x v="1"/>
    <s v=""/>
    <x v="31"/>
    <s v=""/>
    <s v=""/>
    <s v="APP-01952"/>
    <s v="In Production"/>
    <s v=""/>
    <x v="0"/>
    <x v="106"/>
  </r>
  <r>
    <x v="2"/>
    <x v="3"/>
    <x v="4578"/>
    <s v="HRMS"/>
    <m/>
    <s v="Oracle_Canada_ULC"/>
    <x v="12"/>
    <s v=""/>
    <x v="31"/>
    <s v="SSA 4.1.2.1 Human Resource Management"/>
    <s v="Human Resources Management Services"/>
    <s v="IC-HRMS/PSOFT"/>
    <s v="In Production"/>
    <s v=""/>
    <x v="0"/>
    <x v="1685"/>
  </r>
  <r>
    <x v="0"/>
    <x v="43"/>
    <x v="4579"/>
    <s v="HRB_RPD"/>
    <s v="Web application &amp; database that uses Peoplesoft extracted data on a quarterly basis in order to process &amp; publish position reclassifications on an external web site in accordance with TBS proactive disclosure directive.  Due to a new Treasury Board directive, the Human Resources Branch and Communications Branch of Industry Canada have jointly collaborated on a project to create a public web site for publishing Industry Canada's position reclassifications on a quarterly basis.  The actual source for the reclassification data that will be collected and published on this web site is to come from the PeopleSoft System.   At each fiscal quarter, reclassification data for that period are to be extracted from the PeopleSoft System and imported into the web ap"/>
    <s v=""/>
    <x v="1"/>
    <s v=""/>
    <x v="31"/>
    <s v="SSA 4.1.2.1 Human Resource Management"/>
    <s v="Human Resources Management Services"/>
    <s v="IC-HRRPD"/>
    <s v="In Production"/>
    <s v="web"/>
    <x v="1"/>
    <x v="1651"/>
  </r>
  <r>
    <x v="2"/>
    <x v="41"/>
    <x v="4580"/>
    <s v=""/>
    <m/>
    <s v=""/>
    <x v="1"/>
    <s v=""/>
    <x v="31"/>
    <s v="SA1.1.5 Intellectual Property"/>
    <s v="Human Resources Management Services"/>
    <s v="IC-HRSTAFF"/>
    <s v="In Production"/>
    <s v="rich"/>
    <x v="1"/>
    <x v="1686"/>
  </r>
  <r>
    <x v="0"/>
    <x v="0"/>
    <x v="4581"/>
    <s v="PROACTIVE-DISCLOSURE-CONTRACT"/>
    <m/>
    <s v=""/>
    <x v="1"/>
    <s v=""/>
    <x v="31"/>
    <s v="SSA 4.1.2.2 Financial Management"/>
    <s v="Financial Management Services"/>
    <s v="IC-ICCPD"/>
    <s v="In Production"/>
    <s v="web"/>
    <x v="1"/>
    <x v="1687"/>
  </r>
  <r>
    <x v="0"/>
    <x v="0"/>
    <x v="4582"/>
    <s v="PDGC"/>
    <s v="The proactive disclose of grants and contributions over $25 000. This application comprises two components: an administration module that manages all G's &amp; C's, and a public module that displays the published G'S and C's to Industry Canada's website."/>
    <s v=""/>
    <x v="1"/>
    <s v=""/>
    <x v="31"/>
    <s v="SSA 4.1.2.2 Financial Management"/>
    <s v="Financial Management Services"/>
    <s v="IC-ICGCPD"/>
    <s v="In Production"/>
    <s v="web"/>
    <x v="1"/>
    <x v="1651"/>
  </r>
  <r>
    <x v="0"/>
    <x v="87"/>
    <x v="4583"/>
    <s v="ICWIKI"/>
    <s v="Confluence ( IC wiki ). Industry Canada's collaboration tool."/>
    <s v="Other"/>
    <x v="14"/>
    <s v="Atlassian Confluence"/>
    <x v="31"/>
    <s v="SSA 4.1.2.4 Information Technology"/>
    <s v="Information Technology Services"/>
    <s v="IC-ICWIKI"/>
    <s v="In Production"/>
    <s v="web"/>
    <x v="0"/>
    <x v="1688"/>
  </r>
  <r>
    <x v="10"/>
    <x v="53"/>
    <x v="4584"/>
    <s v="IID"/>
    <m/>
    <s v=""/>
    <x v="1"/>
    <s v=""/>
    <x v="31"/>
    <s v="SA1.1.5 Intellectual Property"/>
    <s v="Other"/>
    <s v="IC-IDECOMWB"/>
    <s v="In Production"/>
    <s v="web"/>
    <x v="1"/>
    <x v="1665"/>
  </r>
  <r>
    <x v="2"/>
    <x v="6"/>
    <x v="4585"/>
    <s v="IC-IDM"/>
    <s v="Identify Management"/>
    <s v=""/>
    <x v="1"/>
    <s v=""/>
    <x v="31"/>
    <s v="SSA 4.1.2.3 Information Management"/>
    <s v="Information Management Services"/>
    <s v="IC-IDM"/>
    <s v="In Production"/>
    <s v="web"/>
    <x v="1"/>
    <x v="1682"/>
  </r>
  <r>
    <x v="2"/>
    <x v="2"/>
    <x v="4586"/>
    <s v="IFMS"/>
    <m/>
    <s v="Other"/>
    <x v="14"/>
    <s v="SAP ERP ECC 6.0"/>
    <x v="31"/>
    <s v="SSA 4.1.2.2 Financial Management"/>
    <s v="Financial Management Services"/>
    <s v="IC-IFMS"/>
    <s v="In Production"/>
    <s v="web"/>
    <x v="0"/>
    <x v="1689"/>
  </r>
  <r>
    <x v="0"/>
    <x v="7"/>
    <x v="4587"/>
    <s v="RDIMS / eDocs / EDRMS"/>
    <s v="This is an implementation of the COTS software known as OpenText LiveLink ECM - eDOCS DM and eDOCs RM products as part of the TBS RDIMS shared services initiative. The OpenText product suite was previously known as Hummingbird Enterprise DM and RM.  This is an electronic records management application.  It is licensed on a per user basis and is currently being managed by CIRS (Corporate Integrated Records Services).  Also known as: - SGDDI (Systeme de gestion des dossiers, des documents et de l'information) - Hummingbird - Odyssee"/>
    <s v="Other"/>
    <x v="14"/>
    <s v="OpenText Content Server (RDIMS)"/>
    <x v="31"/>
    <s v="SSA 4.1.2.4 Information Technology"/>
    <s v="Information Management Services"/>
    <s v="IC-IMBEDRMS"/>
    <s v="In Production"/>
    <s v="desktop"/>
    <x v="0"/>
    <x v="1690"/>
  </r>
  <r>
    <x v="0"/>
    <x v="11"/>
    <x v="4588"/>
    <s v="IMCC_KB"/>
    <s v="The Knowledge Base module SCS is a repository of information on the information products found on Strategis. It is intended to be used as a quick reference tool for retrieving answers to previously/frequently asked questions, product literature (such as one pagers on the products in Strategis), correspondence sent out on the products, contacts for each product, standards, etc. in order to respond to requests coming in to Strategis Client Services. The information stored in this Knowledgebase gives the Help Desk officers access to standardized responses to questions, ensuring all clients receive the same response to common questions. All modules of the SCS Application are completely bilingual. Who will use this database? This database was initially deve"/>
    <s v=""/>
    <x v="1"/>
    <s v="Lotus Notes"/>
    <x v="31"/>
    <s v="PA2.2 Information and Communication Technologies Research and Innovation"/>
    <s v="Communications Services,Other"/>
    <s v="IC-IMCCKB "/>
    <s v="In Production"/>
    <s v="rich"/>
    <x v="1"/>
    <x v="1691"/>
  </r>
  <r>
    <x v="4"/>
    <x v="66"/>
    <x v="4589"/>
    <s v="CCC"/>
    <s v="Collect and display company information to promote product and services sourcing in Canada. It is a centrally maintained current searchable database of 50,000 Canadian businesses"/>
    <s v=""/>
    <x v="1"/>
    <s v=""/>
    <x v="31"/>
    <s v="SA3.1.2 Canada Business Network"/>
    <s v="Other"/>
    <s v="IC-IMSCCC"/>
    <s v="In Production"/>
    <s v="web"/>
    <x v="1"/>
    <x v="1692"/>
  </r>
  <r>
    <x v="4"/>
    <x v="66"/>
    <x v="4590"/>
    <s v="TDO"/>
    <s v="Provides ability to generate customized reports on Canada's and U.S. trade with over 200 countries. In line with the department's objective to help increase Canada's share of global trade Trade Data Online has been providing statistics on Canada and U.S. merchandise trade with more than 200 countries since the launch of Strategis in 1996."/>
    <s v=""/>
    <x v="1"/>
    <s v=""/>
    <x v="31"/>
    <s v="SA3.1.2 Canada Business Network"/>
    <s v="Other"/>
    <s v="IC-IMSUSNTD"/>
    <s v="In Production"/>
    <s v="web"/>
    <x v="1"/>
    <x v="1693"/>
  </r>
  <r>
    <x v="0"/>
    <x v="28"/>
    <x v="4591"/>
    <s v="Intellect"/>
    <s v="Used internally to search the Canadian patent database."/>
    <s v=""/>
    <x v="1"/>
    <s v=""/>
    <x v="31"/>
    <s v="SA1.1.5 Intellectual Property"/>
    <s v="Information Technology Services"/>
    <s v="IC-INTELLEC"/>
    <s v="In Production"/>
    <s v="web"/>
    <x v="1"/>
    <x v="1661"/>
  </r>
  <r>
    <x v="0"/>
    <x v="7"/>
    <x v="4592"/>
    <s v="InterApp"/>
    <m/>
    <s v=""/>
    <x v="1"/>
    <s v=""/>
    <x v="31"/>
    <s v="SA1.1.5 Intellectual Property"/>
    <s v="Information Management Services,Other"/>
    <s v="IC-INTERAPP"/>
    <s v="In Production"/>
    <s v="rich"/>
    <x v="1"/>
    <x v="1643"/>
  </r>
  <r>
    <x v="0"/>
    <x v="16"/>
    <x v="4593"/>
    <s v="INTREPID"/>
    <s v="Automated system for the processing of trade-mark applications. A client/server architecture (HP-UX) utilizing Oracle as the database, COBOL for certain back-end processes and Centura for the client front-end. It is CIPO's Trade-mark automation application used to perform the administrative and data processing requirements of all areas within the Trade-marks Branch as well as controlling the workflow of a trademark application within CIPO from receipt to registration."/>
    <s v=""/>
    <x v="1"/>
    <s v=""/>
    <x v="31"/>
    <s v="SA1.1.5 Intellectual Property"/>
    <s v="Information Management Services"/>
    <s v="IC-INTREPID"/>
    <s v="In Production"/>
    <s v="rich"/>
    <x v="1"/>
    <x v="1694"/>
  </r>
  <r>
    <x v="4"/>
    <x v="66"/>
    <x v="4594"/>
    <s v="INTELLECTUAL PROPERTY INFORMATION SYSTEM"/>
    <s v="System used to keep track of intellectual property assets generated by the Communications Research Centre."/>
    <s v="Other"/>
    <x v="14"/>
    <s v="Future Path/Intelllectual Property Information System"/>
    <x v="31"/>
    <s v="SA1.2.1 Spectrum Management and Telecommunications"/>
    <s v="Other"/>
    <s v="IC-IPIS"/>
    <s v="In Production"/>
    <s v=""/>
    <x v="0"/>
    <x v="88"/>
  </r>
  <r>
    <x v="2"/>
    <x v="51"/>
    <x v="4595"/>
    <s v="IRB-MANAGEMENT-INFORMATION-SYS, IRBMIS, ITB Accolade"/>
    <m/>
    <s v="Other"/>
    <x v="14"/>
    <s v="Sopheon/Accolade Process Management"/>
    <x v="31"/>
    <s v="SA3.2.3 Industrial and Regional Benefits"/>
    <s v="Other"/>
    <s v="IC-IRBMIS"/>
    <s v="In Production"/>
    <s v="web"/>
    <x v="0"/>
    <x v="1695"/>
  </r>
  <r>
    <x v="4"/>
    <x v="66"/>
    <x v="4596"/>
    <s v="ISOCDFMI"/>
    <s v="Integrated System Observation Centre (ISOC) Direction Finding (DF) Mapping Interface (MI) The Integrated Spectrum Observation Centre (ISOC) is a complex system of computers, interface hardware, cables, test instruments, and control software used to perform remote monitoring of radio frequencies. Through the ISOC, a Spectrum Management Officer (SMO) can connect to instruments installed at remote locations or on mobile units across Canada and use these instruments through a virtual view of them on the officer's desktop. ISOC-DF, the direction finding application, builds upon the ISOC's ability to utilize instruments from multiple sites simultaneously; its main purpose is to use direction finding equipment at multiple locations to find a radio source. It"/>
    <s v=""/>
    <x v="1"/>
    <s v=""/>
    <x v="31"/>
    <s v="SA1.2.1 Spectrum Management and Telecommunications"/>
    <s v="Other"/>
    <s v="IC-ISOCDFMI "/>
    <s v="In Production"/>
    <s v="desktop"/>
    <x v="1"/>
    <x v="1696"/>
  </r>
  <r>
    <x v="0"/>
    <x v="16"/>
    <x v="4597"/>
    <s v="TPC_DW"/>
    <m/>
    <s v=""/>
    <x v="1"/>
    <s v=""/>
    <x v="31"/>
    <s v="SA2.3.3 Strategic Aerospace and Defence Initiative"/>
    <s v="Other"/>
    <s v="IC-ITODW"/>
    <s v="In Production"/>
    <s v="web"/>
    <x v="1"/>
    <x v="1697"/>
  </r>
  <r>
    <x v="4"/>
    <x v="5"/>
    <x v="4598"/>
    <s v=""/>
    <s v="ITUSD"/>
    <s v="International Telecommunication Union"/>
    <x v="14"/>
    <s v="ITU"/>
    <x v="31"/>
    <s v=""/>
    <s v=""/>
    <s v="APP-04062"/>
    <s v="In Production"/>
    <s v="desktop"/>
    <x v="0"/>
    <x v="106"/>
  </r>
  <r>
    <x v="0"/>
    <x v="16"/>
    <x v="4599"/>
    <s v=""/>
    <m/>
    <s v="Other"/>
    <x v="1"/>
    <s v="IBM"/>
    <x v="31"/>
    <s v="PA1.4 Competition Law Enforcement"/>
    <s v="Other"/>
    <s v="IC-I2CHTRDR"/>
    <s v="In Production"/>
    <s v="desktop"/>
    <x v="0"/>
    <x v="106"/>
  </r>
  <r>
    <x v="3"/>
    <x v="34"/>
    <x v="4600"/>
    <s v=""/>
    <s v="IBM i2 iBase Designer – is the software used by the Analyst’s in the Bureau’s Intelligence Unit to design, setup and administer an iBase database so that it fulfills the requirements of each stage of a criminal investigation and prosecution, and the CID."/>
    <s v="Other"/>
    <x v="1"/>
    <s v="IBM"/>
    <x v="31"/>
    <s v="PA1.4 Competition Law Enforcement"/>
    <s v="Other"/>
    <s v="IC-I2IBASED"/>
    <s v="In Production"/>
    <s v="desktop"/>
    <x v="0"/>
    <x v="10"/>
  </r>
  <r>
    <x v="0"/>
    <x v="16"/>
    <x v="4601"/>
    <s v=""/>
    <m/>
    <s v="Other"/>
    <x v="1"/>
    <s v="IBM"/>
    <x v="31"/>
    <s v="PA1.4 Competition Law Enforcement"/>
    <s v="Other"/>
    <s v="IC-I2IBASEU"/>
    <s v="In Production"/>
    <s v="rich"/>
    <x v="0"/>
    <x v="146"/>
  </r>
  <r>
    <x v="1"/>
    <x v="47"/>
    <x v="4602"/>
    <s v="JIRA"/>
    <s v="Bug/Issue tracking tool for development bugs as well as Operational bugs"/>
    <s v="Other"/>
    <x v="14"/>
    <s v="Atlassian JIRA"/>
    <x v="31"/>
    <s v="SSA 4.1.2.4 Information Technology"/>
    <s v="Information Technology Services"/>
    <s v="IC-JIRA"/>
    <s v="In Production"/>
    <s v="web"/>
    <x v="0"/>
    <x v="1698"/>
  </r>
  <r>
    <x v="3"/>
    <x v="31"/>
    <x v="4603"/>
    <s v="JSPRSRVR"/>
    <s v="JasperServer is a complete web reporting application, based on the JasperReports reporting library. It provides secure access for running reports through the browser and via Web services, and scheduled report distribution. JasperServer is actually an open-source product, with commercial support available through the vendor (JasperSoft), which has not been purchased."/>
    <s v="Other"/>
    <x v="14"/>
    <s v="Jaspersoft JasperReportsServer"/>
    <x v="31"/>
    <s v="SSA 4.1.2.4 Information Technology"/>
    <s v="Information Technology Services"/>
    <s v="IC-JSPRSRVR"/>
    <s v="In Production"/>
    <s v="web"/>
    <x v="0"/>
    <x v="1641"/>
  </r>
  <r>
    <x v="4"/>
    <x v="66"/>
    <x v="4604"/>
    <s v="LENEL-SECURITY-MANAGEMENT-SYSTEM"/>
    <m/>
    <s v="Other"/>
    <x v="14"/>
    <s v="OnGuard - Lenel"/>
    <x v="31"/>
    <s v="SSA 4.1.2.5 Other Administrative Services"/>
    <s v="Travel and Other Administrative Services"/>
    <s v="IC-LENEL"/>
    <s v="In Production"/>
    <s v="desktop"/>
    <x v="0"/>
    <x v="1699"/>
  </r>
  <r>
    <x v="0"/>
    <x v="16"/>
    <x v="4605"/>
    <s v="TECHSOURCE"/>
    <m/>
    <s v=""/>
    <x v="1"/>
    <s v=""/>
    <x v="31"/>
    <s v="SA1.1.5 Intellectual Property"/>
    <s v="Information Management Services"/>
    <s v="IC-LOB"/>
    <s v="In Production"/>
    <s v="mini_main_super"/>
    <x v="1"/>
    <x v="1700"/>
  </r>
  <r>
    <x v="0"/>
    <x v="5"/>
    <x v="4606"/>
    <s v=""/>
    <m/>
    <s v=""/>
    <x v="1"/>
    <s v=""/>
    <x v="31"/>
    <s v="SA1.1.1 Trade Measurement"/>
    <s v="Other"/>
    <s v="IC-LTSAPPCH"/>
    <s v="In Production"/>
    <s v="desktop"/>
    <x v="1"/>
    <x v="106"/>
  </r>
  <r>
    <x v="5"/>
    <x v="90"/>
    <x v="4607"/>
    <s v="SITT-MAPINFO"/>
    <s v="Create, store and manage geospatial data and develop and maintain geospatial and technical analysis tools that facilitate the granting of licences to radio and broadcast station and spectrum licence applicants, to support on-going spectrum control activities, and to provide information for planning new radiocommunication services."/>
    <s v="Other"/>
    <x v="14"/>
    <s v="Pitney Bowes"/>
    <x v="31"/>
    <s v="SA1.2.1 Spectrum Management and Telecommunications"/>
    <s v="Other"/>
    <s v="IC-MAPINFO"/>
    <s v="In Production"/>
    <s v="desktop"/>
    <x v="0"/>
    <x v="301"/>
  </r>
  <r>
    <x v="0"/>
    <x v="16"/>
    <x v="4608"/>
    <s v="ASPIS"/>
    <m/>
    <s v=""/>
    <x v="1"/>
    <s v=""/>
    <x v="31"/>
    <s v="SA1.1.1 Trade Measurement"/>
    <s v="Other"/>
    <s v="IC-MCAIMS"/>
    <s v="In Production"/>
    <s v="rich"/>
    <x v="1"/>
    <x v="1701"/>
  </r>
  <r>
    <x v="0"/>
    <x v="28"/>
    <x v="4609"/>
    <s v=""/>
    <s v="The Authorized Service Provider Search is an in-house developed online web application (resident on the MC Internet site) for retailers seeking to identify private sector companies authorized by Measurement Canada to perform measuring device certification in accordance with legislative requirements."/>
    <s v=""/>
    <x v="1"/>
    <s v=""/>
    <x v="31"/>
    <s v="SA1.1.1 Trade Measurement"/>
    <s v="Other"/>
    <s v="IC-MCASPS"/>
    <s v="In Production"/>
    <s v="web"/>
    <x v="1"/>
    <x v="1702"/>
  </r>
  <r>
    <x v="0"/>
    <x v="16"/>
    <x v="4610"/>
    <s v="CATS"/>
    <m/>
    <s v=""/>
    <x v="1"/>
    <s v=""/>
    <x v="31"/>
    <s v="SA1.1.1 Trade Measurement"/>
    <s v="Other"/>
    <s v="IC-MCCATS"/>
    <s v="In Production"/>
    <s v="rich"/>
    <x v="1"/>
    <x v="1703"/>
  </r>
  <r>
    <x v="0"/>
    <x v="5"/>
    <x v="4611"/>
    <s v=""/>
    <s v=""/>
    <s v=""/>
    <x v="1"/>
    <s v=""/>
    <x v="31"/>
    <s v="SA1.1.1 Trade Measurement"/>
    <s v="Other"/>
    <s v="IC-MCCONTRL"/>
    <s v="In Production"/>
    <s v="web"/>
    <x v="1"/>
    <x v="1702"/>
  </r>
  <r>
    <x v="0"/>
    <x v="16"/>
    <x v="4612"/>
    <s v="DTCS"/>
    <s v="The Device Testing and Certification System (DTCS) is used in the Calibration Services Laboratories to calculate and record test data as various measuring devices are being calibrated.  DTCS produces a standardized certificate of calibration or a test report using the data acquired during the testing."/>
    <s v=""/>
    <x v="1"/>
    <s v=""/>
    <x v="31"/>
    <s v="SA1.1.1 Trade Measurement"/>
    <s v="Other"/>
    <s v="IC-MCDTCS"/>
    <s v="In Production"/>
    <s v="rich"/>
    <x v="1"/>
    <x v="1704"/>
  </r>
  <r>
    <x v="4"/>
    <x v="66"/>
    <x v="4613"/>
    <s v="GRAVCALC"/>
    <s v="The gravity calculator is intended to assist manufacturers, dealers and inspectors in determining whether or not scales can be initially inspected at a given location and then put into service at their final destination. Manufacturers, dealers and inspectors can access the calculator, enter the scale accuracy class, its Max and ?e?, the desired initial inspection location (i.e., the factory) and the scale's final destination. Using acceptance limits of error, the calculator will determine the most stringent limit of error applicable to the scale, determine if the difference in acceleration due to gravity between the point of inspection and the point of use will cause the scale to exceed the limits of error and finally, indicate whether or not the scale"/>
    <s v=""/>
    <x v="1"/>
    <s v=""/>
    <x v="31"/>
    <s v="SA1.1.1 Trade Measurement"/>
    <s v="Other"/>
    <s v="IC-MCGRAVIT"/>
    <s v="In Production"/>
    <s v="web"/>
    <x v="1"/>
    <x v="1705"/>
  </r>
  <r>
    <x v="0"/>
    <x v="5"/>
    <x v="4614"/>
    <s v=""/>
    <s v=""/>
    <s v=""/>
    <x v="1"/>
    <s v=""/>
    <x v="31"/>
    <s v="SA1.1.1 Trade Measurement"/>
    <s v="Other"/>
    <s v="IC-MCMC"/>
    <s v="In Production"/>
    <s v="desktop"/>
    <x v="1"/>
    <x v="1706"/>
  </r>
  <r>
    <x v="6"/>
    <x v="106"/>
    <x v="4615"/>
    <s v="NOA_INSP"/>
    <s v="The main application is a stand-alone application that runs on the laptop of MC inspectors. It also has the ability to download database updates from an intranet web server hosted on legacy1."/>
    <s v=""/>
    <x v="1"/>
    <s v=""/>
    <x v="31"/>
    <s v="SA1.1.1 Trade Measurement"/>
    <s v="Other"/>
    <s v="IC-MCNOAINS"/>
    <s v="In Production"/>
    <s v="desktop"/>
    <x v="1"/>
    <x v="106"/>
  </r>
  <r>
    <x v="0"/>
    <x v="5"/>
    <x v="4616"/>
    <s v=""/>
    <s v="External facing applications"/>
    <s v=""/>
    <x v="1"/>
    <s v=""/>
    <x v="31"/>
    <s v="SA1.1.1 Trade Measurement"/>
    <s v="Other"/>
    <s v="IC-MCNOAWEB"/>
    <s v="In Production"/>
    <s v="web"/>
    <x v="1"/>
    <x v="1517"/>
  </r>
  <r>
    <x v="5"/>
    <x v="25"/>
    <x v="4617"/>
    <s v="PRSA"/>
    <s v="This application generates one or more pseudo-independent random samples. The samples may be used to satisfy legal requirements for sample selection and auditability under legislation enforced by Measurement Canada."/>
    <s v=""/>
    <x v="1"/>
    <s v=""/>
    <x v="31"/>
    <s v="SA1.1.1 Trade Measurement"/>
    <s v="Other"/>
    <s v="IC-MCPSEUDO"/>
    <s v="In Production"/>
    <s v="web"/>
    <x v="1"/>
    <x v="1707"/>
  </r>
  <r>
    <x v="0"/>
    <x v="16"/>
    <x v="4618"/>
    <s v="MC_STARS"/>
    <s v="The strategic tracking and reporting system (STARS) is designed to track commodity, device and standard inspections as well as the time spent performing these inspection activities."/>
    <s v=""/>
    <x v="1"/>
    <s v=""/>
    <x v="31"/>
    <s v="SA1.1.1 Trade Measurement"/>
    <s v="Other"/>
    <s v="IC-MCSTARS"/>
    <s v="In Production"/>
    <s v="rich"/>
    <x v="1"/>
    <x v="1701"/>
  </r>
  <r>
    <x v="2"/>
    <x v="6"/>
    <x v="4619"/>
    <s v="MILLENIUM-INTGRTD-LIB-SYS"/>
    <s v="The Millenium Integrated Library System is one of the most broadly accepted solutions among libraries of all types and sizes around the world.  Its modules support simple everyday library transactions while at the same time meeting the demands of the most sophisticated cataloger, circulation manager, or web librarian.  The Millenium Integrated Library System is a COTS product and replaced the previous GEAC Library System.  It is comprised of two components ? an externally hosted component and a workstation component."/>
    <s v="Other"/>
    <x v="14"/>
    <s v="Innovative Interfaces/Millenium"/>
    <x v="31"/>
    <s v="SSA 4.1.2.4 Information Technology"/>
    <s v="Information Technology Services"/>
    <s v="IC-MILSHOST"/>
    <s v="In Production"/>
    <s v=""/>
    <x v="0"/>
    <x v="1708"/>
  </r>
  <r>
    <x v="3"/>
    <x v="46"/>
    <x v="4620"/>
    <s v="MIMOSA"/>
    <s v="Name of authoring software for patent document images. It is an export process to extract newly laid open and granted patent data for inclusion in the MIMOSA search CDs."/>
    <s v=""/>
    <x v="1"/>
    <s v=""/>
    <x v="31"/>
    <s v="SA1.1.5 Intellectual Property"/>
    <s v="Information Management Services,Other"/>
    <s v="IC-MIMOSAE"/>
    <s v="In Production"/>
    <s v="mini_main_super"/>
    <x v="1"/>
    <x v="1709"/>
  </r>
  <r>
    <x v="6"/>
    <x v="27"/>
    <x v="4621"/>
    <s v="MULTITRANS-TRANSLATION-MEMORY-SW"/>
    <s v="The Translation Memory software tool is a repository for translated segments of text which allows users to instantly retrieve translated terminology from previously translated documents and insert it into their document.  It can recycle translations from over 250 file formats and shorten file conversion speeds."/>
    <s v="Multicorpora_R_D_inc"/>
    <x v="89"/>
    <s v="Multicorpora R D inc./MultiTrans Prism External Translator"/>
    <x v="31"/>
    <s v="PA2.2 Information and Communication Technologies Research and Innovation"/>
    <s v="Communications Services,Other"/>
    <s v="IC-MLTRANS"/>
    <s v="In Production"/>
    <s v="web"/>
    <x v="0"/>
    <x v="1710"/>
  </r>
  <r>
    <x v="4"/>
    <x v="66"/>
    <x v="4622"/>
    <s v="MRM"/>
    <s v="MRM is an application that manages the boardroom bookings for IC, including the Minister's Office."/>
    <s v="Other"/>
    <x v="14"/>
    <s v="NetSimplicity/Meeting Room Maager"/>
    <x v="31"/>
    <s v="SSA 4.1.1.1 Management and Oversight"/>
    <s v="Management and Oversight Services"/>
    <s v="IC-MRM"/>
    <s v="In Production"/>
    <s v="web"/>
    <x v="0"/>
    <x v="1711"/>
  </r>
  <r>
    <x v="3"/>
    <x v="31"/>
    <x v="4623"/>
    <s v="MRS"/>
    <m/>
    <s v="Other"/>
    <x v="14"/>
    <s v="IBM Cognos"/>
    <x v="31"/>
    <s v="SSA 4.1.2.2 Financial Management"/>
    <s v="Financial Management Services"/>
    <s v="IC-MRS"/>
    <s v="In Production"/>
    <s v="web"/>
    <x v="0"/>
    <x v="1664"/>
  </r>
  <r>
    <x v="9"/>
    <x v="54"/>
    <x v="4624"/>
    <s v="FIM"/>
    <s v="self-service password reset"/>
    <s v="Microsoft_Corporation"/>
    <x v="60"/>
    <s v=""/>
    <x v="31"/>
    <s v="SSA 4.1.2.4 Information Technology"/>
    <s v="Information Technology Services"/>
    <s v="IC-MSFIM"/>
    <s v="In Production"/>
    <s v="web"/>
    <x v="0"/>
    <x v="1667"/>
  </r>
  <r>
    <x v="0"/>
    <x v="16"/>
    <x v="4625"/>
    <s v="NATIS"/>
    <m/>
    <s v=""/>
    <x v="1"/>
    <s v="Lotus Notes"/>
    <x v="31"/>
    <s v="SA1.1.4 Investment Review"/>
    <s v="Other"/>
    <s v="IC-NATIS"/>
    <s v="In Production"/>
    <s v="rich"/>
    <x v="1"/>
    <x v="1712"/>
  </r>
  <r>
    <x v="4"/>
    <x v="5"/>
    <x v="4626"/>
    <s v="OSOC-DF"/>
    <s v=""/>
    <s v=""/>
    <x v="1"/>
    <s v=""/>
    <x v="31"/>
    <s v=""/>
    <s v="Other"/>
    <s v="APP-04067"/>
    <s v="In Production"/>
    <s v="desktop"/>
    <x v="1"/>
    <x v="1713"/>
  </r>
  <r>
    <x v="0"/>
    <x v="8"/>
    <x v="4627"/>
    <s v="CRDA"/>
    <s v="Administrative component to Canadian Research Database Public."/>
    <s v=""/>
    <x v="1"/>
    <s v=""/>
    <x v="31"/>
    <s v="PA1.3 Consumer Affairs"/>
    <s v="Information Management Services"/>
    <s v="IC-OCACDB"/>
    <s v="In Production"/>
    <s v="web"/>
    <x v="1"/>
    <x v="1657"/>
  </r>
  <r>
    <x v="0"/>
    <x v="28"/>
    <x v="4628"/>
    <s v="CRD"/>
    <s v="The Consumer Research Database is a collection of research references on consumer related topics, including information on where and when the document was published.  Initially the database will contain over 100 items of consumer research undertaken by university researchers, governments and non-profit organizations.  The large majority of references pertain to Canada.  However, selected international references are also included.  The subject classification of the system recognizes 15 general topics, each with three to five sub-topics, for a total of 69 sub-topics (see Appendix).  With this project initiative the AMIS group of Industry Canada will build a web-based application for the Office of Consumer Affairs.  Users of this application will be able"/>
    <s v=""/>
    <x v="1"/>
    <s v=""/>
    <x v="31"/>
    <s v="PA1.3 Consumer Affairs"/>
    <s v="Information Management Services"/>
    <s v="IC-OCAODP"/>
    <s v="In Production"/>
    <s v="web"/>
    <x v="1"/>
    <x v="1657"/>
  </r>
  <r>
    <x v="0"/>
    <x v="7"/>
    <x v="4629"/>
    <s v="ODE"/>
    <m/>
    <s v=""/>
    <x v="1"/>
    <s v=""/>
    <x v="31"/>
    <s v="SA2.3.3 Strategic Aerospace and Defence Initiative"/>
    <s v="Other"/>
    <s v="IC-ODE"/>
    <s v="In Production"/>
    <s v="web"/>
    <x v="1"/>
    <x v="1714"/>
  </r>
  <r>
    <x v="0"/>
    <x v="16"/>
    <x v="4630"/>
    <s v="EFILE_OSB"/>
    <s v="A Web-enabled system that allows electronic transmission and processing of forms and documents between the trustee community and the OSB. A prime feature of the system is its business-rules based processing which rejects incorrect filings, automates acceptance, and flags exceptions to be manually reviewed. In production since December 2002, supporting technologies for this system include ATG Dynamo, XML, Java, and Oracle. E-FILING (includes Fax Server; PDF Converter; Vendor Test Site; UAT &amp; Reporting Server)"/>
    <s v=""/>
    <x v="1"/>
    <s v=""/>
    <x v="31"/>
    <s v="SA1.1.2 Bankruptcy and Insolvency"/>
    <s v="Other"/>
    <s v="IC-OSBEFILE"/>
    <s v="In Production"/>
    <s v="web"/>
    <x v="1"/>
    <x v="1715"/>
  </r>
  <r>
    <x v="3"/>
    <x v="31"/>
    <x v="4631"/>
    <s v=""/>
    <m/>
    <s v="Other"/>
    <x v="1"/>
    <s v="IBM Cognos"/>
    <x v="31"/>
    <s v="SA1.1.2 Bankruptcy and Insolvency"/>
    <s v="Other"/>
    <s v="IC-OSBICDW"/>
    <s v="In Production"/>
    <s v="web"/>
    <x v="0"/>
    <x v="1664"/>
  </r>
  <r>
    <x v="0"/>
    <x v="16"/>
    <x v="4632"/>
    <s v="IMPACT, INFO+"/>
    <m/>
    <s v=""/>
    <x v="1"/>
    <s v=""/>
    <x v="31"/>
    <s v="SA1.1.2 Bankruptcy and Insolvency"/>
    <s v="Other"/>
    <s v="IC-OSBIMPAC"/>
    <s v="In Production"/>
    <s v="rich"/>
    <x v="1"/>
    <x v="1716"/>
  </r>
  <r>
    <x v="0"/>
    <x v="28"/>
    <x v="4633"/>
    <s v="NS"/>
    <s v="A subsystem of IMPACT that generates an official document (positive, negative or detailed) capable of being faxed or e-mailed directly to clients. A fee is charged to clients for each search request. A log of all searches performed by the client is kept for the production of monthly invoices. The application is used by Name Search Call Centre personnel who respond to about 200 requests per day."/>
    <s v=""/>
    <x v="1"/>
    <s v=""/>
    <x v="31"/>
    <s v="SA1.1.2 Bankruptcy and Insolvency"/>
    <s v="Other"/>
    <s v="IC-OSBNAMES"/>
    <s v="In Production"/>
    <s v="rich"/>
    <x v="1"/>
    <x v="1717"/>
  </r>
  <r>
    <x v="0"/>
    <x v="28"/>
    <x v="4634"/>
    <s v="IBNS"/>
    <s v="A Web-based system that provides clients the capability to search for bankruptcies via the Internet. Search fees can be paid on-line with a credit card or by charging an existing OSB client account. This database contains a record of all bankruptcies and proposals filed in Canada from 1978 to date."/>
    <s v=""/>
    <x v="1"/>
    <s v=""/>
    <x v="31"/>
    <s v="SA1.1.2 Bankruptcy and Insolvency"/>
    <s v="Other"/>
    <s v="IC-OSBNSRCH"/>
    <s v="In Production"/>
    <s v="web"/>
    <x v="1"/>
    <x v="1718"/>
  </r>
  <r>
    <x v="0"/>
    <x v="43"/>
    <x v="4635"/>
    <s v=""/>
    <s v="Web site where various bankruptcy statististics are published."/>
    <s v=""/>
    <x v="1"/>
    <s v=""/>
    <x v="31"/>
    <s v="SA1.1.2 Bankruptcy and Insolvency"/>
    <s v="Other"/>
    <s v="IC-OSBSTATS"/>
    <s v="In Production"/>
    <s v="web"/>
    <x v="1"/>
    <x v="1657"/>
  </r>
  <r>
    <x v="4"/>
    <x v="66"/>
    <x v="4636"/>
    <s v="TLR"/>
    <s v="A Web-enabled system that enables trustees to view their licence renewal statement, renewal their license on-line and pay their annual licence fee via credit cards."/>
    <s v=""/>
    <x v="1"/>
    <s v=""/>
    <x v="31"/>
    <s v="SA1.1.2 Bankruptcy and Insolvency"/>
    <s v="Other"/>
    <s v="IC-OSBTLR"/>
    <s v="In Production"/>
    <s v="web"/>
    <x v="1"/>
    <x v="1718"/>
  </r>
  <r>
    <x v="0"/>
    <x v="43"/>
    <x v="4637"/>
    <s v=""/>
    <s v="List of trustee firms and individual trustees which includes trustee contact information"/>
    <s v=""/>
    <x v="1"/>
    <s v=""/>
    <x v="31"/>
    <s v="SA1.1.2 Bankruptcy and Insolvency"/>
    <s v="Other"/>
    <s v="IC-OSBTSRCH"/>
    <s v="In Production"/>
    <s v="web"/>
    <x v="1"/>
    <x v="1657"/>
  </r>
  <r>
    <x v="0"/>
    <x v="28"/>
    <x v="4638"/>
    <s v="UA-UD"/>
    <s v="Web Search for unclaimed dividends."/>
    <s v=""/>
    <x v="1"/>
    <s v=""/>
    <x v="31"/>
    <s v="SA1.1.2 Bankruptcy and Insolvency"/>
    <s v="Other"/>
    <s v="IC-OSBUDSRC"/>
    <s v="In Production"/>
    <s v="web"/>
    <x v="1"/>
    <x v="1657"/>
  </r>
  <r>
    <x v="10"/>
    <x v="53"/>
    <x v="4639"/>
    <s v="Ecomm MF"/>
    <m/>
    <s v=""/>
    <x v="1"/>
    <s v=""/>
    <x v="31"/>
    <s v="SA1.1.5 Intellectual Property"/>
    <s v="Communications Services,Information Technology Services"/>
    <s v="IC-PATECMF"/>
    <s v="In Production"/>
    <s v="web"/>
    <x v="1"/>
    <x v="1665"/>
  </r>
  <r>
    <x v="0"/>
    <x v="19"/>
    <x v="4640"/>
    <s v="Ecomm Filing"/>
    <m/>
    <s v=""/>
    <x v="1"/>
    <s v=""/>
    <x v="31"/>
    <s v="SA1.1.5 Intellectual Property"/>
    <s v="Communications Services,Information Technology Services"/>
    <s v="IC-PATEFL"/>
    <s v="In Production"/>
    <s v="web"/>
    <x v="1"/>
    <x v="1665"/>
  </r>
  <r>
    <x v="3"/>
    <x v="31"/>
    <x v="4641"/>
    <s v="PATEIS"/>
    <s v="A web-based statistical reporting application that uses Cognos tools Impromptu and Powerplay to give management flexible and accurate statistics on Branch performance metrics.  (2010 - Only does time statistics at this time.)"/>
    <s v="Other"/>
    <x v="14"/>
    <s v="IBM/Cognos"/>
    <x v="31"/>
    <s v="SA1.1.5 Intellectual Property"/>
    <s v="Other"/>
    <s v="IC-PATEIS"/>
    <s v="In Production"/>
    <s v=""/>
    <x v="0"/>
    <x v="1719"/>
  </r>
  <r>
    <x v="4"/>
    <x v="66"/>
    <x v="4642"/>
    <s v="PAT_WS"/>
    <m/>
    <s v=""/>
    <x v="1"/>
    <s v=""/>
    <x v="31"/>
    <s v="SA1.1.5 Intellectual Property"/>
    <s v="Other"/>
    <s v="IC-PATWS"/>
    <s v="In Production"/>
    <s v=""/>
    <x v="1"/>
    <x v="1720"/>
  </r>
  <r>
    <x v="0"/>
    <x v="19"/>
    <x v="4643"/>
    <s v="PCTSafe"/>
    <m/>
    <s v="Other"/>
    <x v="14"/>
    <s v="WIPO/PCT Safe"/>
    <x v="31"/>
    <s v="SA1.1.5 Intellectual Property"/>
    <s v="Information Technology Services"/>
    <s v="IC-PCT"/>
    <s v="In Production"/>
    <s v="web"/>
    <x v="0"/>
    <x v="1721"/>
  </r>
  <r>
    <x v="0"/>
    <x v="19"/>
    <x v="4644"/>
    <s v=""/>
    <s v=""/>
    <s v="Other"/>
    <x v="1"/>
    <s v="AdLib"/>
    <x v="31"/>
    <s v="SA1.1.2 Bankruptcy and Insolvency"/>
    <s v="Other"/>
    <s v="IC-PDFCNVTR"/>
    <s v="In Production"/>
    <s v="web"/>
    <x v="0"/>
    <x v="1722"/>
  </r>
  <r>
    <x v="5"/>
    <x v="98"/>
    <x v="4645"/>
    <s v="IC-POI-INTERACTIVE-MAP"/>
    <s v="The Industry Canada Points of Interest Interactive Map will highlight various Industry Canada points of interest on a map.   The points of interest could include areas where IC has supplied funding or areas where IC is active.  The application will be similar to the following EAP Map:   http://www.actionplan.gc.ca/eng/map.asp"/>
    <s v=""/>
    <x v="1"/>
    <s v=""/>
    <x v="31"/>
    <s v="PA2.2 Information and Communication Technologies Research and Innovation"/>
    <s v="Communications Services,Other"/>
    <s v="IC-POIMAP"/>
    <s v="In Production"/>
    <s v="web"/>
    <x v="1"/>
    <x v="1723"/>
  </r>
  <r>
    <x v="6"/>
    <x v="57"/>
    <x v="4646"/>
    <s v="PRODUCTIVITY-ACCELERATOR-TOOL"/>
    <s v="CA Productivity Accelerator Tool Provides Highly Personalized and Cost-Effective PPM Training"/>
    <s v="Oracle_Canada_ULC"/>
    <x v="68"/>
    <s v=""/>
    <x v="31"/>
    <s v="SSA 4.1.2.4 Information Technology"/>
    <s v="Information Technology Services"/>
    <s v="IC-PRDTVYTL"/>
    <s v="In Production"/>
    <s v=""/>
    <x v="0"/>
    <x v="1685"/>
  </r>
  <r>
    <x v="12"/>
    <x v="114"/>
    <x v="4647"/>
    <s v=""/>
    <s v="Manage print service administration"/>
    <s v="Other"/>
    <x v="1"/>
    <s v="Xerox Device Manager"/>
    <x v="31"/>
    <s v="SSA 4.1.2.4 Information Technology"/>
    <s v="Information Technology Services"/>
    <s v="IC-PRNTRDM"/>
    <s v="In Production"/>
    <s v="web"/>
    <x v="0"/>
    <x v="1667"/>
  </r>
  <r>
    <x v="10"/>
    <x v="53"/>
    <x v="4648"/>
    <s v="General Corr"/>
    <m/>
    <s v=""/>
    <x v="1"/>
    <s v=""/>
    <x v="31"/>
    <s v="SA1.1.5 Intellectual Property"/>
    <s v="Communications Services,Information Management Services"/>
    <s v="IC-PWGC"/>
    <s v="In Production"/>
    <s v="web"/>
    <x v="1"/>
    <x v="1665"/>
  </r>
  <r>
    <x v="4"/>
    <x v="5"/>
    <x v="4649"/>
    <s v=""/>
    <s v=""/>
    <s v=""/>
    <x v="1"/>
    <s v=""/>
    <x v="31"/>
    <s v=""/>
    <s v=""/>
    <s v="IC-PWIGSL"/>
    <s v="In Production"/>
    <s v=""/>
    <x v="2"/>
    <x v="106"/>
  </r>
  <r>
    <x v="4"/>
    <x v="5"/>
    <x v="2100"/>
    <s v=""/>
    <s v=""/>
    <s v=""/>
    <x v="1"/>
    <s v=""/>
    <x v="31"/>
    <s v=""/>
    <s v=""/>
    <s v="APP-01956"/>
    <s v="In Production"/>
    <s v="desktop"/>
    <x v="0"/>
    <x v="106"/>
  </r>
  <r>
    <x v="8"/>
    <x v="37"/>
    <x v="4650"/>
    <s v="RATPT"/>
    <s v="Rational Policy Tester is a web quality assurance software that provides improved scanning capabilities and a rich set of quality assurance reports to help publishers manage their website content.  The reports will identify broken links, slow pages, missing alt tags, dc metadata values, spelling errors and more."/>
    <s v="Other"/>
    <x v="14"/>
    <s v="IBM Rational Policy Tester"/>
    <x v="31"/>
    <s v="PA2.2 Information and Communication Technologies Research and Innovation"/>
    <s v="Other"/>
    <s v="IC-RATPT"/>
    <s v="In Production"/>
    <s v="web"/>
    <x v="0"/>
    <x v="145"/>
  </r>
  <r>
    <x v="0"/>
    <x v="13"/>
    <x v="4651"/>
    <s v="EDRMS-ODYSSEY-QUE"/>
    <m/>
    <s v="Other"/>
    <x v="14"/>
    <s v="Open Text/RDIMS"/>
    <x v="31"/>
    <s v="SA1.2.1 Spectrum Management and Telecommunications"/>
    <s v="Other"/>
    <s v="IC-RDIM"/>
    <s v="In Production"/>
    <s v=""/>
    <x v="0"/>
    <x v="1724"/>
  </r>
  <r>
    <x v="4"/>
    <x v="66"/>
    <x v="4652"/>
    <s v="RFAXJAVA"/>
    <m/>
    <s v=""/>
    <x v="1"/>
    <s v=""/>
    <x v="31"/>
    <s v="SSA 4.1.2.4 Information Technology"/>
    <s v="Information Technology Services"/>
    <s v="IC-RFAXJAVA "/>
    <s v="In Production"/>
    <s v="web"/>
    <x v="1"/>
    <x v="1657"/>
  </r>
  <r>
    <x v="4"/>
    <x v="66"/>
    <x v="4653"/>
    <s v="RGDR"/>
    <s v="Provides imaging, scanning, indexing, storage, search and print of official documents (Railway System, Commissions, Proclamations, Election Writs)."/>
    <s v=""/>
    <x v="1"/>
    <s v=""/>
    <x v="31"/>
    <s v="SA1.1.3 Federal Incorporations"/>
    <s v="Other"/>
    <s v="IC-RGOFLDOC"/>
    <s v="In Production"/>
    <s v="web"/>
    <x v="1"/>
    <x v="1725"/>
  </r>
  <r>
    <x v="9"/>
    <x v="54"/>
    <x v="4654"/>
    <s v="RGSTR"/>
    <s v="Handles all aspects of the registration process to use certain applications on Strategis."/>
    <s v=""/>
    <x v="1"/>
    <s v=""/>
    <x v="31"/>
    <s v="SSA 4.1.2.3 Information Management"/>
    <s v="Communications Services,Information Management Services"/>
    <s v="IC-RGSTR"/>
    <s v="In Production"/>
    <s v="web"/>
    <x v="1"/>
    <x v="1726"/>
  </r>
  <r>
    <x v="12"/>
    <x v="115"/>
    <x v="4655"/>
    <s v="RIGHTFAX"/>
    <m/>
    <s v="Other"/>
    <x v="1"/>
    <s v="OpenText RightFax"/>
    <x v="31"/>
    <s v="SSA 4.1.2.4 Information Technology"/>
    <s v="Information Technology Services"/>
    <s v="IC-RIGHTFAX"/>
    <s v="In Production"/>
    <s v="web"/>
    <x v="0"/>
    <x v="1727"/>
  </r>
  <r>
    <x v="3"/>
    <x v="31"/>
    <x v="3307"/>
    <s v="RPT, ART, Simple Report Builder"/>
    <s v="This application is a business intelligence tool (a.k.a report builder) which enables users to generate reports from Oracle databases without in-depth knowledge of the SQL language.  It builds simple/complex SQL queries by allowing users to select tables/columns, and to enter various selection criteria &amp; options.  Sophisticated visual formatting options are available. This application is not coupled to any particular Oracle database.  It will become a 'common component', to be used within the department with various projects and databases. The application was developed in Java/Jasper Reports, with an Oracle back-end database."/>
    <s v=""/>
    <x v="1"/>
    <s v=""/>
    <x v="31"/>
    <s v="SSA 4.1.2.4 Information Technology"/>
    <s v="Information Technology Services"/>
    <s v="IC-RPT"/>
    <s v="In Production"/>
    <s v="web"/>
    <x v="1"/>
    <x v="1728"/>
  </r>
  <r>
    <x v="4"/>
    <x v="5"/>
    <x v="1980"/>
    <s v=""/>
    <s v="Desktop-based statistical analysis software for analysing data."/>
    <s v="SAS_Institute_Canada_Inc"/>
    <x v="1"/>
    <s v=""/>
    <x v="31"/>
    <s v="SA1.1.2 Bankruptcy and Insolvency"/>
    <s v="Other"/>
    <s v="IC-SAS"/>
    <s v="In Production"/>
    <s v="desktop"/>
    <x v="0"/>
    <x v="86"/>
  </r>
  <r>
    <x v="2"/>
    <x v="2"/>
    <x v="4656"/>
    <s v="SASCPM"/>
    <s v="SAS Cost and Profitability Management (CPM) is an analytic application that models business processes to determine cost and profitability, as well as what drives them. The solution provides answers to questions about precise process or activity costs, and the profitability of customers, products and distribution channels. It measures how well the components of your business – products, services, processes and customers – contribute value to the organization. Equipped with such quantitative insights, managers and executives can make informed decisions to manage resources, optimize processes and improve performance. The application is combining visual business modelling with advanced reporting/analysis and powerful data management. This combination allow"/>
    <s v="SAS_Institute_Canada_Inc"/>
    <x v="1"/>
    <s v="Activity Based Management"/>
    <x v="31"/>
    <s v=""/>
    <s v="Financial Management Services"/>
    <s v="IC-SASABM"/>
    <s v="In Production"/>
    <s v="rich"/>
    <x v="0"/>
    <x v="146"/>
  </r>
  <r>
    <x v="0"/>
    <x v="8"/>
    <x v="4657"/>
    <s v="FPD"/>
    <s v="The Tool offers industry-specific income statement and balance sheet data for small and medium and large sized businesses.FPD offers industry-specific income statement and balance sheet data for small and medium sized businesses. FPDl allows you to:  - Estimate the operating costs for your new business;  - View financial performance averages in your industry;  - Enter your own financial data to see how your business measures up to comparably sized firms."/>
    <s v=""/>
    <x v="1"/>
    <s v=""/>
    <x v="31"/>
    <s v="SA3.1.2 Canada Business Network"/>
    <s v="Other"/>
    <s v="IC-SBSPP"/>
    <s v="In Production"/>
    <s v="web"/>
    <x v="1"/>
    <x v="1729"/>
  </r>
  <r>
    <x v="4"/>
    <x v="5"/>
    <x v="4658"/>
    <s v=""/>
    <s v="The SI Reference Application is a simple application used by the Software Integration team to demonstrate how to integrate the different reusable components, common services, and products used for the development of Java applications at BSD."/>
    <s v=""/>
    <x v="1"/>
    <s v=""/>
    <x v="31"/>
    <s v="SSA 4.1.2.4 Information Technology"/>
    <s v="Information Technology Services"/>
    <s v="IC-SIRA"/>
    <s v="In Production"/>
    <s v="web"/>
    <x v="1"/>
    <x v="1730"/>
  </r>
  <r>
    <x v="0"/>
    <x v="13"/>
    <x v="4659"/>
    <s v="EDRMS-SITT"/>
    <m/>
    <s v="Other"/>
    <x v="14"/>
    <s v="Open Text/RDIMS"/>
    <x v="31"/>
    <s v="SA1.2.1 Spectrum Management and Telecommunications"/>
    <s v="Other"/>
    <s v="IC-SITEDRMS"/>
    <s v="In Production"/>
    <s v="rich"/>
    <x v="0"/>
    <x v="1724"/>
  </r>
  <r>
    <x v="5"/>
    <x v="90"/>
    <x v="4660"/>
    <s v="GIS"/>
    <s v="Create, store and manage geospatial data and develop and maintain geospatial and technical analysis tools that facilitate the granting of licences to radio and broadcast station and spectrum licence applicants, to support on-going spectrum control activities, and to provide information for planning new radiocommunication services."/>
    <s v=""/>
    <x v="1"/>
    <s v=""/>
    <x v="31"/>
    <s v="SA1.2.1 Spectrum Management and Telecommunications"/>
    <s v="Other"/>
    <s v="IC-SITMAPI"/>
    <s v="In Production"/>
    <s v="web"/>
    <x v="1"/>
    <x v="301"/>
  </r>
  <r>
    <x v="4"/>
    <x v="5"/>
    <x v="4661"/>
    <s v="SAM-CSI"/>
    <s v="The SPECTRA spectrum management system covers the end-to-end process of administrative and technical spectrum management for business processing, spectrum planning, technical frequency assignment, national and international coordination, monitoring and control, billing and financial management."/>
    <s v="Other"/>
    <x v="1"/>
    <s v="Spectra Suite"/>
    <x v="31"/>
    <s v="Spectrum Management and Telecommunications"/>
    <s v="Management and Oversight Services"/>
    <s v="IC-SITSPCTR"/>
    <s v="In Production"/>
    <s v="rich"/>
    <x v="0"/>
    <x v="1731"/>
  </r>
  <r>
    <x v="2"/>
    <x v="70"/>
    <x v="4410"/>
    <s v=""/>
    <s v="Upgraded version (new application) of Arrival which tracks packages and mail requiring signatures coming in and out of the department."/>
    <s v="Other"/>
    <x v="1"/>
    <s v="Pitney Bowes SendSuite Tracking"/>
    <x v="31"/>
    <s v="SSA 4.1.2.4 Information Technology"/>
    <s v="Information Technology Services"/>
    <s v="IC-SNDSTE"/>
    <s v="In Production"/>
    <s v="web"/>
    <x v="0"/>
    <x v="1732"/>
  </r>
  <r>
    <x v="4"/>
    <x v="5"/>
    <x v="4662"/>
    <s v=""/>
    <m/>
    <s v="Other"/>
    <x v="1"/>
    <s v="SonarSource SonarQube"/>
    <x v="31"/>
    <s v="SSA 4.1.2.4 Information Technology"/>
    <s v="Information Technology Services"/>
    <s v="IC-SONAR"/>
    <s v="In Production"/>
    <s v="web"/>
    <x v="0"/>
    <x v="1728"/>
  </r>
  <r>
    <x v="2"/>
    <x v="52"/>
    <x v="4663"/>
    <s v=""/>
    <s v="Built on Dynamics"/>
    <s v=""/>
    <x v="1"/>
    <s v=""/>
    <x v="31"/>
    <s v="SSA 4.1.2.4 Information Technology"/>
    <s v="Information Management Services,Information Technology Services"/>
    <s v="IC-SRM"/>
    <s v="In Production"/>
    <s v="web"/>
    <x v="1"/>
    <x v="1667"/>
  </r>
  <r>
    <x v="4"/>
    <x v="5"/>
    <x v="4664"/>
    <s v="bitbucket"/>
    <m/>
    <s v="Other"/>
    <x v="1"/>
    <s v="Atlassian Stash"/>
    <x v="31"/>
    <s v="SSA 4.1.2.4 Information Technology"/>
    <s v="Information Technology Services"/>
    <s v="IC-STASH"/>
    <s v="In Production"/>
    <s v="web"/>
    <x v="0"/>
    <x v="1728"/>
  </r>
  <r>
    <x v="2"/>
    <x v="23"/>
    <x v="4665"/>
    <s v="TEAMMATE-AUDIT-MGMT-SYS-AEB"/>
    <s v="CCH TeamMate is an audit management system that has revolutionized the audit process.  It's used to increase the efficiency and productivity of the entire audit process, including: risk assessment, scheduling, planning, execution, review, report generation, trend analysis, committee reporting and storage."/>
    <s v="Other"/>
    <x v="1"/>
    <s v="CCH Canadian Ltd/TeamMate"/>
    <x v="31"/>
    <s v="SSA 4.1.1.1 Management and Oversight"/>
    <s v="Management and Oversight Services"/>
    <s v="IC-TEAMMATEAEB"/>
    <s v="In Production"/>
    <s v="rich"/>
    <x v="0"/>
    <x v="1673"/>
  </r>
  <r>
    <x v="0"/>
    <x v="16"/>
    <x v="4666"/>
    <s v=""/>
    <s v="TeamMate is an audit management system that has revolutionized the audit process.  It's used to increase the efficiency and productivity of the entire audit process, including: risk assessment, scheduling, planning, execution, review, report generation, trend analysis, committee reporting and storage."/>
    <s v="Other"/>
    <x v="1"/>
    <s v="CCH Canadain Ltd/TeamMate"/>
    <x v="31"/>
    <s v="SA1.1.3 Federal Incorporations"/>
    <s v="Management and Oversight Services"/>
    <s v="IC-TEAMMATECORP"/>
    <s v="In Production"/>
    <s v="rich"/>
    <x v="0"/>
    <x v="1733"/>
  </r>
  <r>
    <x v="2"/>
    <x v="23"/>
    <x v="4667"/>
    <s v="TEAMMATE-AUDIT-MGMT-SYS-SIS"/>
    <m/>
    <s v="Other"/>
    <x v="14"/>
    <s v="CCH Canadian Ltd/TeamMate"/>
    <x v="31"/>
    <s v="SA2.3.3 Strategic Aerospace and Defence Initiative"/>
    <s v="Management and Oversight Services"/>
    <s v="IC-TEAMMATEITO"/>
    <s v="In Production"/>
    <s v="rich"/>
    <x v="0"/>
    <x v="1734"/>
  </r>
  <r>
    <x v="0"/>
    <x v="16"/>
    <x v="4668"/>
    <s v=""/>
    <s v="Seach of Trademark agents"/>
    <s v=""/>
    <x v="1"/>
    <s v=""/>
    <x v="31"/>
    <s v="SA1.1.5 Intellectual Property"/>
    <s v="Information Management Services"/>
    <s v="IC-TMAD"/>
    <s v="In Production"/>
    <s v="web"/>
    <x v="1"/>
    <x v="1650"/>
  </r>
  <r>
    <x v="4"/>
    <x v="66"/>
    <x v="4669"/>
    <s v="TMA WORK ORDER SYSTEM"/>
    <s v="Work order system for to support property management activities."/>
    <s v="Other"/>
    <x v="14"/>
    <s v="TMA Systems/TMA"/>
    <x v="31"/>
    <s v="SA1.2.1 Spectrum Management and Telecommunications"/>
    <s v="Other,Real Property Services"/>
    <s v="IC-TMAWOS"/>
    <s v="In Production"/>
    <s v=""/>
    <x v="0"/>
    <x v="88"/>
  </r>
  <r>
    <x v="3"/>
    <x v="31"/>
    <x v="4670"/>
    <s v="TMEIS"/>
    <s v="A web-based statistical reporting application that uses Cognos tools Impromptu and Powerplay to give management flexible and accurate statistics on Branch performance metrics.  This web-based infrastructure provides access to performance metrics and enterprise analysis reporting as well as shared services for EIS information management and collection.  There are currently three web-based EIS applications in production: one for the Trade-marks Branch (2004), one for the Industrial Designs Office (2005) and one for the Copyright Office (2005)."/>
    <s v="Other"/>
    <x v="14"/>
    <s v="IBM/Cognos"/>
    <x v="31"/>
    <s v="SA1.1.5 Intellectual Property"/>
    <s v="Information Management Services"/>
    <s v="IC-TMEIS"/>
    <s v="In Production"/>
    <s v="web"/>
    <x v="0"/>
    <x v="1664"/>
  </r>
  <r>
    <x v="4"/>
    <x v="5"/>
    <x v="4671"/>
    <s v=""/>
    <s v=""/>
    <s v=""/>
    <x v="1"/>
    <s v=""/>
    <x v="31"/>
    <s v=""/>
    <s v=""/>
    <s v="IC-TMJRL"/>
    <s v="In Production"/>
    <s v=""/>
    <x v="2"/>
    <x v="1735"/>
  </r>
  <r>
    <x v="0"/>
    <x v="7"/>
    <x v="4672"/>
    <s v=""/>
    <s v="CIPO Trade-mark Refusals"/>
    <s v=""/>
    <x v="1"/>
    <s v=""/>
    <x v="31"/>
    <s v="SA1.1.5 Intellectual Property"/>
    <s v="Information Management Services"/>
    <s v="IC-TMRFSLS"/>
    <s v="In Production"/>
    <s v="web"/>
    <x v="1"/>
    <x v="1736"/>
  </r>
  <r>
    <x v="4"/>
    <x v="66"/>
    <x v="4673"/>
    <s v="TMRS"/>
    <s v="The Technical Measurement Reporting System (TMRS) is the national system used by the Spectrum, Information Technologies and Telecommunications Sector (SITT) for the measurement and analysis of radio use throughout Canada and, in conjunction with the Automated Licensing System (ALS), for the assignment of radio frequencies. There are three main components to TMRS: the PREVIEW application, the main database and the online report system."/>
    <s v=""/>
    <x v="1"/>
    <s v=""/>
    <x v="31"/>
    <s v="SA1.2.1 Spectrum Management and Telecommunications"/>
    <s v="Other"/>
    <s v="IC-TMRS "/>
    <s v="In Production"/>
    <s v=""/>
    <x v="1"/>
    <x v="1737"/>
  </r>
  <r>
    <x v="4"/>
    <x v="66"/>
    <x v="4674"/>
    <s v="TRA"/>
    <s v="This site is used by staff to submit SOSs and TRAs. This site is located on icwebsecure. This site is SSL enabled, encrypted and password protected."/>
    <s v=""/>
    <x v="1"/>
    <s v=""/>
    <x v="31"/>
    <s v="SSA 4.1.2.4 Information Technology"/>
    <s v="Information Technology Services"/>
    <s v="IC-TRA "/>
    <s v="In Production"/>
    <s v="web"/>
    <x v="1"/>
    <x v="1738"/>
  </r>
  <r>
    <x v="0"/>
    <x v="42"/>
    <x v="4675"/>
    <s v="TS_GUI"/>
    <s v="An interface used to allow users access to several different systems, similar to a portal."/>
    <s v=""/>
    <x v="1"/>
    <s v=""/>
    <x v="31"/>
    <s v="SA1.1.5 Intellectual Property"/>
    <s v="Other"/>
    <s v="IC-TSGUI"/>
    <s v="In Production"/>
    <s v="rich"/>
    <x v="1"/>
    <x v="1644"/>
  </r>
  <r>
    <x v="6"/>
    <x v="57"/>
    <x v="4676"/>
    <s v="UPERFORM"/>
    <s v="This application uses Ancile uPerform to delivers learning content to employees."/>
    <s v="Other"/>
    <x v="14"/>
    <s v="Ancile/Uperform"/>
    <x v="31"/>
    <s v="SSA 4.1.2.2 Financial Management"/>
    <s v="Financial Management Services"/>
    <s v="IC-UPERFORM"/>
    <s v="In Production"/>
    <s v="web"/>
    <x v="0"/>
    <x v="1739"/>
  </r>
  <r>
    <x v="0"/>
    <x v="0"/>
    <x v="3377"/>
    <s v="UPK"/>
    <s v="Oracle User Productivity Kit (UPK) provides a collaborative development environment to create system related assets - the'People to System' documentation. With the ability to produce multiple outputs through a single recording session, Oracle UPK reduces content development time and cost. You can rapidly produce interactive transaction simulations, classroom and web based training materials, and in-application performance support. With the creation of user test scripts, the system transactions can be defined and tested before go-live, providing the necessary materials to ensure user adoption. Oracle UPK is key to increasing productivity and reducing overall software implementation costs."/>
    <s v="Oracle_Canada_ULC"/>
    <x v="68"/>
    <s v=""/>
    <x v="31"/>
    <s v="SSA 4.1.2.1 Human Resource Management"/>
    <s v="Human Resources Management Services"/>
    <s v="IC-UPK"/>
    <s v="In Production"/>
    <s v=""/>
    <x v="0"/>
    <x v="1685"/>
  </r>
  <r>
    <x v="4"/>
    <x v="5"/>
    <x v="4677"/>
    <s v=""/>
    <s v=""/>
    <s v=""/>
    <x v="1"/>
    <s v=""/>
    <x v="31"/>
    <s v=""/>
    <s v=""/>
    <s v="APP-01954"/>
    <s v="In Production"/>
    <s v=""/>
    <x v="0"/>
    <x v="106"/>
  </r>
  <r>
    <x v="4"/>
    <x v="5"/>
    <x v="4678"/>
    <s v=""/>
    <s v="Business Intelligence"/>
    <s v=""/>
    <x v="1"/>
    <s v=""/>
    <x v="31"/>
    <s v=""/>
    <s v=""/>
    <s v="APP-01964"/>
    <s v="In Production"/>
    <s v=""/>
    <x v="0"/>
    <x v="106"/>
  </r>
  <r>
    <x v="3"/>
    <x v="17"/>
    <x v="4679"/>
    <s v="WEBTRENDS"/>
    <s v="WebTrends is a leading provider of web analytics and consumer-centric marketing intelligence solutions."/>
    <s v="Other"/>
    <x v="14"/>
    <s v="Webtrends Analytics9"/>
    <x v="31"/>
    <s v="PA2.2 Information and Communication Technologies Research and Innovation"/>
    <s v="Communications Services,Other"/>
    <s v="IC-WEBTRNDS"/>
    <s v="In Production"/>
    <s v="web"/>
    <x v="0"/>
    <x v="88"/>
  </r>
  <r>
    <x v="3"/>
    <x v="46"/>
    <x v="4680"/>
    <s v="Custom Corr"/>
    <s v="Used to extract data from TechSource so that Microsoft Word can use the information to create notices and requisitions."/>
    <s v=""/>
    <x v="1"/>
    <s v=""/>
    <x v="31"/>
    <s v="SA1.1.5 Intellectual Property"/>
    <s v="Other"/>
    <s v="IC-WSCORR"/>
    <s v="In Production"/>
    <s v="rich"/>
    <x v="1"/>
    <x v="1644"/>
  </r>
  <r>
    <x v="0"/>
    <x v="0"/>
    <x v="4681"/>
    <s v="ZOE"/>
    <m/>
    <s v="Other"/>
    <x v="1"/>
    <s v="OmniPage by Nuance"/>
    <x v="31"/>
    <s v="SA1.1.5 Intellectual Property"/>
    <s v=""/>
    <s v="IC-ZOE"/>
    <s v="In Production"/>
    <s v="rich"/>
    <x v="0"/>
    <x v="1644"/>
  </r>
  <r>
    <x v="0"/>
    <x v="8"/>
    <x v="4682"/>
    <s v="AAWEB"/>
    <s v="AMICUS AWEB - Search LAC's online published holdings catalogue by title, author, subject, ISSN, ISBN, publisher, AMICUS number and much more. Public web access to the core AMICUS database, search, display, download, borrow, update locations and Interlibrary loan. Supports MARC21 copy-cataloguing for Libraries."/>
    <s v=""/>
    <x v="1"/>
    <s v=""/>
    <x v="32"/>
    <s v="Access to documentary heritage"/>
    <s v="Information Management Services"/>
    <s v="LAC-LACAPPS0001"/>
    <s v="In Production"/>
    <s v="web"/>
    <x v="1"/>
    <x v="1740"/>
  </r>
  <r>
    <x v="0"/>
    <x v="8"/>
    <x v="4683"/>
    <s v="Web-Trakker"/>
    <s v="Old Material tracking system, tracks physical control of containers, locations, clients and archival materials."/>
    <s v=""/>
    <x v="1"/>
    <s v=""/>
    <x v="32"/>
    <s v="Stewardship of documentary heritage"/>
    <s v="Information Management Services"/>
    <s v="LAC-LACAPPS0003"/>
    <s v="In Production"/>
    <s v="web"/>
    <x v="1"/>
    <x v="1741"/>
  </r>
  <r>
    <x v="0"/>
    <x v="8"/>
    <x v="4684"/>
    <s v="AMICUS GUI"/>
    <s v="AMICUS is LAC's mission-critical core business library system that supports LAC business functions managing  Canadian published heritage throughout its lifecycle, pre-publication (CIP), acquisition of publications, serials control, legal deposit,  MARC21 descriptive cataloguing, collections management, resource discovery, circulations, authorities control and inter-library loan. Metadata and holdings management for the Canadian Union Catalogue. Manual input and batch data loading."/>
    <s v=""/>
    <x v="1"/>
    <s v=""/>
    <x v="32"/>
    <s v="Stewardship of documentary heritage"/>
    <s v="Information Management Services"/>
    <s v="LAC-LACAPPS0004"/>
    <s v="In Production"/>
    <s v="rich"/>
    <x v="1"/>
    <x v="1742"/>
  </r>
  <r>
    <x v="0"/>
    <x v="8"/>
    <x v="4685"/>
    <s v="BI"/>
    <s v="AMICUS products and reports. COTS impromptu reporting tool."/>
    <s v="Other"/>
    <x v="14"/>
    <s v="IBM Cognos -Impromptu"/>
    <x v="32"/>
    <s v="Information Management Services"/>
    <s v="Information Management Services"/>
    <s v="LAC-LACAPPS0005"/>
    <s v="In Production"/>
    <s v="rich"/>
    <x v="0"/>
    <x v="1743"/>
  </r>
  <r>
    <x v="0"/>
    <x v="16"/>
    <x v="4686"/>
    <s v="APCM"/>
    <m/>
    <s v="Other"/>
    <x v="14"/>
    <s v="PrivaSoft - ATIP"/>
    <x v="32"/>
    <s v="Information Management Services"/>
    <s v="Information Management Services"/>
    <s v="LAC-LACAPPS0006"/>
    <s v="In Production"/>
    <s v="web"/>
    <x v="0"/>
    <x v="1744"/>
  </r>
  <r>
    <x v="0"/>
    <x v="16"/>
    <x v="4687"/>
    <s v="APCM"/>
    <m/>
    <s v="Other"/>
    <x v="14"/>
    <s v="PrivaSoft - ATIP"/>
    <x v="32"/>
    <s v="Information Management Services"/>
    <s v="Information Management Services"/>
    <s v="LAC-LACAPPS0007"/>
    <s v="In Production"/>
    <s v="web"/>
    <x v="0"/>
    <x v="1744"/>
  </r>
  <r>
    <x v="0"/>
    <x v="28"/>
    <x v="4688"/>
    <s v="CIM"/>
    <m/>
    <s v=""/>
    <x v="1"/>
    <s v=""/>
    <x v="32"/>
    <s v="Information Management Services"/>
    <s v="Information Management Services"/>
    <s v="LAC-LACAPPS0008"/>
    <s v="In Production"/>
    <s v="web"/>
    <x v="1"/>
    <x v="1745"/>
  </r>
  <r>
    <x v="2"/>
    <x v="10"/>
    <x v="4689"/>
    <s v="CMS/CMS-HD"/>
    <s v="An integrated information system for the physical management of LAC archival holdings, including functions for Circulation, Physical Management, and Client Services. The analog and high density versions used different method to store the physical objects."/>
    <s v=""/>
    <x v="1"/>
    <s v=""/>
    <x v="32"/>
    <s v="Stewardship of documentary heritage"/>
    <s v="Information Management Services"/>
    <s v="LAC-LACAPPS0009"/>
    <s v="In Production"/>
    <s v="web"/>
    <x v="1"/>
    <x v="1746"/>
  </r>
  <r>
    <x v="2"/>
    <x v="20"/>
    <x v="4690"/>
    <s v="CTRL-M"/>
    <s v="COTS software from BMC for Automated job scheduling. Used to control scripts and batch job execution."/>
    <s v="Other"/>
    <x v="14"/>
    <s v="BMC Software, Control M 7.0"/>
    <x v="32"/>
    <s v="Information technology Services"/>
    <s v="Information Technology Services"/>
    <s v="LAC-LACAPPS0011"/>
    <s v="In Production"/>
    <s v="web"/>
    <x v="0"/>
    <x v="1747"/>
  </r>
  <r>
    <x v="0"/>
    <x v="8"/>
    <x v="4691"/>
    <s v="Amicus Directory"/>
    <s v="The Canadian Library Gateway provides a centralized window to Canadian libraries of all types and sizes. Through this web site you can find information on and link to Canadian library catalogues and Websites;  directory of Canadian interlibrary loan. Data stored in AMICUS."/>
    <s v=""/>
    <x v="1"/>
    <s v=""/>
    <x v="32"/>
    <s v="Access to documentary heritage"/>
    <s v="Information Management Services"/>
    <s v="LAC-LACAPPS0012"/>
    <s v="In Production"/>
    <s v="web"/>
    <x v="1"/>
    <x v="1748"/>
  </r>
  <r>
    <x v="0"/>
    <x v="8"/>
    <x v="4692"/>
    <s v="EPPP"/>
    <s v="Electronic Publication Pilot Project- Legacy application used to store and make accessible electronic publications emailed to LAC, uploaed via webform or downloaded by staff. Should be replaced by TDR"/>
    <s v=""/>
    <x v="1"/>
    <s v=""/>
    <x v="32"/>
    <s v="Stewardship of documentary heritage"/>
    <s v="Information Management Services"/>
    <s v="LAC-LACAPPS0017"/>
    <s v="In Production"/>
    <s v="web"/>
    <x v="1"/>
    <x v="1749"/>
  </r>
  <r>
    <x v="0"/>
    <x v="28"/>
    <x v="4693"/>
    <s v="FedSearch"/>
    <s v="LAC search function for findings items within its archival and library collection"/>
    <s v=""/>
    <x v="1"/>
    <s v=""/>
    <x v="32"/>
    <s v="Access to documentary heritage"/>
    <s v="Information Management Services"/>
    <s v="LAC-LACAPPS0019"/>
    <s v="In Production"/>
    <s v="web"/>
    <x v="1"/>
    <x v="1750"/>
  </r>
  <r>
    <x v="2"/>
    <x v="2"/>
    <x v="4694"/>
    <s v="N/A"/>
    <m/>
    <s v="Other"/>
    <x v="14"/>
    <s v="Freebalance - Freebalance"/>
    <x v="32"/>
    <s v="Financial Management Services"/>
    <s v="Financial Management Services"/>
    <s v="LAC-LACAPPS0020"/>
    <s v="In Production"/>
    <s v="web"/>
    <x v="0"/>
    <x v="1751"/>
  </r>
  <r>
    <x v="0"/>
    <x v="8"/>
    <x v="4695"/>
    <s v="GenAMICUS"/>
    <s v="GenAMICUS - Reuseable Web Application  component designed to offer thematic views of AMICUS data. Search, Result Summary, Item Displays.  User area customizable. AMICUS database"/>
    <s v=""/>
    <x v="1"/>
    <s v=""/>
    <x v="32"/>
    <s v="Access to documentary heritage"/>
    <s v="Information Management Services"/>
    <s v="LAC-LACAPPS0021"/>
    <s v="In Production"/>
    <s v="web"/>
    <x v="1"/>
    <x v="1752"/>
  </r>
  <r>
    <x v="0"/>
    <x v="8"/>
    <x v="4696"/>
    <s v="GenApp"/>
    <s v="It allows us to make DBs available on the Web which contains more details of the content and not available through other system"/>
    <s v=""/>
    <x v="1"/>
    <s v=""/>
    <x v="32"/>
    <s v="Stewardship of documentary heritage"/>
    <s v="Information Management Services"/>
    <s v="LAC-LACAPPS0022"/>
    <s v="In Production"/>
    <s v="web"/>
    <x v="1"/>
    <x v="1753"/>
  </r>
  <r>
    <x v="2"/>
    <x v="10"/>
    <x v="4697"/>
    <s v="IHMS"/>
    <s v="Information Holding Management System for the Federal Record Centers in 8 regions but the new system was  only implemented in 3 regions which leaves the other regions with DOS/FoxPro legacy system."/>
    <s v=""/>
    <x v="1"/>
    <s v=""/>
    <x v="32"/>
    <s v="Collaboration in the management of government records"/>
    <s v="Information Management Services"/>
    <s v="LAC-LACAPPS0025"/>
    <s v="In Production"/>
    <s v="web"/>
    <x v="1"/>
    <x v="1754"/>
  </r>
  <r>
    <x v="0"/>
    <x v="8"/>
    <x v="4698"/>
    <s v="CISS"/>
    <m/>
    <s v=""/>
    <x v="1"/>
    <s v=""/>
    <x v="32"/>
    <s v="Stewardship of documentary heritage"/>
    <s v="Information Management Services"/>
    <s v="LAC-LACAPPS0029"/>
    <s v="In Production"/>
    <s v="web"/>
    <x v="1"/>
    <x v="1755"/>
  </r>
  <r>
    <x v="1"/>
    <x v="12"/>
    <x v="4699"/>
    <s v="MSCSM"/>
    <s v="Microdoft COTS tool for license management and incident tracking system"/>
    <s v="Microsoft_Corporation"/>
    <x v="1"/>
    <s v=""/>
    <x v="32"/>
    <s v="Information Technology Services"/>
    <s v="Management and Oversight Services"/>
    <s v="LAC-LACAPPS0030"/>
    <s v="In Production"/>
    <s v="web"/>
    <x v="0"/>
    <x v="1756"/>
  </r>
  <r>
    <x v="0"/>
    <x v="8"/>
    <x v="4700"/>
    <s v="MIKAN"/>
    <s v="LAC Mission Critical application for managing and describing the archival collection. Web based archival registration, accession, description application for all levels of Rules for Archival Description."/>
    <s v=""/>
    <x v="1"/>
    <s v=""/>
    <x v="32"/>
    <s v="Stewardship of documentary heritage"/>
    <s v="Information Management Services"/>
    <s v="LAC-LACAPPS0031"/>
    <s v="In Production"/>
    <s v="web"/>
    <x v="1"/>
    <x v="1757"/>
  </r>
  <r>
    <x v="0"/>
    <x v="28"/>
    <x v="4701"/>
    <s v="PAM"/>
    <s v="Web Based public access record viewer for Archival Descriptive and Accession records stored in MIKAN. Searching is done via public federated search."/>
    <s v=""/>
    <x v="1"/>
    <s v=""/>
    <x v="32"/>
    <s v="Access to documentary heritage"/>
    <s v="Information Management Services"/>
    <s v="LAC-LACAPPS0032"/>
    <s v="In Production"/>
    <s v="web"/>
    <x v="1"/>
    <x v="1758"/>
  </r>
  <r>
    <x v="0"/>
    <x v="8"/>
    <x v="4702"/>
    <s v="BI"/>
    <s v="COTS reporting Tool for the MIKAN database"/>
    <s v="Other"/>
    <x v="14"/>
    <s v="IBM"/>
    <x v="32"/>
    <s v="Information Management Services"/>
    <s v="Information Management Services"/>
    <s v="LAC-LACAPPS0033"/>
    <s v="In Production"/>
    <s v="web"/>
    <x v="0"/>
    <x v="1759"/>
  </r>
  <r>
    <x v="3"/>
    <x v="30"/>
    <x v="4703"/>
    <s v="MINISIS"/>
    <s v="COTS Legacy database tool, retire, no further development, Object-relational database management system"/>
    <s v="Other"/>
    <x v="14"/>
    <s v="Minisis Inc."/>
    <x v="32"/>
    <s v="Stewardship of documentary heritage"/>
    <s v="Information Management Services"/>
    <s v="LAC-LACAPPS0034"/>
    <s v="In Production"/>
    <s v="web"/>
    <x v="0"/>
    <x v="1760"/>
  </r>
  <r>
    <x v="2"/>
    <x v="65"/>
    <x v="431"/>
    <s v="PBHC"/>
    <m/>
    <s v="Other"/>
    <x v="14"/>
    <s v="Freebalance"/>
    <x v="32"/>
    <s v="Financial Management Services"/>
    <s v="Human Resources Management Services"/>
    <s v="LAC-LACAPPS0036"/>
    <s v="In Production"/>
    <s v="web"/>
    <x v="0"/>
    <x v="1761"/>
  </r>
  <r>
    <x v="0"/>
    <x v="8"/>
    <x v="4704"/>
    <s v="PERSFILE"/>
    <m/>
    <s v=""/>
    <x v="1"/>
    <s v=""/>
    <x v="32"/>
    <s v="Stewardship of documentary heritage"/>
    <s v="Information Management Services"/>
    <s v="LAC-LACAPPS0037"/>
    <s v="In Production"/>
    <s v="web"/>
    <x v="1"/>
    <x v="1762"/>
  </r>
  <r>
    <x v="0"/>
    <x v="8"/>
    <x v="4705"/>
    <s v="RDACS"/>
    <s v="Records Disposition Authority Control System (RDACS) contains summary descriptions of Records Disposition Authorities granted by the Librarian and Archivist of Canada to federal government institutions, as well as on-line copies of relevant documentation associated with each RDA and the federal institution to which they are granted."/>
    <s v=""/>
    <x v="1"/>
    <s v=""/>
    <x v="32"/>
    <s v="Collaboration in the management of government records"/>
    <s v="Information Management Services"/>
    <s v="LAC-LACAPPS0040"/>
    <s v="In Production"/>
    <s v="web"/>
    <x v="1"/>
    <x v="1763"/>
  </r>
  <r>
    <x v="0"/>
    <x v="28"/>
    <x v="4706"/>
    <s v="StreetPerfect"/>
    <s v="COTS Canada Post postal database and APIs for address lookup, correction, postal code lookups, address formatting. Called by AMICUS user supplier module and CIM module."/>
    <s v="Other"/>
    <x v="14"/>
    <s v="Sun Media Corporation, Streetperfect"/>
    <x v="32"/>
    <s v="Information Management Services"/>
    <s v="Information Management Services"/>
    <s v="LAC-LACAPPS0041"/>
    <s v="In Production"/>
    <s v="web"/>
    <x v="0"/>
    <x v="1764"/>
  </r>
  <r>
    <x v="0"/>
    <x v="88"/>
    <x v="4707"/>
    <s v="BI"/>
    <m/>
    <s v="Other"/>
    <x v="14"/>
    <s v="SmartDB"/>
    <x v="32"/>
    <s v="Information Management Services"/>
    <s v="Information Technology Services"/>
    <s v="LAC-LACAPPS0042"/>
    <s v="In Production"/>
    <s v="desktop"/>
    <x v="0"/>
    <x v="1765"/>
  </r>
  <r>
    <x v="0"/>
    <x v="8"/>
    <x v="4708"/>
    <s v="Heritrix/Azure"/>
    <s v="OpenSource from IIPC consortium - Heritrix is a web crawler designed for web archiving; produces .WARC files. Will become an ingest channel to the LAC TDR for preserving target websites and domain crawls. Java 5.0VM required"/>
    <s v="Other"/>
    <x v="14"/>
    <s v="http://crawler.archive.org/faq.html#heritrix"/>
    <x v="32"/>
    <s v="Information Management Services"/>
    <s v="Information Technology Services"/>
    <s v="LAC-LACAPPS0044"/>
    <s v="In Production"/>
    <s v="web"/>
    <x v="0"/>
    <x v="1766"/>
  </r>
  <r>
    <x v="0"/>
    <x v="8"/>
    <x v="4709"/>
    <s v="E-Theses"/>
    <m/>
    <s v=""/>
    <x v="1"/>
    <s v=""/>
    <x v="32"/>
    <s v="Access to documentary heritage"/>
    <s v="Information Management Services"/>
    <s v="LAC-LACAPPS0045"/>
    <s v="In Production"/>
    <s v="web"/>
    <x v="1"/>
    <x v="1767"/>
  </r>
  <r>
    <x v="3"/>
    <x v="17"/>
    <x v="4710"/>
    <s v="Webtrends"/>
    <s v="COTS tool used to monitor website traffic analysis, statistics and reporting,"/>
    <s v="Other"/>
    <x v="14"/>
    <s v="Unilytics, Webtrends 9.2"/>
    <x v="32"/>
    <s v="Information Management Services"/>
    <s v="Management and Oversight Services"/>
    <s v="LAC-LACAPPS0047"/>
    <s v="In Production"/>
    <s v="web"/>
    <x v="0"/>
    <x v="1768"/>
  </r>
  <r>
    <x v="0"/>
    <x v="8"/>
    <x v="4711"/>
    <s v="N/A"/>
    <s v="Application allowing to manage and browse information related to Censuses"/>
    <s v=""/>
    <x v="1"/>
    <s v=""/>
    <x v="32"/>
    <s v="Stewardship of documentary heritage"/>
    <s v="Information Management Services"/>
    <s v="LAC-LACAPPS0048"/>
    <s v="In Production"/>
    <s v="web"/>
    <x v="1"/>
    <x v="1769"/>
  </r>
  <r>
    <x v="0"/>
    <x v="16"/>
    <x v="4712"/>
    <s v="Reprography"/>
    <m/>
    <s v=""/>
    <x v="1"/>
    <s v=""/>
    <x v="32"/>
    <s v="Access to documentary heritage"/>
    <s v="Information Management Services"/>
    <s v="LAC-LACAPPS0057"/>
    <s v="In Production"/>
    <s v="web"/>
    <x v="1"/>
    <x v="1770"/>
  </r>
  <r>
    <x v="0"/>
    <x v="16"/>
    <x v="4713"/>
    <s v="Internet (WCMS)"/>
    <m/>
    <s v=""/>
    <x v="1"/>
    <s v=""/>
    <x v="32"/>
    <s v="Access to documentary heritage"/>
    <s v="Information Management Services"/>
    <s v="LAC-LACAPPS0066"/>
    <s v="In Production"/>
    <s v="web"/>
    <x v="1"/>
    <x v="1771"/>
  </r>
  <r>
    <x v="0"/>
    <x v="16"/>
    <x v="4714"/>
    <s v="LAC Direct"/>
    <m/>
    <s v=""/>
    <x v="1"/>
    <s v=""/>
    <x v="32"/>
    <s v="Access to documentary heritage"/>
    <s v="Information Management Services"/>
    <s v="LAC-LACAPPS0068"/>
    <s v="In Production"/>
    <s v="web"/>
    <x v="1"/>
    <x v="1772"/>
  </r>
  <r>
    <x v="0"/>
    <x v="16"/>
    <x v="4715"/>
    <s v="Collaboration Portal"/>
    <m/>
    <s v=""/>
    <x v="1"/>
    <s v=""/>
    <x v="32"/>
    <s v="Access to documentary heritage"/>
    <s v="Information Management Services"/>
    <s v="LAC-LACAPPS0070"/>
    <s v="In Production"/>
    <s v="web"/>
    <x v="1"/>
    <x v="1773"/>
  </r>
  <r>
    <x v="0"/>
    <x v="16"/>
    <x v="4716"/>
    <s v="CIP"/>
    <m/>
    <s v=""/>
    <x v="1"/>
    <s v=""/>
    <x v="32"/>
    <s v="Access to documentary heritage"/>
    <s v="Information Management Services"/>
    <s v="LAC-LACAPPS0071"/>
    <s v="In Production"/>
    <s v="web"/>
    <x v="1"/>
    <x v="1774"/>
  </r>
  <r>
    <x v="2"/>
    <x v="3"/>
    <x v="4717"/>
    <s v="Phoenix"/>
    <m/>
    <s v="Other"/>
    <x v="1"/>
    <s v="MOU with Public Works Canda"/>
    <x v="32"/>
    <s v="Information Human Services"/>
    <s v="Human Resources Management Services"/>
    <s v="LAC-LACAPPS0073"/>
    <s v="In Production"/>
    <s v="web"/>
    <x v="0"/>
    <x v="1775"/>
  </r>
  <r>
    <x v="2"/>
    <x v="3"/>
    <x v="4718"/>
    <s v="PMPS"/>
    <m/>
    <s v="Other"/>
    <x v="1"/>
    <s v="MOU with Tresuary Board"/>
    <x v="32"/>
    <s v="Information Human Services"/>
    <s v="Human Resources Management Services"/>
    <s v="LAC-LACAPPS0074"/>
    <s v="In Production"/>
    <s v="web"/>
    <x v="0"/>
    <x v="1775"/>
  </r>
  <r>
    <x v="2"/>
    <x v="3"/>
    <x v="4719"/>
    <s v="GC HR"/>
    <m/>
    <s v="Other"/>
    <x v="1"/>
    <s v="MOU with Public Works Canada"/>
    <x v="32"/>
    <s v="Information Human Services"/>
    <s v="Human Resources Management Services"/>
    <s v="LAC-LACAPPS0075"/>
    <s v="In Production"/>
    <s v="web"/>
    <x v="0"/>
    <x v="1775"/>
  </r>
  <r>
    <x v="1"/>
    <x v="1"/>
    <x v="4720"/>
    <s v="SVN"/>
    <m/>
    <s v="Other"/>
    <x v="1"/>
    <s v=""/>
    <x v="32"/>
    <s v="Information Technology Services"/>
    <s v="Management and Oversight Services"/>
    <s v="LAC-LACAPPS0076"/>
    <s v="In Production"/>
    <s v="web"/>
    <x v="0"/>
    <x v="1776"/>
  </r>
  <r>
    <x v="1"/>
    <x v="47"/>
    <x v="4721"/>
    <s v="Lansweeper"/>
    <s v="Track and audit all software installed across your network through flexible and easy-to-configure inventory reports using the automated software inventory"/>
    <s v="Microsoft_Corporation"/>
    <x v="33"/>
    <s v=""/>
    <x v="32"/>
    <s v="Information Technology Services"/>
    <s v="Information Technology Services"/>
    <s v="LAC-LACAPPS0077"/>
    <s v="In Production"/>
    <s v="web"/>
    <x v="0"/>
    <x v="725"/>
  </r>
  <r>
    <x v="1"/>
    <x v="47"/>
    <x v="4722"/>
    <s v="Cireson"/>
    <s v="The Cireson Portal for analysts integrates seamlessly with Microsoft Service Manager to allow management of day-to-day activities on any browser, device, or OS."/>
    <s v="Microsoft_Corporation"/>
    <x v="33"/>
    <s v=""/>
    <x v="32"/>
    <s v="Information Technology Services"/>
    <s v="Information Technology Services"/>
    <s v="LAC-LACAPPS0079"/>
    <s v="In Production"/>
    <s v="web"/>
    <x v="0"/>
    <x v="725"/>
  </r>
  <r>
    <x v="0"/>
    <x v="16"/>
    <x v="4723"/>
    <s v="QMS"/>
    <m/>
    <s v=""/>
    <x v="1"/>
    <s v=""/>
    <x v="32"/>
    <s v="Access to documentary heritage"/>
    <s v="Information Management Services"/>
    <s v="LAC-LACAPPS0080"/>
    <s v="In Production"/>
    <s v="web"/>
    <x v="1"/>
    <x v="1777"/>
  </r>
  <r>
    <x v="1"/>
    <x v="1"/>
    <x v="4724"/>
    <s v="TFS"/>
    <m/>
    <s v="Microsoft_Corporation"/>
    <x v="1"/>
    <s v="TFS"/>
    <x v="32"/>
    <s v="Information Technology Services"/>
    <s v="Management and Oversight Services"/>
    <s v="LAC-LACAPPS0082"/>
    <s v="In Production"/>
    <s v="web"/>
    <x v="0"/>
    <x v="725"/>
  </r>
  <r>
    <x v="0"/>
    <x v="16"/>
    <x v="459"/>
    <s v="Intranet"/>
    <m/>
    <s v=""/>
    <x v="1"/>
    <s v=""/>
    <x v="32"/>
    <s v="Access to documentary heritage"/>
    <s v="Information Management Services"/>
    <s v="LAC-LACAPPS0085"/>
    <s v="In Production"/>
    <s v="web"/>
    <x v="1"/>
    <x v="1778"/>
  </r>
  <r>
    <x v="1"/>
    <x v="47"/>
    <x v="4725"/>
    <s v="SKYPE"/>
    <s v="Skype is an IP telephony service provider that offers free calling between subscribers and low-cost calling to people who don't use the service."/>
    <s v="Microsoft_Corporation"/>
    <x v="33"/>
    <s v=""/>
    <x v="32"/>
    <s v="Information Technology Services"/>
    <s v="Information Technology Services"/>
    <s v="APP-02884"/>
    <s v="In Production"/>
    <s v="web"/>
    <x v="0"/>
    <x v="725"/>
  </r>
  <r>
    <x v="1"/>
    <x v="47"/>
    <x v="4726"/>
    <s v="Comvault"/>
    <s v="Commvault software assists organizations with data backup and recovery, cloud and infrastructure management, and retention and compliance."/>
    <s v="Microsoft_Corporation"/>
    <x v="1"/>
    <s v=""/>
    <x v="32"/>
    <s v="Information Technology Services"/>
    <s v="Information Technology Services"/>
    <s v="APP-03202"/>
    <s v="In Production"/>
    <s v="web"/>
    <x v="0"/>
    <x v="725"/>
  </r>
  <r>
    <x v="0"/>
    <x v="16"/>
    <x v="4727"/>
    <s v="CollectionsCanada.gc.ca"/>
    <s v="Library and Archives Canada Web side"/>
    <s v=""/>
    <x v="1"/>
    <s v=""/>
    <x v="32"/>
    <s v="Access to documentary heritage"/>
    <s v="Information Management Services"/>
    <s v="APP-03205"/>
    <s v="In Production"/>
    <s v="web"/>
    <x v="1"/>
    <x v="1779"/>
  </r>
  <r>
    <x v="1"/>
    <x v="47"/>
    <x v="4728"/>
    <s v="Goverland"/>
    <s v="Goverlan allows IT support staff to globally and dynamically control, manage, and support physical and virtual desktop infrastructures in real-time with minimal user interruption."/>
    <s v="Goverland"/>
    <x v="1"/>
    <s v=""/>
    <x v="32"/>
    <s v="Information Technology Services"/>
    <s v="Information Technology Services"/>
    <s v="APP-04004"/>
    <s v="In Production"/>
    <s v="web"/>
    <x v="0"/>
    <x v="1780"/>
  </r>
  <r>
    <x v="1"/>
    <x v="75"/>
    <x v="4729"/>
    <s v="Squaredup"/>
    <s v="Microsoft System Center Operations Manager   (Entreprise Application Monitoring)"/>
    <s v="Microsoft_Corporation"/>
    <x v="1"/>
    <s v=""/>
    <x v="32"/>
    <s v="Information Technology Services"/>
    <s v="Information Technology Services"/>
    <s v="APP-04010"/>
    <s v="In Production"/>
    <s v="web"/>
    <x v="0"/>
    <x v="725"/>
  </r>
  <r>
    <x v="4"/>
    <x v="5"/>
    <x v="4730"/>
    <s v="Dspace ( Theses Harvesting)"/>
    <s v="DSpace is an OpenSource repository software package is a web crawler designed for web archiving;  While DSpace shares some feature overlap with content management systems and document management systems"/>
    <s v="Dspace"/>
    <x v="1"/>
    <s v="http://"/>
    <x v="32"/>
    <s v=""/>
    <s v=""/>
    <s v="APP-04012"/>
    <s v="In Production"/>
    <s v="cloud"/>
    <x v="0"/>
    <x v="1781"/>
  </r>
  <r>
    <x v="4"/>
    <x v="5"/>
    <x v="4731"/>
    <s v="Donation"/>
    <s v="Formulaire Web (Web part SP) permettant de recuillir des dons du public pour BAC.  Le processus est complété en redirigeant les donateurs vers la plateforme de paiement en ligne &quot;Moneris&quot;."/>
    <s v=""/>
    <x v="1"/>
    <s v=""/>
    <x v="32"/>
    <s v=""/>
    <s v=""/>
    <s v="APP-04014"/>
    <s v="In Production"/>
    <s v="web"/>
    <x v="1"/>
    <x v="1782"/>
  </r>
  <r>
    <x v="0"/>
    <x v="16"/>
    <x v="4732"/>
    <s v="ATIP Requests Form"/>
    <s v="Application web (Web part SP) servant à recueillir les requête ATIP des clients.  Les requêtes ainsi recueillies sont envoyés par courriel à l'équipe d'ATIP qui les inscrit dans le système ATIP."/>
    <s v=""/>
    <x v="1"/>
    <s v=""/>
    <x v="32"/>
    <s v=""/>
    <s v=""/>
    <s v="APP-04016"/>
    <s v="In Production"/>
    <s v="web"/>
    <x v="1"/>
    <x v="1783"/>
  </r>
  <r>
    <x v="4"/>
    <x v="5"/>
    <x v="4733"/>
    <s v="RGBB Moneris"/>
    <s v="Application web permettant l'affichage des demandes de paiements des clients redirigeant ces derniers sur la plateforme de paiement en ligne &quot;Moneris&quot;."/>
    <s v=""/>
    <x v="1"/>
    <s v=""/>
    <x v="32"/>
    <s v=""/>
    <s v=""/>
    <s v="APP-04018"/>
    <s v="In Production"/>
    <s v="web"/>
    <x v="1"/>
    <x v="1782"/>
  </r>
  <r>
    <x v="4"/>
    <x v="5"/>
    <x v="4734"/>
    <s v="LAC Central"/>
    <s v="Service d'URL permanent développé par BAC, ouvert à l'externe.  Permet également l'accès aux données de certaines bases de données de BAC."/>
    <s v=""/>
    <x v="1"/>
    <s v=""/>
    <x v="32"/>
    <s v=""/>
    <s v=""/>
    <s v="APP-04020"/>
    <s v="In Production"/>
    <s v="web"/>
    <x v="1"/>
    <x v="1784"/>
  </r>
  <r>
    <x v="4"/>
    <x v="5"/>
    <x v="4735"/>
    <s v="LAC Mylac"/>
    <s v="Service d'authentification développé par BAC."/>
    <s v=""/>
    <x v="1"/>
    <s v=""/>
    <x v="32"/>
    <s v=""/>
    <s v=""/>
    <s v="APP-04024"/>
    <s v="In Production"/>
    <s v="web"/>
    <x v="1"/>
    <x v="1782"/>
  </r>
  <r>
    <x v="0"/>
    <x v="16"/>
    <x v="4736"/>
    <s v="Co-Lab websites"/>
    <s v="This is on online platform to retrieve contributions from the public that improve the accessibility, discoverability and quality of content at Library and Archives Canada (LAC)"/>
    <s v=""/>
    <x v="1"/>
    <s v=""/>
    <x v="32"/>
    <s v=""/>
    <s v=""/>
    <s v="APP-04030"/>
    <s v="In Production"/>
    <s v="web"/>
    <x v="1"/>
    <x v="88"/>
  </r>
  <r>
    <x v="4"/>
    <x v="5"/>
    <x v="4737"/>
    <s v="SPOnline - LAC Direct"/>
    <s v="Microsoft SharePoint Online is a collection of cloud- and web-based technologies that makes it easy to store, share and manage digital information within an organization"/>
    <s v=""/>
    <x v="1"/>
    <s v=""/>
    <x v="32"/>
    <s v=""/>
    <s v=""/>
    <s v="APP-04036"/>
    <s v="In Production"/>
    <s v="cloud"/>
    <x v="1"/>
    <x v="1772"/>
  </r>
  <r>
    <x v="0"/>
    <x v="16"/>
    <x v="4738"/>
    <s v="CFCS"/>
    <s v="LAC's current public search to provide a harmonized search experience for all collections including archival, library, public databases and website (non-corporate) content, including current publically available archival, library, database and website (non-corporate) search functionality."/>
    <s v=""/>
    <x v="1"/>
    <s v=""/>
    <x v="32"/>
    <s v=""/>
    <s v=""/>
    <s v="APP-04318"/>
    <s v="In Production"/>
    <s v="web"/>
    <x v="1"/>
    <x v="86"/>
  </r>
  <r>
    <x v="4"/>
    <x v="5"/>
    <x v="442"/>
    <s v="GCDOCS"/>
    <s v="Inform information professionals of GCDOCS the Government of Canada Electronic Document and Records Management System"/>
    <s v=""/>
    <x v="1"/>
    <s v=""/>
    <x v="32"/>
    <s v=""/>
    <s v=""/>
    <s v="APP-04038"/>
    <s v="In Production"/>
    <s v="cloud"/>
    <x v="0"/>
    <x v="1498"/>
  </r>
  <r>
    <x v="4"/>
    <x v="5"/>
    <x v="4739"/>
    <s v=""/>
    <s v=""/>
    <s v=""/>
    <x v="1"/>
    <s v=""/>
    <x v="33"/>
    <s v=""/>
    <s v=""/>
    <s v="APP-01881"/>
    <s v="In Production"/>
    <s v=""/>
    <x v="0"/>
    <x v="106"/>
  </r>
  <r>
    <x v="4"/>
    <x v="5"/>
    <x v="2060"/>
    <s v="HRIS"/>
    <s v=""/>
    <s v=""/>
    <x v="1"/>
    <s v=""/>
    <x v="33"/>
    <s v=""/>
    <s v=""/>
    <s v="APP-01846"/>
    <s v="In Production"/>
    <s v=""/>
    <x v="1"/>
    <x v="106"/>
  </r>
  <r>
    <x v="4"/>
    <x v="5"/>
    <x v="4740"/>
    <s v="LTIIS - SIIEL"/>
    <s v="Système Intégré d'Informations pour l'Enseignement des Langues.  Système utilisé pour soutenir les processus de gestion de la formation linguistique au sein des Forces canadiennes.  Le système est également intégré avec Alliés Web afin d'automatiser les processus de gestion des données reliés à la formation en ligne."/>
    <s v=""/>
    <x v="1"/>
    <s v=""/>
    <x v="34"/>
    <s v="6.7 Information Technology"/>
    <s v="Human Resources Management Services"/>
    <s v="DND-10041"/>
    <s v="In Production"/>
    <s v=""/>
    <x v="1"/>
    <x v="1785"/>
  </r>
  <r>
    <x v="4"/>
    <x v="5"/>
    <x v="4741"/>
    <s v="Activités"/>
    <m/>
    <s v=""/>
    <x v="1"/>
    <s v=""/>
    <x v="34"/>
    <s v="6.7 Information Technology"/>
    <s v="Human Resources Management Services"/>
    <s v="DND-10071"/>
    <s v="In Production"/>
    <s v=""/>
    <x v="1"/>
    <x v="86"/>
  </r>
  <r>
    <x v="4"/>
    <x v="5"/>
    <x v="4742"/>
    <s v="BibliVir"/>
    <s v="Système de gestion de la documentation."/>
    <s v=""/>
    <x v="1"/>
    <s v=""/>
    <x v="34"/>
    <s v="6.7 Information Technology"/>
    <s v="Information Management Services"/>
    <s v="DND-10073"/>
    <s v="In Production"/>
    <s v=""/>
    <x v="1"/>
    <x v="86"/>
  </r>
  <r>
    <x v="4"/>
    <x v="5"/>
    <x v="4743"/>
    <s v="Bistro"/>
    <s v="Bistro est un système qui fonctionne avec des cartes magnétiques. Il enregistre la location des équipements disponibles au Bistro en prêt aux candidats.  Le système fonctionne en conjonction avec Pcadre et Entrée-Sortie pour déterminer si les candidats se"/>
    <s v=""/>
    <x v="1"/>
    <s v=""/>
    <x v="34"/>
    <s v="6.7 Information Technology"/>
    <s v="Real Property Services"/>
    <s v="DND-10074"/>
    <s v="In Production"/>
    <s v=""/>
    <x v="1"/>
    <x v="86"/>
  </r>
  <r>
    <x v="4"/>
    <x v="5"/>
    <x v="4744"/>
    <s v="CritiC"/>
    <s v="Système qui permet de consolider les critiques de cours et de fournir des rapports sur la formation et l'entrainement.  Le système  permet à l’ÉLRFC d’améliorer régulièrement le contenu des cours."/>
    <s v=""/>
    <x v="1"/>
    <s v=""/>
    <x v="34"/>
    <s v="6.7 Information Technology"/>
    <s v="Human Resources Management Services"/>
    <s v="DND-10079"/>
    <s v="In Production"/>
    <s v=""/>
    <x v="1"/>
    <x v="86"/>
  </r>
  <r>
    <x v="4"/>
    <x v="5"/>
    <x v="4745"/>
    <s v="EV"/>
    <s v="(E-Learning) Système qui permet le contrôle, la production et la gestion des examens virtuels mis au point à l'ÉLRFC."/>
    <s v=""/>
    <x v="1"/>
    <s v=""/>
    <x v="34"/>
    <s v="6.7 Information Technology"/>
    <s v="Human Resources Management Services"/>
    <s v="DND-10084"/>
    <s v="In Production"/>
    <s v=""/>
    <x v="1"/>
    <x v="86"/>
  </r>
  <r>
    <x v="3"/>
    <x v="4"/>
    <x v="4746"/>
    <s v="IDA"/>
    <s v="Inventaire des Armes est système de gestion de la voûte et des armes. Ce système permet d'assigner chaque arme de la voûte à un candidat tout au long sa formation à l'ÉLRFC.  Ce système fonctionne avec les cartes magnétiques des candidats, il permet l’assignation/désassignation des armes aux recrues, élofs, instructeurs des armes et aux gardes drapeaux (ou Flag Party). Voici quelques fonctionnalitées: les informations sur l’arme, la localisation précise de l’arme, le statut de l’arme."/>
    <s v=""/>
    <x v="1"/>
    <s v=""/>
    <x v="34"/>
    <s v="6.7 Information Technology"/>
    <s v="Human Resources Management Services"/>
    <s v="DND-10085"/>
    <s v="In Production"/>
    <s v=""/>
    <x v="1"/>
    <x v="86"/>
  </r>
  <r>
    <x v="4"/>
    <x v="5"/>
    <x v="4747"/>
    <s v="ININ"/>
    <s v="Inventaire informatique est un système qui permet la gestion du matériel informatique en collectant l'information sur le modèle, le type d'équipement, les garanties, les dates d'achat, l’âge, les numéros de série et l'endroit où se situe l'équipement."/>
    <s v=""/>
    <x v="1"/>
    <s v=""/>
    <x v="34"/>
    <s v="6.7 Information Technology"/>
    <s v="Materiel Services"/>
    <s v="DND-10086"/>
    <s v="In Production"/>
    <s v=""/>
    <x v="1"/>
    <x v="86"/>
  </r>
  <r>
    <x v="4"/>
    <x v="5"/>
    <x v="4748"/>
    <s v="Jade"/>
    <s v="Gestion d'horaire"/>
    <s v=""/>
    <x v="1"/>
    <s v=""/>
    <x v="34"/>
    <s v="6.7 Information Technology"/>
    <s v="Information Management Services"/>
    <s v="DND-10087"/>
    <s v="In Production"/>
    <s v=""/>
    <x v="1"/>
    <x v="86"/>
  </r>
  <r>
    <x v="4"/>
    <x v="5"/>
    <x v="4749"/>
    <s v="SR Budget"/>
    <s v="Système de gestion des budgets et des dépenses. Le système permet de comptabiliser les dépenses dans les différents aspects de la Division de soutien.  Cela permet d'obtenir des rapports et de faire des mises à jour sur les budgets."/>
    <s v=""/>
    <x v="1"/>
    <s v=""/>
    <x v="34"/>
    <s v="6.7 Information Technology"/>
    <s v="Financial Management Services"/>
    <s v="DND-10099"/>
    <s v="In Production"/>
    <s v=""/>
    <x v="1"/>
    <x v="86"/>
  </r>
  <r>
    <x v="4"/>
    <x v="5"/>
    <x v="4750"/>
    <s v="NRIMS"/>
    <m/>
    <s v=""/>
    <x v="1"/>
    <s v=""/>
    <x v="34"/>
    <s v="6.4 Human Resources Management"/>
    <s v="Human Resources Management Services"/>
    <s v="DND-10150"/>
    <s v="In Production"/>
    <s v=""/>
    <x v="1"/>
    <x v="1786"/>
  </r>
  <r>
    <x v="4"/>
    <x v="5"/>
    <x v="4751"/>
    <s v="Event Log"/>
    <s v="Journal de bord qui permet faire des rapports à l’heure sur les évènements journaliers"/>
    <s v=""/>
    <x v="1"/>
    <s v=""/>
    <x v="34"/>
    <s v="6.7 Information Technology"/>
    <s v="Information Technology Services"/>
    <s v="DND-10182"/>
    <s v="In Production"/>
    <s v=""/>
    <x v="1"/>
    <x v="86"/>
  </r>
  <r>
    <x v="4"/>
    <x v="5"/>
    <x v="4752"/>
    <s v="Verint"/>
    <s v="Le système VERINT est utilisé pour l’écoute électronique et l’enregistrement de tous les appels téléphoniques : autant pour la qualité du service que pour la sécurité"/>
    <s v=""/>
    <x v="1"/>
    <s v=""/>
    <x v="34"/>
    <s v="6.7 Information Technology"/>
    <s v="Information Management Services"/>
    <s v="DND-10189"/>
    <s v="In Production"/>
    <s v=""/>
    <x v="0"/>
    <x v="86"/>
  </r>
  <r>
    <x v="5"/>
    <x v="100"/>
    <x v="4753"/>
    <s v="OMEGA PS"/>
    <s v="OmegaPS Analyzer is a logistics analysis tool. It works in conjunction with OmegaPS enabling Level of Repair Analysis (LORA), Life Cycle Costing (LCC) and Sparing. Using this tool, Technical Authorities are able to: 1. Provide a baseline comparison model for proposed equipment purchases. 2. Provide a baseline for deploying spares to an echeloned logistics support organization. 3. Provide a tool to re-evaluate the logistics solution in conjunction with field information. Target users are DRMIS users. Non-DRMIS users include equipment lifecycle managers."/>
    <s v="Other"/>
    <x v="1"/>
    <s v="OmegaPS Analyzer"/>
    <x v="34"/>
    <s v="4.2 Materiel Lifecycle"/>
    <s v="Materiel Services"/>
    <s v="DND-10349"/>
    <s v="In Production"/>
    <s v="desktop"/>
    <x v="0"/>
    <x v="1787"/>
  </r>
  <r>
    <x v="0"/>
    <x v="13"/>
    <x v="4754"/>
    <s v="RDIMS"/>
    <s v="RDIMS is a suite of software products, designed to provide Federal Government Departments with an economical document and records management system. RDIMS is the DND/CF Document and Records Management System enterprise solution."/>
    <s v="Other"/>
    <x v="1"/>
    <s v="OpenText eDocs"/>
    <x v="34"/>
    <s v="6.6 Information Management"/>
    <s v="Information Management Services"/>
    <s v="DND-10372"/>
    <s v="In Production"/>
    <s v=""/>
    <x v="0"/>
    <x v="1788"/>
  </r>
  <r>
    <x v="0"/>
    <x v="7"/>
    <x v="4755"/>
    <s v="Biblionet"/>
    <s v="Gestion de Biblioteque"/>
    <s v="Other"/>
    <x v="1"/>
    <s v="Concepts logiques 4DI inc., Biblionet"/>
    <x v="34"/>
    <s v="4.2 Materiel Lifecycle"/>
    <s v="Information Management Services"/>
    <s v="DND-10466"/>
    <s v="In Production"/>
    <s v=""/>
    <x v="0"/>
    <x v="1789"/>
  </r>
  <r>
    <x v="6"/>
    <x v="35"/>
    <x v="4756"/>
    <s v="IDWorks"/>
    <s v="Pour faire du graphisme sur des cartes Exacta"/>
    <s v="Other"/>
    <x v="1"/>
    <s v="Datacard Group, ID Works"/>
    <x v="34"/>
    <s v="4.2 Materiel Lifecycle"/>
    <s v="Information Management Services"/>
    <s v="DND-10578"/>
    <s v="In Production"/>
    <s v=""/>
    <x v="0"/>
    <x v="1790"/>
  </r>
  <r>
    <x v="4"/>
    <x v="5"/>
    <x v="4757"/>
    <s v=""/>
    <s v=""/>
    <s v=""/>
    <x v="1"/>
    <s v=""/>
    <x v="34"/>
    <s v="6.6 Information Management"/>
    <s v=""/>
    <s v="DND-10832"/>
    <s v="In Production"/>
    <s v=""/>
    <x v="1"/>
    <x v="86"/>
  </r>
  <r>
    <x v="4"/>
    <x v="5"/>
    <x v="4758"/>
    <s v=""/>
    <s v=""/>
    <s v=""/>
    <x v="1"/>
    <s v=""/>
    <x v="34"/>
    <s v="6.6 Information Management"/>
    <s v=""/>
    <s v="DND-10833"/>
    <s v="In Production"/>
    <s v=""/>
    <x v="1"/>
    <x v="86"/>
  </r>
  <r>
    <x v="4"/>
    <x v="5"/>
    <x v="4759"/>
    <s v=""/>
    <s v=""/>
    <s v=""/>
    <x v="1"/>
    <s v=""/>
    <x v="34"/>
    <s v="6.6 Information Management"/>
    <s v=""/>
    <s v="DND-10834"/>
    <s v="In Production"/>
    <s v=""/>
    <x v="1"/>
    <x v="86"/>
  </r>
  <r>
    <x v="4"/>
    <x v="5"/>
    <x v="4760"/>
    <s v=""/>
    <s v=""/>
    <s v=""/>
    <x v="1"/>
    <s v=""/>
    <x v="34"/>
    <s v="6.7 Information Technology"/>
    <s v=""/>
    <s v="DND-10978"/>
    <s v="In Production"/>
    <s v=""/>
    <x v="0"/>
    <x v="86"/>
  </r>
  <r>
    <x v="4"/>
    <x v="5"/>
    <x v="4761"/>
    <s v=""/>
    <s v=""/>
    <s v=""/>
    <x v="1"/>
    <s v=""/>
    <x v="34"/>
    <s v="6.1 Management &amp; Oversight"/>
    <s v=""/>
    <s v="DND-10979"/>
    <s v="In Production"/>
    <s v=""/>
    <x v="0"/>
    <x v="86"/>
  </r>
  <r>
    <x v="4"/>
    <x v="5"/>
    <x v="4762"/>
    <s v="LOCI"/>
    <s v="Lessons Learned Tool (LOCI) is used to capture and distribute lessons observed in the formation"/>
    <s v=""/>
    <x v="1"/>
    <s v=""/>
    <x v="34"/>
    <s v="6.7 Information Technology"/>
    <s v="Human Resources Management Services"/>
    <s v="DND-11132"/>
    <s v="In Production"/>
    <s v=""/>
    <x v="1"/>
    <x v="86"/>
  </r>
  <r>
    <x v="4"/>
    <x v="5"/>
    <x v="4763"/>
    <s v="CFCODB"/>
    <s v="CF Opportunities Database (CFCOD) is used to identify post-secondary training programmes and courses that satisfy CF training requirements."/>
    <s v=""/>
    <x v="1"/>
    <s v=""/>
    <x v="34"/>
    <s v="6.7 Information Technology"/>
    <s v="Human Resources Management Services"/>
    <s v="DND-11133"/>
    <s v="In Production"/>
    <s v=""/>
    <x v="1"/>
    <x v="86"/>
  </r>
  <r>
    <x v="4"/>
    <x v="5"/>
    <x v="4764"/>
    <s v="PLAID"/>
    <s v="Prior Learning Assessment Information Database (PLAID) provides/contains all military/civilian accreditations and equivalency"/>
    <s v=""/>
    <x v="1"/>
    <s v=""/>
    <x v="34"/>
    <s v="6.7 Information Technology"/>
    <s v="Human Resources Management Services"/>
    <s v="DND-11134"/>
    <s v="In Production"/>
    <s v=""/>
    <x v="1"/>
    <x v="86"/>
  </r>
  <r>
    <x v="4"/>
    <x v="5"/>
    <x v="4765"/>
    <s v=""/>
    <s v="In-house applications maintenance and improvment"/>
    <s v=""/>
    <x v="1"/>
    <s v=""/>
    <x v="34"/>
    <s v="6.7 Information Technology"/>
    <s v="Human Resources Management Services"/>
    <s v="DND-11135"/>
    <s v="In Production"/>
    <s v=""/>
    <x v="1"/>
    <x v="86"/>
  </r>
  <r>
    <x v="4"/>
    <x v="5"/>
    <x v="4766"/>
    <s v=""/>
    <s v="SharePoint portal serving enterprise doucment sharing, links, foundation of CoP"/>
    <s v=""/>
    <x v="1"/>
    <s v=""/>
    <x v="34"/>
    <s v="6.7 Information Technology"/>
    <s v="Human Resources Management Services"/>
    <s v="DND-11137"/>
    <s v="In Production"/>
    <s v=""/>
    <x v="1"/>
    <x v="86"/>
  </r>
  <r>
    <x v="4"/>
    <x v="5"/>
    <x v="4767"/>
    <s v=""/>
    <s v="WebExpres application supporting CF Physical Fitness Testing"/>
    <s v=""/>
    <x v="1"/>
    <s v=""/>
    <x v="34"/>
    <s v="6.7 Information Technology"/>
    <s v="Human Resources Management Services"/>
    <s v="DND-11142"/>
    <s v="In Production"/>
    <s v=""/>
    <x v="0"/>
    <x v="86"/>
  </r>
  <r>
    <x v="4"/>
    <x v="5"/>
    <x v="4768"/>
    <s v="CMIS"/>
    <m/>
    <s v=""/>
    <x v="1"/>
    <s v=""/>
    <x v="34"/>
    <s v="6.7 Information Technology"/>
    <s v="Human Resources Management Services"/>
    <s v="DND-11143"/>
    <s v="In Production"/>
    <s v=""/>
    <x v="1"/>
    <x v="1791"/>
  </r>
  <r>
    <x v="4"/>
    <x v="5"/>
    <x v="4769"/>
    <s v="IR STAT DB"/>
    <s v="DB used to keep track of imposed restriction costs and reimburse to the units.    This application still in use by all the units across Canada to send financial data to DGMC/DMCSS for quarterly payment."/>
    <s v=""/>
    <x v="1"/>
    <s v=""/>
    <x v="34"/>
    <s v="6.7 Information Technology"/>
    <s v="Human Resources Management Services"/>
    <s v="DND-11144"/>
    <s v="In Production"/>
    <s v=""/>
    <x v="1"/>
    <x v="86"/>
  </r>
  <r>
    <x v="4"/>
    <x v="5"/>
    <x v="4770"/>
    <s v=""/>
    <s v="Tracks information from members of the Reserve"/>
    <s v=""/>
    <x v="1"/>
    <s v=""/>
    <x v="34"/>
    <s v="6.7 Information Technology"/>
    <s v="Human Resources Management Services"/>
    <s v="DND-11145"/>
    <s v="In Production"/>
    <s v=""/>
    <x v="1"/>
    <x v="86"/>
  </r>
  <r>
    <x v="4"/>
    <x v="5"/>
    <x v="4771"/>
    <s v=""/>
    <s v="dB tracks release related documents process within DMCA 4.  Project has been initiated to revised dB."/>
    <s v=""/>
    <x v="1"/>
    <s v=""/>
    <x v="34"/>
    <s v="6.7 Information Technology"/>
    <s v="Human Resources Management Services"/>
    <s v="DND-11146"/>
    <s v="In Production"/>
    <s v=""/>
    <x v="1"/>
    <x v="86"/>
  </r>
  <r>
    <x v="4"/>
    <x v="5"/>
    <x v="4772"/>
    <s v=""/>
    <s v="Keeps track of cost moves for each DMILC.  Also tracks cancellations of automatic move numbers."/>
    <s v=""/>
    <x v="1"/>
    <s v=""/>
    <x v="34"/>
    <s v="6.7 Information Technology"/>
    <s v="Human Resources Management Services"/>
    <s v="DND-11148"/>
    <s v="In Production"/>
    <s v=""/>
    <x v="1"/>
    <x v="86"/>
  </r>
  <r>
    <x v="4"/>
    <x v="5"/>
    <x v="4773"/>
    <s v=""/>
    <m/>
    <s v=""/>
    <x v="1"/>
    <s v=""/>
    <x v="34"/>
    <s v="6.7 Information Technology"/>
    <s v="Human Resources Management Services"/>
    <s v="DND-11149"/>
    <s v="In Production"/>
    <s v=""/>
    <x v="1"/>
    <x v="1792"/>
  </r>
  <r>
    <x v="4"/>
    <x v="5"/>
    <x v="4774"/>
    <s v=""/>
    <m/>
    <s v=""/>
    <x v="1"/>
    <s v=""/>
    <x v="34"/>
    <s v="6.7 Information Technology"/>
    <s v="Human Resources Management Services"/>
    <s v="DND-11150"/>
    <s v="In Production"/>
    <s v=""/>
    <x v="1"/>
    <x v="1793"/>
  </r>
  <r>
    <x v="4"/>
    <x v="5"/>
    <x v="4775"/>
    <s v=""/>
    <s v="Chief Clerk dB - keeps track of all DGMC personnel and feeds website with links, occupation list and which CM manage occupation."/>
    <s v=""/>
    <x v="1"/>
    <s v=""/>
    <x v="34"/>
    <s v="4.1 Military Personnel &amp; Organization Lifecycle"/>
    <s v="Human Resources Management Services"/>
    <s v="DND-11151"/>
    <s v="In Production"/>
    <s v=""/>
    <x v="1"/>
    <x v="86"/>
  </r>
  <r>
    <x v="4"/>
    <x v="5"/>
    <x v="4776"/>
    <s v="TOS database"/>
    <s v="Forecast who is approaching the end of contract (IPS) or CRA.  Includes administration of extensions of Svc and IE plus IPS offers."/>
    <s v=""/>
    <x v="1"/>
    <s v=""/>
    <x v="34"/>
    <s v="6.7 Information Technology"/>
    <s v="Human Resources Management Services"/>
    <s v="DND-11153"/>
    <s v="In Production"/>
    <s v=""/>
    <x v="1"/>
    <x v="86"/>
  </r>
  <r>
    <x v="4"/>
    <x v="5"/>
    <x v="4777"/>
    <s v="Education"/>
    <s v="Track training - education, education program management, finance for education program"/>
    <s v=""/>
    <x v="1"/>
    <s v=""/>
    <x v="34"/>
    <s v="6.7 Information Technology"/>
    <s v="Human Resources Management Services"/>
    <s v="DND-11154"/>
    <s v="In Production"/>
    <s v=""/>
    <x v="1"/>
    <x v="86"/>
  </r>
  <r>
    <x v="4"/>
    <x v="5"/>
    <x v="4778"/>
    <s v="Mailsort V2"/>
    <s v="Used by the mailroom at NDHQ to lookup address information for DND organizations and employees to assist with mail processing, sorting and delivery."/>
    <s v=""/>
    <x v="1"/>
    <s v=""/>
    <x v="34"/>
    <s v="6.7 Information Technology"/>
    <s v="Human Resources Management Services"/>
    <s v="DND-11156"/>
    <s v="In Production"/>
    <s v=""/>
    <x v="1"/>
    <x v="1794"/>
  </r>
  <r>
    <x v="4"/>
    <x v="5"/>
    <x v="4779"/>
    <s v=""/>
    <s v="Control the R move number assigned for a release message and final cost move or move on release. (&quot;R&quot; stands for Release)"/>
    <s v=""/>
    <x v="1"/>
    <s v=""/>
    <x v="34"/>
    <s v="6.7 Information Technology"/>
    <s v="Human Resources Management Services"/>
    <s v="DND-11158"/>
    <s v="In Production"/>
    <s v=""/>
    <x v="1"/>
    <x v="86"/>
  </r>
  <r>
    <x v="4"/>
    <x v="5"/>
    <x v="4780"/>
    <s v="CT Database"/>
    <s v="Component Transfer: track CT applications, import application from emailed web form, create msg from data, merge data with pdf, stats."/>
    <s v=""/>
    <x v="1"/>
    <s v=""/>
    <x v="34"/>
    <s v="4.1 Military Personnel &amp; Organization Lifecycle"/>
    <s v="Human Resources Management Services"/>
    <s v="DND-11159"/>
    <s v="In Production"/>
    <s v=""/>
    <x v="1"/>
    <x v="1795"/>
  </r>
  <r>
    <x v="2"/>
    <x v="10"/>
    <x v="4781"/>
    <s v="ADAM / SIMA"/>
    <s v="ADAM is an Oracle-based tool for users of the Air Force community at all levels. ADAM automates the collection and retrieval of CAF aircraft maintenance data. ADAM is used to support the aircraft maintenance activities for 8 fleets comprising 388 individual aircraft and 36 flight simulators in use by the CAF. It supports aircraft maintenance activities at second-line and third-line facilities and all operational deployments. The application is used by headquarters and support personnel for Parts Life Management, Management of Modifications, Special Inspections and other E&amp;M support activities."/>
    <s v=""/>
    <x v="1"/>
    <s v=""/>
    <x v="34"/>
    <s v="4.2 Materiel Lifecycle"/>
    <s v="Materiel Services"/>
    <s v="DND-11201"/>
    <s v="In Production"/>
    <s v="desktop"/>
    <x v="1"/>
    <x v="1796"/>
  </r>
  <r>
    <x v="2"/>
    <x v="10"/>
    <x v="4782"/>
    <s v="DRP"/>
    <s v="Distribution Resource Planning (DRP) is a commercial-off-the-shelf (COTS) product called Service Parts Management Solution (PTC Parts) which provides a materiel forecasting capability to supply managers and lifecycle materiel managers (LCMMS). DRP is interfaced to the Defence Resource Management Information System (DRMIS) application. DRP is employed to manage most centrally managed items. Benefits of this tool include higher customer service levels, fewer stock outs, increased productivity, optimized inventory, reduced operating costs, and improved materiel support for operations. The Insight COTS product is used as a presentation layer, as most of the logic is implemented by a script (RIO) which extracts and formats the data."/>
    <s v="Other"/>
    <x v="14"/>
    <s v="PTC Advance inventory Planning/Analysis"/>
    <x v="34"/>
    <s v="4.2 Materiel Lifecycle"/>
    <s v="Materiel Services"/>
    <s v="DND-11273"/>
    <s v="In Production"/>
    <s v="desktop"/>
    <x v="0"/>
    <x v="1797"/>
  </r>
  <r>
    <x v="2"/>
    <x v="3"/>
    <x v="4783"/>
    <s v="Monitor MASS / NOMAD"/>
    <s v="Monito Military Administration Support System (MASS) is an application that captures information related to unit readiness and operational capability in order to assist general staff for planning and tasking for special operations.  This information and processes are military specific and are not suported in the current verson of HRMS. CAF operational requirements are supported by this application.  Access to data is strictly controlled by User ID and password in addition to DWAN login. Chain of Command authorization is required."/>
    <s v=""/>
    <x v="1"/>
    <s v=""/>
    <x v="34"/>
    <s v="6.4 Human Resources Management"/>
    <s v=""/>
    <s v="DND-11288"/>
    <s v="In Production"/>
    <s v=""/>
    <x v="1"/>
    <x v="86"/>
  </r>
  <r>
    <x v="4"/>
    <x v="5"/>
    <x v="4784"/>
    <s v="IPWar"/>
    <s v="Collaberation tool"/>
    <s v=""/>
    <x v="1"/>
    <s v=""/>
    <x v="34"/>
    <s v="3.4 Operational Readiness Production, Coordination &amp; Command &amp; Control"/>
    <s v=""/>
    <s v="DND-11340"/>
    <s v="In Production"/>
    <s v=""/>
    <x v="0"/>
    <x v="86"/>
  </r>
  <r>
    <x v="4"/>
    <x v="5"/>
    <x v="4785"/>
    <s v=""/>
    <s v=""/>
    <s v=""/>
    <x v="1"/>
    <s v=""/>
    <x v="34"/>
    <s v="6.5 Financial Management"/>
    <s v=""/>
    <s v="DND-11372"/>
    <s v="In Production"/>
    <s v=""/>
    <x v="0"/>
    <x v="86"/>
  </r>
  <r>
    <x v="4"/>
    <x v="5"/>
    <x v="4786"/>
    <s v=""/>
    <s v="Collaberation tool"/>
    <s v=""/>
    <x v="1"/>
    <s v=""/>
    <x v="34"/>
    <s v="3.4 Operational Readiness Production, Coordination &amp; Command &amp; Control"/>
    <s v="Information Management Services"/>
    <s v="DND-11386"/>
    <s v="In Production"/>
    <s v=""/>
    <x v="0"/>
    <x v="86"/>
  </r>
  <r>
    <x v="4"/>
    <x v="5"/>
    <x v="4787"/>
    <s v="CR - Ammo"/>
    <s v="Ammunition Tracking is a web application which helps paint the readiness picture of operational units by keeping tabs on training ammunitions stores for MARPAC. The main goal of the system is to give units conducting training with ammunition a “green”, “y"/>
    <s v=""/>
    <x v="1"/>
    <s v=""/>
    <x v="34"/>
    <s v=""/>
    <s v="Materiel Services"/>
    <s v="DND-11413"/>
    <s v="In Production"/>
    <s v=""/>
    <x v="1"/>
    <x v="1798"/>
  </r>
  <r>
    <x v="4"/>
    <x v="5"/>
    <x v="4788"/>
    <s v="NMS-Edit Pro"/>
    <s v="National Master Specification  Note: ASU Wainwright"/>
    <s v=""/>
    <x v="1"/>
    <s v=""/>
    <x v="34"/>
    <s v="6.8 Real Property"/>
    <s v="Real Property Services"/>
    <s v="DND-11696"/>
    <s v="In Production"/>
    <s v=""/>
    <x v="0"/>
    <x v="86"/>
  </r>
  <r>
    <x v="6"/>
    <x v="35"/>
    <x v="4789"/>
    <s v=""/>
    <s v="Screen Capture  Note: ASU Wainwright"/>
    <s v=""/>
    <x v="1"/>
    <s v=""/>
    <x v="34"/>
    <s v="6.6 Information Management"/>
    <s v="Information Management Services"/>
    <s v="DND-11717"/>
    <s v="In Production"/>
    <s v=""/>
    <x v="0"/>
    <x v="86"/>
  </r>
  <r>
    <x v="4"/>
    <x v="5"/>
    <x v="4790"/>
    <s v=""/>
    <s v="Skills Development  Note: ASU Wainwright"/>
    <s v=""/>
    <x v="1"/>
    <s v=""/>
    <x v="34"/>
    <s v="6.4 Human Resources Management"/>
    <s v="Human Resources Management Services"/>
    <s v="DND-11718"/>
    <s v="In Production"/>
    <s v=""/>
    <x v="0"/>
    <x v="106"/>
  </r>
  <r>
    <x v="4"/>
    <x v="5"/>
    <x v="4791"/>
    <s v="SASSI"/>
    <s v="The Substance Abuse Subtle Screening Inventory (SASSI) is a brief, easily administered psychological questionnaire. It is available in both adult and adolescent versions, as well as versions for diverse cultures, including those with disabilities &amp; voc rehab. participants.  The SASSI can identify people who may have a Substance Use Disorder with a high degree of accuracy – even when someone is reluctant to self-disclose."/>
    <s v=""/>
    <x v="1"/>
    <s v=""/>
    <x v="34"/>
    <s v="6.7 Information Technology"/>
    <s v="Human Resources Management Services"/>
    <s v="DND-11856"/>
    <s v="In Production"/>
    <s v=""/>
    <x v="0"/>
    <x v="86"/>
  </r>
  <r>
    <x v="4"/>
    <x v="5"/>
    <x v="4792"/>
    <s v="Scoring Asst"/>
    <s v="Scoring/interpretation program"/>
    <s v=""/>
    <x v="1"/>
    <s v=""/>
    <x v="34"/>
    <s v="6.7 Information Technology"/>
    <s v="Human Resources Management Services"/>
    <s v="DND-11861"/>
    <s v="In Production"/>
    <s v=""/>
    <x v="1"/>
    <x v="86"/>
  </r>
  <r>
    <x v="4"/>
    <x v="5"/>
    <x v="4793"/>
    <s v="Scoring Asst"/>
    <s v="Cognitive Test Battery Score Program"/>
    <s v=""/>
    <x v="1"/>
    <s v=""/>
    <x v="34"/>
    <s v="6.7 Information Technology"/>
    <s v="Human Resources Management Services"/>
    <s v="DND-11863"/>
    <s v="In Production"/>
    <s v=""/>
    <x v="1"/>
    <x v="86"/>
  </r>
  <r>
    <x v="3"/>
    <x v="4"/>
    <x v="4794"/>
    <s v="Boss"/>
    <s v="Body Sizing System for the 21st Century is used to size members for initial kitting. It measures the human body and recommends correct garment and equipment sizes."/>
    <s v=""/>
    <x v="1"/>
    <s v="Autodesk"/>
    <x v="34"/>
    <s v="4.2 Materiel Lifecycle"/>
    <s v="Materiel Services"/>
    <s v="DND-11866"/>
    <s v="In Production"/>
    <s v="desktop"/>
    <x v="0"/>
    <x v="1799"/>
  </r>
  <r>
    <x v="5"/>
    <x v="90"/>
    <x v="4795"/>
    <s v="GeoMedia Pro"/>
    <s v="GIS"/>
    <s v="Other"/>
    <x v="1"/>
    <s v="Intergraph Canada Limited, Geomedia Pro"/>
    <x v="34"/>
    <s v="6.6 Information Management"/>
    <s v="Information Management Services"/>
    <s v="DND-11874"/>
    <s v="In Production"/>
    <s v=""/>
    <x v="0"/>
    <x v="1800"/>
  </r>
  <r>
    <x v="4"/>
    <x v="5"/>
    <x v="4796"/>
    <s v=""/>
    <s v=""/>
    <s v=""/>
    <x v="1"/>
    <s v=""/>
    <x v="34"/>
    <s v="6.7 Information Technology"/>
    <s v="Human Resources Management Services"/>
    <s v="DND-11937"/>
    <s v="In Production"/>
    <s v=""/>
    <x v="1"/>
    <x v="86"/>
  </r>
  <r>
    <x v="4"/>
    <x v="5"/>
    <x v="4797"/>
    <s v=""/>
    <s v=""/>
    <s v=""/>
    <x v="1"/>
    <s v=""/>
    <x v="34"/>
    <s v="6.7 Information Technology"/>
    <s v="Information Management Services"/>
    <s v="DND-11949"/>
    <s v="In Production"/>
    <s v=""/>
    <x v="1"/>
    <x v="86"/>
  </r>
  <r>
    <x v="3"/>
    <x v="45"/>
    <x v="3810"/>
    <s v="PD T&amp;H"/>
    <s v="Application that allows a rep from each L1 to enter in data in regards to expenses incurred with trave; and hospitality"/>
    <s v=""/>
    <x v="1"/>
    <s v=""/>
    <x v="34"/>
    <s v="6.5 Financial Management"/>
    <s v="Financial Management Services"/>
    <s v="DND-11958"/>
    <s v="In Production"/>
    <s v=""/>
    <x v="1"/>
    <x v="1801"/>
  </r>
  <r>
    <x v="4"/>
    <x v="5"/>
    <x v="4798"/>
    <s v=""/>
    <s v=""/>
    <s v=""/>
    <x v="1"/>
    <s v=""/>
    <x v="34"/>
    <s v="6.7 Information Technology"/>
    <s v="Human Resources Management Services"/>
    <s v="DND-11959"/>
    <s v="In Production"/>
    <s v=""/>
    <x v="1"/>
    <x v="86"/>
  </r>
  <r>
    <x v="2"/>
    <x v="2"/>
    <x v="4799"/>
    <s v="Public Accounts"/>
    <s v="A web-based tool used by Level 1 comptrollers across Canada to access a modified version of the CF152 form online, and generate annual Public Accounts reports Quarterly write-off reports. It also uses a MS Access Admin component to administer the data, cr A Microsoft Access database that is used to perform administrative functions on the Public Accounts web application"/>
    <s v=""/>
    <x v="1"/>
    <s v=""/>
    <x v="34"/>
    <s v="6.5 Financial Management"/>
    <s v="Financial Management Services"/>
    <s v="DND-11963"/>
    <s v="In Production"/>
    <s v=""/>
    <x v="1"/>
    <x v="1802"/>
  </r>
  <r>
    <x v="3"/>
    <x v="4"/>
    <x v="4800"/>
    <s v="HRHPS"/>
    <s v="Used for the DND/CF &quot;high-risk HazMat project&quot; (DND/CF FSDS target)"/>
    <s v=""/>
    <x v="1"/>
    <s v=""/>
    <x v="34"/>
    <s v="4.2 Materiel Lifecycle"/>
    <s v="Materiel Services"/>
    <s v="DND-11988"/>
    <s v="In Production"/>
    <s v="desktop"/>
    <x v="1"/>
    <x v="1803"/>
  </r>
  <r>
    <x v="4"/>
    <x v="5"/>
    <x v="4801"/>
    <s v=""/>
    <s v=""/>
    <s v=""/>
    <x v="1"/>
    <s v=""/>
    <x v="34"/>
    <s v="6.7 Information Technology"/>
    <s v="Human Resources Management Services"/>
    <s v="DND-12047"/>
    <s v="In Production"/>
    <s v=""/>
    <x v="1"/>
    <x v="86"/>
  </r>
  <r>
    <x v="4"/>
    <x v="5"/>
    <x v="4802"/>
    <s v=""/>
    <s v=""/>
    <s v=""/>
    <x v="1"/>
    <s v=""/>
    <x v="34"/>
    <s v="6.7 Information Technology"/>
    <s v=""/>
    <s v="DND-12049"/>
    <s v="In Production"/>
    <s v=""/>
    <x v="1"/>
    <x v="86"/>
  </r>
  <r>
    <x v="4"/>
    <x v="5"/>
    <x v="4803"/>
    <s v=""/>
    <s v="Biography application providing PR information about senior staff."/>
    <s v=""/>
    <x v="1"/>
    <s v=""/>
    <x v="34"/>
    <s v="4.1 Military Personnel &amp; Organization Lifecycle"/>
    <s v="Human Resources Management Services"/>
    <s v="DND-12052"/>
    <s v="In Production"/>
    <s v=""/>
    <x v="1"/>
    <x v="1804"/>
  </r>
  <r>
    <x v="4"/>
    <x v="5"/>
    <x v="4804"/>
    <s v=""/>
    <s v="Biography application providing PR information about senior staff."/>
    <s v=""/>
    <x v="1"/>
    <s v=""/>
    <x v="34"/>
    <s v="4.1 Military Personnel &amp; Organization Lifecycle"/>
    <s v="Human Resources Management Services"/>
    <s v="DND-12053"/>
    <s v="In Production"/>
    <s v=""/>
    <x v="1"/>
    <x v="1804"/>
  </r>
  <r>
    <x v="4"/>
    <x v="5"/>
    <x v="4805"/>
    <s v=""/>
    <s v=""/>
    <s v=""/>
    <x v="1"/>
    <s v=""/>
    <x v="34"/>
    <s v="6.7 Information Technology"/>
    <s v="Human Resources Management Services"/>
    <s v="DND-12060"/>
    <s v="In Production"/>
    <s v=""/>
    <x v="1"/>
    <x v="86"/>
  </r>
  <r>
    <x v="4"/>
    <x v="5"/>
    <x v="4806"/>
    <s v="Hon &amp; Awards"/>
    <s v=""/>
    <s v=""/>
    <x v="1"/>
    <s v=""/>
    <x v="34"/>
    <s v="6.7 Information Technology"/>
    <s v="Human Resources Management Services"/>
    <s v="DND-12063"/>
    <s v="In Production"/>
    <s v=""/>
    <x v="1"/>
    <x v="86"/>
  </r>
  <r>
    <x v="4"/>
    <x v="5"/>
    <x v="4807"/>
    <s v=""/>
    <s v=""/>
    <s v=""/>
    <x v="1"/>
    <s v=""/>
    <x v="34"/>
    <s v="6.7 Information Technology"/>
    <s v="Human Resources Management Services"/>
    <s v="DND-12075"/>
    <s v="In Production"/>
    <s v=""/>
    <x v="1"/>
    <x v="86"/>
  </r>
  <r>
    <x v="4"/>
    <x v="5"/>
    <x v="4808"/>
    <s v=""/>
    <s v=""/>
    <s v=""/>
    <x v="1"/>
    <s v=""/>
    <x v="34"/>
    <s v="6.7 Information Technology"/>
    <s v="Human Resources Management Services"/>
    <s v="DND-12078"/>
    <s v="In Production"/>
    <s v=""/>
    <x v="1"/>
    <x v="86"/>
  </r>
  <r>
    <x v="4"/>
    <x v="5"/>
    <x v="4809"/>
    <s v=""/>
    <s v=""/>
    <s v=""/>
    <x v="1"/>
    <s v=""/>
    <x v="34"/>
    <s v="6.7 Information Technology"/>
    <s v=""/>
    <s v="DND-12080"/>
    <s v="In Production"/>
    <s v=""/>
    <x v="1"/>
    <x v="86"/>
  </r>
  <r>
    <x v="4"/>
    <x v="5"/>
    <x v="4810"/>
    <s v=""/>
    <s v=""/>
    <s v=""/>
    <x v="1"/>
    <s v=""/>
    <x v="34"/>
    <s v="6.7 Information Technology"/>
    <s v=""/>
    <s v="DND-12081"/>
    <s v="In Production"/>
    <s v=""/>
    <x v="1"/>
    <x v="86"/>
  </r>
  <r>
    <x v="4"/>
    <x v="5"/>
    <x v="4811"/>
    <s v=""/>
    <s v=""/>
    <s v=""/>
    <x v="1"/>
    <s v=""/>
    <x v="34"/>
    <s v="6.7 Information Technology"/>
    <s v="Human Resources Management Services"/>
    <s v="DND-12087"/>
    <s v="In Production"/>
    <s v=""/>
    <x v="1"/>
    <x v="86"/>
  </r>
  <r>
    <x v="3"/>
    <x v="45"/>
    <x v="4812"/>
    <s v=""/>
    <s v="Access Database entitled DOL PM2 employed by DOL to measure department official language performance by downloading and analysing HRMS mil and civ data on a month-to-month basis."/>
    <s v="Microsoft_Corporation"/>
    <x v="1"/>
    <s v=""/>
    <x v="34"/>
    <s v="4.1 Military Personnel &amp; Organization Lifecycle"/>
    <s v="Human Resources Management Services"/>
    <s v="DND-12090"/>
    <s v="In Production"/>
    <s v=""/>
    <x v="0"/>
    <x v="86"/>
  </r>
  <r>
    <x v="4"/>
    <x v="5"/>
    <x v="4813"/>
    <s v=""/>
    <s v=""/>
    <s v=""/>
    <x v="1"/>
    <s v=""/>
    <x v="34"/>
    <s v="6.7 Information Technology"/>
    <s v="Human Resources Management Services"/>
    <s v="DND-12093"/>
    <s v="In Production"/>
    <s v=""/>
    <x v="1"/>
    <x v="86"/>
  </r>
  <r>
    <x v="2"/>
    <x v="20"/>
    <x v="4814"/>
    <s v="APC"/>
    <s v="Cette application permet aux mécaniciens d'avions des FAC de visualiser le certificat de vérification de pièces d'aéronefs lorsqu'ils commandent ces pièces. Les mécaniciens ont ainsi accès à une foule d'information sur les pièces d'avion (en visualisant ou téléchargent le certificat)"/>
    <s v=""/>
    <x v="1"/>
    <s v=""/>
    <x v="34"/>
    <s v="6.1 Management &amp; Oversight"/>
    <s v="Materiel Services"/>
    <s v="DND-12098"/>
    <s v="In Production"/>
    <s v="web"/>
    <x v="1"/>
    <x v="1805"/>
  </r>
  <r>
    <x v="3"/>
    <x v="4"/>
    <x v="4815"/>
    <s v="LEM Database"/>
    <s v="Contains information for equipment that may have hazardous and environmental concerns"/>
    <s v=""/>
    <x v="1"/>
    <s v=""/>
    <x v="34"/>
    <s v="4.2 Materiel Lifecycle"/>
    <s v="Materiel Services"/>
    <s v="DND-1213"/>
    <s v="In Production"/>
    <s v="desktop"/>
    <x v="1"/>
    <x v="1803"/>
  </r>
  <r>
    <x v="5"/>
    <x v="95"/>
    <x v="4816"/>
    <s v=""/>
    <s v="Intergraph CADWorx is an integrated, complete AutoCAD®-based software series for plant design that provides intelligent drawing and database connectivity, advanced levels of automation, and easy-to-use drafting tools."/>
    <s v="Intergraph_Canada_Limited"/>
    <x v="1"/>
    <s v="InterGraph CADWorx"/>
    <x v="34"/>
    <s v="4.3 Real Property Lifecycle"/>
    <s v="Materiel Services,Real Property Services"/>
    <s v="DND-12243"/>
    <s v="In Production"/>
    <s v=""/>
    <x v="0"/>
    <x v="86"/>
  </r>
  <r>
    <x v="4"/>
    <x v="5"/>
    <x v="4817"/>
    <s v=""/>
    <s v="Moodle is a Course Management System (CMS), also known as a Learning Management System (LMS) or a Virtual Learning Environment (VLE). It is a Free web application that educators can use to create effective online learning sites.  This software is used in"/>
    <s v=""/>
    <x v="1"/>
    <s v=""/>
    <x v="34"/>
    <s v="3.2 Force Elements Integration Training"/>
    <s v="Human Resources Management Services"/>
    <s v="DND-12314"/>
    <s v="In Production"/>
    <s v=""/>
    <x v="0"/>
    <x v="1806"/>
  </r>
  <r>
    <x v="4"/>
    <x v="5"/>
    <x v="4818"/>
    <s v="AVIS"/>
    <s v="Store/retrieve/summarize data for Auxiliary Vessels"/>
    <s v=""/>
    <x v="1"/>
    <s v=""/>
    <x v="34"/>
    <s v="6.1 Management &amp; Oversight"/>
    <s v=""/>
    <s v="DND-12385"/>
    <s v="In Production"/>
    <s v=""/>
    <x v="1"/>
    <x v="1807"/>
  </r>
  <r>
    <x v="4"/>
    <x v="5"/>
    <x v="4819"/>
    <s v="MedTrack"/>
    <s v="Track holdings and loans of media for the FMFCS Technical Library"/>
    <s v=""/>
    <x v="1"/>
    <s v=""/>
    <x v="34"/>
    <s v="6.9 Material"/>
    <s v="Materiel Services"/>
    <s v="DND-12386"/>
    <s v="In Production"/>
    <s v=""/>
    <x v="1"/>
    <x v="1807"/>
  </r>
  <r>
    <x v="4"/>
    <x v="5"/>
    <x v="4820"/>
    <s v=""/>
    <s v="Application that provides user with capability to create and host customized surveys."/>
    <s v=""/>
    <x v="1"/>
    <s v=""/>
    <x v="34"/>
    <s v="6.6 Information Management"/>
    <s v=""/>
    <s v="DND-12389"/>
    <s v="In Production"/>
    <s v=""/>
    <x v="0"/>
    <x v="1808"/>
  </r>
  <r>
    <x v="4"/>
    <x v="5"/>
    <x v="4821"/>
    <s v="IMR DB"/>
    <s v="This site provides a single point of entry for IM requirements, whether they are funded or not, large or small projects, equipment, software etc., and regardless of the funding method"/>
    <s v=""/>
    <x v="1"/>
    <s v=""/>
    <x v="34"/>
    <s v="6.6 Information Management"/>
    <s v="Materiel Services"/>
    <s v="DND-12391"/>
    <s v="In Production"/>
    <s v=""/>
    <x v="1"/>
    <x v="1809"/>
  </r>
  <r>
    <x v="4"/>
    <x v="5"/>
    <x v="4822"/>
    <s v="TeraScan"/>
    <s v="Satellite Data Capture and processing with visualization"/>
    <s v=""/>
    <x v="1"/>
    <s v=""/>
    <x v="34"/>
    <s v="5.2 Strategic Direction &amp; Planning Support"/>
    <s v=""/>
    <s v="DND-12431"/>
    <s v="In Production"/>
    <s v=""/>
    <x v="0"/>
    <x v="86"/>
  </r>
  <r>
    <x v="4"/>
    <x v="5"/>
    <x v="4823"/>
    <s v="Spatial Analyst"/>
    <s v="GIS product creation software"/>
    <s v=""/>
    <x v="1"/>
    <s v=""/>
    <x v="34"/>
    <s v="5.2 Strategic Direction &amp; Planning Support"/>
    <s v=""/>
    <s v="DND-12461"/>
    <s v="In Production"/>
    <s v=""/>
    <x v="0"/>
    <x v="86"/>
  </r>
  <r>
    <x v="4"/>
    <x v="5"/>
    <x v="4824"/>
    <s v=""/>
    <s v="Allows the ships office to track its members including deployments, training, leave, tasking, NOK information, express test results."/>
    <s v=""/>
    <x v="1"/>
    <s v=""/>
    <x v="34"/>
    <s v="6.4 Human Resources Management"/>
    <s v="Human Resources Management Services"/>
    <s v="DND-12476"/>
    <s v="In Production"/>
    <s v=""/>
    <x v="1"/>
    <x v="1810"/>
  </r>
  <r>
    <x v="4"/>
    <x v="5"/>
    <x v="4825"/>
    <s v="BERTHING"/>
    <s v="Allows a QHM or JTFA operator the ability to update the postion of a vessels berthing."/>
    <s v=""/>
    <x v="1"/>
    <s v=""/>
    <x v="34"/>
    <s v="4.4 Information Systems Lifecycle"/>
    <s v=""/>
    <s v="DND-12478"/>
    <s v="In Production"/>
    <s v=""/>
    <x v="1"/>
    <x v="1810"/>
  </r>
  <r>
    <x v="4"/>
    <x v="5"/>
    <x v="4826"/>
    <s v=""/>
    <s v="Allows members from Marlant to book the Main conference room located in S89"/>
    <s v=""/>
    <x v="1"/>
    <s v=""/>
    <x v="34"/>
    <s v="6.1 Management &amp; Oversight"/>
    <s v="Information Management Services"/>
    <s v="DND-12483"/>
    <s v="In Production"/>
    <s v=""/>
    <x v="1"/>
    <x v="1810"/>
  </r>
  <r>
    <x v="4"/>
    <x v="5"/>
    <x v="4827"/>
    <s v="Dalcoast"/>
    <s v="Ocean features and current modeling software"/>
    <s v=""/>
    <x v="1"/>
    <s v=""/>
    <x v="34"/>
    <s v="5.2 Strategic Direction &amp; Planning Support"/>
    <s v=""/>
    <s v="DND-12495"/>
    <s v="In Production"/>
    <s v=""/>
    <x v="1"/>
    <x v="86"/>
  </r>
  <r>
    <x v="4"/>
    <x v="5"/>
    <x v="4828"/>
    <s v="IAPRO"/>
    <s v="Satellite image analysis and viewing tool (SOIN Project)"/>
    <s v=""/>
    <x v="1"/>
    <s v=""/>
    <x v="34"/>
    <s v="5.2 Strategic Direction &amp; Planning Support"/>
    <s v=""/>
    <s v="DND-12523"/>
    <s v="In Production"/>
    <s v=""/>
    <x v="1"/>
    <x v="86"/>
  </r>
  <r>
    <x v="4"/>
    <x v="5"/>
    <x v="4829"/>
    <s v=""/>
    <s v="Part of the GIS system"/>
    <s v=""/>
    <x v="1"/>
    <s v=""/>
    <x v="34"/>
    <s v="5.2 Strategic Direction &amp; Planning Support"/>
    <s v=""/>
    <s v="DND-12597"/>
    <s v="In Production"/>
    <s v=""/>
    <x v="0"/>
    <x v="1811"/>
  </r>
  <r>
    <x v="4"/>
    <x v="5"/>
    <x v="4830"/>
    <s v=""/>
    <s v="part of the GIS system"/>
    <s v=""/>
    <x v="1"/>
    <s v=""/>
    <x v="34"/>
    <s v="5.2 Strategic Direction &amp; Planning Support"/>
    <s v=""/>
    <s v="DND-12611"/>
    <s v="In Production"/>
    <s v=""/>
    <x v="0"/>
    <x v="1811"/>
  </r>
  <r>
    <x v="4"/>
    <x v="5"/>
    <x v="4831"/>
    <s v="VFA"/>
    <s v="Facilities Mgt - used to calculate bldg maint status and projected maint cost"/>
    <s v=""/>
    <x v="1"/>
    <s v=""/>
    <x v="34"/>
    <s v="6.8 Real Property"/>
    <s v="Real Property Services"/>
    <s v="DND-12628"/>
    <s v="In Production"/>
    <s v=""/>
    <x v="1"/>
    <x v="86"/>
  </r>
  <r>
    <x v="4"/>
    <x v="5"/>
    <x v="4832"/>
    <s v="RENIK"/>
    <s v="Complete necessary forms to release military persons from service"/>
    <s v=""/>
    <x v="1"/>
    <s v=""/>
    <x v="34"/>
    <s v="6.4 Human Resources Management"/>
    <s v="Human Resources Management Services"/>
    <s v="DND-12635"/>
    <s v="In Production"/>
    <s v=""/>
    <x v="1"/>
    <x v="86"/>
  </r>
  <r>
    <x v="4"/>
    <x v="5"/>
    <x v="4833"/>
    <s v="Blue Card DB"/>
    <s v="Track and provide release statistics"/>
    <s v=""/>
    <x v="1"/>
    <s v=""/>
    <x v="34"/>
    <s v="6.4 Human Resources Management"/>
    <s v="Human Resources Management Services"/>
    <s v="DND-12636"/>
    <s v="In Production"/>
    <s v=""/>
    <x v="1"/>
    <x v="86"/>
  </r>
  <r>
    <x v="4"/>
    <x v="5"/>
    <x v="4834"/>
    <s v="Claims Registry"/>
    <s v="To provide a registry of all claims for admin purposes"/>
    <s v=""/>
    <x v="1"/>
    <s v=""/>
    <x v="34"/>
    <s v="6.5 Financial Management"/>
    <s v="Financial Management Services"/>
    <s v="DND-12638"/>
    <s v="In Production"/>
    <s v=""/>
    <x v="1"/>
    <x v="86"/>
  </r>
  <r>
    <x v="4"/>
    <x v="5"/>
    <x v="4835"/>
    <s v="RoomMaster"/>
    <s v="Book and control rooms of accomodations"/>
    <s v=""/>
    <x v="1"/>
    <s v=""/>
    <x v="34"/>
    <s v="6.8 Real Property"/>
    <s v=""/>
    <s v="DND-12643"/>
    <s v="In Production"/>
    <s v=""/>
    <x v="0"/>
    <x v="1812"/>
  </r>
  <r>
    <x v="4"/>
    <x v="5"/>
    <x v="4836"/>
    <s v="EventPro"/>
    <s v="Enable accomodations to manage events in messes, and meeting rooms"/>
    <s v=""/>
    <x v="1"/>
    <s v=""/>
    <x v="34"/>
    <s v="6.1 Management &amp; Oversight"/>
    <s v="Information Technology Services"/>
    <s v="DND-12648"/>
    <s v="In Production"/>
    <s v=""/>
    <x v="0"/>
    <x v="1813"/>
  </r>
  <r>
    <x v="4"/>
    <x v="5"/>
    <x v="4837"/>
    <s v="DMT"/>
    <s v="Internet tool supplied by public works for FSE to use and map objects.  Utilized mostly for GIS.  We however do not maintain the actual program so some fields are blank and unknown."/>
    <s v=""/>
    <x v="1"/>
    <s v=""/>
    <x v="34"/>
    <s v="6.6 Information Management"/>
    <s v=""/>
    <s v="DND-12666"/>
    <s v="In Production"/>
    <s v=""/>
    <x v="1"/>
    <x v="86"/>
  </r>
  <r>
    <x v="4"/>
    <x v="5"/>
    <x v="4838"/>
    <s v=""/>
    <s v="The VTS Operator Workstation (VOC5060) application is the primary user interface in the Vessel Traffic Management &amp; Information System (VTMIS5060). The VOC5060 plays a crucial role in the VTMIS5060, giving the VTS operator access to all the information av"/>
    <s v=""/>
    <x v="1"/>
    <s v=""/>
    <x v="34"/>
    <s v="3.4 Operational Readiness Production, Coordination &amp; Command &amp; Control"/>
    <s v=""/>
    <s v="DND-12680"/>
    <s v="In Production"/>
    <s v=""/>
    <x v="1"/>
    <x v="86"/>
  </r>
  <r>
    <x v="4"/>
    <x v="5"/>
    <x v="4839"/>
    <s v=""/>
    <s v="The Warning and Integration Server (WIS5060) collects tracking information on targets and surveyed navigational aids (navaids) from all radars and transponders in the Vessel Traffic Management &amp; Information System (VTMIS5060), correlates the information f"/>
    <s v=""/>
    <x v="1"/>
    <s v=""/>
    <x v="34"/>
    <s v="3.4 Operational Readiness Production, Coordination &amp; Command &amp; Control"/>
    <s v=""/>
    <s v="DND-12681"/>
    <s v="In Production"/>
    <s v=""/>
    <x v="1"/>
    <x v="86"/>
  </r>
  <r>
    <x v="4"/>
    <x v="5"/>
    <x v="4840"/>
    <s v=""/>
    <s v="VTS Logging &amp; Replay (VLR5070) is designed as a collection of general-purpose recording and replay software modules. Both the logging software and the replay server software operates indiscriminately on the different data types and protocols used. This me"/>
    <s v=""/>
    <x v="1"/>
    <s v=""/>
    <x v="34"/>
    <s v="3.4 Operational Readiness Production, Coordination &amp; Command &amp; Control"/>
    <s v=""/>
    <s v="DND-12682"/>
    <s v="In Production"/>
    <s v=""/>
    <x v="1"/>
    <x v="86"/>
  </r>
  <r>
    <x v="4"/>
    <x v="5"/>
    <x v="4841"/>
    <s v=""/>
    <s v="Combination of oracle forms, pl/sql web pages  that allows authorized users to maintain, display, search Formation Halifax for phone information such as Organization phones, CSN numbers, base duty watch numbers, personnel phones, organization tel reps, et"/>
    <s v=""/>
    <x v="1"/>
    <s v=""/>
    <x v="34"/>
    <s v="6.2 Communications"/>
    <s v="Information Technology Services"/>
    <s v="DND-12702"/>
    <s v="In Production"/>
    <s v=""/>
    <x v="1"/>
    <x v="1814"/>
  </r>
  <r>
    <x v="4"/>
    <x v="5"/>
    <x v="4842"/>
    <s v="BSECIS"/>
    <s v="Combination of an oracle form and visual basic applications that allow authorized users to maintain and search information required by the Car Pass office and Military police in order to keep track of vehicles authorized to park at the Dockyard and Stadac"/>
    <s v=""/>
    <x v="1"/>
    <s v=""/>
    <x v="34"/>
    <s v="3.4 Operational Readiness Production, Coordination &amp; Command &amp; Control"/>
    <s v=""/>
    <s v="DND-12704"/>
    <s v="In Production"/>
    <s v=""/>
    <x v="1"/>
    <x v="1815"/>
  </r>
  <r>
    <x v="4"/>
    <x v="5"/>
    <x v="4843"/>
    <s v="MCBB"/>
    <s v="Two part application to post Marlant Community type Notices to a website.  Community Bulletin Board helps reduce organization wide mass emails."/>
    <s v=""/>
    <x v="1"/>
    <s v=""/>
    <x v="34"/>
    <s v="6.2 Communications"/>
    <s v="Information Technology Services"/>
    <s v="DND-12706"/>
    <s v="In Production"/>
    <s v=""/>
    <x v="1"/>
    <x v="1816"/>
  </r>
  <r>
    <x v="4"/>
    <x v="5"/>
    <x v="4844"/>
    <s v=""/>
    <s v="Two part application to post Cape Scott Fleet Maintenance Facility Community type Notices to a website.  Community Bulletin Board helps reduce organization wide mass emails."/>
    <s v=""/>
    <x v="1"/>
    <s v=""/>
    <x v="34"/>
    <s v="6.2 Communications"/>
    <s v="Information Technology Services"/>
    <s v="DND-12707"/>
    <s v="In Production"/>
    <s v=""/>
    <x v="1"/>
    <x v="1817"/>
  </r>
  <r>
    <x v="4"/>
    <x v="5"/>
    <x v="4845"/>
    <s v=""/>
    <s v="Application that provides a rapid access tool to Duty List Information for authorized personnel.  Each organization has a contact responsible for updating their web based on call information"/>
    <s v=""/>
    <x v="1"/>
    <s v=""/>
    <x v="34"/>
    <s v="6.7 Information Technology"/>
    <s v=""/>
    <s v="DND-12709"/>
    <s v="In Production"/>
    <s v=""/>
    <x v="1"/>
    <x v="1818"/>
  </r>
  <r>
    <x v="4"/>
    <x v="5"/>
    <x v="4846"/>
    <s v="Stratos Toteboard"/>
    <s v="Application queries a Microsoft Access database and displays Fleet Satellite Assignments on a webpage"/>
    <s v=""/>
    <x v="1"/>
    <s v=""/>
    <x v="34"/>
    <s v="5.2 Strategic Direction &amp; Planning Support"/>
    <s v="Information Technology Services"/>
    <s v="DND-12710"/>
    <s v="In Production"/>
    <s v=""/>
    <x v="1"/>
    <x v="1818"/>
  </r>
  <r>
    <x v="4"/>
    <x v="5"/>
    <x v="4847"/>
    <s v=""/>
    <s v="Application allows for management of lockers and their rental and assignment within the gym facilities in MARLANT."/>
    <s v=""/>
    <x v="1"/>
    <s v=""/>
    <x v="34"/>
    <s v="6.1 Management &amp; Oversight"/>
    <s v="Information Technology Services"/>
    <s v="DND-12712"/>
    <s v="In Production"/>
    <s v=""/>
    <x v="1"/>
    <x v="1818"/>
  </r>
  <r>
    <x v="4"/>
    <x v="5"/>
    <x v="4848"/>
    <s v=""/>
    <s v="Application to display JTFA Command Calendar"/>
    <s v=""/>
    <x v="1"/>
    <s v=""/>
    <x v="34"/>
    <s v="6.1 Management &amp; Oversight"/>
    <s v="Information Management Services"/>
    <s v="DND-12713"/>
    <s v="In Production"/>
    <s v=""/>
    <x v="1"/>
    <x v="1818"/>
  </r>
  <r>
    <x v="4"/>
    <x v="5"/>
    <x v="4849"/>
    <s v=""/>
    <s v="Application to display CFNES organization Activity Calendar"/>
    <s v=""/>
    <x v="1"/>
    <s v=""/>
    <x v="34"/>
    <s v="6.1 Management &amp; Oversight"/>
    <s v="Information Management Services"/>
    <s v="DND-12715"/>
    <s v="In Production"/>
    <s v=""/>
    <x v="1"/>
    <x v="1818"/>
  </r>
  <r>
    <x v="6"/>
    <x v="48"/>
    <x v="4850"/>
    <s v=""/>
    <s v="BOR Cashier payment program"/>
    <s v=""/>
    <x v="1"/>
    <s v=""/>
    <x v="34"/>
    <s v="6.7 Information Technology"/>
    <s v="Financial Management Services"/>
    <s v="DND-12914"/>
    <s v="In Production"/>
    <s v=""/>
    <x v="1"/>
    <x v="10"/>
  </r>
  <r>
    <x v="3"/>
    <x v="4"/>
    <x v="4851"/>
    <s v="IETM - CH146"/>
    <s v="The CH146 Interactive Electronic Technical Manual (IETM) are the collection of all technical publications for first line maintenance including modification information. They are used by the first line maintenance community on Canadian Air Force (CAF) operating bases, the maintenance community in NDHQ and the third line maintenance community at CAF contractor facilities. On Windows 7, this application can be found in the Internet Explorer Favorites under ~DND(En)."/>
    <s v=""/>
    <x v="1"/>
    <s v=""/>
    <x v="34"/>
    <s v="4.2 Materiel Lifecycle"/>
    <s v="Materiel Services"/>
    <s v="DND-12939"/>
    <s v="In Production"/>
    <s v="desktop"/>
    <x v="1"/>
    <x v="1819"/>
  </r>
  <r>
    <x v="10"/>
    <x v="60"/>
    <x v="4852"/>
    <s v="ACS"/>
    <s v=""/>
    <s v=""/>
    <x v="1"/>
    <s v=""/>
    <x v="34"/>
    <s v="6.7 Information Technology"/>
    <s v="Financial Management Services"/>
    <s v="DND-13083"/>
    <s v="In Production"/>
    <s v=""/>
    <x v="1"/>
    <x v="10"/>
  </r>
  <r>
    <x v="10"/>
    <x v="60"/>
    <x v="4853"/>
    <s v="Cognos"/>
    <s v="Business Intelligence"/>
    <s v="Other"/>
    <x v="1"/>
    <s v="IBM / Cognos"/>
    <x v="34"/>
    <s v="6.7 Information Technology"/>
    <s v="Financial Management Services"/>
    <s v="DND-13102"/>
    <s v="In Production"/>
    <s v=""/>
    <x v="0"/>
    <x v="10"/>
  </r>
  <r>
    <x v="4"/>
    <x v="5"/>
    <x v="4854"/>
    <s v="GiiM / UISP"/>
    <s v="The role of the GiiM application is to provide support to administrative activities of the Soldier Support Centers (SSC) and IPSC CF. The main modules provided by GIIM are: Client File, Folder Service, Corporate Events and Management of Protected B docume"/>
    <s v=""/>
    <x v="1"/>
    <s v=""/>
    <x v="34"/>
    <s v="6.6 Information Management"/>
    <s v="Human Resources Management Services"/>
    <s v="DND-13161"/>
    <s v="In Production"/>
    <s v=""/>
    <x v="1"/>
    <x v="1820"/>
  </r>
  <r>
    <x v="4"/>
    <x v="5"/>
    <x v="4855"/>
    <s v="FHCPS"/>
    <s v="Often referred to as the Blue Cross system.  Used for  processing ‘patient specific’ health claims from civilian providers and for guidance in   budget management."/>
    <s v=""/>
    <x v="1"/>
    <s v=""/>
    <x v="34"/>
    <s v="6.7 Information Technology"/>
    <s v="Financial Management Services"/>
    <s v="DND-13258"/>
    <s v="In Production"/>
    <s v=""/>
    <x v="0"/>
    <x v="86"/>
  </r>
  <r>
    <x v="4"/>
    <x v="5"/>
    <x v="4856"/>
    <s v="CFMSS"/>
    <s v="System to apply, register to courses provided by CDA.  Also allows users to view courses, qualifications, grades, track book and training material, etc. In order to better address the requirements for accessibility of the information by various managers a"/>
    <s v=""/>
    <x v="1"/>
    <s v=""/>
    <x v="34"/>
    <s v="6.1 Management &amp; Oversight"/>
    <s v="Human Resources Management Services"/>
    <s v="DND-134"/>
    <s v="In Production"/>
    <s v=""/>
    <x v="1"/>
    <x v="86"/>
  </r>
  <r>
    <x v="4"/>
    <x v="5"/>
    <x v="4857"/>
    <s v="ETB"/>
    <s v="Matches civilian recruiters looking for specific skills sets and transitioning and retired CF members looking for civilian employment"/>
    <s v=""/>
    <x v="1"/>
    <s v=""/>
    <x v="34"/>
    <s v="6.7 Information Technology"/>
    <s v="Human Resources Management Services"/>
    <s v="DND-135"/>
    <s v="In Production"/>
    <s v=""/>
    <x v="1"/>
    <x v="86"/>
  </r>
  <r>
    <x v="4"/>
    <x v="5"/>
    <x v="4858"/>
    <s v=""/>
    <s v=""/>
    <s v=""/>
    <x v="1"/>
    <s v=""/>
    <x v="34"/>
    <s v="6.7 Information Technology"/>
    <s v="Materiel Services"/>
    <s v="DND-1352"/>
    <s v="In Production"/>
    <s v=""/>
    <x v="1"/>
    <x v="86"/>
  </r>
  <r>
    <x v="4"/>
    <x v="5"/>
    <x v="4859"/>
    <s v="CFEDB"/>
    <s v="The CANADIAN FORCES EQUIVALENCIES DATABASE (CFED) Phase I will allow military members and the general public to determine whether professional training and education received from within the military is accredited by civilian institutions, and vice versa."/>
    <s v=""/>
    <x v="1"/>
    <s v=""/>
    <x v="34"/>
    <s v="6.7 Information Technology"/>
    <s v="Human Resources Management Services"/>
    <s v="DND-136"/>
    <s v="In Production"/>
    <s v=""/>
    <x v="1"/>
    <x v="86"/>
  </r>
  <r>
    <x v="4"/>
    <x v="5"/>
    <x v="4860"/>
    <s v="AIM"/>
    <s v="Used for management of naval Engineering documents and drawings.    System is comprised of the following components:     - AIM Directa 3.5 (Server software)     - AIM Directa Manager 3.5 (Client software)     - Directa Explorer 3.5 (Web Client - Java appl"/>
    <s v=""/>
    <x v="1"/>
    <s v=""/>
    <x v="34"/>
    <s v="6.8 Real Property"/>
    <s v=""/>
    <s v="DND-13848"/>
    <s v="In Production"/>
    <s v=""/>
    <x v="0"/>
    <x v="1821"/>
  </r>
  <r>
    <x v="3"/>
    <x v="4"/>
    <x v="4861"/>
    <s v="Config-Rep"/>
    <s v="Configuration Repository is an Intranet-based, bilingual application that allows you to access information related to fleet maintenance, such as ERN details and cross-reference, manufacturer data, configuration item-family tree relationships, publications and other documents."/>
    <s v=""/>
    <x v="1"/>
    <s v=""/>
    <x v="34"/>
    <s v="4.2 Materiel Lifecycle"/>
    <s v="Materiel Services"/>
    <s v="DND-13852"/>
    <s v="In Production"/>
    <s v="desktop"/>
    <x v="1"/>
    <x v="1822"/>
  </r>
  <r>
    <x v="3"/>
    <x v="45"/>
    <x v="4862"/>
    <s v="ATS"/>
    <s v="The Activity Tracking System (ATS) is a personnel information and activity tracking system built for Airfield Engineering running in Access 2000.  For additional details please contact your administrator."/>
    <s v="Microsoft_Corporation"/>
    <x v="1"/>
    <s v=""/>
    <x v="34"/>
    <s v="6.9 Material"/>
    <s v="Human Resources Management Services"/>
    <s v="DND-1386"/>
    <s v="In Production"/>
    <s v=""/>
    <x v="0"/>
    <x v="146"/>
  </r>
  <r>
    <x v="1"/>
    <x v="12"/>
    <x v="4863"/>
    <s v="EITSM (Assyst)"/>
    <s v="Assyst provides a consolidated approach to ITIL and IT Service Management as an ITIL based ITSM application"/>
    <s v="Other"/>
    <x v="1"/>
    <s v="Axios"/>
    <x v="34"/>
    <s v="6.1 Management &amp; Oversight"/>
    <s v="Information Technology Services"/>
    <s v="DND-13903"/>
    <s v="In Production"/>
    <s v=""/>
    <x v="0"/>
    <x v="86"/>
  </r>
  <r>
    <x v="2"/>
    <x v="40"/>
    <x v="4864"/>
    <s v="DRMIS"/>
    <s v="The Defence Resource Management Information System (DRMIS) serves as the Department of National Defence financial system of record, material acquisition and support system, workforce management system and weapons and vehicle life cycle management system. Includes:  Mobile, SAP GUI, ,,,,"/>
    <s v=""/>
    <x v="1"/>
    <s v=""/>
    <x v="34"/>
    <s v="6.5 Financial Management"/>
    <s v="Financial Management Services,Materiel Services,Real Property Services"/>
    <s v="DND-13907"/>
    <s v="In Production"/>
    <s v=""/>
    <x v="1"/>
    <x v="1823"/>
  </r>
  <r>
    <x v="4"/>
    <x v="5"/>
    <x v="4865"/>
    <s v=""/>
    <m/>
    <s v=""/>
    <x v="1"/>
    <s v=""/>
    <x v="34"/>
    <s v="6.7 Information Technology"/>
    <s v="Human Resources Management Services"/>
    <s v="DND-13936"/>
    <s v="In Production"/>
    <s v=""/>
    <x v="0"/>
    <x v="1824"/>
  </r>
  <r>
    <x v="4"/>
    <x v="5"/>
    <x v="4866"/>
    <s v="Establishment (formerly AEMIS)"/>
    <s v="Establishement is an Oracle application designed to plan and model present and future O&amp;E in different modes (peacetime, wartime, doctrinal and scenarios). It is used extensively by Force Generation applications assiciated with personnelle management.  The application provides a facility for CAF staff to model different changes in structure - this is a significant issue as the CAF restructures. MED models the distribution of major equipment to feed the Enterprise DRMIS application."/>
    <s v=""/>
    <x v="1"/>
    <s v=""/>
    <x v="34"/>
    <s v="6.4 Human Resources Management"/>
    <s v=""/>
    <s v="DND-1397"/>
    <s v="In Production"/>
    <s v=""/>
    <x v="1"/>
    <x v="1825"/>
  </r>
  <r>
    <x v="4"/>
    <x v="5"/>
    <x v="4867"/>
    <s v=""/>
    <s v="Terminal Emulation Software"/>
    <s v=""/>
    <x v="1"/>
    <s v=""/>
    <x v="34"/>
    <s v="6.7 Information Technology"/>
    <s v=""/>
    <s v="DND-13992"/>
    <s v="In Production"/>
    <s v=""/>
    <x v="0"/>
    <x v="86"/>
  </r>
  <r>
    <x v="4"/>
    <x v="5"/>
    <x v="4868"/>
    <s v="MSS"/>
    <m/>
    <s v=""/>
    <x v="1"/>
    <s v=""/>
    <x v="34"/>
    <s v="6.7 Information Technology"/>
    <s v="Human Resources Management Services"/>
    <s v="DND-141"/>
    <s v="In Production"/>
    <s v=""/>
    <x v="1"/>
    <x v="1826"/>
  </r>
  <r>
    <x v="2"/>
    <x v="3"/>
    <x v="4869"/>
    <s v="Gestionnaire 2006"/>
    <s v="Aide a la gestion en garderie"/>
    <s v="Other"/>
    <x v="1"/>
    <s v="Acceo Solutions"/>
    <x v="34"/>
    <s v="6.7 Information Technology"/>
    <s v="Human Resources Management Services"/>
    <s v="DND-14120"/>
    <s v="In Production"/>
    <s v=""/>
    <x v="0"/>
    <x v="10"/>
  </r>
  <r>
    <x v="3"/>
    <x v="4"/>
    <x v="4870"/>
    <s v="PALMS CF188"/>
    <s v="The Publication &amp; Library Management Intranet website (http://wsm.montreal.mil.ca/palms/ ) allows the main technical librarians from NDHQ, Cold Lake, Bagotville and from any prime or sub-contractor to maintain an up-to-date catalogue of Publications for CF188"/>
    <s v=""/>
    <x v="1"/>
    <s v=""/>
    <x v="34"/>
    <s v="4.2 Materiel Lifecycle"/>
    <s v="Materiel Services"/>
    <s v="DND-14132"/>
    <s v="In Production"/>
    <s v="desktop"/>
    <x v="1"/>
    <x v="1827"/>
  </r>
  <r>
    <x v="4"/>
    <x v="5"/>
    <x v="4871"/>
    <s v="Gestion de personnel"/>
    <m/>
    <s v=""/>
    <x v="1"/>
    <s v=""/>
    <x v="34"/>
    <s v="6.4 Human Resources Management"/>
    <s v="Human Resources Management Services"/>
    <s v="DND-14133"/>
    <s v="In Production"/>
    <s v=""/>
    <x v="1"/>
    <x v="1828"/>
  </r>
  <r>
    <x v="4"/>
    <x v="5"/>
    <x v="4872"/>
    <s v="WayBill_OCA"/>
    <s v=""/>
    <s v=""/>
    <x v="1"/>
    <s v=""/>
    <x v="34"/>
    <s v="6.9 Material"/>
    <s v="Materiel Services"/>
    <s v="DND-14134"/>
    <s v="In Production"/>
    <s v=""/>
    <x v="1"/>
    <x v="10"/>
  </r>
  <r>
    <x v="4"/>
    <x v="5"/>
    <x v="4873"/>
    <s v="RTC"/>
    <s v="Gestion de matériel de camp temporaire"/>
    <s v=""/>
    <x v="1"/>
    <s v=""/>
    <x v="34"/>
    <s v="6.1 Management &amp; Oversight"/>
    <s v="Materiel Services"/>
    <s v="DND-14135"/>
    <s v="In Production"/>
    <s v=""/>
    <x v="1"/>
    <x v="302"/>
  </r>
  <r>
    <x v="4"/>
    <x v="5"/>
    <x v="4874"/>
    <s v="CFLI"/>
    <s v="Pour gérer les commandes et la distribution de commandes de livres entre Kingston et 25 DAFC"/>
    <s v=""/>
    <x v="1"/>
    <s v=""/>
    <x v="34"/>
    <s v="6.1 Management &amp; Oversight"/>
    <s v="Materiel Services"/>
    <s v="DND-14136"/>
    <s v="In Production"/>
    <s v=""/>
    <x v="1"/>
    <x v="1829"/>
  </r>
  <r>
    <x v="4"/>
    <x v="5"/>
    <x v="4875"/>
    <s v="Surtemps"/>
    <s v="Gestion du temps supplémentaire des employés civils."/>
    <s v=""/>
    <x v="1"/>
    <s v=""/>
    <x v="34"/>
    <s v="6.4 Human Resources Management"/>
    <s v="Human Resources Management Services"/>
    <s v="DND-14137"/>
    <s v="In Production"/>
    <s v=""/>
    <x v="1"/>
    <x v="1830"/>
  </r>
  <r>
    <x v="6"/>
    <x v="48"/>
    <x v="4876"/>
    <s v="Systeme de Suivi de Demandes / Request Tracking System"/>
    <s v="Pour gérer et la coordination de projets.  Pour le suivi de toutes sortes de tâches (demandes de service installation et achat) y compris informatique. ***Nom changé d'Achat local, le 9 de janvier, 2015.   To manage and coordinate projects.  For tracking all kinds of tasks (installation and purchase service requests) including it. Changed local purchase name, January 9th, 2015"/>
    <s v=""/>
    <x v="1"/>
    <s v=""/>
    <x v="34"/>
    <s v="6.1 Management &amp; Oversight"/>
    <s v="Materiel Services"/>
    <s v="DND-14138"/>
    <s v="In Production"/>
    <s v="desktop"/>
    <x v="1"/>
    <x v="1831"/>
  </r>
  <r>
    <x v="0"/>
    <x v="7"/>
    <x v="4877"/>
    <s v="TINA CC130"/>
    <m/>
    <s v=""/>
    <x v="1"/>
    <s v=""/>
    <x v="34"/>
    <s v="4.2 Materiel Lifecycle"/>
    <s v="Management and Oversight Services"/>
    <s v="DND-14142"/>
    <s v="In Production"/>
    <s v="web"/>
    <x v="1"/>
    <x v="1832"/>
  </r>
  <r>
    <x v="3"/>
    <x v="4"/>
    <x v="4878"/>
    <s v="ARMS - LMPT"/>
    <s v="The ARMS / LMPT is used by the CF188 WSM. The tool is comprised of two modules. The Logistics Module is used by the LCMMs to combine information from DMS/MRS, CBMSS, CFSS and DRMIS to greatly reduce the amount of time that the managers would use to get this info. Used to be known as ARMS."/>
    <s v=""/>
    <x v="1"/>
    <s v=""/>
    <x v="34"/>
    <s v="4.2 Materiel Lifecycle"/>
    <s v="Materiel Services"/>
    <s v="DND-14145"/>
    <s v="In Production"/>
    <s v="desktop"/>
    <x v="1"/>
    <x v="1833"/>
  </r>
  <r>
    <x v="4"/>
    <x v="5"/>
    <x v="4879"/>
    <s v="ARLU"/>
    <m/>
    <s v=""/>
    <x v="1"/>
    <s v=""/>
    <x v="34"/>
    <s v="6.5 Financial Management"/>
    <s v="Financial Management Services"/>
    <s v="DND-14152"/>
    <s v="In Production"/>
    <s v=""/>
    <x v="1"/>
    <x v="1834"/>
  </r>
  <r>
    <x v="4"/>
    <x v="5"/>
    <x v="4880"/>
    <s v="AssystRX"/>
    <s v="Applications that track all of CF drug prescriptions, allergies, drug interaction for the forces in garrison and deployments.  Information is manually transferred to CFHIS"/>
    <s v=""/>
    <x v="1"/>
    <s v=""/>
    <x v="34"/>
    <s v="6.7 Information Technology"/>
    <s v="Human Resources Management Services"/>
    <s v="DND-14153"/>
    <s v="In Production"/>
    <s v=""/>
    <x v="0"/>
    <x v="86"/>
  </r>
  <r>
    <x v="4"/>
    <x v="5"/>
    <x v="4881"/>
    <s v="CFHIS"/>
    <m/>
    <s v=""/>
    <x v="1"/>
    <s v=""/>
    <x v="34"/>
    <s v="6.4 Human Resources Management"/>
    <s v="Human Resources Management Services"/>
    <s v="DND-1416"/>
    <s v="In Production"/>
    <s v=""/>
    <x v="1"/>
    <x v="1835"/>
  </r>
  <r>
    <x v="0"/>
    <x v="7"/>
    <x v="4882"/>
    <s v="TM EWP"/>
    <s v="Audit  Electronic Working Papers software  - presently using version 10.2.4"/>
    <s v="Other"/>
    <x v="1"/>
    <s v="Wolters Kluwer Financial Services"/>
    <x v="34"/>
    <s v="6.7 Information Technology"/>
    <s v="Information Management Services"/>
    <s v="DND-14160"/>
    <s v="In Production"/>
    <s v=""/>
    <x v="0"/>
    <x v="86"/>
  </r>
  <r>
    <x v="2"/>
    <x v="32"/>
    <x v="4883"/>
    <s v="HAMIS F"/>
    <s v="To manage the financial aspects of the organization. Used by CFHA"/>
    <s v=""/>
    <x v="1"/>
    <s v=""/>
    <x v="34"/>
    <s v="4.1 Military Personnel &amp; Organization Lifecycle"/>
    <s v="Financial Management Services"/>
    <s v="DND-14164"/>
    <s v="In Production"/>
    <s v=""/>
    <x v="0"/>
    <x v="1836"/>
  </r>
  <r>
    <x v="4"/>
    <x v="5"/>
    <x v="4884"/>
    <s v="FORTRESS"/>
    <s v="HR System for the Cadets"/>
    <s v=""/>
    <x v="1"/>
    <s v=""/>
    <x v="34"/>
    <s v="6.4 Human Resources Management"/>
    <s v="Human Resources Management Services"/>
    <s v="DND-14168"/>
    <s v="In Production"/>
    <s v=""/>
    <x v="1"/>
    <x v="1837"/>
  </r>
  <r>
    <x v="4"/>
    <x v="5"/>
    <x v="4885"/>
    <s v="LLKMS"/>
    <s v="The KMS is a bilingual application allowing users to access knowledge from different Canadian Forces Organizations regarding Lessons Learned, Doctrine and Task Support."/>
    <s v=""/>
    <x v="1"/>
    <s v=""/>
    <x v="34"/>
    <s v="6.6 Information Management"/>
    <s v="Human Resources Management Services"/>
    <s v="DND-1417"/>
    <s v="In Production"/>
    <s v=""/>
    <x v="1"/>
    <x v="86"/>
  </r>
  <r>
    <x v="4"/>
    <x v="5"/>
    <x v="4886"/>
    <s v=""/>
    <s v="System used for statistical purposes for info not in CFHIS.  Used in 16 CF Bases and in Afghanistan"/>
    <s v=""/>
    <x v="1"/>
    <s v=""/>
    <x v="34"/>
    <s v="6.7 Information Technology"/>
    <s v="Human Resources Management Services"/>
    <s v="DND-14179"/>
    <s v="In Production"/>
    <s v=""/>
    <x v="1"/>
    <x v="86"/>
  </r>
  <r>
    <x v="4"/>
    <x v="5"/>
    <x v="4887"/>
    <s v=""/>
    <m/>
    <s v=""/>
    <x v="1"/>
    <s v=""/>
    <x v="34"/>
    <s v="6.7 Information Technology"/>
    <s v="Human Resources Management Services"/>
    <s v="DND-14181"/>
    <s v="In Production"/>
    <s v=""/>
    <x v="1"/>
    <x v="86"/>
  </r>
  <r>
    <x v="4"/>
    <x v="5"/>
    <x v="4888"/>
    <s v=""/>
    <s v="System to track visits to clinics in deployed ops, to identify trends in epidemiology.  Web application used by the epidemiologists which contains the Epi NATO, Medsitrep and other reports."/>
    <s v=""/>
    <x v="1"/>
    <s v=""/>
    <x v="34"/>
    <s v="6.7 Information Technology"/>
    <s v="Human Resources Management Services"/>
    <s v="DND-14182"/>
    <s v="In Production"/>
    <s v=""/>
    <x v="1"/>
    <x v="86"/>
  </r>
  <r>
    <x v="4"/>
    <x v="5"/>
    <x v="4889"/>
    <s v=""/>
    <s v="System to track Red Cross and St-Johns Ambulance emergency medical training and instructor certification due dates - APRV and pre-deployment training."/>
    <s v=""/>
    <x v="1"/>
    <s v=""/>
    <x v="34"/>
    <s v="6.7 Information Technology"/>
    <s v="Human Resources Management Services"/>
    <s v="DND-14183"/>
    <s v="In Production"/>
    <s v=""/>
    <x v="1"/>
    <x v="86"/>
  </r>
  <r>
    <x v="4"/>
    <x v="5"/>
    <x v="4890"/>
    <s v=""/>
    <m/>
    <s v=""/>
    <x v="1"/>
    <s v=""/>
    <x v="34"/>
    <s v="6.7 Information Technology"/>
    <s v="Human Resources Management Services"/>
    <s v="DND-14184"/>
    <s v="In Production"/>
    <s v=""/>
    <x v="1"/>
    <x v="86"/>
  </r>
  <r>
    <x v="4"/>
    <x v="5"/>
    <x v="4891"/>
    <s v=""/>
    <s v="Posting preferences with reasons to request geographic stability are inserted by CF personnel through DGMC Intranet Web site via the EMAA application."/>
    <s v=""/>
    <x v="1"/>
    <s v=""/>
    <x v="34"/>
    <s v="6.7 Information Technology"/>
    <s v="Human Resources Management Services"/>
    <s v="DND-14187"/>
    <s v="In Production"/>
    <s v=""/>
    <x v="1"/>
    <x v="1838"/>
  </r>
  <r>
    <x v="4"/>
    <x v="5"/>
    <x v="4892"/>
    <s v=""/>
    <s v=""/>
    <s v=""/>
    <x v="1"/>
    <s v=""/>
    <x v="34"/>
    <s v="6.7 Information Technology"/>
    <s v="Human Resources Management Services"/>
    <s v="DND-14188"/>
    <s v="In Production"/>
    <s v=""/>
    <x v="1"/>
    <x v="86"/>
  </r>
  <r>
    <x v="4"/>
    <x v="5"/>
    <x v="4893"/>
    <s v=""/>
    <s v=""/>
    <s v=""/>
    <x v="1"/>
    <s v=""/>
    <x v="34"/>
    <s v="6.7 Information Technology"/>
    <s v="Human Resources Management Services"/>
    <s v="DND-14189"/>
    <s v="In Production"/>
    <s v=""/>
    <x v="1"/>
    <x v="86"/>
  </r>
  <r>
    <x v="4"/>
    <x v="5"/>
    <x v="4894"/>
    <s v="CFRIS"/>
    <s v="CFRIS is used to co-ordinate, monitor, and manage the use of DND ranges and training areas.  CFRIS controls licencing and use of all Ranges and Training Areas (RTA) across the CAF.  It is the system of record for range management, in accordance with Canadian Forces General Orders (CANFORGEN) CANFORGEN 104/11 (ADM MAT 001/11 131216Z JUN 11) and CANFORGEN 192/11 (ADM MAT 002/11 141451Z OCT 11)."/>
    <s v=""/>
    <x v="1"/>
    <s v=""/>
    <x v="34"/>
    <s v="3.1 Force Elements Readiness Sustainment"/>
    <s v="Management and Oversight Services"/>
    <s v="DND-1419"/>
    <s v="In Production"/>
    <s v=""/>
    <x v="1"/>
    <x v="1839"/>
  </r>
  <r>
    <x v="4"/>
    <x v="5"/>
    <x v="4895"/>
    <s v=""/>
    <s v=""/>
    <s v=""/>
    <x v="1"/>
    <s v=""/>
    <x v="34"/>
    <s v="6.7 Information Technology"/>
    <s v="Human Resources Management Services"/>
    <s v="DND-14190"/>
    <s v="In Production"/>
    <s v=""/>
    <x v="1"/>
    <x v="86"/>
  </r>
  <r>
    <x v="4"/>
    <x v="5"/>
    <x v="4896"/>
    <s v=""/>
    <s v=""/>
    <s v=""/>
    <x v="1"/>
    <s v=""/>
    <x v="34"/>
    <s v="6.7 Information Technology"/>
    <s v="Human Resources Management Services"/>
    <s v="DND-14191"/>
    <s v="In Production"/>
    <s v=""/>
    <x v="1"/>
    <x v="86"/>
  </r>
  <r>
    <x v="0"/>
    <x v="5"/>
    <x v="4897"/>
    <s v=""/>
    <s v="In-house access application used by general office"/>
    <s v=""/>
    <x v="1"/>
    <s v=""/>
    <x v="34"/>
    <s v="6.7 Information Technology"/>
    <s v="Management and Oversight Services"/>
    <s v="DND-14192"/>
    <s v="In Production"/>
    <s v=""/>
    <x v="1"/>
    <x v="86"/>
  </r>
  <r>
    <x v="0"/>
    <x v="16"/>
    <x v="4898"/>
    <s v=""/>
    <s v="Web based audit issues tracking database."/>
    <s v=""/>
    <x v="1"/>
    <s v=""/>
    <x v="34"/>
    <s v="6.9 Material"/>
    <s v="Information Management Services"/>
    <s v="DND-14196"/>
    <s v="In Production"/>
    <s v=""/>
    <x v="0"/>
    <x v="86"/>
  </r>
  <r>
    <x v="4"/>
    <x v="5"/>
    <x v="4899"/>
    <s v="CFADB"/>
    <s v="Database that captures details on all CF applicants including selection test results and tombstone information"/>
    <s v=""/>
    <x v="1"/>
    <s v=""/>
    <x v="34"/>
    <s v="6.7 Information Technology"/>
    <s v="Human Resources Management Services"/>
    <s v="DND-14201"/>
    <s v="In Production"/>
    <s v=""/>
    <x v="1"/>
    <x v="86"/>
  </r>
  <r>
    <x v="4"/>
    <x v="5"/>
    <x v="4900"/>
    <s v="HRRD"/>
    <s v="Historical repository of select HRMS fields to support research and analysis within DGMPRA"/>
    <s v=""/>
    <x v="1"/>
    <s v=""/>
    <x v="34"/>
    <s v="6.7 Information Technology"/>
    <s v="Human Resources Management Services"/>
    <s v="DND-14202"/>
    <s v="In Production"/>
    <s v=""/>
    <x v="1"/>
    <x v="86"/>
  </r>
  <r>
    <x v="4"/>
    <x v="5"/>
    <x v="4901"/>
    <s v="PC CODAP"/>
    <s v="PC CODAP is a tool used in Occupational Analysis.  It stores and processes Occupational survey data, presenting it in diagrammatic and tabular for for analysis."/>
    <s v=""/>
    <x v="1"/>
    <s v=""/>
    <x v="34"/>
    <s v="4.1 Military Personnel &amp; Organization Lifecycle"/>
    <s v="Human Resources Management Services"/>
    <s v="DND-14206"/>
    <s v="In Production"/>
    <s v=""/>
    <x v="1"/>
    <x v="1840"/>
  </r>
  <r>
    <x v="4"/>
    <x v="5"/>
    <x v="4902"/>
    <s v="QRS"/>
    <s v="QRS stores data relating to the CF occupational structure, the Qualification Levels (QL) , and Specialty Specifications (SS)"/>
    <s v=""/>
    <x v="1"/>
    <s v=""/>
    <x v="34"/>
    <s v="4.1 Military Personnel &amp; Organization Lifecycle"/>
    <s v="Human Resources Management Services"/>
    <s v="DND-14207"/>
    <s v="In Production"/>
    <s v=""/>
    <x v="1"/>
    <x v="86"/>
  </r>
  <r>
    <x v="4"/>
    <x v="5"/>
    <x v="4903"/>
    <s v="CFTPO"/>
    <s v="CFTPO is an Oracle application, designed for task planning and operations for the Canadian Forces. CFTPO is used during Force Generation (FG) for operations and for management of all taskings within the CAF.  It has an archive of all taskings since 1990.  It includes all operational taskings, incremental taskings, ship sailings, school courses, exercises, and other miscellaneous activities, such as ceremonial or VIP duties, etc."/>
    <s v=""/>
    <x v="1"/>
    <s v=""/>
    <x v="34"/>
    <s v="4.1 Military Personnel &amp; Organization Lifecycle"/>
    <s v="Human Resources Management Services,Other"/>
    <s v="DND-1421"/>
    <s v="In Production"/>
    <s v=""/>
    <x v="1"/>
    <x v="1841"/>
  </r>
  <r>
    <x v="4"/>
    <x v="5"/>
    <x v="4904"/>
    <s v="CMIS"/>
    <s v="The Corporate Management Information System (CMIS) was developed to be used as a tool by managers and users to assist in the daily requirement for data collection and reporting.  CMIS is the main source of information used in Business Planning, Course Man"/>
    <s v=""/>
    <x v="1"/>
    <s v=""/>
    <x v="34"/>
    <s v="6.7 Information Technology"/>
    <s v="Human Resources Management Services"/>
    <s v="DND-14339"/>
    <s v="In Production"/>
    <s v=""/>
    <x v="1"/>
    <x v="86"/>
  </r>
  <r>
    <x v="4"/>
    <x v="5"/>
    <x v="4905"/>
    <s v="SRMS"/>
    <s v="This application is used to request Base Borden Resources"/>
    <s v=""/>
    <x v="1"/>
    <s v=""/>
    <x v="34"/>
    <s v="6.7 Information Technology"/>
    <s v=""/>
    <s v="DND-14340"/>
    <s v="In Production"/>
    <s v=""/>
    <x v="1"/>
    <x v="86"/>
  </r>
  <r>
    <x v="4"/>
    <x v="5"/>
    <x v="4906"/>
    <s v=""/>
    <s v="Auto CAD Drafting"/>
    <s v=""/>
    <x v="1"/>
    <s v=""/>
    <x v="34"/>
    <s v="6.7 Information Technology"/>
    <s v=""/>
    <s v="DND-14349"/>
    <s v="In Production"/>
    <s v=""/>
    <x v="0"/>
    <x v="86"/>
  </r>
  <r>
    <x v="2"/>
    <x v="10"/>
    <x v="4907"/>
    <s v="CBMSS - CF188"/>
    <s v="Based on Mxi's Maintenix CBMSS is a maintenance information system for the CF18. CBMSS consists of two major software applications: Data Stripping and Tracker. Data Stripping is used to manage the Aircraft Data Files (ADFs) produced from CF18 Tape Transport Mechanism (TTM). Tracker is a distributed system that utilizes a modern Window explorer iconic interface to maintain equipment configuration, track usage Life Used Indices (LUIs) against components, and provide notification of upcoming work (tasks). It also allows `logbooks' to be electronically transferred and replicated without re-entry of data or associated verification work."/>
    <s v=""/>
    <x v="1"/>
    <s v=""/>
    <x v="34"/>
    <s v="4.2 Materiel Lifecycle"/>
    <s v="Materiel Services"/>
    <s v="DND-1435"/>
    <s v="In Production"/>
    <s v="desktop"/>
    <x v="0"/>
    <x v="1842"/>
  </r>
  <r>
    <x v="4"/>
    <x v="5"/>
    <x v="4830"/>
    <s v=""/>
    <s v="GIS Software"/>
    <s v=""/>
    <x v="1"/>
    <s v=""/>
    <x v="34"/>
    <s v=""/>
    <s v=""/>
    <s v="DND-14353"/>
    <s v="In Production"/>
    <s v=""/>
    <x v="0"/>
    <x v="86"/>
  </r>
  <r>
    <x v="4"/>
    <x v="5"/>
    <x v="4908"/>
    <s v=""/>
    <s v="Construction cost estimating"/>
    <s v=""/>
    <x v="1"/>
    <s v=""/>
    <x v="34"/>
    <s v="6.7 Information Technology"/>
    <s v="Real Property Services"/>
    <s v="DND-14355"/>
    <s v="In Production"/>
    <s v=""/>
    <x v="0"/>
    <x v="86"/>
  </r>
  <r>
    <x v="3"/>
    <x v="4"/>
    <x v="4909"/>
    <s v=""/>
    <s v="Asset management"/>
    <s v=""/>
    <x v="1"/>
    <s v=""/>
    <x v="34"/>
    <s v="6.9 Material"/>
    <s v="Materiel Services"/>
    <s v="DND-14358"/>
    <s v="In Production"/>
    <s v=""/>
    <x v="0"/>
    <x v="86"/>
  </r>
  <r>
    <x v="4"/>
    <x v="5"/>
    <x v="4910"/>
    <s v=""/>
    <s v="GIS Software"/>
    <s v=""/>
    <x v="1"/>
    <s v=""/>
    <x v="34"/>
    <s v="6.7 Information Technology"/>
    <s v=""/>
    <s v="DND-14359"/>
    <s v="In Production"/>
    <s v=""/>
    <x v="0"/>
    <x v="86"/>
  </r>
  <r>
    <x v="4"/>
    <x v="5"/>
    <x v="4911"/>
    <s v=""/>
    <s v=""/>
    <s v=""/>
    <x v="1"/>
    <s v=""/>
    <x v="34"/>
    <s v="6.7 Information Technology"/>
    <s v="Materiel Services"/>
    <s v="DND-14369"/>
    <s v="In Production"/>
    <s v=""/>
    <x v="0"/>
    <x v="86"/>
  </r>
  <r>
    <x v="4"/>
    <x v="5"/>
    <x v="4912"/>
    <s v="OSISS"/>
    <m/>
    <s v=""/>
    <x v="1"/>
    <s v=""/>
    <x v="34"/>
    <s v="6.7 Information Technology"/>
    <s v="Human Resources Management Services"/>
    <s v="DND-144"/>
    <s v="In Production"/>
    <s v=""/>
    <x v="1"/>
    <x v="1826"/>
  </r>
  <r>
    <x v="3"/>
    <x v="4"/>
    <x v="4913"/>
    <s v="DMS / MRS - CF188"/>
    <s v="A/C Maintenance database serves as the primary Maintenance Records system and Integrated Logistic Support for the CF-188. DMS is a relational database designed to support the technical, administrative, and management data requirements of the CF-188 community. It is a distributed network of computers extending to all principal DND and contractor CF-188 sites."/>
    <s v=""/>
    <x v="1"/>
    <s v=""/>
    <x v="34"/>
    <s v="4.2 Materiel Lifecycle"/>
    <s v="Materiel Services"/>
    <s v="DND-1440"/>
    <s v="In Production"/>
    <s v="desktop"/>
    <x v="1"/>
    <x v="1843"/>
  </r>
  <r>
    <x v="0"/>
    <x v="19"/>
    <x v="4914"/>
    <s v="DFC"/>
    <s v="This catalogue contains approved DND/CF forms in electronic format (with fill, print and save capability)."/>
    <s v=""/>
    <x v="1"/>
    <s v=""/>
    <x v="34"/>
    <s v="6.6 Information Management"/>
    <s v="Information Management Services"/>
    <s v="DND-1441"/>
    <s v="In Production"/>
    <s v=""/>
    <x v="1"/>
    <x v="1844"/>
  </r>
  <r>
    <x v="4"/>
    <x v="5"/>
    <x v="4915"/>
    <s v=""/>
    <s v="Description Plus! is an application designed to create work descriptions in the Universal Classification Standard (UCS ) format."/>
    <s v=""/>
    <x v="1"/>
    <s v=""/>
    <x v="34"/>
    <s v="6.7 Information Technology"/>
    <s v="Human Resources Management Services"/>
    <s v="DND-1443"/>
    <s v="In Production"/>
    <s v=""/>
    <x v="0"/>
    <x v="1845"/>
  </r>
  <r>
    <x v="4"/>
    <x v="5"/>
    <x v="4916"/>
    <s v="GPS"/>
    <s v="Web content management system"/>
    <s v=""/>
    <x v="1"/>
    <s v=""/>
    <x v="34"/>
    <s v="6.6 Information Management"/>
    <s v="Information Management Services"/>
    <s v="DND-14514"/>
    <s v="In Production"/>
    <s v=""/>
    <x v="1"/>
    <x v="1846"/>
  </r>
  <r>
    <x v="0"/>
    <x v="0"/>
    <x v="4917"/>
    <s v="CTES"/>
    <s v="Exercise Planing and Financial Management"/>
    <s v=""/>
    <x v="1"/>
    <s v=""/>
    <x v="34"/>
    <s v="6.4 Human Resources Management"/>
    <s v="Information Management Services"/>
    <s v="DND-14515"/>
    <s v="In Production"/>
    <s v=""/>
    <x v="1"/>
    <x v="1847"/>
  </r>
  <r>
    <x v="2"/>
    <x v="5"/>
    <x v="4918"/>
    <s v="PersApps"/>
    <s v="Personnel and Contact Management This application allows administrators to manage the pay and reimbursement of expenses (eg. living expenses) for CAF staff in Washington.  It’s a complete financial management system where you can add/edit/delete data and run reports.  The reports are submitted to banks for processing of financial data."/>
    <s v=""/>
    <x v="1"/>
    <s v=""/>
    <x v="34"/>
    <s v="6.4 Human Resources Management"/>
    <s v="Financial Management Services,Human Resources Management Services,Travel and Other Administrative Services"/>
    <s v="DND-14516"/>
    <s v="In Production"/>
    <s v=""/>
    <x v="1"/>
    <x v="1848"/>
  </r>
  <r>
    <x v="0"/>
    <x v="11"/>
    <x v="4919"/>
    <s v="j7stanags"/>
    <s v="NATO STANAG Management"/>
    <s v=""/>
    <x v="1"/>
    <s v=""/>
    <x v="34"/>
    <s v="6.6 Information Management"/>
    <s v="Management and Oversight Services"/>
    <s v="DND-14522"/>
    <s v="In Production"/>
    <s v=""/>
    <x v="1"/>
    <x v="1849"/>
  </r>
  <r>
    <x v="10"/>
    <x v="69"/>
    <x v="4920"/>
    <s v="FreeFlow TDMS"/>
    <s v="Includes:  Process Manager  Output Manager  Print Manager.  The purpose of the FreeFlow Print Server software is to bridge the KONFIG application (POD system) to the production print devices. Process Manager receives multiple PDF files comprising of document component"/>
    <s v="Other"/>
    <x v="1"/>
    <s v="Xerox FreeFlow Software Suite"/>
    <x v="34"/>
    <s v="4.2 Materiel Lifecycle"/>
    <s v="Information Management Services"/>
    <s v="DND-14525"/>
    <s v="In Production"/>
    <s v="desktop"/>
    <x v="0"/>
    <x v="1850"/>
  </r>
  <r>
    <x v="2"/>
    <x v="65"/>
    <x v="4921"/>
    <s v="MLS6"/>
    <s v="Mail Listing System 6, a database of Reserve Force unit mailing information used by MilPay Ops &amp; Pension Services for printing of labels for mailing, especially for returned T4 and R1 documents."/>
    <s v=""/>
    <x v="1"/>
    <s v=""/>
    <x v="34"/>
    <s v="6.4 Human Resources Management"/>
    <s v="Human Resources Management Services"/>
    <s v="DND-14561"/>
    <s v="In Production"/>
    <s v=""/>
    <x v="1"/>
    <x v="10"/>
  </r>
  <r>
    <x v="2"/>
    <x v="65"/>
    <x v="4922"/>
    <s v="RFGDB"/>
    <s v="Used by MilPay Ops to track release payments not captured by RPSR. Tracks release gratuity and death gratuity payments for the Reserve Force members and produces T4A documents for members and tax remittance reports for Revenue Cda."/>
    <s v=""/>
    <x v="1"/>
    <s v=""/>
    <x v="34"/>
    <s v="6.4 Human Resources Management"/>
    <s v="Human Resources Management Services"/>
    <s v="DND-14562"/>
    <s v="In Production"/>
    <s v=""/>
    <x v="1"/>
    <x v="1851"/>
  </r>
  <r>
    <x v="8"/>
    <x v="38"/>
    <x v="4923"/>
    <s v="PR Database"/>
    <s v="&quot;Technical issue tracking &amp; reporting DB for CCPS application used by MilPay Ops, client Business &amp; Functional Requirements, Pension Services, DHRIM 9."/>
    <s v=""/>
    <x v="1"/>
    <s v=""/>
    <x v="34"/>
    <s v="4.4 Information Systems Lifecycle"/>
    <s v="Human Resources Management Services,Information Technology Services"/>
    <s v="DND-14563"/>
    <s v="In Production"/>
    <s v=""/>
    <x v="1"/>
    <x v="10"/>
  </r>
  <r>
    <x v="0"/>
    <x v="7"/>
    <x v="4924"/>
    <s v="Attractions"/>
    <s v="Gestion des établissements scolaires, des contacts et des événements"/>
    <s v=""/>
    <x v="1"/>
    <s v=""/>
    <x v="34"/>
    <s v="4.1 Military Personnel &amp; Organization Lifecycle"/>
    <s v="Human Resources Management Services"/>
    <s v="DND-14567"/>
    <s v="In Production"/>
    <s v=""/>
    <x v="1"/>
    <x v="1852"/>
  </r>
  <r>
    <x v="4"/>
    <x v="5"/>
    <x v="4925"/>
    <s v="SADC"/>
    <s v="Système de pré-approbation de déplacement pour Commandants d'unités  Note: 34 CBG"/>
    <s v=""/>
    <x v="1"/>
    <s v=""/>
    <x v="34"/>
    <s v="6.4 Human Resources Management"/>
    <s v="Human Resources Management Services"/>
    <s v="DND-14568"/>
    <s v="In Production"/>
    <s v=""/>
    <x v="1"/>
    <x v="1853"/>
  </r>
  <r>
    <x v="3"/>
    <x v="4"/>
    <x v="4926"/>
    <s v="FED LOG"/>
    <s v="FEDLOG is published monthly on DVD by the DLA Logistics Information Services. FEDLOG can be installed and operated on Windows. It can be used to retrieve management, part/reference number, supplier, Commercial and Government Entity (CAGE), freight, Interc"/>
    <s v=""/>
    <x v="1"/>
    <s v=""/>
    <x v="34"/>
    <s v="4.2 Materiel Lifecycle"/>
    <s v="Materiel Services"/>
    <s v="DND-1458"/>
    <s v="In Production"/>
    <s v="desktop"/>
    <x v="1"/>
    <x v="1854"/>
  </r>
  <r>
    <x v="8"/>
    <x v="29"/>
    <x v="4927"/>
    <s v=""/>
    <s v="Scripting tools for network administrators or developpers"/>
    <s v="Other"/>
    <x v="1"/>
    <s v="Sapien technologies"/>
    <x v="34"/>
    <s v="6.1 Management &amp; Oversight"/>
    <s v="Information Technology Services"/>
    <s v="DND-14602"/>
    <s v="In Production"/>
    <s v=""/>
    <x v="0"/>
    <x v="86"/>
  </r>
  <r>
    <x v="3"/>
    <x v="92"/>
    <x v="4928"/>
    <s v="Req RH"/>
    <s v="Human Resources Service Request Management System"/>
    <s v=""/>
    <x v="1"/>
    <s v=""/>
    <x v="34"/>
    <s v="4.2 Materiel Lifecycle"/>
    <s v="Human Resources Management Services"/>
    <s v="DND-14617"/>
    <s v="In Production"/>
    <s v="desktop"/>
    <x v="1"/>
    <x v="1855"/>
  </r>
  <r>
    <x v="3"/>
    <x v="4"/>
    <x v="4929"/>
    <s v="Req Elec TI"/>
    <s v="Système de gestion des requêtes de service  Service Request Management System"/>
    <s v=""/>
    <x v="1"/>
    <s v=""/>
    <x v="34"/>
    <s v="4.2 Materiel Lifecycle"/>
    <s v="Materiel Services"/>
    <s v="DND-14619"/>
    <s v="In Production"/>
    <s v="desktop"/>
    <x v="1"/>
    <x v="1856"/>
  </r>
  <r>
    <x v="3"/>
    <x v="4"/>
    <x v="4930"/>
    <s v="Req Man TI"/>
    <s v="Système de gestion des requêtes de service  Service Request Management System"/>
    <s v=""/>
    <x v="1"/>
    <s v=""/>
    <x v="34"/>
    <s v="4.2 Materiel Lifecycle"/>
    <s v="Materiel Services"/>
    <s v="DND-14620"/>
    <s v="In Production"/>
    <s v="desktop"/>
    <x v="1"/>
    <x v="1855"/>
  </r>
  <r>
    <x v="0"/>
    <x v="11"/>
    <x v="4931"/>
    <s v="TabBord"/>
    <s v="Système de generation des indicateurs de performance  System for Generating Performance Indicators"/>
    <s v=""/>
    <x v="1"/>
    <s v=""/>
    <x v="34"/>
    <s v="4.2 Materiel Lifecycle"/>
    <s v="Management and Oversight Services"/>
    <s v="DND-14621"/>
    <s v="In Production"/>
    <s v="desktop"/>
    <x v="1"/>
    <x v="1857"/>
  </r>
  <r>
    <x v="0"/>
    <x v="11"/>
    <x v="4932"/>
    <s v="LMS"/>
    <m/>
    <s v=""/>
    <x v="1"/>
    <s v=""/>
    <x v="34"/>
    <s v="4.2 Materiel Lifecycle"/>
    <s v="Materiel Services"/>
    <s v="DND-14623"/>
    <s v="In Production"/>
    <s v="desktop"/>
    <x v="1"/>
    <x v="1855"/>
  </r>
  <r>
    <x v="4"/>
    <x v="5"/>
    <x v="4933"/>
    <s v="SIIEL"/>
    <s v="Système d'information soutenant les opérations de formation linguistique dans les Forces canadiennes."/>
    <s v=""/>
    <x v="1"/>
    <s v=""/>
    <x v="34"/>
    <s v="6.7 Information Technology"/>
    <s v=""/>
    <s v="DND-14631"/>
    <s v="In Production"/>
    <s v=""/>
    <x v="1"/>
    <x v="86"/>
  </r>
  <r>
    <x v="4"/>
    <x v="5"/>
    <x v="4934"/>
    <s v=""/>
    <s v="Dictionnaire"/>
    <s v=""/>
    <x v="1"/>
    <s v=""/>
    <x v="34"/>
    <s v="6.7 Information Technology"/>
    <s v=""/>
    <s v="DND-14645"/>
    <s v="In Production"/>
    <s v=""/>
    <x v="0"/>
    <x v="86"/>
  </r>
  <r>
    <x v="4"/>
    <x v="5"/>
    <x v="2817"/>
    <s v=""/>
    <s v="Dictionnaire"/>
    <s v=""/>
    <x v="1"/>
    <s v=""/>
    <x v="34"/>
    <s v="6.7 Information Technology"/>
    <s v=""/>
    <s v="DND-14648"/>
    <s v="In Production"/>
    <s v=""/>
    <x v="0"/>
    <x v="86"/>
  </r>
  <r>
    <x v="4"/>
    <x v="5"/>
    <x v="4935"/>
    <s v=""/>
    <s v="Dictionnaire"/>
    <s v=""/>
    <x v="1"/>
    <s v=""/>
    <x v="34"/>
    <s v="6.7 Information Technology"/>
    <s v=""/>
    <s v="DND-14650"/>
    <s v="In Production"/>
    <s v=""/>
    <x v="0"/>
    <x v="86"/>
  </r>
  <r>
    <x v="4"/>
    <x v="5"/>
    <x v="4936"/>
    <s v=""/>
    <s v="Logiciel de traduction"/>
    <s v=""/>
    <x v="1"/>
    <s v=""/>
    <x v="34"/>
    <s v="6.7 Information Technology"/>
    <s v=""/>
    <s v="DND-14655"/>
    <s v="In Production"/>
    <s v=""/>
    <x v="0"/>
    <x v="86"/>
  </r>
  <r>
    <x v="4"/>
    <x v="5"/>
    <x v="4937"/>
    <s v=""/>
    <s v="Logiciel de mathématique"/>
    <s v=""/>
    <x v="1"/>
    <s v=""/>
    <x v="34"/>
    <s v="6.7 Information Technology"/>
    <s v=""/>
    <s v="DND-14663"/>
    <s v="In Production"/>
    <s v=""/>
    <x v="0"/>
    <x v="86"/>
  </r>
  <r>
    <x v="4"/>
    <x v="5"/>
    <x v="4938"/>
    <s v=""/>
    <s v="Logiciel technique chimie"/>
    <s v=""/>
    <x v="1"/>
    <s v=""/>
    <x v="34"/>
    <s v=""/>
    <s v=""/>
    <s v="DND-14672"/>
    <s v="In Production"/>
    <s v=""/>
    <x v="0"/>
    <x v="106"/>
  </r>
  <r>
    <x v="4"/>
    <x v="5"/>
    <x v="4939"/>
    <s v=""/>
    <s v="Logiciel de math"/>
    <s v=""/>
    <x v="1"/>
    <s v=""/>
    <x v="34"/>
    <s v="6.7 Information Technology"/>
    <s v=""/>
    <s v="DND-14675"/>
    <s v="In Production"/>
    <s v=""/>
    <x v="0"/>
    <x v="86"/>
  </r>
  <r>
    <x v="4"/>
    <x v="5"/>
    <x v="4940"/>
    <s v="Octopus"/>
    <s v="Gestion des appels de service (requetes, demande de services, problemes, rfc,…)"/>
    <s v=""/>
    <x v="1"/>
    <s v=""/>
    <x v="34"/>
    <s v="6.7 Information Technology"/>
    <s v=""/>
    <s v="DND-14696"/>
    <s v="In Production"/>
    <s v=""/>
    <x v="0"/>
    <x v="86"/>
  </r>
  <r>
    <x v="4"/>
    <x v="5"/>
    <x v="4941"/>
    <s v="Crestron Eletrocnics, Inc"/>
    <s v="Gestion local de système crestron"/>
    <s v=""/>
    <x v="1"/>
    <s v=""/>
    <x v="34"/>
    <s v="6.7 Information Technology"/>
    <s v=""/>
    <s v="DND-14703"/>
    <s v="In Production"/>
    <s v=""/>
    <x v="0"/>
    <x v="86"/>
  </r>
  <r>
    <x v="4"/>
    <x v="5"/>
    <x v="4942"/>
    <s v="Neuratron Limited"/>
    <s v="Logiciel pour scan et reconnaissance de partition de musique"/>
    <s v=""/>
    <x v="1"/>
    <s v=""/>
    <x v="34"/>
    <s v="6.7 Information Technology"/>
    <s v=""/>
    <s v="DND-14711"/>
    <s v="In Production"/>
    <s v=""/>
    <x v="0"/>
    <x v="86"/>
  </r>
  <r>
    <x v="4"/>
    <x v="5"/>
    <x v="4943"/>
    <s v=""/>
    <s v=""/>
    <s v=""/>
    <x v="1"/>
    <s v=""/>
    <x v="34"/>
    <s v="6.7 Information Technology"/>
    <s v="Materiel Services"/>
    <s v="DND-14717"/>
    <s v="In Production"/>
    <s v=""/>
    <x v="1"/>
    <x v="86"/>
  </r>
  <r>
    <x v="4"/>
    <x v="5"/>
    <x v="4944"/>
    <s v="Sibelius"/>
    <s v="Logiciel de gestion de partition de musique"/>
    <s v=""/>
    <x v="1"/>
    <s v=""/>
    <x v="34"/>
    <s v="6.7 Information Technology"/>
    <s v=""/>
    <s v="DND-14720"/>
    <s v="In Production"/>
    <s v=""/>
    <x v="0"/>
    <x v="86"/>
  </r>
  <r>
    <x v="3"/>
    <x v="4"/>
    <x v="4945"/>
    <s v="IETM - CF188"/>
    <s v="The CF188 (CF-188) Interactive Electronic Technical Manuals (IETM) are the collection of all technical publications for first line maintenance including modification information. They are used by the first line maintenance community on Canadian Air Force (CAF) operating bases, the maintenance community in NDHQ and the third line maintenance community at CAF contractor facilities.On Windows 7, this application can be found in the Internet Explorer Favorites under ~DND(En)."/>
    <s v=""/>
    <x v="1"/>
    <s v=""/>
    <x v="34"/>
    <s v="4.2 Materiel Lifecycle"/>
    <s v="Materiel Services"/>
    <s v="DND-1475"/>
    <s v="In Production"/>
    <s v="desktop"/>
    <x v="1"/>
    <x v="1858"/>
  </r>
  <r>
    <x v="4"/>
    <x v="5"/>
    <x v="4946"/>
    <s v=""/>
    <s v="offers a complete security management solution including access control, alarm monitoring, video badging, and CCTV system interface."/>
    <s v=""/>
    <x v="1"/>
    <s v=""/>
    <x v="34"/>
    <s v="6.1 Management &amp; Oversight"/>
    <s v=""/>
    <s v="DND-14762"/>
    <s v="In Production"/>
    <s v=""/>
    <x v="0"/>
    <x v="86"/>
  </r>
  <r>
    <x v="4"/>
    <x v="5"/>
    <x v="4947"/>
    <s v=""/>
    <s v=""/>
    <s v=""/>
    <x v="1"/>
    <s v=""/>
    <x v="34"/>
    <s v="6.7 Information Technology"/>
    <s v="Materiel Services"/>
    <s v="DND-14771"/>
    <s v="In Production"/>
    <s v=""/>
    <x v="1"/>
    <x v="86"/>
  </r>
  <r>
    <x v="4"/>
    <x v="5"/>
    <x v="4948"/>
    <s v=""/>
    <s v=""/>
    <s v=""/>
    <x v="1"/>
    <s v=""/>
    <x v="34"/>
    <s v="6.4 Human Resources Management"/>
    <s v=""/>
    <s v="DND-14774"/>
    <s v="In Production"/>
    <s v=""/>
    <x v="1"/>
    <x v="86"/>
  </r>
  <r>
    <x v="4"/>
    <x v="5"/>
    <x v="4949"/>
    <s v=""/>
    <s v=""/>
    <s v=""/>
    <x v="1"/>
    <s v=""/>
    <x v="34"/>
    <s v="6.7 Information Technology"/>
    <s v=""/>
    <s v="DND-14775"/>
    <s v="In Production"/>
    <s v=""/>
    <x v="1"/>
    <x v="86"/>
  </r>
  <r>
    <x v="4"/>
    <x v="5"/>
    <x v="4950"/>
    <s v=""/>
    <s v=""/>
    <s v=""/>
    <x v="1"/>
    <s v=""/>
    <x v="34"/>
    <s v="6.4 Human Resources Management"/>
    <s v=""/>
    <s v="DND-14776"/>
    <s v="In Production"/>
    <s v=""/>
    <x v="1"/>
    <x v="86"/>
  </r>
  <r>
    <x v="4"/>
    <x v="5"/>
    <x v="4951"/>
    <s v=""/>
    <s v=""/>
    <s v=""/>
    <x v="1"/>
    <s v=""/>
    <x v="34"/>
    <s v="6.7 Information Technology"/>
    <s v=""/>
    <s v="DND-14787"/>
    <s v="In Production"/>
    <s v=""/>
    <x v="0"/>
    <x v="86"/>
  </r>
  <r>
    <x v="4"/>
    <x v="5"/>
    <x v="4952"/>
    <s v=""/>
    <s v="Cannot process without info.  Returning to IMGp."/>
    <s v=""/>
    <x v="1"/>
    <s v=""/>
    <x v="34"/>
    <s v="6.7 Information Technology"/>
    <s v=""/>
    <s v="DND-14793"/>
    <s v="In Production"/>
    <s v=""/>
    <x v="0"/>
    <x v="86"/>
  </r>
  <r>
    <x v="4"/>
    <x v="5"/>
    <x v="4953"/>
    <s v=""/>
    <s v="Cadets application"/>
    <s v=""/>
    <x v="1"/>
    <s v=""/>
    <x v="34"/>
    <s v="6.9 Material"/>
    <s v="Materiel Services"/>
    <s v="DND-14794"/>
    <s v="In Production"/>
    <s v=""/>
    <x v="1"/>
    <x v="86"/>
  </r>
  <r>
    <x v="4"/>
    <x v="5"/>
    <x v="4954"/>
    <s v=""/>
    <s v=""/>
    <s v=""/>
    <x v="1"/>
    <s v=""/>
    <x v="34"/>
    <s v="6.7 Information Technology"/>
    <s v=""/>
    <s v="DND-14797"/>
    <s v="In Production"/>
    <s v=""/>
    <x v="1"/>
    <x v="86"/>
  </r>
  <r>
    <x v="4"/>
    <x v="5"/>
    <x v="4955"/>
    <s v="CMHG"/>
    <s v="Joint service that allows for interactive searching, reports on points of interest related to CF history.  Uses a highly customized configuration of Endecca as a web portal."/>
    <s v=""/>
    <x v="1"/>
    <s v=""/>
    <x v="34"/>
    <s v="2.3 Military Heritage &amp; Outreach"/>
    <s v="Information Management Services"/>
    <s v="DND-148"/>
    <s v="In Production"/>
    <s v=""/>
    <x v="1"/>
    <x v="1859"/>
  </r>
  <r>
    <x v="0"/>
    <x v="19"/>
    <x v="4956"/>
    <s v="BANQUE"/>
    <s v="System to manage cadets savings during summer camps"/>
    <s v=""/>
    <x v="1"/>
    <s v=""/>
    <x v="34"/>
    <s v="6.7 Information Technology"/>
    <s v="Other"/>
    <s v="DND-14811"/>
    <s v="In Production"/>
    <s v=""/>
    <x v="1"/>
    <x v="1860"/>
  </r>
  <r>
    <x v="0"/>
    <x v="43"/>
    <x v="4957"/>
    <s v="WIM"/>
    <s v="WIM (enterprise web content management system) allows clients to develop and publish their own web content without the assistance of technical web publishing personnel.  The solution ensures that web content conforms to Treasury Board and Government of Canada web standards."/>
    <s v="Other"/>
    <x v="1"/>
    <s v="HP Teamsite"/>
    <x v="34"/>
    <s v="6.6 Information Management"/>
    <s v="Information Management Services"/>
    <s v="DND-14813"/>
    <s v="In Production"/>
    <s v=""/>
    <x v="0"/>
    <x v="1861"/>
  </r>
  <r>
    <x v="4"/>
    <x v="5"/>
    <x v="4958"/>
    <s v="EMAA"/>
    <s v="EMAA provides CAF members with information from HRMS and CCPS such as (but not limited to) personal information, leave data, next of kin, pay stubs, T4/R1, MPRR and more."/>
    <s v=""/>
    <x v="1"/>
    <s v=""/>
    <x v="34"/>
    <s v="6.7 Information Technology"/>
    <s v="Human Resources Management Services"/>
    <s v="DND-151"/>
    <s v="In Production"/>
    <s v=""/>
    <x v="1"/>
    <x v="1862"/>
  </r>
  <r>
    <x v="3"/>
    <x v="4"/>
    <x v="4959"/>
    <s v="NDID"/>
    <s v="CF publication number database. NDID is a 14-character coding standard that is used for the management and control of equipment-related publications, software programs and personnel support documentation. Part of CGCS"/>
    <s v=""/>
    <x v="1"/>
    <s v=""/>
    <x v="34"/>
    <s v="4.2 Materiel Lifecycle"/>
    <s v="Materiel Services"/>
    <s v="DND-1524"/>
    <s v="In Production"/>
    <s v="web"/>
    <x v="1"/>
    <x v="1863"/>
  </r>
  <r>
    <x v="6"/>
    <x v="35"/>
    <x v="4960"/>
    <s v="Datacard"/>
    <s v="Pour faire du graphisme sur des cartes Exacta"/>
    <s v="Other"/>
    <x v="1"/>
    <s v="Datacard Group, ID Works"/>
    <x v="34"/>
    <s v="4.2 Materiel Lifecycle"/>
    <s v="Other"/>
    <s v="DND-15304"/>
    <s v="In Production"/>
    <s v=""/>
    <x v="0"/>
    <x v="1790"/>
  </r>
  <r>
    <x v="4"/>
    <x v="5"/>
    <x v="4961"/>
    <s v="Forces"/>
    <s v="Gestion des comptes de répartition (DA) à travers la région de Montréal. L'approvisionnement maintien les données, les comptoires de services consultent les données."/>
    <s v=""/>
    <x v="1"/>
    <s v=""/>
    <x v="34"/>
    <s v="4.2 Materiel Lifecycle"/>
    <s v="Materiel Services"/>
    <s v="DND-15321"/>
    <s v="In Production"/>
    <s v=""/>
    <x v="1"/>
    <x v="1864"/>
  </r>
  <r>
    <x v="4"/>
    <x v="5"/>
    <x v="4962"/>
    <s v="Gardes"/>
    <s v="Programme entrée des comissionnaires dans les garnisons"/>
    <s v=""/>
    <x v="1"/>
    <s v=""/>
    <x v="34"/>
    <s v="6.4 Human Resources Management"/>
    <s v="Human Resources Management Services"/>
    <s v="DND-15325"/>
    <s v="In Production"/>
    <s v=""/>
    <x v="1"/>
    <x v="1865"/>
  </r>
  <r>
    <x v="4"/>
    <x v="5"/>
    <x v="4963"/>
    <s v="IGOR"/>
    <s v="Module de lancement des applications du CI 2 Div CA."/>
    <s v=""/>
    <x v="1"/>
    <s v=""/>
    <x v="34"/>
    <s v="3.4 Operational Readiness Production, Coordination &amp; Command &amp; Control"/>
    <s v="Human Resources Management Services"/>
    <s v="DND-15339"/>
    <s v="In Production"/>
    <s v=""/>
    <x v="1"/>
    <x v="1866"/>
  </r>
  <r>
    <x v="4"/>
    <x v="5"/>
    <x v="4964"/>
    <s v="ORA"/>
    <s v="Gestion financière"/>
    <s v=""/>
    <x v="1"/>
    <s v=""/>
    <x v="34"/>
    <s v="6.5 Financial Management"/>
    <s v="Financial Management Services"/>
    <s v="DND-15374"/>
    <s v="In Production"/>
    <s v=""/>
    <x v="1"/>
    <x v="1867"/>
  </r>
  <r>
    <x v="3"/>
    <x v="4"/>
    <x v="4965"/>
    <s v="MXCD"/>
    <s v="MXCD is the electronic version of the Illustrated Repair Parts Manuals and Scales manual. This application is available in English and French."/>
    <s v=""/>
    <x v="1"/>
    <s v=""/>
    <x v="34"/>
    <s v="4.2 Materiel Lifecycle"/>
    <s v="Materiel Services"/>
    <s v="DND-1538"/>
    <s v="In Production"/>
    <s v=""/>
    <x v="1"/>
    <x v="1868"/>
  </r>
  <r>
    <x v="4"/>
    <x v="5"/>
    <x v="4966"/>
    <s v="RFS"/>
    <s v="Gestion du surtemps effectué par le personnel civil."/>
    <s v=""/>
    <x v="1"/>
    <s v=""/>
    <x v="34"/>
    <s v="6.4 Human Resources Management"/>
    <s v="Human Resources Management Services"/>
    <s v="DND-15398"/>
    <s v="In Production"/>
    <s v=""/>
    <x v="1"/>
    <x v="1869"/>
  </r>
  <r>
    <x v="4"/>
    <x v="5"/>
    <x v="4967"/>
    <s v="GSD / DSG"/>
    <s v="SAB- Groupe de Soutien au Déploiment"/>
    <s v=""/>
    <x v="1"/>
    <s v=""/>
    <x v="34"/>
    <s v="6.4 Human Resources Management"/>
    <s v="Human Resources Management Services"/>
    <s v="DND-15400"/>
    <s v="In Production"/>
    <s v=""/>
    <x v="1"/>
    <x v="1867"/>
  </r>
  <r>
    <x v="4"/>
    <x v="5"/>
    <x v="4968"/>
    <s v="SAB / BPR"/>
    <s v="SAB - Gestion des accès"/>
    <s v=""/>
    <x v="1"/>
    <s v=""/>
    <x v="34"/>
    <s v="6.4 Human Resources Management"/>
    <s v="Human Resources Management Services"/>
    <s v="DND-15401"/>
    <s v="In Production"/>
    <s v=""/>
    <x v="1"/>
    <x v="1867"/>
  </r>
  <r>
    <x v="4"/>
    <x v="5"/>
    <x v="4969"/>
    <s v="HRMS - Mil"/>
    <s v="ERP for HR Mgt of Military Personnel, highly customized version of Oracle PeopleSoft HCM 7.5"/>
    <s v=""/>
    <x v="1"/>
    <s v=""/>
    <x v="34"/>
    <s v="6.4 Human Resources Management"/>
    <s v="Human Resources Management Services"/>
    <s v="DND-1542"/>
    <s v="In Production"/>
    <s v=""/>
    <x v="0"/>
    <x v="1870"/>
  </r>
  <r>
    <x v="0"/>
    <x v="7"/>
    <x v="4970"/>
    <s v="RDIMS"/>
    <m/>
    <s v="Other"/>
    <x v="1"/>
    <s v="Humming Bird"/>
    <x v="34"/>
    <s v="6.6 Information Management"/>
    <s v="Information Management Services"/>
    <s v="DND-15452"/>
    <s v="In Production"/>
    <s v=""/>
    <x v="0"/>
    <x v="1871"/>
  </r>
  <r>
    <x v="4"/>
    <x v="5"/>
    <x v="4971"/>
    <s v="DOORS-DWAN"/>
    <s v="The Dynamic Object Oriented Requirements System (DOORS) Enterprise Requirements Suite is a package of requirements management tools designed to help enterprises manage requirements for a project or a series of sub-projects."/>
    <s v=""/>
    <x v="1"/>
    <s v="IBM Rational DOORS"/>
    <x v="34"/>
    <s v="6.6 Information Management"/>
    <s v="Information Management Services"/>
    <s v="DND-15454"/>
    <s v="In Production"/>
    <s v=""/>
    <x v="0"/>
    <x v="1872"/>
  </r>
  <r>
    <x v="4"/>
    <x v="5"/>
    <x v="4972"/>
    <s v=""/>
    <s v="ADSTRA Imaging™ is a world class, comprehensive software designed to manage dental images provides easy image capture from intraoral cameras, video microscopes, scanners, and intraoral, panoramic and cephalometric digital x-ray devices."/>
    <s v=""/>
    <x v="1"/>
    <s v=""/>
    <x v="34"/>
    <s v="6.7 Information Technology"/>
    <s v="Human Resources Management Services"/>
    <s v="DND-15456"/>
    <s v="In Production"/>
    <s v=""/>
    <x v="0"/>
    <x v="86"/>
  </r>
  <r>
    <x v="3"/>
    <x v="4"/>
    <x v="4973"/>
    <s v="QAIS"/>
    <s v="Quality Assurance Information System is a client-server application (installs from Baseline) that is used for recording the various contracts, sub-contracts etc. for which DQA are involved with providing Government Quality Assurance.  QAIS version 4.1b was written in Borland Delphi ver 6.0 and is a client/server (smart client) Windows application which runs on client workstations using executables."/>
    <s v=""/>
    <x v="1"/>
    <s v=""/>
    <x v="34"/>
    <s v="4.2 Materiel Lifecycle"/>
    <s v="Materiel Services"/>
    <s v="DND-1549"/>
    <s v="In Production"/>
    <s v="desktop"/>
    <x v="1"/>
    <x v="1873"/>
  </r>
  <r>
    <x v="10"/>
    <x v="59"/>
    <x v="4974"/>
    <s v="IEWSS"/>
    <s v="IEWSS is a web service which can be consumed by other applications VIA A SSL to provide the capability within those applications to provide current Active Directory information such as user email, phone number, organization etc. This will eliminate the ne"/>
    <s v=""/>
    <x v="1"/>
    <s v=""/>
    <x v="34"/>
    <s v="6.7 Information Technology"/>
    <s v="Information Management Services"/>
    <s v="DND-15510"/>
    <s v="In Production"/>
    <s v="web"/>
    <x v="1"/>
    <x v="1874"/>
  </r>
  <r>
    <x v="4"/>
    <x v="5"/>
    <x v="4975"/>
    <s v="CADDBM"/>
    <s v="Outil d'administration I/CAD Intergraph"/>
    <s v="Other"/>
    <x v="1"/>
    <s v="Intergraph Canada Limited, I/CAD"/>
    <x v="34"/>
    <s v="4.2 Materiel Lifecycle"/>
    <s v="Information Management Services"/>
    <s v="DND-15511"/>
    <s v="In Production"/>
    <s v=""/>
    <x v="0"/>
    <x v="1875"/>
  </r>
  <r>
    <x v="0"/>
    <x v="88"/>
    <x v="4976"/>
    <s v="CADDBM"/>
    <s v="Outil d'administration I/CAD Intergraph. Integrated Ship Design and Production (IDSP)"/>
    <s v="Intergraph_Canada_Limited"/>
    <x v="1"/>
    <s v="Intergraph Canada Limited, I/CAD"/>
    <x v="34"/>
    <s v="4.2 Materiel Lifecycle"/>
    <s v="Information Management Services"/>
    <s v="DND-15516"/>
    <s v="In Production"/>
    <s v=""/>
    <x v="0"/>
    <x v="1876"/>
  </r>
  <r>
    <x v="4"/>
    <x v="5"/>
    <x v="4977"/>
    <s v="Intergraph I/INTERFACE Service Manager"/>
    <s v="Outil d'Intergraph Public Safety 911"/>
    <s v=""/>
    <x v="1"/>
    <s v=""/>
    <x v="34"/>
    <s v="6.4 Human Resources Management"/>
    <s v="Human Resources Management Services"/>
    <s v="DND-15518"/>
    <s v="In Production"/>
    <s v=""/>
    <x v="0"/>
    <x v="1876"/>
  </r>
  <r>
    <x v="4"/>
    <x v="5"/>
    <x v="4978"/>
    <s v="Propre"/>
    <s v="Logiciel de gestion d'entretien ménager"/>
    <s v="Other"/>
    <x v="1"/>
    <s v="GES Technologies inc., Propre"/>
    <x v="34"/>
    <s v="4.2 Materiel Lifecycle"/>
    <s v="Materiel Services"/>
    <s v="DND-15527"/>
    <s v="In Production"/>
    <s v=""/>
    <x v="0"/>
    <x v="1875"/>
  </r>
  <r>
    <x v="4"/>
    <x v="5"/>
    <x v="4979"/>
    <s v="RAIS Lite"/>
    <s v="RAIS decommissioned during IEBM Phase 1 (2012). RAIS Lite to be decommissioned during IEBM Phase 2 (Fall 2015). RAIS Lite used to provide DRMIS and CFEMS with PRIN data. Not supported by DADS 4  Realty Asset Information System (RAIS) is a web based application, that stores and tracks property information, and also provides high end reporting capabilities that will serve as a management tool to the Bases, the Property Officers, and National Defenc"/>
    <s v=""/>
    <x v="1"/>
    <s v=""/>
    <x v="34"/>
    <s v=""/>
    <s v="Real Property Services"/>
    <s v="DND-1553"/>
    <s v="In Production"/>
    <s v=""/>
    <x v="1"/>
    <x v="1877"/>
  </r>
  <r>
    <x v="4"/>
    <x v="5"/>
    <x v="4980"/>
    <s v="SGSR"/>
    <s v="Système de gestion du personnel militaire réservise"/>
    <s v=""/>
    <x v="1"/>
    <s v=""/>
    <x v="34"/>
    <s v="6.4 Human Resources Management"/>
    <s v="Human Resources Management Services"/>
    <s v="DND-15549"/>
    <s v="In Production"/>
    <s v=""/>
    <x v="1"/>
    <x v="1878"/>
  </r>
  <r>
    <x v="3"/>
    <x v="4"/>
    <x v="4981"/>
    <s v="IETM - CH148"/>
    <s v="IETMs produce relevant procedural steps to a maintainer in a sequential one-step-at-a-time manner they greatly reduce the chance of a maintainer skipping required steps.  Interactive Electronic Technical Manual is used for CH148  Cyclone Tactical Helicopter. IETM is a Sikorsky supplied COTS applications required for the maintenance and support of the CH148 Maritime Helicopter."/>
    <s v=""/>
    <x v="1"/>
    <s v=""/>
    <x v="34"/>
    <s v="4.2 Materiel Lifecycle"/>
    <s v="Materiel Services"/>
    <s v="DND-15558"/>
    <s v="In Production"/>
    <s v="web"/>
    <x v="1"/>
    <x v="1879"/>
  </r>
  <r>
    <x v="6"/>
    <x v="106"/>
    <x v="4982"/>
    <s v="IETM - M777"/>
    <s v="IETMs produce relevant procedural steps to a maintainer in a sequential one-step-at-a-time manner they greatly reduce the chance of a maintainer skipping required steps.  Interactive Electronic technical Manual is used for M777C1 Howitzer"/>
    <s v=""/>
    <x v="1"/>
    <s v=""/>
    <x v="34"/>
    <s v="4.2 Materiel Lifecycle"/>
    <s v="Materiel Services"/>
    <s v="DND-15559"/>
    <s v="In Production"/>
    <s v="desktop"/>
    <x v="1"/>
    <x v="1879"/>
  </r>
  <r>
    <x v="2"/>
    <x v="65"/>
    <x v="4983"/>
    <s v="RPSR"/>
    <s v="Pay systems for members of the CAF Reserve Force and staff cadets of the Canadian Cadet Movement. Pension calculation system for members of the CAF Res F. DND MISSION-CRITICAL SYSTEM."/>
    <s v=""/>
    <x v="1"/>
    <s v=""/>
    <x v="34"/>
    <s v="6.4 Human Resources Management"/>
    <s v="Human Resources Management Services"/>
    <s v="DND-1556"/>
    <s v="In Production"/>
    <s v=""/>
    <x v="1"/>
    <x v="1880"/>
  </r>
  <r>
    <x v="3"/>
    <x v="4"/>
    <x v="4984"/>
    <s v="MDADS - CF188"/>
    <s v="MDADS (Maintenance Data Acquisition And Diagnostic System) is the official application used to retrieve and analyze data from the CF-188 maintenance card. This application is used every day by the fleet for data collection, analyses and system troubleshooting."/>
    <s v=""/>
    <x v="1"/>
    <s v=""/>
    <x v="34"/>
    <s v="4.2 Materiel Lifecycle"/>
    <s v="Materiel Services"/>
    <s v="DND-15570"/>
    <s v="In Production"/>
    <s v="desktop"/>
    <x v="1"/>
    <x v="1881"/>
  </r>
  <r>
    <x v="4"/>
    <x v="5"/>
    <x v="4985"/>
    <s v="Winpriser"/>
    <s v="Industry standard supplier price guide and estimating software"/>
    <s v=""/>
    <x v="1"/>
    <s v=""/>
    <x v="34"/>
    <s v="6.9 Material"/>
    <s v="Materiel Services"/>
    <s v="DND-15572"/>
    <s v="In Production"/>
    <s v=""/>
    <x v="0"/>
    <x v="86"/>
  </r>
  <r>
    <x v="4"/>
    <x v="5"/>
    <x v="4986"/>
    <s v="Identite"/>
    <s v="IDENTITÉ est une application permettant de capturer les informations sur les recrues et le personnel civil (principalement pour les cartes temporaires)."/>
    <s v=""/>
    <x v="1"/>
    <s v=""/>
    <x v="34"/>
    <s v="6.7 Information Technology"/>
    <s v="Financial Management Services"/>
    <s v="DND-15587"/>
    <s v="In Production"/>
    <s v=""/>
    <x v="1"/>
    <x v="1869"/>
  </r>
  <r>
    <x v="4"/>
    <x v="5"/>
    <x v="4987"/>
    <s v="Inspiration"/>
    <s v="For visual mapping, outlining, writing and making presentations"/>
    <s v=""/>
    <x v="1"/>
    <s v=""/>
    <x v="34"/>
    <s v="6.1 Management &amp; Oversight"/>
    <s v=""/>
    <s v="DND-15598"/>
    <s v="In Production"/>
    <s v=""/>
    <x v="0"/>
    <x v="86"/>
  </r>
  <r>
    <x v="4"/>
    <x v="5"/>
    <x v="4967"/>
    <s v="SAB / CQÉ"/>
    <s v="Carte de Quittance Électronique"/>
    <s v=""/>
    <x v="1"/>
    <s v=""/>
    <x v="34"/>
    <s v="6.4 Human Resources Management"/>
    <s v="Human Resources Management Services"/>
    <s v="DND-15605"/>
    <s v="In Production"/>
    <s v=""/>
    <x v="1"/>
    <x v="1882"/>
  </r>
  <r>
    <x v="0"/>
    <x v="16"/>
    <x v="4421"/>
    <s v="APCM"/>
    <s v="AccessPro Case Management is a case tracking and reporting solution that automates many of the tasks associated with information (ATIP) disclosure processes."/>
    <s v="Other"/>
    <x v="1"/>
    <s v="CSDC/Privasoft, AccessPro Suite"/>
    <x v="34"/>
    <s v="6.1 Management &amp; Oversight"/>
    <s v="Management and Oversight Services"/>
    <s v="DND-15617"/>
    <s v="In Production"/>
    <s v=""/>
    <x v="0"/>
    <x v="1883"/>
  </r>
  <r>
    <x v="4"/>
    <x v="5"/>
    <x v="2374"/>
    <s v=""/>
    <s v=""/>
    <s v=""/>
    <x v="1"/>
    <s v=""/>
    <x v="34"/>
    <s v="6.7 Information Technology"/>
    <s v=""/>
    <s v="DND-15641"/>
    <s v="In Production"/>
    <s v=""/>
    <x v="0"/>
    <x v="86"/>
  </r>
  <r>
    <x v="4"/>
    <x v="5"/>
    <x v="4988"/>
    <s v=""/>
    <s v="List the state of all Military Personnel policy"/>
    <s v=""/>
    <x v="1"/>
    <s v=""/>
    <x v="34"/>
    <s v="6.7 Information Technology"/>
    <s v="Human Resources Management Services"/>
    <s v="DND-15645"/>
    <s v="In Production"/>
    <s v=""/>
    <x v="1"/>
    <x v="86"/>
  </r>
  <r>
    <x v="0"/>
    <x v="13"/>
    <x v="4989"/>
    <s v="SAMPIS"/>
    <m/>
    <s v="Other"/>
    <x v="1"/>
    <s v="Versaterm Security and Military Police Information System"/>
    <x v="34"/>
    <s v="4.4 Information Systems Lifecycle"/>
    <s v="Information Management Services"/>
    <s v="DND-1565"/>
    <s v="In Production"/>
    <s v=""/>
    <x v="0"/>
    <x v="1884"/>
  </r>
  <r>
    <x v="4"/>
    <x v="5"/>
    <x v="4990"/>
    <s v="JDDB"/>
    <s v="JDDB will manage the data relating to the jobs performed by all members of the CF.  It will contain historical as well as current version of the descriptions, and it facilitates the re-use of statements to minimize translation costs."/>
    <s v=""/>
    <x v="1"/>
    <s v=""/>
    <x v="34"/>
    <s v="4.1 Military Personnel &amp; Organization Lifecycle"/>
    <s v="Human Resources Management Services"/>
    <s v="DND-15650"/>
    <s v="In Production"/>
    <s v=""/>
    <x v="1"/>
    <x v="86"/>
  </r>
  <r>
    <x v="0"/>
    <x v="43"/>
    <x v="4991"/>
    <s v="Gateway"/>
    <s v="CF Postal Services management database"/>
    <s v=""/>
    <x v="1"/>
    <s v=""/>
    <x v="34"/>
    <s v="6.1 Management &amp; Oversight"/>
    <s v="Information Management Services"/>
    <s v="DND-15657"/>
    <s v="In Production"/>
    <s v=""/>
    <x v="1"/>
    <x v="86"/>
  </r>
  <r>
    <x v="4"/>
    <x v="5"/>
    <x v="4992"/>
    <s v=""/>
    <s v="Web based work order request tool that uses MS outlook (Comox &amp; Esquimalt Only)"/>
    <s v=""/>
    <x v="1"/>
    <s v=""/>
    <x v="34"/>
    <s v="6.6 Information Management"/>
    <s v="Real Property Services"/>
    <s v="DND-15659"/>
    <s v="In Production"/>
    <s v=""/>
    <x v="1"/>
    <x v="146"/>
  </r>
  <r>
    <x v="4"/>
    <x v="5"/>
    <x v="4993"/>
    <s v=""/>
    <s v=""/>
    <s v=""/>
    <x v="1"/>
    <s v=""/>
    <x v="34"/>
    <s v="6.4 Human Resources Management"/>
    <s v="Human Resources Management Services"/>
    <s v="DND-15671"/>
    <s v="In Production"/>
    <s v=""/>
    <x v="1"/>
    <x v="86"/>
  </r>
  <r>
    <x v="4"/>
    <x v="5"/>
    <x v="4994"/>
    <s v="RCOSAC"/>
    <s v=""/>
    <s v=""/>
    <x v="1"/>
    <s v=""/>
    <x v="34"/>
    <s v="6.7 Information Technology"/>
    <s v="Information Technology Services"/>
    <s v="DND-15698"/>
    <s v="In Production"/>
    <s v=""/>
    <x v="1"/>
    <x v="1885"/>
  </r>
  <r>
    <x v="4"/>
    <x v="5"/>
    <x v="4995"/>
    <s v="CMDB"/>
    <s v="Configuration Management DataBase ( Équipements de communications, Licences, Applications, Radios, Serveurs,BPR/OPI.. .. Et liens entre les CI)"/>
    <s v=""/>
    <x v="1"/>
    <s v=""/>
    <x v="34"/>
    <s v="6.7 Information Technology"/>
    <s v="Information Technology Services"/>
    <s v="DND-15699"/>
    <s v="In Production"/>
    <s v=""/>
    <x v="1"/>
    <x v="1886"/>
  </r>
  <r>
    <x v="4"/>
    <x v="5"/>
    <x v="4996"/>
    <s v="PASS / VFS"/>
    <s v="Supports Recruiting Centres in doing VFS.  Used by DHRIM ICC previously."/>
    <s v=""/>
    <x v="1"/>
    <s v=""/>
    <x v="34"/>
    <s v="6.7 Information Technology"/>
    <s v="Human Resources Management Services"/>
    <s v="DND-157"/>
    <s v="In Production"/>
    <s v=""/>
    <x v="1"/>
    <x v="1812"/>
  </r>
  <r>
    <x v="4"/>
    <x v="5"/>
    <x v="4997"/>
    <s v="REO"/>
    <s v="The application is used to create job opportunities onto the Internet for members of the Reserve to be aware and apply for them.  The Reserve Employment Opportunities (REO) module of Monitor/MASS is the central point for managing all Reserve employment opportunities. REO enables users to create employment opportunities for reservists, request publishing for the opportunity, and publish the opportunity to the Reserve Employment Opportunities website.  Subsequently, the units can use REO to view employment opportunities and add applicants for the opportunities. The unit that owns an opportunity can evaluate applicants and select an applicant. The opportunity can be accepted or rejected by the applicant’s unit from within REO."/>
    <s v=""/>
    <x v="1"/>
    <s v=""/>
    <x v="34"/>
    <s v="6.4 Human Resources Management"/>
    <s v="Human Resources Management Services"/>
    <s v="DND-15707"/>
    <s v="In Production"/>
    <s v=""/>
    <x v="1"/>
    <x v="1841"/>
  </r>
  <r>
    <x v="4"/>
    <x v="5"/>
    <x v="4998"/>
    <s v=""/>
    <s v=""/>
    <s v=""/>
    <x v="1"/>
    <s v=""/>
    <x v="34"/>
    <s v="6.7 Information Technology"/>
    <s v=""/>
    <s v="DND-15712"/>
    <s v="In Production"/>
    <s v=""/>
    <x v="1"/>
    <x v="86"/>
  </r>
  <r>
    <x v="4"/>
    <x v="5"/>
    <x v="4999"/>
    <s v="FORGe"/>
    <s v=""/>
    <s v=""/>
    <x v="1"/>
    <s v=""/>
    <x v="34"/>
    <s v="6.7 Information Technology"/>
    <s v=""/>
    <s v="DND-15713"/>
    <s v="In Production"/>
    <s v=""/>
    <x v="1"/>
    <x v="86"/>
  </r>
  <r>
    <x v="4"/>
    <x v="5"/>
    <x v="5000"/>
    <s v=""/>
    <s v=""/>
    <s v=""/>
    <x v="1"/>
    <s v=""/>
    <x v="34"/>
    <s v="6.7 Information Technology"/>
    <s v=""/>
    <s v="DND-15714"/>
    <s v="In Production"/>
    <s v=""/>
    <x v="1"/>
    <x v="86"/>
  </r>
  <r>
    <x v="4"/>
    <x v="5"/>
    <x v="5001"/>
    <s v=""/>
    <s v=""/>
    <s v=""/>
    <x v="1"/>
    <s v=""/>
    <x v="34"/>
    <s v="6.7 Information Technology"/>
    <s v=""/>
    <s v="DND-15715"/>
    <s v="In Production"/>
    <s v=""/>
    <x v="1"/>
    <x v="86"/>
  </r>
  <r>
    <x v="8"/>
    <x v="38"/>
    <x v="5002"/>
    <s v="Svc Req DB"/>
    <s v="Old CM database. Being decommissioned."/>
    <s v=""/>
    <x v="1"/>
    <s v=""/>
    <x v="34"/>
    <s v="6.7 Information Technology"/>
    <s v="Information Technology Services"/>
    <s v="DND-15716"/>
    <s v="In Production"/>
    <s v=""/>
    <x v="1"/>
    <x v="10"/>
  </r>
  <r>
    <x v="4"/>
    <x v="5"/>
    <x v="5003"/>
    <s v=""/>
    <s v="Video Streaming and Recording software, used to record presentations and seminars."/>
    <s v=""/>
    <x v="1"/>
    <s v=""/>
    <x v="34"/>
    <s v="6.7 Information Technology"/>
    <s v=""/>
    <s v="DND-15717"/>
    <s v="In Production"/>
    <s v=""/>
    <x v="0"/>
    <x v="86"/>
  </r>
  <r>
    <x v="3"/>
    <x v="4"/>
    <x v="5004"/>
    <s v="Orenda CBMSS Reports"/>
    <s v="Provides reporting for CBMSS (APM 1435)"/>
    <s v=""/>
    <x v="1"/>
    <s v=""/>
    <x v="34"/>
    <s v="4.2 Materiel Lifecycle"/>
    <s v="Materiel Services"/>
    <s v="DND-15729"/>
    <s v="In Production"/>
    <s v="desktop"/>
    <x v="1"/>
    <x v="1887"/>
  </r>
  <r>
    <x v="3"/>
    <x v="4"/>
    <x v="5005"/>
    <s v="LPM"/>
    <s v="Used to forecast scheduled (i.e. time expiry related) and unscheduled engine fallouts, module fallouts and engine component fallouts. Used to forecast Base and Depot workloads."/>
    <s v=""/>
    <x v="1"/>
    <s v=""/>
    <x v="34"/>
    <s v="4.2 Materiel Lifecycle"/>
    <s v="Materiel Services"/>
    <s v="DND-15730"/>
    <s v="In Production"/>
    <s v="web"/>
    <x v="1"/>
    <x v="1888"/>
  </r>
  <r>
    <x v="3"/>
    <x v="4"/>
    <x v="5006"/>
    <s v="F404"/>
    <s v="Provides a “dashboard” for viewing the flow of modules between the Depot and the Bases. Used to measure performance and cycle times for workflow."/>
    <s v=""/>
    <x v="1"/>
    <s v=""/>
    <x v="34"/>
    <s v="4.2 Materiel Lifecycle"/>
    <s v="Materiel Services"/>
    <s v="DND-15731"/>
    <s v="In Production"/>
    <s v="web"/>
    <x v="1"/>
    <x v="1889"/>
  </r>
  <r>
    <x v="4"/>
    <x v="5"/>
    <x v="5007"/>
    <s v=""/>
    <s v="Audio Compression Tool"/>
    <s v=""/>
    <x v="1"/>
    <s v=""/>
    <x v="34"/>
    <s v="6.7 Information Technology"/>
    <s v=""/>
    <s v="DND-15764"/>
    <s v="In Production"/>
    <s v=""/>
    <x v="1"/>
    <x v="86"/>
  </r>
  <r>
    <x v="4"/>
    <x v="5"/>
    <x v="5008"/>
    <s v=""/>
    <s v="Tone generator"/>
    <s v=""/>
    <x v="1"/>
    <s v=""/>
    <x v="34"/>
    <s v="6.7 Information Technology"/>
    <s v=""/>
    <s v="DND-15767"/>
    <s v="In Production"/>
    <s v=""/>
    <x v="1"/>
    <x v="86"/>
  </r>
  <r>
    <x v="3"/>
    <x v="4"/>
    <x v="5009"/>
    <s v="TACIS - SICET"/>
    <s v="used by the Director Land Command Systems Program Management (DLCSPM) to track the configuration of maintenance-significant Land Command Support System (LCSS) part assets within platforms (e.g. vehicles) on which they may be installed."/>
    <s v=""/>
    <x v="1"/>
    <s v=""/>
    <x v="34"/>
    <s v="4.2 Materiel Lifecycle"/>
    <s v="Materiel Services"/>
    <s v="DND-1577"/>
    <s v="In Production"/>
    <s v="web"/>
    <x v="1"/>
    <x v="1890"/>
  </r>
  <r>
    <x v="4"/>
    <x v="5"/>
    <x v="5010"/>
    <s v="Microsoft Access"/>
    <s v="Capture all DRC(A) statistics, i.e., courses, PD Briefings, PLQ, consultations, mediations, conflict coaching, etc."/>
    <s v=""/>
    <x v="1"/>
    <s v=""/>
    <x v="34"/>
    <s v="6.7 Information Technology"/>
    <s v=""/>
    <s v="DND-15795"/>
    <s v="In Production"/>
    <s v=""/>
    <x v="1"/>
    <x v="86"/>
  </r>
  <r>
    <x v="4"/>
    <x v="5"/>
    <x v="5011"/>
    <s v="HRIC FFO"/>
    <s v="To provide information to HRMS users about new releases and FAQs"/>
    <s v=""/>
    <x v="1"/>
    <s v=""/>
    <x v="34"/>
    <s v="6.7 Information Technology"/>
    <s v="Human Resources Management Services"/>
    <s v="DND-158"/>
    <s v="In Production"/>
    <s v=""/>
    <x v="1"/>
    <x v="1891"/>
  </r>
  <r>
    <x v="4"/>
    <x v="5"/>
    <x v="5012"/>
    <s v=""/>
    <s v="Music recording software"/>
    <s v=""/>
    <x v="1"/>
    <s v=""/>
    <x v="34"/>
    <s v="6.7 Information Technology"/>
    <s v=""/>
    <s v="DND-15814"/>
    <s v="In Production"/>
    <s v=""/>
    <x v="1"/>
    <x v="86"/>
  </r>
  <r>
    <x v="4"/>
    <x v="5"/>
    <x v="5013"/>
    <s v=""/>
    <s v="Music software"/>
    <s v=""/>
    <x v="1"/>
    <s v=""/>
    <x v="34"/>
    <s v="6.7 Information Technology"/>
    <s v=""/>
    <s v="DND-15816"/>
    <s v="In Production"/>
    <s v=""/>
    <x v="1"/>
    <x v="86"/>
  </r>
  <r>
    <x v="4"/>
    <x v="5"/>
    <x v="5014"/>
    <s v="Mpulse"/>
    <s v="Maintenance tracking program for DC Div"/>
    <s v=""/>
    <x v="1"/>
    <s v=""/>
    <x v="34"/>
    <s v=""/>
    <s v=""/>
    <s v="DND-15827"/>
    <s v="In Production"/>
    <s v=""/>
    <x v="1"/>
    <x v="86"/>
  </r>
  <r>
    <x v="4"/>
    <x v="5"/>
    <x v="5015"/>
    <s v=""/>
    <s v="Auditing suite for detecting inappropriate material"/>
    <s v=""/>
    <x v="1"/>
    <s v=""/>
    <x v="34"/>
    <s v="6.7 Information Technology"/>
    <s v=""/>
    <s v="DND-15842"/>
    <s v="In Production"/>
    <s v=""/>
    <x v="0"/>
    <x v="86"/>
  </r>
  <r>
    <x v="4"/>
    <x v="5"/>
    <x v="5016"/>
    <s v="SNAMS"/>
    <s v="web app to manage the Service Numbers of military members"/>
    <s v=""/>
    <x v="1"/>
    <s v=""/>
    <x v="34"/>
    <s v="6.4 Human Resources Management"/>
    <s v="Human Resources Management Services"/>
    <s v="DND-159"/>
    <s v="In Production"/>
    <s v=""/>
    <x v="1"/>
    <x v="1826"/>
  </r>
  <r>
    <x v="4"/>
    <x v="5"/>
    <x v="5017"/>
    <s v="CES"/>
    <s v="The CES (formerly SDTS) is designed to track work requests from ADM (HR-Civ) service groups. Its primary purpose is to organize and track the flow of requests from inception, through the delivery process, to request completion."/>
    <s v=""/>
    <x v="1"/>
    <s v=""/>
    <x v="34"/>
    <s v="6.1 Management &amp; Oversight"/>
    <s v="Human Resources Management Services"/>
    <s v="DND-1590"/>
    <s v="In Production"/>
    <s v=""/>
    <x v="1"/>
    <x v="1801"/>
  </r>
  <r>
    <x v="3"/>
    <x v="4"/>
    <x v="5018"/>
    <s v="AWRM db"/>
    <s v="Multi-user MS Access database used to document, track and manage airworthiness risk management records. AF9000 process DG01.003 describes the Airworthiness Risk Management Process. Up to 200 risks are open at any given time."/>
    <s v=""/>
    <x v="1"/>
    <s v=""/>
    <x v="34"/>
    <s v="3.1 Force Elements Readiness Sustainment"/>
    <s v="Management and Oversight Services"/>
    <s v="DND-15909"/>
    <s v="In Production"/>
    <s v="desktop"/>
    <x v="1"/>
    <x v="1310"/>
  </r>
  <r>
    <x v="3"/>
    <x v="4"/>
    <x v="5019"/>
    <s v="ERS - CF188"/>
    <s v="This Web tool provides automated and customizable reports from the DMS application (APM 1440). One of the main features of the ERS application is to provide real-time information on operational data, which is crucial in the management of the CF-188 Aircra"/>
    <s v=""/>
    <x v="1"/>
    <s v=""/>
    <x v="34"/>
    <s v="4.2 Materiel Lifecycle"/>
    <s v="Materiel Services"/>
    <s v="DND-15915"/>
    <s v="In Production"/>
    <s v="web"/>
    <x v="1"/>
    <x v="1892"/>
  </r>
  <r>
    <x v="3"/>
    <x v="4"/>
    <x v="5020"/>
    <s v="Mxi -  CH148"/>
    <s v="Schedule and records aircraft maintenance actions and associated parts, tools and labour CH148 MHP"/>
    <s v="Other"/>
    <x v="1"/>
    <s v="Mxi Maintenix"/>
    <x v="34"/>
    <s v="4.2 Materiel Lifecycle"/>
    <s v="Materiel Services"/>
    <s v="DND-15922"/>
    <s v="In Production"/>
    <s v="web"/>
    <x v="0"/>
    <x v="1893"/>
  </r>
  <r>
    <x v="1"/>
    <x v="1"/>
    <x v="5021"/>
    <s v="Inno CH148"/>
    <s v="Data, design configuration repository and change management - CH148 - Product Lifecycle Management (PLM)"/>
    <s v="Other"/>
    <x v="1"/>
    <s v="Aras Innovator"/>
    <x v="34"/>
    <s v="4.2 Materiel Lifecycle"/>
    <s v="Materiel Services"/>
    <s v="DND-15923"/>
    <s v="In Production"/>
    <s v="desktop"/>
    <x v="0"/>
    <x v="1894"/>
  </r>
  <r>
    <x v="6"/>
    <x v="57"/>
    <x v="5022"/>
    <s v="LCMS - CH148"/>
    <s v="Manages courseware content and configuration  Atlantis Systems Corporation (ASC) has developed training courseware for Sikorsky that is managed on the MHP IIE through the Learninglogics LCMS. ASC is the vendor of the Learninglogics LCMS software, which is provided to CAE PS under license agreement."/>
    <s v="Other"/>
    <x v="1"/>
    <s v="LearningLogics LCMS"/>
    <x v="34"/>
    <s v="4.2 Materiel Lifecycle"/>
    <s v="Materiel Services"/>
    <s v="DND-15925"/>
    <s v="In Production"/>
    <s v="desktop"/>
    <x v="0"/>
    <x v="1895"/>
  </r>
  <r>
    <x v="6"/>
    <x v="57"/>
    <x v="5023"/>
    <s v="LMS (Saba) - CH148"/>
    <m/>
    <s v="Other"/>
    <x v="1"/>
    <s v="Saba"/>
    <x v="34"/>
    <s v="4.2 Materiel Lifecycle"/>
    <s v="Materiel Services"/>
    <s v="DND-15926"/>
    <s v="In Production"/>
    <s v=""/>
    <x v="0"/>
    <x v="1896"/>
  </r>
  <r>
    <x v="6"/>
    <x v="57"/>
    <x v="5024"/>
    <s v="SRM - CH148"/>
    <s v="Schedule and resource management of training resources CH148"/>
    <s v="Other"/>
    <x v="1"/>
    <s v="Fox, SRM"/>
    <x v="34"/>
    <s v="4.2 Materiel Lifecycle"/>
    <s v="Materiel Services"/>
    <s v="DND-15927"/>
    <s v="In Production"/>
    <s v="web"/>
    <x v="0"/>
    <x v="1897"/>
  </r>
  <r>
    <x v="3"/>
    <x v="4"/>
    <x v="5025"/>
    <s v="W&amp;B - CH148"/>
    <s v="manages weights and centre of gravity of Cyclone aircraft"/>
    <s v=""/>
    <x v="1"/>
    <s v=""/>
    <x v="34"/>
    <s v="4.2 Materiel Lifecycle"/>
    <s v="Materiel Services"/>
    <s v="DND-15928"/>
    <s v="In Production"/>
    <s v="web"/>
    <x v="1"/>
    <x v="1898"/>
  </r>
  <r>
    <x v="4"/>
    <x v="5"/>
    <x v="5026"/>
    <s v="Mentoring"/>
    <s v="The application facilitates and track the relationships between mentors and mentees"/>
    <s v=""/>
    <x v="1"/>
    <s v=""/>
    <x v="34"/>
    <s v="6.1 Management &amp; Oversight"/>
    <s v="Human Resources Management Services"/>
    <s v="DND-1593"/>
    <s v="In Production"/>
    <s v=""/>
    <x v="1"/>
    <x v="1899"/>
  </r>
  <r>
    <x v="0"/>
    <x v="7"/>
    <x v="5027"/>
    <s v="IDLS - CH146"/>
    <s v="Interactive Documentation Library System (IDLS) library functions supporting access to a variety of CH146 Griffon helicopter technical and operational documents. Implementation and maintenance of a comprehensive configuration management program. Support to the DND Weapon System Manager (WSM) with fleet maintenance and operational planning. Development, implementation and maintenance of complete life cycle management programs. Selection of an industry team to provide optimum support while maximizing Canadian content; Establishment and maintenance of a Logistics Support Analysis (LSA) data repository for the MHWS; Support of the development of maintenance instructions and technical data; Aircraft Structural Integrity Program"/>
    <s v=""/>
    <x v="1"/>
    <s v=""/>
    <x v="34"/>
    <s v="4.2 Materiel Lifecycle"/>
    <s v="Materiel Services"/>
    <s v="DND-15930"/>
    <s v="In Production"/>
    <s v="cloud"/>
    <x v="0"/>
    <x v="1900"/>
  </r>
  <r>
    <x v="4"/>
    <x v="5"/>
    <x v="5028"/>
    <s v="ICD"/>
    <s v=""/>
    <s v=""/>
    <x v="1"/>
    <s v=""/>
    <x v="34"/>
    <s v="6.7 Information Technology"/>
    <s v=""/>
    <s v="DND-15953"/>
    <s v="In Production"/>
    <s v=""/>
    <x v="0"/>
    <x v="86"/>
  </r>
  <r>
    <x v="4"/>
    <x v="5"/>
    <x v="5029"/>
    <s v="ROUTINE PRACTICES: INFECTION PREVENTION AND CONTROL CORE COMPETENCIES"/>
    <s v=""/>
    <s v=""/>
    <x v="1"/>
    <s v=""/>
    <x v="34"/>
    <s v="6.7 Information Technology"/>
    <s v=""/>
    <s v="DND-15978"/>
    <s v="In Production"/>
    <s v=""/>
    <x v="0"/>
    <x v="86"/>
  </r>
  <r>
    <x v="4"/>
    <x v="5"/>
    <x v="5030"/>
    <s v="OPMS"/>
    <s v="Module of the HRMS developed to manage the planning of operations, taskings and assignment process.  Not being used by taskers at this point.  They use CFTPO."/>
    <s v=""/>
    <x v="1"/>
    <s v=""/>
    <x v="34"/>
    <s v="6.7 Information Technology"/>
    <s v="Human Resources Management Services"/>
    <s v="DND-160"/>
    <s v="In Production"/>
    <s v=""/>
    <x v="1"/>
    <x v="1891"/>
  </r>
  <r>
    <x v="4"/>
    <x v="5"/>
    <x v="5031"/>
    <s v="ClaimsX"/>
    <s v="Rename to ClaimsX Assessment looking into PWGSC Tool System to allow user to make travel claims online. ***Name changed from Claims-X Web to ClaimsX on 17 Nov 2014 by CW Tessier on behalf of DADS."/>
    <s v=""/>
    <x v="1"/>
    <s v=""/>
    <x v="34"/>
    <s v="6.5 Financial Management"/>
    <s v="Travel and Other Administrative Services"/>
    <s v="DND-1600"/>
    <s v="In Production"/>
    <s v=""/>
    <x v="1"/>
    <x v="1901"/>
  </r>
  <r>
    <x v="4"/>
    <x v="5"/>
    <x v="5032"/>
    <s v="DAPPPContentManagement"/>
    <s v="(not supported by DADS) Used by DAPPP to post news items and messages for CCPS and RPSR"/>
    <s v=""/>
    <x v="1"/>
    <s v=""/>
    <x v="34"/>
    <s v="6.7 Information Technology"/>
    <s v="Communications Services"/>
    <s v="DND-1601"/>
    <s v="In Production"/>
    <s v=""/>
    <x v="1"/>
    <x v="86"/>
  </r>
  <r>
    <x v="5"/>
    <x v="100"/>
    <x v="5033"/>
    <s v="RPST Mentum Planet"/>
    <s v="Planet (formerly Mentum Planet) is a reliable, award-winning RF network planning and optimization software.  Radio Propagation Simulation Tool - is a reliable, award-winning RF network planning and optimization software used by the majority of mobile operators and equipment vendors for RF planning, radio network and mobile network optimization, and mobile network performance management. Supporting all major wireless access standards, Planet addresses every stage of the mobile network lifecycle, from strategic RF planning to mobile network design and management, to re-planning and multi-technology and multi-vendor mobile network optimization, including 3D network planning, small cells and heterogeneous networks (HetNets)."/>
    <s v=""/>
    <x v="1"/>
    <s v="Infovista"/>
    <x v="34"/>
    <s v="4.2 Materiel Lifecycle"/>
    <s v="Materiel Services"/>
    <s v="DND-16013"/>
    <s v="In Production"/>
    <s v="desktop"/>
    <x v="0"/>
    <x v="1902"/>
  </r>
  <r>
    <x v="4"/>
    <x v="5"/>
    <x v="1975"/>
    <s v="NVIVO"/>
    <s v=""/>
    <s v=""/>
    <x v="1"/>
    <s v=""/>
    <x v="34"/>
    <s v="6.7 Information Technology"/>
    <s v=""/>
    <s v="DND-16036"/>
    <s v="In Production"/>
    <s v=""/>
    <x v="0"/>
    <x v="86"/>
  </r>
  <r>
    <x v="4"/>
    <x v="5"/>
    <x v="5034"/>
    <s v="POWER DIRECTOR"/>
    <s v=""/>
    <s v=""/>
    <x v="1"/>
    <s v=""/>
    <x v="34"/>
    <s v="6.7 Information Technology"/>
    <s v=""/>
    <s v="DND-16055"/>
    <s v="In Production"/>
    <s v=""/>
    <x v="0"/>
    <x v="86"/>
  </r>
  <r>
    <x v="6"/>
    <x v="24"/>
    <x v="5035"/>
    <s v="ARM TOOL"/>
    <s v="This application automatically searches and verifies that requirement documents use proper contractual language. The search algorithm is completely configurable by the user. It empowers an engineer to resolve some of the language use issues prior to a review meeting thus reducing the number issues discussed during reviews."/>
    <s v=""/>
    <x v="1"/>
    <s v=""/>
    <x v="34"/>
    <s v="4.2 Materiel Lifecycle"/>
    <s v="Acquisition Services,Management and Oversight Services"/>
    <s v="DND-16083"/>
    <s v="In Production"/>
    <s v="desktop"/>
    <x v="0"/>
    <x v="1903"/>
  </r>
  <r>
    <x v="4"/>
    <x v="5"/>
    <x v="5036"/>
    <s v="CHAIN OF TRANSMISSION: INFECTION PREVENTION AND CONTROL CORE COMPETENCIES"/>
    <s v=""/>
    <s v=""/>
    <x v="1"/>
    <s v=""/>
    <x v="34"/>
    <s v="6.7 Information Technology"/>
    <s v=""/>
    <s v="DND-16105"/>
    <s v="In Production"/>
    <s v=""/>
    <x v="1"/>
    <x v="86"/>
  </r>
  <r>
    <x v="4"/>
    <x v="5"/>
    <x v="5037"/>
    <s v="XRS"/>
    <s v="Application for displaying currency exchange rates"/>
    <s v=""/>
    <x v="1"/>
    <s v=""/>
    <x v="34"/>
    <s v="6.1 Management &amp; Oversight"/>
    <s v="Financial Management Services"/>
    <s v="DND-1611"/>
    <s v="In Production"/>
    <s v=""/>
    <x v="1"/>
    <x v="1904"/>
  </r>
  <r>
    <x v="4"/>
    <x v="5"/>
    <x v="5038"/>
    <s v="EASY SURVEY"/>
    <s v=""/>
    <s v=""/>
    <x v="1"/>
    <s v=""/>
    <x v="34"/>
    <s v="6.7 Information Technology"/>
    <s v=""/>
    <s v="DND-16139"/>
    <s v="In Production"/>
    <s v=""/>
    <x v="0"/>
    <x v="86"/>
  </r>
  <r>
    <x v="4"/>
    <x v="5"/>
    <x v="5039"/>
    <s v="EMAGINE"/>
    <s v=""/>
    <s v=""/>
    <x v="1"/>
    <s v=""/>
    <x v="34"/>
    <s v="6.7 Information Technology"/>
    <s v=""/>
    <s v="DND-16146"/>
    <s v="In Production"/>
    <s v=""/>
    <x v="0"/>
    <x v="86"/>
  </r>
  <r>
    <x v="4"/>
    <x v="5"/>
    <x v="5040"/>
    <s v="EPI INFO"/>
    <s v="Epi Info™, a suite of lightweight software tools, delivers core ad-hoc epidemiologic functionality"/>
    <s v=""/>
    <x v="1"/>
    <s v=""/>
    <x v="34"/>
    <s v="6.7 Information Technology"/>
    <s v="Human Resources Management Services"/>
    <s v="DND-16151"/>
    <s v="In Production"/>
    <s v=""/>
    <x v="0"/>
    <x v="86"/>
  </r>
  <r>
    <x v="4"/>
    <x v="5"/>
    <x v="5041"/>
    <s v="EQS 6.1"/>
    <s v=""/>
    <s v=""/>
    <x v="1"/>
    <s v=""/>
    <x v="34"/>
    <s v="6.7 Information Technology"/>
    <s v=""/>
    <s v="DND-16152"/>
    <s v="In Production"/>
    <s v=""/>
    <x v="0"/>
    <x v="86"/>
  </r>
  <r>
    <x v="4"/>
    <x v="5"/>
    <x v="5042"/>
    <s v="FORMDOCS"/>
    <s v=""/>
    <s v=""/>
    <x v="1"/>
    <s v=""/>
    <x v="34"/>
    <s v="6.7 Information Technology"/>
    <s v=""/>
    <s v="DND-16181"/>
    <s v="In Production"/>
    <s v=""/>
    <x v="0"/>
    <x v="86"/>
  </r>
  <r>
    <x v="4"/>
    <x v="5"/>
    <x v="5043"/>
    <s v="PD G&amp;C"/>
    <s v="Application so any grants and contributions in excess of $25,000 can be disclosed to the public"/>
    <s v=""/>
    <x v="1"/>
    <s v=""/>
    <x v="34"/>
    <s v="6.3 Legal Services"/>
    <s v="Legal Services"/>
    <s v="DND-1619"/>
    <s v="In Production"/>
    <s v=""/>
    <x v="1"/>
    <x v="1905"/>
  </r>
  <r>
    <x v="4"/>
    <x v="5"/>
    <x v="2500"/>
    <s v="STATA"/>
    <s v=""/>
    <s v=""/>
    <x v="1"/>
    <s v=""/>
    <x v="34"/>
    <s v="6.7 Information Technology"/>
    <s v=""/>
    <s v="DND-16193"/>
    <s v="In Production"/>
    <s v=""/>
    <x v="0"/>
    <x v="86"/>
  </r>
  <r>
    <x v="4"/>
    <x v="5"/>
    <x v="5044"/>
    <s v="STUFF-IT"/>
    <s v=""/>
    <s v=""/>
    <x v="1"/>
    <s v=""/>
    <x v="34"/>
    <s v="6.7 Information Technology"/>
    <s v=""/>
    <s v="DND-16199"/>
    <s v="In Production"/>
    <s v=""/>
    <x v="0"/>
    <x v="86"/>
  </r>
  <r>
    <x v="4"/>
    <x v="5"/>
    <x v="5045"/>
    <s v=""/>
    <s v=""/>
    <s v=""/>
    <x v="1"/>
    <s v=""/>
    <x v="34"/>
    <s v="6.7 Information Technology"/>
    <s v="Human Resources Management Services"/>
    <s v="DND-162"/>
    <s v="In Production"/>
    <s v=""/>
    <x v="1"/>
    <x v="1906"/>
  </r>
  <r>
    <x v="4"/>
    <x v="5"/>
    <x v="5046"/>
    <s v="Rations&amp;Quarters"/>
    <s v="This application enables rations and quarters revenue from the CCPS to be manipulated and redistributed by AP3 to local bases for respending."/>
    <s v=""/>
    <x v="1"/>
    <s v=""/>
    <x v="34"/>
    <s v="6.5 Financial Management"/>
    <s v="Financial Management Services"/>
    <s v="DND-1622"/>
    <s v="In Production"/>
    <s v=""/>
    <x v="1"/>
    <x v="1907"/>
  </r>
  <r>
    <x v="4"/>
    <x v="5"/>
    <x v="5047"/>
    <s v="RGDF"/>
    <s v="A VB application to keep track of cheques received for the receiver general. The whole purpose is for the DMPAP to be able to search for a cheque and determine what processing has taken place."/>
    <s v=""/>
    <x v="1"/>
    <s v=""/>
    <x v="34"/>
    <s v="6.5 Financial Management"/>
    <s v="Financial Management Services"/>
    <s v="DND-1623"/>
    <s v="In Production"/>
    <s v=""/>
    <x v="1"/>
    <x v="1907"/>
  </r>
  <r>
    <x v="8"/>
    <x v="38"/>
    <x v="5048"/>
    <s v="PR History DB"/>
    <s v="Archive for PR DB (ID 14563)"/>
    <s v=""/>
    <x v="1"/>
    <s v=""/>
    <x v="34"/>
    <s v="4.4 Information Systems Lifecycle"/>
    <s v="Human Resources Management Services,Information Technology Services"/>
    <s v="DND-16248"/>
    <s v="In Production"/>
    <s v=""/>
    <x v="1"/>
    <x v="10"/>
  </r>
  <r>
    <x v="2"/>
    <x v="65"/>
    <x v="5049"/>
    <s v="SRDB"/>
    <s v="RPSR report repository."/>
    <s v=""/>
    <x v="1"/>
    <s v=""/>
    <x v="34"/>
    <s v="6.4 Human Resources Management"/>
    <s v="Human Resources Management Services"/>
    <s v="DND-16249"/>
    <s v="In Production"/>
    <s v=""/>
    <x v="1"/>
    <x v="10"/>
  </r>
  <r>
    <x v="0"/>
    <x v="16"/>
    <x v="5050"/>
    <s v="IBM Rational Change"/>
    <s v="IBM® Rational® Change is a web-based change management solution that offers comprehensive change tracking and change control. Rational Change unifies software change management and configuration management repositories through a centralized change server."/>
    <s v="Other"/>
    <x v="1"/>
    <s v="IBM Rational Change"/>
    <x v="34"/>
    <s v="6.6 Information Management"/>
    <s v="Management and Oversight Services"/>
    <s v="DND-16251"/>
    <s v="In Production"/>
    <s v=""/>
    <x v="0"/>
    <x v="1908"/>
  </r>
  <r>
    <x v="3"/>
    <x v="4"/>
    <x v="5051"/>
    <s v="SERV+"/>
    <s v="Submarine Document Management. Part of ERR"/>
    <s v=""/>
    <x v="1"/>
    <s v=""/>
    <x v="34"/>
    <s v="4.2 Materiel Lifecycle"/>
    <s v="Materiel Services"/>
    <s v="DND-16253"/>
    <s v="In Production"/>
    <s v="desktop"/>
    <x v="1"/>
    <x v="1909"/>
  </r>
  <r>
    <x v="5"/>
    <x v="100"/>
    <x v="5052"/>
    <s v="CV CAD"/>
    <s v="Drawing Presentation CAD"/>
    <s v=""/>
    <x v="1"/>
    <s v=""/>
    <x v="34"/>
    <s v="4.2 Materiel Lifecycle"/>
    <s v="Materiel Services"/>
    <s v="DND-16256"/>
    <s v="In Production"/>
    <s v="desktop"/>
    <x v="0"/>
    <x v="730"/>
  </r>
  <r>
    <x v="5"/>
    <x v="100"/>
    <x v="5053"/>
    <s v=""/>
    <s v="Real-Time, Model Driven Software for Safety-Critical Applications: Specification Capture, Design Modeling, Code Generation, Interactive Testing &amp; Static Analysis"/>
    <s v=""/>
    <x v="1"/>
    <s v="Edgewater software"/>
    <x v="34"/>
    <s v="4.2 Materiel Lifecycle"/>
    <s v="Materiel Services"/>
    <s v="DND-16259"/>
    <s v="In Production"/>
    <s v=""/>
    <x v="0"/>
    <x v="730"/>
  </r>
  <r>
    <x v="0"/>
    <x v="28"/>
    <x v="5054"/>
    <s v="CFOOs"/>
    <s v="Manage the posting of CFOOs from the CDS. The CFOOs normally describe a unit or other element's role, command and control relationships, language designation, support services relationships, and channels of communication."/>
    <s v=""/>
    <x v="1"/>
    <s v=""/>
    <x v="34"/>
    <s v="6.6 Information Management"/>
    <s v="Financial Management Services,Human Resources Management Services,Legal Services"/>
    <s v="DND-1626"/>
    <s v="In Production"/>
    <s v="web"/>
    <x v="1"/>
    <x v="1910"/>
  </r>
  <r>
    <x v="3"/>
    <x v="4"/>
    <x v="5055"/>
    <s v="IETM - CP140"/>
    <s v="The Lockheed CP-140 Aurora Interactive Electronic Technical Manual (IETM) is the electronic web reference of CP140 technical publications for use by the CP140 maintenance and engineering community."/>
    <s v=""/>
    <x v="1"/>
    <s v=""/>
    <x v="34"/>
    <s v="4.2 Materiel Lifecycle"/>
    <s v="Materiel Services"/>
    <s v="DND-16260"/>
    <s v="In Production"/>
    <s v="desktop"/>
    <x v="1"/>
    <x v="1911"/>
  </r>
  <r>
    <x v="6"/>
    <x v="35"/>
    <x v="5056"/>
    <s v="LibV - CC130"/>
    <s v="LibView is used to support the CC130 legacy fleet; there are users in 455 De la Carriere, the Marshall Aerospace Canada Inc Ottawa Clarence Street office &amp; in Abbotsford, BC. Whilst not the primary (reference) source for drawings it is a secondary reference."/>
    <s v=""/>
    <x v="1"/>
    <s v="Procured from USAF"/>
    <x v="34"/>
    <s v="4.2 Materiel Lifecycle"/>
    <s v="Materiel Services"/>
    <s v="DND-16262"/>
    <s v="In Production"/>
    <s v="desktop"/>
    <x v="0"/>
    <x v="1912"/>
  </r>
  <r>
    <x v="4"/>
    <x v="5"/>
    <x v="5057"/>
    <s v="EIS"/>
    <s v="This application is used by the (CFLC) Canadian Forces Liaison Council who's membership consists of DND employee's, Reservists and volunteers from private industry. This application allows for the solicitation and recording of Canadian Businesses who have been invited to a CFLC Execu-trek event for the purpose of signing a Statement of Support for Canadian Forces Reservists and or a Human Resources Plan dealing with Reserve Employees. The EIS application is a .Net 3.5 Internet application which is only accessible via https over the intranet. This application must be added to the trusted sites list to allow access to DND employee's. This application is a password protected closed site and is not open to the general public. It is only accessible to regis"/>
    <s v=""/>
    <x v="1"/>
    <s v=""/>
    <x v="34"/>
    <s v="6.6 Information Management"/>
    <s v="Information Management Services"/>
    <s v="DND-1628"/>
    <s v="In Production"/>
    <s v=""/>
    <x v="1"/>
    <x v="1913"/>
  </r>
  <r>
    <x v="0"/>
    <x v="16"/>
    <x v="5058"/>
    <s v="PTS"/>
    <s v="Database of all court martials specific for the Prosecution section"/>
    <s v=""/>
    <x v="1"/>
    <s v=""/>
    <x v="34"/>
    <s v="6.3 Legal Services"/>
    <s v="Legal Services"/>
    <s v="DND-16304"/>
    <s v="In Production"/>
    <s v=""/>
    <x v="1"/>
    <x v="1914"/>
  </r>
  <r>
    <x v="10"/>
    <x v="60"/>
    <x v="5059"/>
    <s v="OrgChart"/>
    <s v="Creates OrgCharts of the Office of the JAG (positions and members). This is accessed through the OMS application."/>
    <s v=""/>
    <x v="1"/>
    <s v=""/>
    <x v="34"/>
    <s v="6.7 Information Technology"/>
    <s v="Human Resources Management Services"/>
    <s v="DND-16305"/>
    <s v="In Production"/>
    <s v=""/>
    <x v="1"/>
    <x v="1914"/>
  </r>
  <r>
    <x v="4"/>
    <x v="5"/>
    <x v="5060"/>
    <s v="OMS Actual"/>
    <s v="OMS is used to store position information that is used to create Org Charts and provide access to certain JAG applications."/>
    <s v=""/>
    <x v="1"/>
    <s v=""/>
    <x v="34"/>
    <s v="6.7 Information Technology"/>
    <s v="Other"/>
    <s v="DND-16307"/>
    <s v="In Production"/>
    <s v=""/>
    <x v="1"/>
    <x v="1915"/>
  </r>
  <r>
    <x v="4"/>
    <x v="5"/>
    <x v="5061"/>
    <s v="PMDSS"/>
    <s v="PMDSS is used by all lawyers in JAG to input the number of request received and completed per month. It’s considered the health index keeper for the office of the JAG. Monthly reports are produced in the program"/>
    <s v=""/>
    <x v="1"/>
    <s v=""/>
    <x v="34"/>
    <s v="6.1 Management &amp; Oversight"/>
    <s v="Management and Oversight Services"/>
    <s v="DND-16308"/>
    <s v="In Production"/>
    <s v=""/>
    <x v="1"/>
    <x v="1916"/>
  </r>
  <r>
    <x v="4"/>
    <x v="5"/>
    <x v="5062"/>
    <s v="Estates and Elections"/>
    <s v="E&amp;E maintains records on the Estates of deceased military personnel, and the distribution of those estates.  It is the only application that handles this info for DND, and is used to pay out the deceased members estate, to provide a report for PMDSS,"/>
    <s v=""/>
    <x v="1"/>
    <s v=""/>
    <x v="34"/>
    <s v="6.7 Information Technology"/>
    <s v="Human Resources Management Services"/>
    <s v="DND-16309"/>
    <s v="In Production"/>
    <s v=""/>
    <x v="1"/>
    <x v="1917"/>
  </r>
  <r>
    <x v="0"/>
    <x v="87"/>
    <x v="5063"/>
    <s v="eJAG"/>
    <s v="Online auction used by the Office of the JAG for the NDWCC."/>
    <s v=""/>
    <x v="1"/>
    <s v=""/>
    <x v="34"/>
    <s v="6.9 Material"/>
    <s v="Other"/>
    <s v="DND-16310"/>
    <s v="In Production"/>
    <s v=""/>
    <x v="1"/>
    <x v="1871"/>
  </r>
  <r>
    <x v="0"/>
    <x v="28"/>
    <x v="5064"/>
    <s v="IDOL"/>
    <s v="Enterprise Search"/>
    <s v="Other"/>
    <x v="1"/>
    <s v="HP"/>
    <x v="34"/>
    <s v="6.6 Information Management"/>
    <s v="Information Management Services"/>
    <s v="DND-16320"/>
    <s v="In Production"/>
    <s v=""/>
    <x v="0"/>
    <x v="1918"/>
  </r>
  <r>
    <x v="4"/>
    <x v="5"/>
    <x v="5065"/>
    <s v="CF Mine Database"/>
    <s v="Mandated training to Fd Engr course Sect Comd course, as per QS"/>
    <s v=""/>
    <x v="1"/>
    <s v=""/>
    <x v="34"/>
    <s v="3.4 Operational Readiness Production, Coordination &amp; Command &amp; Control"/>
    <s v="Information Management Services"/>
    <s v="DND-16327"/>
    <s v="In Production"/>
    <s v=""/>
    <x v="1"/>
    <x v="1919"/>
  </r>
  <r>
    <x v="4"/>
    <x v="5"/>
    <x v="5066"/>
    <s v=""/>
    <s v="Allows DOM OPS to control not only the content of their site, but who can see what information."/>
    <s v=""/>
    <x v="1"/>
    <s v=""/>
    <x v="34"/>
    <s v="1.1 Domestic &amp; Continental Defence Operations"/>
    <s v=""/>
    <s v="DND-16418"/>
    <s v="In Production"/>
    <s v=""/>
    <x v="1"/>
    <x v="1920"/>
  </r>
  <r>
    <x v="4"/>
    <x v="5"/>
    <x v="5067"/>
    <s v="RCMS"/>
    <s v="This is a system for keeping track of ration card swipes at the messes on base."/>
    <s v=""/>
    <x v="1"/>
    <s v=""/>
    <x v="34"/>
    <s v="6.4 Human Resources Management"/>
    <s v="Human Resources Management Services"/>
    <s v="DND-16433"/>
    <s v="In Production"/>
    <s v=""/>
    <x v="1"/>
    <x v="1921"/>
  </r>
  <r>
    <x v="4"/>
    <x v="5"/>
    <x v="5068"/>
    <s v="FFS"/>
    <s v="for inputing frequency into radios"/>
    <s v=""/>
    <x v="1"/>
    <s v=""/>
    <x v="34"/>
    <s v="3.3 Force Elements Production"/>
    <s v=""/>
    <s v="DND-16454"/>
    <s v="In Production"/>
    <s v=""/>
    <x v="1"/>
    <x v="86"/>
  </r>
  <r>
    <x v="2"/>
    <x v="64"/>
    <x v="5069"/>
    <s v="DARRs"/>
    <s v="The Qualiware tool suite will provide DND/CF architects with a standard tool set for enterprise architecture modeling, designing and planning.  The tool set will produce DNDAF compliant architecture descriptions, which can be easily integrated into the De"/>
    <s v=""/>
    <x v="1"/>
    <s v=""/>
    <x v="34"/>
    <s v="6.7 Information Technology"/>
    <s v="Management and Oversight Services"/>
    <s v="DND-16498"/>
    <s v="In Production"/>
    <s v=""/>
    <x v="0"/>
    <x v="86"/>
  </r>
  <r>
    <x v="4"/>
    <x v="5"/>
    <x v="5070"/>
    <s v="WSSDB"/>
    <s v="The DMHRR WSSDB provides secure access to information recruiters need for their job duties. DMHRR is responsible for providing up to date directives regarding selection criteria and training materials to B/WPSO or UPSO’s in support of Personnel Selection"/>
    <s v=""/>
    <x v="1"/>
    <s v=""/>
    <x v="34"/>
    <s v="6.7 Information Technology"/>
    <s v="Information Management Services"/>
    <s v="DND-165"/>
    <s v="In Production"/>
    <s v=""/>
    <x v="1"/>
    <x v="1922"/>
  </r>
  <r>
    <x v="6"/>
    <x v="27"/>
    <x v="487"/>
    <s v="Antidote"/>
    <s v="Antidote réunit un correcteur, douze grands dictionnaires et onze guides linguistiques qui s'ajoutent directement aux logiciels de rédaction. Antidote combines a grammar corrector with rich dictionaries and language guides, all with direct integration into your writing software. Do you type in English or French? Then Antidote is for you! It works with Windows, Mac and Linux, while the dictionaries and guides are also available for iPhone and iPad"/>
    <s v=""/>
    <x v="1"/>
    <s v=""/>
    <x v="34"/>
    <s v="4.2 Materiel Lifecycle"/>
    <s v="Communications Services"/>
    <s v="DND-16510"/>
    <s v="In Production"/>
    <s v="desktop"/>
    <x v="0"/>
    <x v="1923"/>
  </r>
  <r>
    <x v="3"/>
    <x v="92"/>
    <x v="5071"/>
    <s v="PRO Aurora train"/>
    <s v="Register for all the Training courses that individuals have taken within Maritime section."/>
    <s v=""/>
    <x v="1"/>
    <s v=""/>
    <x v="34"/>
    <s v="4.2 Materiel Lifecycle"/>
    <s v="Travel and Other Administrative Services"/>
    <s v="DND-16517"/>
    <s v="In Production"/>
    <s v=""/>
    <x v="1"/>
    <x v="1310"/>
  </r>
  <r>
    <x v="5"/>
    <x v="90"/>
    <x v="2996"/>
    <s v="ArcGIS"/>
    <s v="GIS software to create and maintain GIS databases."/>
    <s v="ESRI_Canada_Limited"/>
    <x v="5"/>
    <s v=""/>
    <x v="34"/>
    <s v="4.2 Materiel Lifecycle"/>
    <s v="Real Property Services"/>
    <s v="DND-16542"/>
    <s v="In Production"/>
    <s v=""/>
    <x v="0"/>
    <x v="1924"/>
  </r>
  <r>
    <x v="4"/>
    <x v="5"/>
    <x v="5072"/>
    <s v="LiBRARYSOFT"/>
    <s v="Library Automation System"/>
    <s v=""/>
    <x v="1"/>
    <s v=""/>
    <x v="34"/>
    <s v="6.6 Information Management"/>
    <s v="Information Management Services"/>
    <s v="DND-16544"/>
    <s v="In Production"/>
    <s v=""/>
    <x v="0"/>
    <x v="86"/>
  </r>
  <r>
    <x v="5"/>
    <x v="94"/>
    <x v="5073"/>
    <s v="ACMI"/>
    <s v="This program replaces an earlier toolset (TSPI, TSPI Checker, TxtToPC), KML) to automate the process, fix issues with latitude/longitude/altitude output in a PLER file, and simplify general operation associated with RCD files. - PLER is a text file with a head of:RT X Y Z Lat Lon Alt - PC0, PC1 files include date/time, (X, Y, Z), (lat, lon, alt), (VX, VY, VZ), roll, pitch heading - KML files can be exported based on a time or distance interval, and the user can specify some KML data attributes (name, When more than one data source in the RCD file exists, the program lets the user choose which one to use (and identifies the # of records per source, to make the decision easier). AETE"/>
    <s v=""/>
    <x v="1"/>
    <s v=""/>
    <x v="34"/>
    <s v="4.2 Materiel Lifecycle"/>
    <s v="Materiel Services"/>
    <s v="DND-16548"/>
    <s v="In Production"/>
    <s v="desktop"/>
    <x v="1"/>
    <x v="1925"/>
  </r>
  <r>
    <x v="5"/>
    <x v="100"/>
    <x v="5074"/>
    <s v="RNP"/>
    <s v="Performs equations on ACMI and EGI files, with specification for waypoint locations and info, and a supporting flight report file to measure and report on errors, statistics."/>
    <s v=""/>
    <x v="1"/>
    <s v=""/>
    <x v="34"/>
    <s v="4.2 Materiel Lifecycle"/>
    <s v="Materiel Services"/>
    <s v="DND-16554"/>
    <s v="In Production"/>
    <s v="desktop"/>
    <x v="1"/>
    <x v="1631"/>
  </r>
  <r>
    <x v="5"/>
    <x v="99"/>
    <x v="5075"/>
    <s v="MergeMet"/>
    <s v="Takes a MET file and adds weather columns to a PC0/PC1/CSV/TXT file, calculated based on elevation data found in the PC0/PC1/CSV/TXT file."/>
    <s v=""/>
    <x v="1"/>
    <s v=""/>
    <x v="34"/>
    <s v="4.2 Materiel Lifecycle"/>
    <s v="Materiel Services"/>
    <s v="DND-16558"/>
    <s v="In Production"/>
    <s v="desktop"/>
    <x v="1"/>
    <x v="1925"/>
  </r>
  <r>
    <x v="3"/>
    <x v="92"/>
    <x v="5076"/>
    <s v="RAM"/>
    <s v="DGAEPM Radio Active Material (RAM) Action Plan was initiated in August 1996. The RAM Databases comprises a suite of 19 MS Access applications that are used to track and manage the proper handling, maintenance, repair and disposal of RAM used in aircraft"/>
    <s v=""/>
    <x v="1"/>
    <s v=""/>
    <x v="34"/>
    <s v="4.2 Materiel Lifecycle"/>
    <s v="Materiel Services"/>
    <s v="DND-16568"/>
    <s v="In Production"/>
    <s v="desktop"/>
    <x v="1"/>
    <x v="1310"/>
  </r>
  <r>
    <x v="4"/>
    <x v="5"/>
    <x v="5077"/>
    <s v="OSVC"/>
    <s v="Permet d'avoir une vue des informations générales des individus du CI 2 Div CA pour le sous-officier en devoir le soir et la fin de semaine."/>
    <s v=""/>
    <x v="1"/>
    <s v=""/>
    <x v="34"/>
    <s v="6.4 Human Resources Management"/>
    <s v="Human Resources Management Services"/>
    <s v="DND-16581"/>
    <s v="In Production"/>
    <s v=""/>
    <x v="1"/>
    <x v="1926"/>
  </r>
  <r>
    <x v="4"/>
    <x v="5"/>
    <x v="5078"/>
    <s v="EAAS"/>
    <s v="The DND Registration Management System has been developed to assist with the management of the DND's Public Key Infrastructure (PKI) System. In particular, it will assist with the management of the PKI Smartcard and the associated password. It will permit"/>
    <s v=""/>
    <x v="1"/>
    <s v=""/>
    <x v="34"/>
    <s v="6.7 Information Technology"/>
    <s v=""/>
    <s v="DND-16582"/>
    <s v="In Production"/>
    <s v=""/>
    <x v="0"/>
    <x v="86"/>
  </r>
  <r>
    <x v="4"/>
    <x v="5"/>
    <x v="5079"/>
    <s v="HEMAREGPEN"/>
    <s v="HEMAREGPEN will ensure that ReG Force/Pensioners are enrolled at the appropriate time and coverage level and that the resulting premium and tax remittances are accurate and complete."/>
    <s v=""/>
    <x v="1"/>
    <s v=""/>
    <x v="34"/>
    <s v="6.7 Information Technology"/>
    <s v="Human Resources Management Services"/>
    <s v="DND-16599"/>
    <s v="In Production"/>
    <s v=""/>
    <x v="1"/>
    <x v="1927"/>
  </r>
  <r>
    <x v="2"/>
    <x v="58"/>
    <x v="5080"/>
    <s v="BIRT"/>
    <s v="Business Intelligence and Reporting Tool"/>
    <s v=""/>
    <x v="1"/>
    <s v="BIRT Designer"/>
    <x v="34"/>
    <s v="3.4 Operational Readiness Production, Coordination &amp; Command &amp; Control"/>
    <s v="Other"/>
    <s v="DND-16610"/>
    <s v="In Production"/>
    <s v=""/>
    <x v="0"/>
    <x v="1928"/>
  </r>
  <r>
    <x v="0"/>
    <x v="13"/>
    <x v="2877"/>
    <s v="ccmEnterprise"/>
    <m/>
    <s v="WorkDynamics_Technologies_Inc"/>
    <x v="0"/>
    <s v=""/>
    <x v="34"/>
    <s v="6.6 Information Management"/>
    <s v="Information Management Services"/>
    <s v="DND-16612"/>
    <s v="In Production"/>
    <s v=""/>
    <x v="0"/>
    <x v="1929"/>
  </r>
  <r>
    <x v="6"/>
    <x v="67"/>
    <x v="5081"/>
    <s v="OBS"/>
    <s v="Volicon Observer® suite of products is an award-winning, digital video logging and monitoring solution for off-air asset monitoring."/>
    <s v=""/>
    <x v="1"/>
    <s v=""/>
    <x v="34"/>
    <s v="6.1 Management &amp; Oversight"/>
    <s v="Information Management Services"/>
    <s v="DND-16615"/>
    <s v="In Production"/>
    <s v=""/>
    <x v="0"/>
    <x v="86"/>
  </r>
  <r>
    <x v="6"/>
    <x v="57"/>
    <x v="5082"/>
    <s v="BKS Fox"/>
    <s v="Britannica Knowledge Systems (BKS) Fox provides the Resource Management and Scheduling (RMS) function for DLN."/>
    <s v="Other"/>
    <x v="1"/>
    <s v="Bitannica Knowledge Systems, Fox"/>
    <x v="34"/>
    <s v="3.2 Force Elements Integration Training"/>
    <s v="Other"/>
    <s v="DND-16625"/>
    <s v="In Production"/>
    <s v=""/>
    <x v="0"/>
    <x v="86"/>
  </r>
  <r>
    <x v="6"/>
    <x v="57"/>
    <x v="5083"/>
    <s v="KenexaOutStart"/>
    <s v="Kenexa Evolution LCMS is the system responsible for the Learning Content Development (LCD) and the Training Documentation Management (TDM) function of DLN."/>
    <s v="Other"/>
    <x v="1"/>
    <s v="Kenexa, Evolution"/>
    <x v="34"/>
    <s v="3.2 Force Elements Integration Training"/>
    <s v="Other"/>
    <s v="DND-16626"/>
    <s v="In Production"/>
    <s v=""/>
    <x v="0"/>
    <x v="1930"/>
  </r>
  <r>
    <x v="6"/>
    <x v="57"/>
    <x v="5084"/>
    <s v="Saba Publisher"/>
    <s v="Saba Publisher provides the courseware development component of DLN allowing courseware designers and developers to life-cycle manage and develop courseware."/>
    <s v="Other"/>
    <x v="1"/>
    <s v="Saba Software, Inc., Publisher"/>
    <x v="34"/>
    <s v="3.2 Force Elements Integration Training"/>
    <s v="Other"/>
    <s v="DND-16628"/>
    <s v="In Production"/>
    <s v=""/>
    <x v="0"/>
    <x v="86"/>
  </r>
  <r>
    <x v="6"/>
    <x v="57"/>
    <x v="5085"/>
    <s v="Saba Centra"/>
    <s v="Saba Centra for eMeetings provides a virtual classroom cabaility for DLN and real-time collaboration services to support courseware development and maintenance activities."/>
    <s v="Other"/>
    <x v="1"/>
    <s v="Saba Software, Inc., Centra"/>
    <x v="34"/>
    <s v="3.2 Force Elements Integration Training"/>
    <s v="Other"/>
    <s v="DND-16629"/>
    <s v="In Production"/>
    <s v=""/>
    <x v="0"/>
    <x v="86"/>
  </r>
  <r>
    <x v="6"/>
    <x v="57"/>
    <x v="5086"/>
    <s v="Saba LMS"/>
    <m/>
    <s v="Other"/>
    <x v="1"/>
    <s v="Saba Software, Inc., LMS"/>
    <x v="34"/>
    <s v="3.2 Force Elements Integration Training"/>
    <s v="Other"/>
    <s v="DND-16630"/>
    <s v="In Production"/>
    <s v=""/>
    <x v="0"/>
    <x v="86"/>
  </r>
  <r>
    <x v="4"/>
    <x v="5"/>
    <x v="5087"/>
    <s v="DLPS"/>
    <s v="The Directory List Provision System is a directory management tool used to populate the Exchange Global Address List (and the Active Directory at a later date) with ADDRIS addressing data.  These lists will be used by Defence Message Handling System (DMHS"/>
    <s v=""/>
    <x v="1"/>
    <s v=""/>
    <x v="34"/>
    <s v="6.7 Information Technology"/>
    <s v="Information Management Services"/>
    <s v="DND-1664"/>
    <s v="In Production"/>
    <s v=""/>
    <x v="1"/>
    <x v="1931"/>
  </r>
  <r>
    <x v="0"/>
    <x v="11"/>
    <x v="5088"/>
    <s v="Multitrans"/>
    <s v="This application allows DND employees to access the approved terminology to be used in all electronic and printed matter for accuracy and consistency."/>
    <s v="Other"/>
    <x v="90"/>
    <s v="MultiTrans PRISM"/>
    <x v="34"/>
    <s v="6.6 Information Management"/>
    <s v="Information Management Services"/>
    <s v="DND-1665"/>
    <s v="In Production"/>
    <s v=""/>
    <x v="0"/>
    <x v="1932"/>
  </r>
  <r>
    <x v="4"/>
    <x v="5"/>
    <x v="5089"/>
    <s v="HDDS"/>
    <s v="Web survey on-line for CF members and their families"/>
    <s v=""/>
    <x v="1"/>
    <s v=""/>
    <x v="34"/>
    <s v="6.7 Information Technology"/>
    <s v=""/>
    <s v="DND-167"/>
    <s v="In Production"/>
    <s v=""/>
    <x v="1"/>
    <x v="1891"/>
  </r>
  <r>
    <x v="4"/>
    <x v="5"/>
    <x v="5090"/>
    <s v=""/>
    <s v="Access front end on an SQL database.  It used on the CCO Net through Microsoft Remote Desktop Service.  This application is to organize transport for cadets on CSTC.  It is to be replaced entirely by Fortress (Main Cadets Application) in 2015.  This is an interim solution."/>
    <s v=""/>
    <x v="1"/>
    <s v=""/>
    <x v="34"/>
    <s v="6.4 Human Resources Management"/>
    <s v="Human Resources Management Services,Travel and Other Administrative Services"/>
    <s v="DND-16705"/>
    <s v="In Production"/>
    <s v=""/>
    <x v="1"/>
    <x v="86"/>
  </r>
  <r>
    <x v="4"/>
    <x v="5"/>
    <x v="5091"/>
    <s v="NCAS"/>
    <s v="National Centralized Attendant Service: It is a national call centre application. Provides on-line telephone directory for all DND personnel, positions and roles. This application draws data from many sources to allow the call center to route phone calls"/>
    <s v=""/>
    <x v="1"/>
    <s v=""/>
    <x v="34"/>
    <s v=""/>
    <s v="Information Technology Services"/>
    <s v="DND-1672"/>
    <s v="In Production"/>
    <s v=""/>
    <x v="1"/>
    <x v="1933"/>
  </r>
  <r>
    <x v="4"/>
    <x v="5"/>
    <x v="5092"/>
    <s v="APMS"/>
    <s v="Provide Career Management staff with an automated system to draft, finalize and amend Posting and/or Position Change instructions.  (Tied in to HRMS 7.5)"/>
    <s v=""/>
    <x v="1"/>
    <s v=""/>
    <x v="34"/>
    <s v="6.7 Information Technology"/>
    <s v="Human Resources Management Services"/>
    <s v="DND-1699"/>
    <s v="In Production"/>
    <s v=""/>
    <x v="1"/>
    <x v="1934"/>
  </r>
  <r>
    <x v="1"/>
    <x v="12"/>
    <x v="5093"/>
    <s v="CTS"/>
    <s v="****Decommissioning in Progress HRIC HelpDesk Call Tracking Tool"/>
    <s v=""/>
    <x v="1"/>
    <s v=""/>
    <x v="34"/>
    <s v="6.4 Human Resources Management"/>
    <s v="Human Resources Management Services,Information Management Services"/>
    <s v="DND-1700"/>
    <s v="In Production"/>
    <s v=""/>
    <x v="1"/>
    <x v="146"/>
  </r>
  <r>
    <x v="4"/>
    <x v="5"/>
    <x v="5094"/>
    <s v="ILP - CDA"/>
    <s v="Provide the capability for CDA to administer electronically the ILP program to Canadian Forces Members.  Key data is as follows:  Course information, basic member information and tuition costs"/>
    <s v=""/>
    <x v="1"/>
    <s v=""/>
    <x v="34"/>
    <s v="6.7 Information Technology"/>
    <s v="Human Resources Management Services"/>
    <s v="DND-1701"/>
    <s v="In Production"/>
    <s v="web"/>
    <x v="1"/>
    <x v="86"/>
  </r>
  <r>
    <x v="3"/>
    <x v="4"/>
    <x v="5095"/>
    <s v="AF9000 Suite"/>
    <s v="The AF9000 suite consists of an Audit Application, Electronic Process Approval and Amendment Form, Feedback Application, Manual of Aerospace Procedures / Register /Tracking Application These apps were developed using MS Access."/>
    <s v=""/>
    <x v="1"/>
    <s v=""/>
    <x v="34"/>
    <s v="4.2 Materiel Lifecycle"/>
    <s v="Materiel Services"/>
    <s v="DND-17013"/>
    <s v="In Production"/>
    <s v="desktop"/>
    <x v="1"/>
    <x v="1310"/>
  </r>
  <r>
    <x v="1"/>
    <x v="86"/>
    <x v="5096"/>
    <s v="BPN"/>
    <s v="Boeing Enterprise Systems are supported through the Boeing Partner Network (BPN) Portal. Boeing Portal sites were added to Trusted Sites (DWAN) and Internet Firewall."/>
    <s v=""/>
    <x v="1"/>
    <s v=""/>
    <x v="34"/>
    <s v="4.2 Materiel Lifecycle"/>
    <s v="Materiel Services"/>
    <s v="DND-17035"/>
    <s v="In Production"/>
    <s v="web"/>
    <x v="1"/>
    <x v="1935"/>
  </r>
  <r>
    <x v="4"/>
    <x v="5"/>
    <x v="4859"/>
    <s v="CFED"/>
    <s v="allow military members and the general public to determine whether professional training and education received from within the military is accredited by civilian institutions, and vice versa."/>
    <s v=""/>
    <x v="1"/>
    <s v=""/>
    <x v="34"/>
    <s v="6.7 Information Technology"/>
    <s v="Human Resources Management Services"/>
    <s v="DND-1705"/>
    <s v="In Production"/>
    <s v=""/>
    <x v="1"/>
    <x v="86"/>
  </r>
  <r>
    <x v="4"/>
    <x v="5"/>
    <x v="5097"/>
    <s v="Eligibility Utility"/>
    <s v="a Microsoft Access 2000 database that is used to determine and track eligibility for medical and dental services."/>
    <s v=""/>
    <x v="1"/>
    <s v=""/>
    <x v="34"/>
    <s v="6.7 Information Technology"/>
    <s v="Human Resources Management Services"/>
    <s v="DND-1706"/>
    <s v="In Production"/>
    <s v=""/>
    <x v="1"/>
    <x v="86"/>
  </r>
  <r>
    <x v="4"/>
    <x v="5"/>
    <x v="5098"/>
    <s v="NDIS"/>
    <m/>
    <s v=""/>
    <x v="1"/>
    <s v=""/>
    <x v="34"/>
    <s v="6.6 Information Management"/>
    <s v="Information Management Services"/>
    <s v="DND-17097"/>
    <s v="In Production"/>
    <s v=""/>
    <x v="1"/>
    <x v="1936"/>
  </r>
  <r>
    <x v="4"/>
    <x v="5"/>
    <x v="4856"/>
    <s v="CFMSS"/>
    <m/>
    <s v=""/>
    <x v="1"/>
    <s v=""/>
    <x v="34"/>
    <s v="6.7 Information Technology"/>
    <s v="Human Resources Management Services"/>
    <s v="DND-1710"/>
    <s v="In Production"/>
    <s v=""/>
    <x v="1"/>
    <x v="86"/>
  </r>
  <r>
    <x v="2"/>
    <x v="65"/>
    <x v="5099"/>
    <s v="CCPS"/>
    <s v="Pay system for CAF Reg Force and members of the Res F on full-time service in support of the Reg F in excess of 30 days and Pension system for all members of the CAF. DND MISSION-CRITICAL SYSTEM."/>
    <s v=""/>
    <x v="1"/>
    <s v=""/>
    <x v="34"/>
    <s v="6.4 Human Resources Management"/>
    <s v="Human Resources Management Services"/>
    <s v="DND-1711"/>
    <s v="In Production"/>
    <s v=""/>
    <x v="1"/>
    <x v="1937"/>
  </r>
  <r>
    <x v="4"/>
    <x v="5"/>
    <x v="5100"/>
    <s v="CFIRP"/>
    <s v="related to the administration of CF moves"/>
    <s v=""/>
    <x v="1"/>
    <s v=""/>
    <x v="34"/>
    <s v="6.7 Information Technology"/>
    <s v="Human Resources Management Services"/>
    <s v="DND-1712"/>
    <s v="In Production"/>
    <s v=""/>
    <x v="1"/>
    <x v="1938"/>
  </r>
  <r>
    <x v="4"/>
    <x v="5"/>
    <x v="5101"/>
    <s v=""/>
    <s v="To facilitate compliance with the Species at Risk Act and Species at Risk MOU. Tracks confirmed/potential presence of species at risk on defence establishments and associated properties. SAR Survey and Inventory data. Aids in consultation with competent departments. Creates SAR Work Plans, Annual Report and S.83 notifications"/>
    <s v=""/>
    <x v="1"/>
    <s v=""/>
    <x v="34"/>
    <s v="6.8 Real Property"/>
    <s v=""/>
    <s v="DND-17124"/>
    <s v="In Production"/>
    <s v=""/>
    <x v="1"/>
    <x v="86"/>
  </r>
  <r>
    <x v="4"/>
    <x v="5"/>
    <x v="5102"/>
    <s v=""/>
    <s v="Automated registry to meet reporting requirements of CEAA, 2012.  Interactive report forms, Develops Environmental Assessment reports and integrate Strategic Environmental Assessments within database.  Also SEA Preliminary Scan interactive forms"/>
    <s v=""/>
    <x v="1"/>
    <s v=""/>
    <x v="34"/>
    <s v="6.6 Information Management"/>
    <s v=""/>
    <s v="DND-17126"/>
    <s v="In Production"/>
    <s v=""/>
    <x v="1"/>
    <x v="106"/>
  </r>
  <r>
    <x v="4"/>
    <x v="5"/>
    <x v="5103"/>
    <s v=""/>
    <s v=""/>
    <s v=""/>
    <x v="1"/>
    <s v=""/>
    <x v="34"/>
    <s v="6.7 Information Technology"/>
    <s v="Human Resources Management Services"/>
    <s v="DND-1717"/>
    <s v="In Production"/>
    <s v=""/>
    <x v="1"/>
    <x v="86"/>
  </r>
  <r>
    <x v="4"/>
    <x v="5"/>
    <x v="5104"/>
    <s v="DentIS"/>
    <s v="used by dental detachments to assist in the management of dental care delivery  App is not supported by DHRIM (though I'm not sure who it is supported by), - Angela Omand, DHRIM 5."/>
    <s v=""/>
    <x v="1"/>
    <s v=""/>
    <x v="34"/>
    <s v="6.7 Information Technology"/>
    <s v="Human Resources Management Services"/>
    <s v="DND-1718"/>
    <s v="In Production"/>
    <s v=""/>
    <x v="1"/>
    <x v="86"/>
  </r>
  <r>
    <x v="4"/>
    <x v="5"/>
    <x v="5105"/>
    <s v="DCT"/>
    <s v="DGADR Online data collection / Collecte de données DGMARC en ligne Collection of data from DND/CF Conflict Management Program"/>
    <s v=""/>
    <x v="1"/>
    <s v=""/>
    <x v="34"/>
    <s v="6.7 Information Technology"/>
    <s v="Human Resources Management Services"/>
    <s v="DND-1719"/>
    <s v="In Production"/>
    <s v=""/>
    <x v="1"/>
    <x v="146"/>
  </r>
  <r>
    <x v="4"/>
    <x v="5"/>
    <x v="5106"/>
    <s v=""/>
    <s v="Web page"/>
    <s v=""/>
    <x v="1"/>
    <s v=""/>
    <x v="34"/>
    <s v="6.7 Information Technology"/>
    <s v="Communications Services"/>
    <s v="DND-172"/>
    <s v="In Production"/>
    <s v=""/>
    <x v="1"/>
    <x v="1891"/>
  </r>
  <r>
    <x v="3"/>
    <x v="15"/>
    <x v="5107"/>
    <s v="TMS 2012"/>
    <s v="External:The Museum System 2012 CMS is the cultural sector’s leading collection management software system. It allows users to capture, manage and access museum collection information and facilitates cataloguing, media tracking, and coordination of exhibitions.  Internal: Used to catalogue and manage the artefacts at each of the 70 CAF museums."/>
    <s v="Other"/>
    <x v="1"/>
    <s v="Gallery Systems"/>
    <x v="34"/>
    <s v="2.3 Military Heritage &amp; Outreach"/>
    <s v="Management and Oversight Services,Materiel Services,Other"/>
    <s v="DND-17240"/>
    <s v="In Production"/>
    <s v=""/>
    <x v="0"/>
    <x v="1811"/>
  </r>
  <r>
    <x v="4"/>
    <x v="5"/>
    <x v="5108"/>
    <s v="SABI"/>
    <s v="Biography application providing PR information about senior staff."/>
    <s v=""/>
    <x v="1"/>
    <s v=""/>
    <x v="34"/>
    <s v="4.1 Military Personnel &amp; Organization Lifecycle"/>
    <s v="Human Resources Management Services"/>
    <s v="DND-1725"/>
    <s v="In Production"/>
    <s v=""/>
    <x v="1"/>
    <x v="1939"/>
  </r>
  <r>
    <x v="11"/>
    <x v="116"/>
    <x v="5109"/>
    <s v="QS"/>
    <s v="Quick Scene software is a COTS product used to automate the creation of professional-looking road collision diagrams that will assist the Chain of Command to better understand the circumstances which led to a road collision and more importantly, help with the mitigation of future collisions."/>
    <s v=""/>
    <x v="1"/>
    <s v=""/>
    <x v="34"/>
    <s v="4.2 Materiel Lifecycle"/>
    <s v="Materiel Services"/>
    <s v="DND-17253"/>
    <s v="In Production"/>
    <s v=""/>
    <x v="0"/>
    <x v="10"/>
  </r>
  <r>
    <x v="4"/>
    <x v="5"/>
    <x v="5110"/>
    <s v="MEMS"/>
    <s v="MEMS is a client server application to support the CAF occupational authorities and training institutions. The application is used to create and manage job-based specifications and manage succession planning.  In an effort to increase the efficient coordination of various personnel management functions, a new software capability that dynamically links Personnel Generation Requirement activities, Individual Training &amp; Education support functions, Establishment Management functions and Personnel Management functions is required.   Once in operation, MEMS will provide the following services:  - Organization &amp; Establishment management. The main functions will be to link Section and Position related information to the Job Based Specifications (JBS) of"/>
    <s v=""/>
    <x v="1"/>
    <s v="Military Employment Management System"/>
    <x v="34"/>
    <s v="6.4 Human Resources Management"/>
    <s v="Human Resources Management Services"/>
    <s v="DND-17266"/>
    <s v="In Production"/>
    <s v="desktop"/>
    <x v="1"/>
    <x v="86"/>
  </r>
  <r>
    <x v="3"/>
    <x v="4"/>
    <x v="5111"/>
    <s v="RIM"/>
    <s v="Software is used with Rimage CD/DVD Replicator model 5410N Professional."/>
    <s v=""/>
    <x v="1"/>
    <s v="Rimage"/>
    <x v="34"/>
    <s v="4.2 Materiel Lifecycle"/>
    <s v="Materiel Services"/>
    <s v="DND-17272"/>
    <s v="In Production"/>
    <s v="desktop"/>
    <x v="0"/>
    <x v="10"/>
  </r>
  <r>
    <x v="4"/>
    <x v="5"/>
    <x v="5112"/>
    <s v="ACT - Class"/>
    <s v="The Classified Assets Accounting Tool (CAAT) is a secure web (https) based, DWAN application designed to track Classified Standard Documents (CSD) and Classified IT Storage Media (ITSM) from receipt to destruction."/>
    <s v=""/>
    <x v="1"/>
    <s v=""/>
    <x v="34"/>
    <s v="6.7 Information Technology"/>
    <s v=""/>
    <s v="DND-17282"/>
    <s v="In Production"/>
    <s v=""/>
    <x v="0"/>
    <x v="106"/>
  </r>
  <r>
    <x v="4"/>
    <x v="5"/>
    <x v="5113"/>
    <s v=""/>
    <s v="Data Modeling tool, used for Military Pay application CCPS"/>
    <s v=""/>
    <x v="1"/>
    <s v=""/>
    <x v="34"/>
    <s v="6.7 Information Technology"/>
    <s v=""/>
    <s v="DND-17295"/>
    <s v="In Production"/>
    <s v=""/>
    <x v="0"/>
    <x v="106"/>
  </r>
  <r>
    <x v="4"/>
    <x v="5"/>
    <x v="5114"/>
    <s v="PERMON"/>
    <m/>
    <s v=""/>
    <x v="1"/>
    <s v=""/>
    <x v="34"/>
    <s v="6.7 Information Technology"/>
    <s v="Human Resources Management Services"/>
    <s v="DND-1734"/>
    <s v="In Production"/>
    <s v=""/>
    <x v="1"/>
    <x v="1940"/>
  </r>
  <r>
    <x v="4"/>
    <x v="5"/>
    <x v="5115"/>
    <s v="QOL HDDS"/>
    <s v="tool for developing surveys in a fraction of the normal time required."/>
    <s v=""/>
    <x v="1"/>
    <s v=""/>
    <x v="34"/>
    <s v="6.7 Information Technology"/>
    <s v="Human Resources Management Services"/>
    <s v="DND-1737"/>
    <s v="In Production"/>
    <s v=""/>
    <x v="1"/>
    <x v="86"/>
  </r>
  <r>
    <x v="4"/>
    <x v="5"/>
    <x v="5116"/>
    <s v="ESB"/>
    <m/>
    <s v=""/>
    <x v="1"/>
    <s v=""/>
    <x v="34"/>
    <s v="6.1 Management &amp; Oversight"/>
    <s v="Human Resources Management Services"/>
    <s v="DND-1740"/>
    <s v="In Production"/>
    <s v=""/>
    <x v="1"/>
    <x v="1941"/>
  </r>
  <r>
    <x v="3"/>
    <x v="92"/>
    <x v="5117"/>
    <s v="CFEED"/>
    <m/>
    <s v=""/>
    <x v="1"/>
    <s v=""/>
    <x v="34"/>
    <s v="5.2 Strategic Direction &amp; Planning Support"/>
    <s v="Human Resources Management Services"/>
    <s v="DND-1741"/>
    <s v="In Production"/>
    <s v=""/>
    <x v="1"/>
    <x v="1942"/>
  </r>
  <r>
    <x v="4"/>
    <x v="5"/>
    <x v="5118"/>
    <s v="eRecruit-OEA"/>
    <s v="this is the internet (general public facing) component of the eRecruiting system.  It is the system that houses the initial data collection items from potential recruitment candidates."/>
    <s v=""/>
    <x v="1"/>
    <s v=""/>
    <x v="34"/>
    <s v="Internal Services 5.1"/>
    <s v="Human Resources Management Services"/>
    <s v="DND-1742"/>
    <s v="In Production"/>
    <s v=""/>
    <x v="1"/>
    <x v="1943"/>
  </r>
  <r>
    <x v="4"/>
    <x v="5"/>
    <x v="5119"/>
    <s v="DSD"/>
    <s v="HRMS accounts are managed in the DND HRMS Security Access Database (DSD), a small MS-Access database."/>
    <s v=""/>
    <x v="1"/>
    <s v=""/>
    <x v="34"/>
    <s v="Internal Services 5.1"/>
    <s v="Human Resources Management Services"/>
    <s v="DND-1744"/>
    <s v="In Production"/>
    <s v="desktop"/>
    <x v="1"/>
    <x v="27"/>
  </r>
  <r>
    <x v="4"/>
    <x v="5"/>
    <x v="5120"/>
    <s v="HRMS - Civ"/>
    <m/>
    <s v=""/>
    <x v="1"/>
    <s v=""/>
    <x v="34"/>
    <s v="6.7 Information Technology"/>
    <s v="Human Resources Management Services"/>
    <s v="DND-1745"/>
    <s v="In Production"/>
    <s v=""/>
    <x v="0"/>
    <x v="1944"/>
  </r>
  <r>
    <x v="3"/>
    <x v="45"/>
    <x v="5121"/>
    <s v="CGCS"/>
    <s v="The Canadian Government Catalogue of Materiel (CGCM) is a DVD snapshot taken every two months of what is included in the Canadian Government Cataloguing System (CGCS). The CGCM is designed as an offline tool that can be utilised in times when the DWAN intranet site is unavailable or should not be used for what ever reason. The CGCM also has a more robust search engine. In order to ensure that users are looking at the most current information, the CGCS would be the preferred source of information.The CGCS is used by all DND users of the Canadian Government Cataloguing System, for example Record Control Officers(RCOs), Technical Authorities (TAs), Life Cycle Maintenance Managers (LCMM), all the supply personnel across the country and DRMIS."/>
    <s v=""/>
    <x v="1"/>
    <s v=""/>
    <x v="34"/>
    <s v="4.2 Materiel Lifecycle"/>
    <s v="Materiel Services"/>
    <s v="DND-1747"/>
    <s v="In Production"/>
    <s v="desktop"/>
    <x v="1"/>
    <x v="1945"/>
  </r>
  <r>
    <x v="3"/>
    <x v="4"/>
    <x v="5122"/>
    <s v="CGCM"/>
    <s v="Current codification data is available from the Canadian Government Cataloguing System (CGCS).  DND has a key role in the Canadian Government Catalogue of Material (CGCM) which is used in part by DND and other Government departments to identify and safeguard controlled goods and/or controlled technology in Canada."/>
    <s v=""/>
    <x v="1"/>
    <s v=""/>
    <x v="34"/>
    <s v="4.2 Materiel Lifecycle"/>
    <s v="Materiel Services"/>
    <s v="DND-1748"/>
    <s v="In Production"/>
    <s v="desktop"/>
    <x v="1"/>
    <x v="1946"/>
  </r>
  <r>
    <x v="4"/>
    <x v="5"/>
    <x v="5123"/>
    <s v="DWA"/>
    <s v="Rational DOORS Web Access provides web-based access to create, review, edit, and discuss requirements held in an IBM Rational DOORS database. Rational DOORS Web Access helps you promote collaboration and requirements use in your development process. This web client provides access to central requirements repository and to informal requirements discussions."/>
    <s v=""/>
    <x v="1"/>
    <s v=""/>
    <x v="34"/>
    <s v="6.6 Information Management"/>
    <s v="Management and Oversight Services"/>
    <s v="DND-1768"/>
    <s v="In Production"/>
    <s v=""/>
    <x v="0"/>
    <x v="86"/>
  </r>
  <r>
    <x v="4"/>
    <x v="5"/>
    <x v="5124"/>
    <s v="DOORS TA"/>
    <s v="DOORS Tender Management is an effective audit and compliance monitoring tool for contracting activities and highly demanding to evaluate the Requirement Specification (RS) of the DND major crown projects bid.   The TA tool provides easy-to-use support for the assessment process. Provided as an additional DOORS component, DOORS/TM enables all the information associated with the assessment to be integrated with other information already stored in DOORS. Thus, DOORS links can be used to determine the impact of a change to an Invitation to Tender (ITT)"/>
    <s v=""/>
    <x v="1"/>
    <s v=""/>
    <x v="34"/>
    <s v="6.6 Information Management"/>
    <s v="Materiel Services"/>
    <s v="DND-1769"/>
    <s v="In Production"/>
    <s v=""/>
    <x v="1"/>
    <x v="1947"/>
  </r>
  <r>
    <x v="2"/>
    <x v="40"/>
    <x v="5125"/>
    <s v="Primavera"/>
    <s v="High end Scheduling tool - The recognized standard for high-performance project management Primavera Management, handles large-scale, highly sophisticated and multifaceted projects scheduling"/>
    <s v="Oracle_Canada_ULC"/>
    <x v="1"/>
    <s v=""/>
    <x v="34"/>
    <s v="4.2 Materiel Lifecycle"/>
    <s v="Management and Oversight Services"/>
    <s v="DND-1770"/>
    <s v="In Production"/>
    <s v="desktop"/>
    <x v="0"/>
    <x v="1948"/>
  </r>
  <r>
    <x v="3"/>
    <x v="92"/>
    <x v="5126"/>
    <s v="ACMAN"/>
    <s v="Account Management program is a central account management application. It allows creation, update and deletion of users, creation and deletion of user accounts, as well as tracking other actions against the user."/>
    <s v=""/>
    <x v="1"/>
    <s v=""/>
    <x v="34"/>
    <s v="4.2 Materiel Lifecycle"/>
    <s v="Information Technology Services"/>
    <s v="DND-1772"/>
    <s v="In Production"/>
    <s v="web"/>
    <x v="1"/>
    <x v="1949"/>
  </r>
  <r>
    <x v="3"/>
    <x v="4"/>
    <x v="5127"/>
    <s v="AMR"/>
    <s v="Aircraft Maintenance Records Repository is an information system that serves as the primary storage collective/archive for specific data/records generated as a result of maintenance actions performed on DND-operated aircraft, aircraft systems and/or aircraft equipment; including aircraft simulators, trainers and Automated Test Equipment (ATE). The data is systematically collected via various mechanisms; the primary ones being ADAM databases (used for almost all aircraft fleets), DMS (used solely by the CF-188 fleet), and hard copy paper forms (generally used by contractors at repair facilities). This application and database support over 1000 Life Cycle Material managers (LCMM) and others. AMR interfaces with a number of AEPM applications including ADA"/>
    <s v=""/>
    <x v="1"/>
    <s v=""/>
    <x v="34"/>
    <s v="4.2 Materiel Lifecycle"/>
    <s v="Materiel Services"/>
    <s v="DND-1774"/>
    <s v="In Production"/>
    <s v="desktop"/>
    <x v="1"/>
    <x v="1950"/>
  </r>
  <r>
    <x v="2"/>
    <x v="10"/>
    <x v="5128"/>
    <s v="AIMS"/>
    <s v="Ammunition Information &amp; Management System is a computer assisted ammunition inventory management system designed to support ammunition specialists with their daily operations by organizing and standardizing various procedures.  AIMS 3.1 is the tool currently used by the ammunition community to electronically store logistical data on various ammunition at various locations and provide storage details. It also serves as a means to make users aware of current and new restrictions on ammunition as they are promulgated. The tool also has the capability to track the movement of ammunition from depot to depot.  AIMS allows the clients to manage DND ammunition receipts, storage, and distribution to Canadian Forces personnel."/>
    <s v=""/>
    <x v="1"/>
    <s v=""/>
    <x v="34"/>
    <s v="4.2 Materiel Lifecycle"/>
    <s v="Materiel Services"/>
    <s v="DND-1775"/>
    <s v="In Production"/>
    <s v=""/>
    <x v="1"/>
    <x v="1951"/>
  </r>
  <r>
    <x v="3"/>
    <x v="4"/>
    <x v="5129"/>
    <s v="AST"/>
    <s v="Army Scaling Tool is a web-based application that generates scaling reports for the National Support Element Maintenance Platoon (using data from various systems). It can also be used by Unit personnel to derive Unit scales based on Unit parameters."/>
    <s v=""/>
    <x v="1"/>
    <s v=""/>
    <x v="34"/>
    <s v="4.2 Materiel Lifecycle"/>
    <s v="Materiel Services"/>
    <s v="DND-1777"/>
    <s v="In Production"/>
    <s v="desktop"/>
    <x v="1"/>
    <x v="1952"/>
  </r>
  <r>
    <x v="3"/>
    <x v="15"/>
    <x v="5130"/>
    <s v="ADV"/>
    <s v="Associated Docs Viewer program provides a Materiel-Acquisition and Support Information System (MASIS) user access to the master document repository for the Canadian Navy located in the Operational Data Store (ODS). There are two folder structures for docs"/>
    <s v=""/>
    <x v="1"/>
    <s v=""/>
    <x v="34"/>
    <s v="4.2 Materiel Lifecycle"/>
    <s v="Materiel Services"/>
    <s v="DND-1779"/>
    <s v="In Production"/>
    <s v="desktop"/>
    <x v="1"/>
    <x v="1953"/>
  </r>
  <r>
    <x v="3"/>
    <x v="4"/>
    <x v="5131"/>
    <s v="CDMS"/>
    <s v="Contract Data Management System is a web-based application used to request or report the exercising of MDN's Contracting Authority and to report Call-ups and Contracts against Supply Arrangement of all values. Current version was developed in .asp.  It has been re-designed in .NET 2.0 and enhancements are being developed."/>
    <s v=""/>
    <x v="1"/>
    <s v=""/>
    <x v="34"/>
    <s v="4.2 Materiel Lifecycle"/>
    <s v="Materiel Services"/>
    <s v="DND-1787"/>
    <s v="In Production"/>
    <s v="desktop"/>
    <x v="1"/>
    <x v="1954"/>
  </r>
  <r>
    <x v="3"/>
    <x v="4"/>
    <x v="5132"/>
    <s v="DGCRA"/>
    <s v="Dangerous Goods Certification Recertification (eCourse) previously known as Dangerous Goods Hazmat Recertification application allows civilian and military personnel across DND/CAF, who are certified, to transport dangerous goods or handle hazardous materiel as consignors on behalf of DND."/>
    <s v=""/>
    <x v="1"/>
    <s v=""/>
    <x v="34"/>
    <s v="6.4 Human Resources Management"/>
    <s v="Human Resources Management Services"/>
    <s v="DND-1789"/>
    <s v="In Production"/>
    <s v=""/>
    <x v="1"/>
    <x v="1955"/>
  </r>
  <r>
    <x v="4"/>
    <x v="5"/>
    <x v="5133"/>
    <s v="PERMIS/PAERS"/>
    <m/>
    <s v=""/>
    <x v="1"/>
    <s v=""/>
    <x v="34"/>
    <s v="6.7 Information Technology"/>
    <s v="Human Resources Management Services"/>
    <s v="DND-179"/>
    <s v="In Production"/>
    <s v=""/>
    <x v="1"/>
    <x v="1956"/>
  </r>
  <r>
    <x v="3"/>
    <x v="17"/>
    <x v="5134"/>
    <s v="DMCC"/>
    <s v="Web Application to support the Demilitarization Code (DMC) challenge process. An automated tool to request the review and update of demilitarisation codes (DMC). Part of CGCS"/>
    <s v=""/>
    <x v="1"/>
    <s v=""/>
    <x v="34"/>
    <s v="4.2 Materiel Lifecycle"/>
    <s v="Materiel Services"/>
    <s v="DND-1790"/>
    <s v="In Production"/>
    <s v="web"/>
    <x v="1"/>
    <x v="1957"/>
  </r>
  <r>
    <x v="3"/>
    <x v="4"/>
    <x v="5135"/>
    <s v="DWP"/>
    <s v="Docking Work Period Cost Database application was developed to manage the paperwork related to a ship refit (docking work period).  When a refit is started, a DWP database is created and the ship is identified.  Particularized Maintenance Repair Specification"/>
    <s v=""/>
    <x v="1"/>
    <s v=""/>
    <x v="34"/>
    <s v="4.2 Materiel Lifecycle"/>
    <s v="Materiel Services"/>
    <s v="DND-1793"/>
    <s v="In Production"/>
    <s v="desktop"/>
    <x v="1"/>
    <x v="1958"/>
  </r>
  <r>
    <x v="3"/>
    <x v="15"/>
    <x v="5136"/>
    <s v="HMRA"/>
    <s v="Hazardous Materials Reference Application.  Maintains data on Products used by the CF, their ingredient composition, hazard ranking scores and physical storage on CF bases.  Hazardous Material Reference System is an application that acts as a library."/>
    <s v=""/>
    <x v="1"/>
    <s v=""/>
    <x v="34"/>
    <s v="4.2 Materiel Lifecycle"/>
    <s v="Information Management Services"/>
    <s v="DND-1807"/>
    <s v="In Production"/>
    <s v="desktop"/>
    <x v="1"/>
    <x v="1951"/>
  </r>
  <r>
    <x v="0"/>
    <x v="28"/>
    <x v="5137"/>
    <s v="IHS"/>
    <s v="Web based Commercial Specification &amp; Standards available for search or purchase/download.  Current contract is with IHS Systems for Engineering specifications, standards, manuals and technical publications"/>
    <s v="Other"/>
    <x v="1"/>
    <s v=""/>
    <x v="34"/>
    <s v="4.2 Materiel Lifecycle"/>
    <s v="Materiel Services"/>
    <s v="DND-1810"/>
    <s v="In Production"/>
    <s v="desktop"/>
    <x v="0"/>
    <x v="1959"/>
  </r>
  <r>
    <x v="0"/>
    <x v="85"/>
    <x v="5138"/>
    <s v="IPrep Plus"/>
    <s v="ImagePrep's powerful image processing tools can process scanned images and meta data.ImagePrep delivers high quality, properly named images of documents in combination with virtually any file format structure that can be launched for use with other applications. If you create scanned images of documents or work with files of scanned documents, you will want to use ImagePrep to obtain high quality, fully indexed images that are ready for use in document management and distribution systems...."/>
    <s v="Other"/>
    <x v="1"/>
    <s v=""/>
    <x v="34"/>
    <s v="4.2 Materiel Lifecycle"/>
    <s v="Materiel Services"/>
    <s v="DND-1811"/>
    <s v="In Production"/>
    <s v="desktop"/>
    <x v="0"/>
    <x v="1960"/>
  </r>
  <r>
    <x v="3"/>
    <x v="15"/>
    <x v="5139"/>
    <s v="ISTA"/>
    <s v="In-Service Trials agenda is a combination of an Access database, file structure and viewer application known as split vision that provides a structured, searchable method of retrieving In-Service Trials Agendas. The application accessible via the DGEMPM I"/>
    <s v=""/>
    <x v="1"/>
    <s v=""/>
    <x v="34"/>
    <s v="4.2 Materiel Lifecycle"/>
    <s v="Materiel Services"/>
    <s v="DND-1812"/>
    <s v="In Production"/>
    <s v="desktop"/>
    <x v="1"/>
    <x v="1961"/>
  </r>
  <r>
    <x v="3"/>
    <x v="4"/>
    <x v="5140"/>
    <s v="MODE - ODS"/>
    <s v="The Operational Data Store (ODS) project is a system that helps the navy manage its materiel support information. It manages information assets that must responds to business requirements. ODS was developed within the Maritime Open Data Environment (MODE) to ensure that changes in technologies do not drive change. Maritime Open Data Environment provides an organizational, technological and managerial framework for storing the important information we use to manage ships throughout their life cycle. The Operational Data Store of materiel support information in accessible SQL/ODBC data bases and Standard Generalized Markup Language (SGML)."/>
    <s v=""/>
    <x v="1"/>
    <s v=""/>
    <x v="34"/>
    <s v="4.2 Materiel Lifecycle"/>
    <s v="Materiel Services"/>
    <s v="DND-1817"/>
    <s v="In Production"/>
    <s v="desktop"/>
    <x v="1"/>
    <x v="1310"/>
  </r>
  <r>
    <x v="4"/>
    <x v="5"/>
    <x v="5141"/>
    <s v="NACPOSS"/>
    <s v="National Access Control Point of Sale System. NACPOSS is a national access control point of sale system in the dining areas of all Canadian Forces (CF) bases."/>
    <s v=""/>
    <x v="1"/>
    <s v=""/>
    <x v="34"/>
    <s v="6.5 Financial Management"/>
    <s v="Materiel Services"/>
    <s v="DND-1822"/>
    <s v="In Production"/>
    <s v=""/>
    <x v="1"/>
    <x v="1962"/>
  </r>
  <r>
    <x v="6"/>
    <x v="71"/>
    <x v="5142"/>
    <s v="NPCC"/>
    <s v="National Payload Coordination Centre application IS to assist in the co-ordination of the movement of vehicles, coordination of the movement of special freight; and the managing of National Freight Runs (NFRs)."/>
    <s v=""/>
    <x v="1"/>
    <s v=""/>
    <x v="34"/>
    <s v="3.4 Operational Readiness Production, Coordination &amp; Command &amp; Control"/>
    <s v="Materiel Services"/>
    <s v="DND-1825"/>
    <s v="In Production"/>
    <s v=""/>
    <x v="1"/>
    <x v="1963"/>
  </r>
  <r>
    <x v="3"/>
    <x v="31"/>
    <x v="5143"/>
    <s v="Performa"/>
    <s v="AEPM PERFORMA, or simply PERFORMA, is an equipment monitoring, data analysis and decision support application that provides information on the performance of Air Force weapon systems. Using in-service data, equipment from the top system level to the component level can be monitored and investigated. AEPM PERFORMA has been developed specifically for Aerospace Equipment Managers and support staff to aid in overseeing equipment. The main source of data for Performa is provided by AMR (APM 1774). (DAEBM)"/>
    <s v=""/>
    <x v="1"/>
    <s v=""/>
    <x v="34"/>
    <s v="4.2 Materiel Lifecycle"/>
    <s v="Materiel Services"/>
    <s v="DND-1829"/>
    <s v="In Production"/>
    <s v="web"/>
    <x v="1"/>
    <x v="1964"/>
  </r>
  <r>
    <x v="4"/>
    <x v="5"/>
    <x v="5144"/>
    <s v="PTS"/>
    <s v="The Postal Tracking System application is designed to manage address information for all CF members regardless of where they are posted on duty. The system will provide a basic delivery address for each member based on the CF unit to which they have been assigned. Additional address information may  be provided in the case of members on temporary duty or for those members (typically on overseas postings) with dependants."/>
    <s v=""/>
    <x v="1"/>
    <s v=""/>
    <x v="34"/>
    <s v="6.1 Management &amp; Oversight"/>
    <s v="Materiel Services"/>
    <s v="DND-1834"/>
    <s v="In Production"/>
    <s v=""/>
    <x v="1"/>
    <x v="1965"/>
  </r>
  <r>
    <x v="3"/>
    <x v="4"/>
    <x v="5145"/>
    <s v="POD"/>
    <s v="The system is used to manage and deliver electronic publications to DND and the CF. The DSCO PD currently houses 44,000+ electronic publications for electronic and paper distribution. Electronic copies of uncontrolled publications are made available via the DSCO e-Publications web site"/>
    <s v=""/>
    <x v="1"/>
    <s v=""/>
    <x v="34"/>
    <s v="4.2 Materiel Lifecycle"/>
    <s v="Information Management Services"/>
    <s v="DND-1835"/>
    <s v="In Production"/>
    <s v="desktop"/>
    <x v="1"/>
    <x v="1966"/>
  </r>
  <r>
    <x v="3"/>
    <x v="4"/>
    <x v="5146"/>
    <s v="QTO"/>
    <s v="Quartermasters Transfer Order (QTO) recording process is an aircraft movement authorization process used within the air force for control of the transfer of major and associated air force equipment. The QTO serves as a national inventory record of all air"/>
    <s v=""/>
    <x v="1"/>
    <s v=""/>
    <x v="34"/>
    <s v="4.2 Materiel Lifecycle"/>
    <s v="Materiel Services"/>
    <s v="DND-1852"/>
    <s v="In Production"/>
    <s v="web"/>
    <x v="1"/>
    <x v="1855"/>
  </r>
  <r>
    <x v="3"/>
    <x v="4"/>
    <x v="5147"/>
    <s v="TRC"/>
    <s v="The Mat Group Technical Resource Centre was developed to manage; acquisition, storage, retrieval and loans of technical resource material to members of DND/CF located at LSTL.  Additionally provides a Web portal to various Technical Repositories in DND/CF"/>
    <s v=""/>
    <x v="1"/>
    <s v=""/>
    <x v="34"/>
    <s v="4.2 Materiel Lifecycle"/>
    <s v="Information Management Services"/>
    <s v="DND-1858"/>
    <s v="In Production"/>
    <s v="web"/>
    <x v="1"/>
    <x v="1967"/>
  </r>
  <r>
    <x v="1"/>
    <x v="1"/>
    <x v="5148"/>
    <s v="UCRS"/>
    <s v="Unsatisfactory Condition Reporting (UCRS) System is a development of ADMMAT DMPP. It functions as an electronic version of existing UCRs, TFRs, SA Awards and MARs, providing automated processing. It may be used by all members of all branches of the Canadian Armed Forces, from units in the field, to various headquarters."/>
    <s v=""/>
    <x v="1"/>
    <s v=""/>
    <x v="34"/>
    <s v="4.2 Materiel Lifecycle"/>
    <s v="Materiel Services"/>
    <s v="DND-1860"/>
    <s v="In Production"/>
    <s v="desktop"/>
    <x v="1"/>
    <x v="1968"/>
  </r>
  <r>
    <x v="4"/>
    <x v="5"/>
    <x v="5149"/>
    <s v="IFSMR"/>
    <s v="Provides an integrated, web-based system supporting all fire hall management and reporting requirements and supports the production of the CF Fire Marshal's Annual Report."/>
    <s v=""/>
    <x v="1"/>
    <s v=""/>
    <x v="34"/>
    <s v="6.1 Management &amp; Oversight"/>
    <s v="Real Property Services"/>
    <s v="DND-1873"/>
    <s v="In Production"/>
    <s v=""/>
    <x v="1"/>
    <x v="1969"/>
  </r>
  <r>
    <x v="4"/>
    <x v="5"/>
    <x v="5150"/>
    <s v=""/>
    <s v="(In Development)"/>
    <s v=""/>
    <x v="1"/>
    <s v=""/>
    <x v="34"/>
    <s v="6.7 Information Technology"/>
    <s v="Human Resources Management Services"/>
    <s v="DND-188"/>
    <s v="In Production"/>
    <s v=""/>
    <x v="1"/>
    <x v="86"/>
  </r>
  <r>
    <x v="4"/>
    <x v="5"/>
    <x v="5151"/>
    <s v="SIMS"/>
    <s v="Spatial information system providing access to information residing in I&amp;E applications through the use of interactive maps. Serves as an integrator and intuitive means of accessing data from a variety of disparate databases"/>
    <s v=""/>
    <x v="1"/>
    <s v=""/>
    <x v="34"/>
    <s v="6.8 Real Property"/>
    <s v="Real Property Services"/>
    <s v="DND-1883"/>
    <s v="In Production"/>
    <s v=""/>
    <x v="1"/>
    <x v="86"/>
  </r>
  <r>
    <x v="0"/>
    <x v="28"/>
    <x v="5152"/>
    <s v="IMS - Unclas"/>
    <s v="C2  Application - Incident Management System on GPNet"/>
    <s v=""/>
    <x v="1"/>
    <s v=""/>
    <x v="34"/>
    <s v="6.7 Information Technology"/>
    <s v="Information Management Services"/>
    <s v="DND-1887"/>
    <s v="In Production"/>
    <s v=""/>
    <x v="1"/>
    <x v="1970"/>
  </r>
  <r>
    <x v="4"/>
    <x v="5"/>
    <x v="5153"/>
    <s v=""/>
    <s v="(In Development)"/>
    <s v=""/>
    <x v="1"/>
    <s v=""/>
    <x v="34"/>
    <s v="6.7 Information Technology"/>
    <s v=""/>
    <s v="DND-191"/>
    <s v="In Production"/>
    <s v=""/>
    <x v="1"/>
    <x v="88"/>
  </r>
  <r>
    <x v="4"/>
    <x v="5"/>
    <x v="5154"/>
    <s v=""/>
    <s v="(In Development)"/>
    <s v=""/>
    <x v="1"/>
    <s v=""/>
    <x v="34"/>
    <s v="6.7 Information Technology"/>
    <s v="Human Resources Management Services"/>
    <s v="DND-192"/>
    <s v="In Production"/>
    <s v=""/>
    <x v="0"/>
    <x v="86"/>
  </r>
  <r>
    <x v="4"/>
    <x v="5"/>
    <x v="5155"/>
    <s v=""/>
    <s v="(In Development)"/>
    <s v=""/>
    <x v="1"/>
    <s v=""/>
    <x v="34"/>
    <s v="6.7 Information Technology"/>
    <s v=""/>
    <s v="DND-194"/>
    <s v="In Production"/>
    <s v=""/>
    <x v="1"/>
    <x v="88"/>
  </r>
  <r>
    <x v="0"/>
    <x v="88"/>
    <x v="5156"/>
    <s v="Met Manager"/>
    <s v="It is a technical application designed to manipulate and display meteorological data and information."/>
    <s v=""/>
    <x v="1"/>
    <s v=""/>
    <x v="34"/>
    <s v="1.3 Ongoing Centralized Operations &amp; Operational Enablement"/>
    <s v="Information Management Services"/>
    <s v="DND-198"/>
    <s v="In Production"/>
    <s v=""/>
    <x v="1"/>
    <x v="1971"/>
  </r>
  <r>
    <x v="2"/>
    <x v="40"/>
    <x v="5157"/>
    <s v="CA PPM"/>
    <m/>
    <s v=""/>
    <x v="1"/>
    <s v="CA Clarity (old)"/>
    <x v="34"/>
    <s v="6.1 Management &amp; Oversight"/>
    <s v="Information Management Services,Information Technology Services,Materiel Services"/>
    <s v="DND-20030"/>
    <s v="In Production"/>
    <s v=""/>
    <x v="0"/>
    <x v="1713"/>
  </r>
  <r>
    <x v="4"/>
    <x v="5"/>
    <x v="5158"/>
    <s v=""/>
    <s v="7-ZIP is a free application file archiver which is uses high compression ratio in 7z format with LZMA and LZMA2 compression.  Supported formats:  - Packing / unpacking: 7z, XZ, BZIP2, GZIP, TAR, ZIP and WIM  - Unpacking only: ARJ, CAB, CHM, CPIO, CramFS, DEB, DMG, FAT, HFS, ISO, LZH, LZMA, MBR, MSI, NSIS, NTFS, RAR, RPM, SquashFS, UDF, VHD, WIM, XAR and Z.  - For ZIP and GZIP formats, 7-Zip provides a compression ratio that is 2-10 % better than the ratio provided by PKZip and WinZip  - Strong AES-256 encryption in 7z and ZIP formats  - Self-extracting capability for 7z format  - Integration with Windows Shell  - Powerful File Manager  - Powerful command line version  - Plugin for FAR Manager  Vendor link: http://www.7-zip.org/"/>
    <s v=""/>
    <x v="1"/>
    <s v="7-Zip"/>
    <x v="34"/>
    <s v=""/>
    <s v=""/>
    <s v="DND-20071"/>
    <s v="In Production"/>
    <s v=""/>
    <x v="0"/>
    <x v="86"/>
  </r>
  <r>
    <x v="5"/>
    <x v="90"/>
    <x v="5159"/>
    <s v=""/>
    <s v="Mapping softwrae from Autodesk"/>
    <s v=""/>
    <x v="1"/>
    <s v=""/>
    <x v="34"/>
    <s v="4.3 Real Property Lifecycle"/>
    <s v="Real Property Services"/>
    <s v="DND-20104"/>
    <s v="In Production"/>
    <s v=""/>
    <x v="0"/>
    <x v="1972"/>
  </r>
  <r>
    <x v="5"/>
    <x v="14"/>
    <x v="5160"/>
    <s v=""/>
    <s v="Tool that extends core AutoCAD products to work with raster imagery.  Raster Design is distributed as part of AEC Collections. See that product APM entry for O&amp;M costs"/>
    <s v=""/>
    <x v="1"/>
    <s v=""/>
    <x v="34"/>
    <s v="4.3 Real Property Lifecycle"/>
    <s v="Real Property Services"/>
    <s v="DND-20105"/>
    <s v="In Production"/>
    <s v=""/>
    <x v="0"/>
    <x v="1973"/>
  </r>
  <r>
    <x v="7"/>
    <x v="26"/>
    <x v="5161"/>
    <s v=""/>
    <s v="Scripting and tool-making environment with auto-complete and form development capability. Many built-in functions for easier development and GUI forms dev provides a user-friendly interface for running automation scripts. Permits the packaging of the script into a tamper-resistant executable format.  https://www.sapien.com/software/powershell_studio"/>
    <s v=""/>
    <x v="1"/>
    <s v="PowerShell Studio"/>
    <x v="34"/>
    <s v="1.3 Ongoing Centralized Operations &amp; Operational Enablement"/>
    <s v="Information Technology Services"/>
    <s v="DND-20107"/>
    <s v="In Production"/>
    <s v=""/>
    <x v="0"/>
    <x v="86"/>
  </r>
  <r>
    <x v="4"/>
    <x v="5"/>
    <x v="5162"/>
    <s v="CFHIS-PK EMR"/>
    <s v="COTS software that manages the Electronic Medical Record.  Primary piece of CFHIS"/>
    <s v=""/>
    <x v="1"/>
    <s v=""/>
    <x v="34"/>
    <s v=""/>
    <s v=""/>
    <s v="DND-20203"/>
    <s v="In Production"/>
    <s v=""/>
    <x v="0"/>
    <x v="86"/>
  </r>
  <r>
    <x v="4"/>
    <x v="5"/>
    <x v="5163"/>
    <s v="CFHIS-Adstra"/>
    <s v="COTS software that manages Dental portion of CFHIS, includes capturing dental images / x-rays."/>
    <s v=""/>
    <x v="1"/>
    <s v=""/>
    <x v="34"/>
    <s v=""/>
    <s v=""/>
    <s v="DND-20204"/>
    <s v="In Production"/>
    <s v=""/>
    <x v="0"/>
    <x v="86"/>
  </r>
  <r>
    <x v="4"/>
    <x v="5"/>
    <x v="5164"/>
    <s v="CFHIS-SCC RIS"/>
    <s v="COTS software that manages the Radiology equipment (X-Rays, etc.) and feeds reports to Purkinje via Health Share.  Images are managed by AGFA / PACS in separate PB enclave."/>
    <s v=""/>
    <x v="1"/>
    <s v=""/>
    <x v="34"/>
    <s v=""/>
    <s v=""/>
    <s v="DND-20206"/>
    <s v="In Production"/>
    <s v=""/>
    <x v="0"/>
    <x v="86"/>
  </r>
  <r>
    <x v="4"/>
    <x v="5"/>
    <x v="5165"/>
    <s v="CFHIS-SCC LIS"/>
    <s v="COTS software that manages the Laboratory equipment / tests (Blood Tests, etc.) and feeds lab results to Purkinje via Health Share."/>
    <s v=""/>
    <x v="1"/>
    <s v=""/>
    <x v="34"/>
    <s v=""/>
    <s v=""/>
    <s v="DND-20209"/>
    <s v="In Production"/>
    <s v=""/>
    <x v="0"/>
    <x v="86"/>
  </r>
  <r>
    <x v="0"/>
    <x v="7"/>
    <x v="5166"/>
    <s v="GCDocs"/>
    <m/>
    <s v=""/>
    <x v="1"/>
    <s v=""/>
    <x v="34"/>
    <s v="4.4 Information Systems Lifecycle"/>
    <s v="Information Management Services"/>
    <s v="DND-20228"/>
    <s v="In Production"/>
    <s v=""/>
    <x v="0"/>
    <x v="1883"/>
  </r>
  <r>
    <x v="2"/>
    <x v="103"/>
    <x v="5167"/>
    <s v="EDE"/>
    <s v="The Electronic Data Exchange (EDE) components on DWAN) provide the electronic message brokering functionality, which provides integration services between DND/Canada and Industry Partner systems  The Defence Resource Management Information System (DRMIS / SIGRD) serves as the Department of National Defence financial system of record, material acquisition and support system, workforce management system and weapons and vehicle life cycle management system."/>
    <s v=""/>
    <x v="1"/>
    <s v=""/>
    <x v="34"/>
    <s v="4.2 Materiel Lifecycle"/>
    <s v="Materiel Services"/>
    <s v="DND-20254"/>
    <s v="In Production"/>
    <s v="desktop"/>
    <x v="1"/>
    <x v="1974"/>
  </r>
  <r>
    <x v="3"/>
    <x v="45"/>
    <x v="5168"/>
    <s v="LV"/>
    <s v="Barcode label design application. Used for munitions stored at Depot.  The product will be installed on a standalone system, with no external connections. It is used to create weatherproof labels for ammunition. There are no data sensitivity issues. Implementation will require a one-time transfer of the existing library to the new Win7 standalone. We will accomplish this using an approved USB stick to copy the library from the existing system, a data transfer workstation (DTW) to scan for viruses then introduce it to the new system.  This product is used by ammunition workers in in order to perform their daily duties when shipping/packaging ammo."/>
    <s v=""/>
    <x v="1"/>
    <s v=""/>
    <x v="34"/>
    <s v="4.2 Materiel Lifecycle"/>
    <s v="Materiel Services"/>
    <s v="DND-20302"/>
    <s v="In Production"/>
    <s v="desktop"/>
    <x v="0"/>
    <x v="10"/>
  </r>
  <r>
    <x v="3"/>
    <x v="4"/>
    <x v="5169"/>
    <s v="EDCS - CC130J"/>
    <s v="Enterprise Data Collaborative System is used to produce CC130J Materials and processes specifications for use by the CC130J maintenance and engineering community in Aerospace Equipment Program Management (Transport) (DAEPM(T))."/>
    <s v=""/>
    <x v="1"/>
    <s v=""/>
    <x v="34"/>
    <s v="4.2 Materiel Lifecycle"/>
    <s v="Information Technology Services,Materiel Services"/>
    <s v="DND-20305"/>
    <s v="In Production"/>
    <s v="desktop"/>
    <x v="1"/>
    <x v="1975"/>
  </r>
  <r>
    <x v="0"/>
    <x v="16"/>
    <x v="4912"/>
    <s v="OSISS"/>
    <m/>
    <s v=""/>
    <x v="1"/>
    <s v=""/>
    <x v="34"/>
    <s v="4.1 Military Personnel &amp; Organization Lifecycle"/>
    <s v="Information Management Services,Information Management Services"/>
    <s v="DND-20307"/>
    <s v="In Production"/>
    <s v="web"/>
    <x v="0"/>
    <x v="1976"/>
  </r>
  <r>
    <x v="6"/>
    <x v="57"/>
    <x v="5170"/>
    <s v="eLDP"/>
    <s v="Purpose: To provide a front-end user interface for created electronic LDP's  Function: Create LDP's Change existing LDP's View LDP status View LDP history"/>
    <s v=""/>
    <x v="1"/>
    <s v=""/>
    <x v="34"/>
    <s v="3.2 Force Elements Integration Training"/>
    <s v="Human Resources Management Services"/>
    <s v="DND-20308"/>
    <s v="In Production"/>
    <s v=""/>
    <x v="1"/>
    <x v="106"/>
  </r>
  <r>
    <x v="6"/>
    <x v="24"/>
    <x v="5171"/>
    <s v="CWO"/>
    <s v="Purpose Used by FMF CB Production Group to review, add supplemental data and flag Work Orders from DRMIS.  Function To radically improve visibility of DRIMIS work orders and to track extended data sets that DRMIS is not yet able to store."/>
    <s v=""/>
    <x v="1"/>
    <s v=""/>
    <x v="34"/>
    <s v="6.2 Resources Management Services (Requires Update)"/>
    <s v="Management and Oversight Services"/>
    <s v="DND-20309"/>
    <s v="In Production"/>
    <s v=""/>
    <x v="1"/>
    <x v="106"/>
  </r>
  <r>
    <x v="3"/>
    <x v="63"/>
    <x v="5172"/>
    <s v="CCID"/>
    <s v="Provides Command HQ and the six Regional JTFs the geospatial and infrastructure information required for the planning and conduct of domestic operations. The CCID will facilitate a better understanding of the ground through terrain visualization tools that will facilitate pro-active planning and increased readiness to work with Other Government Departments for domestic contingencies. There is actually no such system providing this capability. The CCID/Portal will provide OGC-compliant  web-enabled GIS on the DWAN to complement the support to domestic Ops.  The portal, which is not browser dependant, will provide the capability of integrating various geospatial data and metadata, DND infrastructure and other operational data into a single viewer."/>
    <s v=""/>
    <x v="1"/>
    <s v=""/>
    <x v="34"/>
    <s v="1.1 Domestic &amp; Continental Defence Operations"/>
    <s v="Information Management Services"/>
    <s v="DND-20310"/>
    <s v="In Production"/>
    <s v=""/>
    <x v="0"/>
    <x v="106"/>
  </r>
  <r>
    <x v="3"/>
    <x v="4"/>
    <x v="1948"/>
    <s v="MATLAB"/>
    <s v="MATLAB is a multi-paradigm numerical computing environment and fourth-generation programming language. A proprietary programming language developed by MathWorks, MATLAB allows matrix manipulations, plotting of functions and data, implementation of algorithms, creation of user interfaces, and interfacing with programs written in other languages, including C, C++, C#, Java, Fortran and Python."/>
    <s v=""/>
    <x v="1"/>
    <s v=""/>
    <x v="34"/>
    <s v="4.2 Materiel Lifecycle"/>
    <s v="Materiel Services"/>
    <s v="DND-20312"/>
    <s v="In Production"/>
    <s v="desktop"/>
    <x v="0"/>
    <x v="10"/>
  </r>
  <r>
    <x v="3"/>
    <x v="4"/>
    <x v="5173"/>
    <s v="AFGROW"/>
    <s v="AFGROW damage tolerance analysis software (US Air Force), a Fracture Mechanics and Fatigue Crack Growth Analysis software tool will be installed Q2 2016 stand alone on an NCR-Net computer by OWSM contractor for CC130. per Flight Sciences, DTAES 7-5"/>
    <s v=""/>
    <x v="1"/>
    <s v=""/>
    <x v="34"/>
    <s v="4.2 Materiel Lifecycle"/>
    <s v="Information Technology Services,Materiel Services"/>
    <s v="DND-20314"/>
    <s v="In Production"/>
    <s v="desktop"/>
    <x v="0"/>
    <x v="1977"/>
  </r>
  <r>
    <x v="6"/>
    <x v="24"/>
    <x v="5174"/>
    <s v="IPV"/>
    <s v="Created as part of the Maritime Equipment Program’s Strategic initiative, the Integrated Program View (IPV) provides a framework to manage the complex Maritime Equipment Program (MEP) in support of the current and future fleets. The IPV tool provides a dynamic or “live” visualization of the MEP based on milestones identified in the Equipment and Functional Group Program Plans, Class Program Plans, Functional Programs Plans and the MEP Plan. The new Access version of the IPV provides users the ability to track and status their milestones. The IPV provides visibility of the status of planned and arising MEPM work in a central location and is used for performance reporting."/>
    <s v=""/>
    <x v="1"/>
    <s v=""/>
    <x v="34"/>
    <s v="6.1 Management &amp; Oversight"/>
    <s v="Information Technology Services,Management and Oversight Services"/>
    <s v="DND-20316"/>
    <s v="In Production"/>
    <s v="desktop"/>
    <x v="1"/>
    <x v="1310"/>
  </r>
  <r>
    <x v="3"/>
    <x v="4"/>
    <x v="5175"/>
    <s v="IADS - CH147F"/>
    <s v="Interactive Authoring And Display System (IADS) CH147F is a government provided Interactive Electronic Technical Manual (IETM) solution developed by the US Army's Aviation &amp; Missile Life cycle management command. Any branch of the military or non military organization can use it effectively. It allows the CH147F Chinook helicopter technicians to gain experience addressing a number of scenarios. This application is required to view the US IETP (GFI information)."/>
    <s v=""/>
    <x v="1"/>
    <s v=""/>
    <x v="34"/>
    <s v="4.2 Materiel Lifecycle"/>
    <s v="Materiel Services"/>
    <s v="DND-20317"/>
    <s v="In Production"/>
    <s v="desktop"/>
    <x v="1"/>
    <x v="1978"/>
  </r>
  <r>
    <x v="2"/>
    <x v="3"/>
    <x v="5176"/>
    <s v="GOFO Succession Planner"/>
    <m/>
    <s v=""/>
    <x v="1"/>
    <s v=""/>
    <x v="34"/>
    <s v="4.1 Military Personnel &amp; Organization Lifecycle"/>
    <s v="Communications Services,Human Resources Management Services,Human Resources Management Services"/>
    <s v="DND-20318"/>
    <s v="In Production"/>
    <s v="web"/>
    <x v="1"/>
    <x v="86"/>
  </r>
  <r>
    <x v="12"/>
    <x v="74"/>
    <x v="5177"/>
    <s v=""/>
    <m/>
    <s v=""/>
    <x v="1"/>
    <s v=""/>
    <x v="34"/>
    <s v="6.2 Communications"/>
    <s v="Information Management Services,Information Technology Services,Materiel Services"/>
    <s v="DND-20319"/>
    <s v="In Production"/>
    <s v=""/>
    <x v="0"/>
    <x v="106"/>
  </r>
  <r>
    <x v="3"/>
    <x v="4"/>
    <x v="5178"/>
    <s v="PW"/>
    <s v="Pointwise, an engineering software for meshing computer models for post processing results related work -computational fluid dynamics (CFD). Pointwise will be installed Q2 2016 stand alone on an NCR-Net computer. No plan to install any of the software on the DWAN, so no RFC or Assyst ticket is required. per Laird McKinnon Flight Sciences, DTAES 7-5"/>
    <s v=""/>
    <x v="1"/>
    <s v=""/>
    <x v="34"/>
    <s v="4.2 Materiel Lifecycle"/>
    <s v="Materiel Services"/>
    <s v="DND-20323"/>
    <s v="In Production"/>
    <s v="desktop"/>
    <x v="0"/>
    <x v="1979"/>
  </r>
  <r>
    <x v="5"/>
    <x v="94"/>
    <x v="1948"/>
    <s v="MATLAB"/>
    <s v="MATLAB, an engineering software for post processing results related work, will be installed Q2 2016 stand alone on an NCR-Net computer. No plan to install any of the software on the DWAN, so no RFC or Assyst ticket is required. per Laird McKinnon Flight Sciences, DTAES 7-5"/>
    <s v=""/>
    <x v="1"/>
    <s v=""/>
    <x v="34"/>
    <s v="4.2 Materiel Lifecycle"/>
    <s v="Materiel Services"/>
    <s v="DND-20324"/>
    <s v="In Production"/>
    <s v="desktop"/>
    <x v="0"/>
    <x v="1980"/>
  </r>
  <r>
    <x v="3"/>
    <x v="4"/>
    <x v="5179"/>
    <s v="Solid Platinum"/>
    <s v="Solidworks Platinum, 3D CAD software combined with advanced simulation capabilities, is an engineering software for computer aided design for airframe structures related work will be installed Q2 2016 stand alone on an NCR-Net computer. No plan to install any of the software on the DWAN, so no RFC or Assyst ticket is required. per Laird McKinnon Flight Sciences, DTAES 7-5"/>
    <s v=""/>
    <x v="1"/>
    <s v=""/>
    <x v="34"/>
    <s v="4.2 Materiel Lifecycle"/>
    <s v="Materiel Services"/>
    <s v="DND-20325"/>
    <s v="In Production"/>
    <s v="desktop"/>
    <x v="0"/>
    <x v="1981"/>
  </r>
  <r>
    <x v="5"/>
    <x v="94"/>
    <x v="5180"/>
    <s v="WolfRes"/>
    <s v="Is computational technology knowledge software."/>
    <s v=""/>
    <x v="1"/>
    <s v=""/>
    <x v="34"/>
    <s v="4.2 Materiel Lifecycle"/>
    <s v="Materiel Services"/>
    <s v="DND-20326"/>
    <s v="In Production"/>
    <s v="desktop"/>
    <x v="0"/>
    <x v="10"/>
  </r>
  <r>
    <x v="3"/>
    <x v="45"/>
    <x v="5181"/>
    <s v="IETM - CT114"/>
    <s v="The CT-114 Interactive Electronic Technical Manuals (IETM) are the collection of all technical publications for Canadair CT-114 Tutor first line maintenance including modification information. They are used by the first line maintenance community on Canadian Air Force (CAF) operating bases, the maintenance community in NDHQ and the third line maintenance community at CAF contractor facilities. On Windows 7, this application can be found in the Internet Explorer Favorites under ~DND(En)."/>
    <s v=""/>
    <x v="1"/>
    <s v=""/>
    <x v="34"/>
    <s v="4.2 Materiel Lifecycle"/>
    <s v="Materiel Services"/>
    <s v="DND-20327"/>
    <s v="In Production"/>
    <s v="web"/>
    <x v="1"/>
    <x v="1982"/>
  </r>
  <r>
    <x v="6"/>
    <x v="21"/>
    <x v="5182"/>
    <s v=""/>
    <s v="This is an Oulook plug-in allowing a connection to a voice mail server for listening and managing (delete) of voice messages from Outlook."/>
    <s v=""/>
    <x v="1"/>
    <s v=""/>
    <x v="34"/>
    <s v="6.2 Communications"/>
    <s v="Communications Services"/>
    <s v="DND-20328"/>
    <s v="In Production"/>
    <s v="desktop"/>
    <x v="0"/>
    <x v="86"/>
  </r>
  <r>
    <x v="0"/>
    <x v="8"/>
    <x v="5183"/>
    <s v=""/>
    <s v="ANCILE uPerform Client: &quot;Provide context sensitive Help  from within the SAP application and simulation display (All DRMIS users) Provide abilities to record simulation for end users (200 users)&quot;"/>
    <s v=""/>
    <x v="1"/>
    <s v=""/>
    <x v="34"/>
    <s v="6.6 Information Management"/>
    <s v="Information Management Services,Materiel Services"/>
    <s v="DND-20329"/>
    <s v="In Production"/>
    <s v="desktop"/>
    <x v="0"/>
    <x v="1983"/>
  </r>
  <r>
    <x v="3"/>
    <x v="45"/>
    <x v="5184"/>
    <s v="Geo Cap"/>
    <s v="Geomagic Capture is a powerful turnkey 3D scanner and is packaged with a number of design and inspection software products. It allows for quick scan based design workflows and also provides fast scan-to-CAD comparison and dimensioning so part quality can be verified and manufacturing errors can be reduced."/>
    <s v=""/>
    <x v="1"/>
    <s v=""/>
    <x v="34"/>
    <s v="4.2 Materiel Lifecycle"/>
    <s v="Materiel Services"/>
    <s v="DND-20333"/>
    <s v="In Production"/>
    <s v="desktop"/>
    <x v="0"/>
    <x v="86"/>
  </r>
  <r>
    <x v="2"/>
    <x v="70"/>
    <x v="5185"/>
    <s v="BarTender Pro"/>
    <s v="Software to create labels, barcodes, cards and RFID design capabilities, and access to external data and support for RFID tags and labels."/>
    <s v=""/>
    <x v="1"/>
    <s v=""/>
    <x v="34"/>
    <s v="6.9 Material"/>
    <s v="Materiel Services"/>
    <s v="DND-20334"/>
    <s v="In Production"/>
    <s v="desktop"/>
    <x v="0"/>
    <x v="1984"/>
  </r>
  <r>
    <x v="0"/>
    <x v="16"/>
    <x v="5186"/>
    <s v="CFE DB"/>
    <m/>
    <s v=""/>
    <x v="1"/>
    <s v=""/>
    <x v="34"/>
    <s v="4.1 Military Personnel &amp; Organization Lifecycle"/>
    <s v="Information Management Services"/>
    <s v="DND-20335"/>
    <s v="In Production"/>
    <s v="web"/>
    <x v="0"/>
    <x v="1976"/>
  </r>
  <r>
    <x v="6"/>
    <x v="48"/>
    <x v="5187"/>
    <s v=""/>
    <s v="Power BI is a business analytics service provided by Microsoft. It provides interactive visualizations with self-service business intelligence capabilities, where end users can create reports and dashboards by themselves, without having to depend on information technology staff or database administrators"/>
    <s v=""/>
    <x v="1"/>
    <s v=""/>
    <x v="34"/>
    <s v="6.1 Management &amp; Oversight"/>
    <s v="Financial Management Services,Real Property Services"/>
    <s v="DND-20338"/>
    <s v="In Production"/>
    <s v="desktop"/>
    <x v="0"/>
    <x v="86"/>
  </r>
  <r>
    <x v="5"/>
    <x v="14"/>
    <x v="5188"/>
    <s v="NITES 2R"/>
    <s v="The Canadian Allied Environmental Support System (C-AESS) was an Acoustic Range Prediction (ARP) system in use on the RCN ships. The system became obsolete. An SOCD identifying the system's many shortfalls was raised in 2005. C-AESS has since been removed from service leaving the RCN without an Acoustic Range Prediction capability."/>
    <s v=""/>
    <x v="1"/>
    <s v=""/>
    <x v="34"/>
    <s v="3.4 Operational Readiness Production, Coordination &amp; Command &amp; Control"/>
    <s v="Information Technology Services,Other"/>
    <s v="DND-20339"/>
    <s v="In Production"/>
    <s v="desktop"/>
    <x v="1"/>
    <x v="86"/>
  </r>
  <r>
    <x v="3"/>
    <x v="4"/>
    <x v="5189"/>
    <s v="Aeroport - CC130J"/>
    <s v="Aeroport is a Lockheed Martin owned and supported portal used to access CC130J Lockheed Martin documentation and fleet performance reports used by the CC130J maintenance and engineering community. The portal is accessible from the DWAN but users have encountered connectivity issues."/>
    <s v=""/>
    <x v="1"/>
    <s v=""/>
    <x v="34"/>
    <s v="4.2 Materiel Lifecycle"/>
    <s v="Information Technology Services,Materiel Services"/>
    <s v="DND-20340"/>
    <s v="In Production"/>
    <s v="web"/>
    <x v="1"/>
    <x v="1985"/>
  </r>
  <r>
    <x v="0"/>
    <x v="7"/>
    <x v="5190"/>
    <s v="IETP - CC130J"/>
    <s v="CC130J IETP is the Interactive Electronic Technical Publication for aviation -specifically the C130J Hercules from Lockheed Martin. It is leading-edge and S1000D-compliant. It is hosted by IMP AEROSPACE which won the multiyear In Service Support Contract (ISSC) contract and supported by a L3 MAS contractor. This IETP business represents an integral project within the execution of the Air Capability Program."/>
    <s v=""/>
    <x v="1"/>
    <s v=""/>
    <x v="34"/>
    <s v="4.2 Materiel Lifecycle"/>
    <s v="Information Management Services,Information Technology Services,Materiel Services"/>
    <s v="DND-20341"/>
    <s v="In Production"/>
    <s v="web"/>
    <x v="0"/>
    <x v="1986"/>
  </r>
  <r>
    <x v="3"/>
    <x v="4"/>
    <x v="5191"/>
    <s v="Block 4 CM - CP140"/>
    <s v="Baseline and configuration item tracking for the Lockheed CP-140 Aurora Incremental Modernization Project Block 4. MS Access database"/>
    <s v=""/>
    <x v="1"/>
    <s v=""/>
    <x v="34"/>
    <s v="4.2 Materiel Lifecycle"/>
    <s v="Information Management Services,Information Technology Services,Materiel Services"/>
    <s v="DND-20342"/>
    <s v="In Production"/>
    <s v="web"/>
    <x v="1"/>
    <x v="1310"/>
  </r>
  <r>
    <x v="2"/>
    <x v="3"/>
    <x v="5192"/>
    <s v="PDTMS"/>
    <s v="As a complement to the national system of record, the in-house-developed PDTMS (Professional Development Training Management System) will enable operational management capabilities that are not available in the national software package, e.g. integrated capability to manage training facilities, training staff requirement, qualification management (relationships, definitions and properties), candidate selection and training conduct."/>
    <s v=""/>
    <x v="1"/>
    <s v=""/>
    <x v="34"/>
    <s v="3.4 Operational Readiness Production, Coordination &amp; Command &amp; Control"/>
    <s v="Information Technology Services,Other"/>
    <s v="DND-20357"/>
    <s v="In Production"/>
    <s v="desktop"/>
    <x v="1"/>
    <x v="86"/>
  </r>
  <r>
    <x v="6"/>
    <x v="35"/>
    <x v="5193"/>
    <s v="DNG Converter"/>
    <s v="Adobe DNG Converter is a free utility that converts files from more than 75 cameras to Digital Negative (DNG), enables you to easily convert camera-specific RAW files to a more universal DNG RAW file."/>
    <s v=""/>
    <x v="1"/>
    <s v=""/>
    <x v="34"/>
    <s v="6.7 Information Technology"/>
    <s v="Information Technology Services"/>
    <s v="DND-20358"/>
    <s v="In Production"/>
    <s v=""/>
    <x v="0"/>
    <x v="106"/>
  </r>
  <r>
    <x v="3"/>
    <x v="31"/>
    <x v="5194"/>
    <s v="SEV"/>
    <s v="Solid Edge Viewer allows you to interactively view Solid Edge 3D models and drawings. Rotate, pan, and zoom 3D CAD models, and save images and email them as needed. The Solid Edge Viewer will allow you to open and view Solid Edge assembly, part, sheet metal and draft files, as well as 2D files including DXF, CGM and AutoCAD DWG files and PCF files."/>
    <s v=""/>
    <x v="1"/>
    <s v=""/>
    <x v="34"/>
    <s v="4.2 Materiel Lifecycle"/>
    <s v="Materiel Services"/>
    <s v="DND-20359"/>
    <s v="In Production"/>
    <s v="desktop"/>
    <x v="0"/>
    <x v="1987"/>
  </r>
  <r>
    <x v="3"/>
    <x v="45"/>
    <x v="5195"/>
    <s v=""/>
    <s v="IBM Installation Manager 1.7 has been made generally available and contains fixes to version 1.6.3 including all predecessor fix packs. No Charge Item from IBM, required to install other IBM desktop products. AR00728, AR00729 including installs, patches and upgrades."/>
    <s v=""/>
    <x v="1"/>
    <s v=""/>
    <x v="34"/>
    <s v="6.6 Information Management"/>
    <s v="Information Management Services,Information Technology Services"/>
    <s v="DND-20360"/>
    <s v="In Production"/>
    <s v="desktop"/>
    <x v="0"/>
    <x v="1988"/>
  </r>
  <r>
    <x v="8"/>
    <x v="29"/>
    <x v="5196"/>
    <s v=""/>
    <s v="&quot;Python is a widely used high-level programming language for general-purpose programming, created by Guido van Rossum and first released in 1991. An interpreted language, Python has a design philosophy that emphasizes code readability (notably using whitespace indentation to delimit code blocks rather than curly brackets or keywords), and a syntax that allows programmers to express concepts in fewer lines of code than might be used in languages such as C++ or Java.[22][23] The language provides constructs intended to enable writing clear programs on both a small and large scale.[24]"/>
    <s v=""/>
    <x v="1"/>
    <s v=""/>
    <x v="34"/>
    <s v="6.7 Information Technology"/>
    <s v="Information Technology Services"/>
    <s v="DND-20361"/>
    <s v="In Production"/>
    <s v=""/>
    <x v="0"/>
    <x v="106"/>
  </r>
  <r>
    <x v="6"/>
    <x v="82"/>
    <x v="5197"/>
    <s v="Log Gaming"/>
    <s v="Logitech Gaming Software lets you customize Logitech G gaming mice, keyboards, headsets and select wheels."/>
    <s v=""/>
    <x v="1"/>
    <s v=""/>
    <x v="34"/>
    <s v="6.4 Human Resources Management"/>
    <s v="Other"/>
    <s v="DND-20362"/>
    <s v="In Production"/>
    <s v="desktop"/>
    <x v="0"/>
    <x v="10"/>
  </r>
  <r>
    <x v="3"/>
    <x v="45"/>
    <x v="5198"/>
    <s v=""/>
    <s v="secure file transfer client that enables file transfer operations and site synchronization. It provides authentication mechanism of Secure Shell protocol to data-in-transit. Integration with SecureCRT saves time with shared sessions and settings."/>
    <s v=""/>
    <x v="1"/>
    <s v=""/>
    <x v="34"/>
    <s v="6.6 Information Management"/>
    <s v="Information Management Services,Information Technology Services"/>
    <s v="DND-20371"/>
    <s v="In Production"/>
    <s v="desktop"/>
    <x v="0"/>
    <x v="86"/>
  </r>
  <r>
    <x v="5"/>
    <x v="95"/>
    <x v="5199"/>
    <s v="FlexLM"/>
    <s v="FlexLM is a software license manager which implements license management and is intended to be used in corporate environments to provide floating licenses to multiple end users of computer software.   FlexLM software is important to keep engineering software running. This supports operations and maintenance activities.  Autodesk used FlexLM software to manage its suite of products. The FlexLM software is installed on a server and runs as a service. A license file controls how many license and what products are served. Licenses of Autodesk software are controlled by the Autodesk LCAM in ADM(IE).,"/>
    <s v=""/>
    <x v="1"/>
    <s v=""/>
    <x v="34"/>
    <s v="4.3 Real Property Lifecycle"/>
    <s v="Real Property Services"/>
    <s v="DND-20388"/>
    <s v="In Production"/>
    <s v=""/>
    <x v="0"/>
    <x v="86"/>
  </r>
  <r>
    <x v="5"/>
    <x v="95"/>
    <x v="5200"/>
    <s v="AEC Collection"/>
    <s v="AEC Collections is a grouping of software products from Autodesk which support Architectural, Engineering, and Construction activities. AEC Collections includes the following titles:   Revit, Civil 3D, InfraWorks, AutoCAD,  AutoCAD Map 3D, Raster Design, Navisworks Manage, 3ds Max   Autodesk is moving away from version numbers for its product range."/>
    <s v=""/>
    <x v="1"/>
    <s v=""/>
    <x v="34"/>
    <s v="4.3 Real Property Lifecycle"/>
    <s v="Communications Services,Real Property Services"/>
    <s v="DND-20397"/>
    <s v="In Production"/>
    <s v="desktop"/>
    <x v="0"/>
    <x v="1989"/>
  </r>
  <r>
    <x v="3"/>
    <x v="4"/>
    <x v="5201"/>
    <s v="AMMS BV"/>
    <s v="Ammunition Material Management System Backup Viewer"/>
    <s v=""/>
    <x v="1"/>
    <s v=""/>
    <x v="34"/>
    <s v="4.2 Materiel Lifecycle"/>
    <s v="Materiel Services"/>
    <s v="DND-2052"/>
    <s v="In Production"/>
    <s v="desktop"/>
    <x v="1"/>
    <x v="1990"/>
  </r>
  <r>
    <x v="3"/>
    <x v="31"/>
    <x v="5202"/>
    <s v="HUMS - CH146"/>
    <s v="This record is for the HUMS network, APM 2793 is for Ground Based Station. Converted to a MS Windows OS. Tracks health and usage information used for analysis, trending and maintenance planning on the CH146 Griffon helicopter."/>
    <s v=""/>
    <x v="1"/>
    <s v=""/>
    <x v="34"/>
    <s v="4.2 Materiel Lifecycle"/>
    <s v="Materiel Services"/>
    <s v="DND-2060"/>
    <s v="In Production"/>
    <s v="desktop"/>
    <x v="1"/>
    <x v="1991"/>
  </r>
  <r>
    <x v="4"/>
    <x v="5"/>
    <x v="5203"/>
    <s v="AERMS"/>
    <m/>
    <s v=""/>
    <x v="1"/>
    <s v=""/>
    <x v="34"/>
    <s v="6.1 Management &amp; Oversight"/>
    <s v="Information Management Services,Management and Oversight Services"/>
    <s v="DND-2130"/>
    <s v="In Production"/>
    <s v=""/>
    <x v="1"/>
    <x v="302"/>
  </r>
  <r>
    <x v="0"/>
    <x v="28"/>
    <x v="5204"/>
    <s v="GLAS / WebOPAC"/>
    <s v="NDHQ Library Catalogue"/>
    <s v="Other"/>
    <x v="1"/>
    <s v="EOS International  GLAS"/>
    <x v="34"/>
    <s v="6.6 Information Management"/>
    <s v="Information Management Services,Information Technology Services"/>
    <s v="DND-2147"/>
    <s v="In Production"/>
    <s v=""/>
    <x v="0"/>
    <x v="1992"/>
  </r>
  <r>
    <x v="4"/>
    <x v="5"/>
    <x v="5205"/>
    <s v="Autoload"/>
    <s v=""/>
    <s v=""/>
    <x v="1"/>
    <s v=""/>
    <x v="34"/>
    <s v="6.7 Information Technology"/>
    <s v=""/>
    <s v="DND-2181"/>
    <s v="In Production"/>
    <s v=""/>
    <x v="1"/>
    <x v="86"/>
  </r>
  <r>
    <x v="8"/>
    <x v="38"/>
    <x v="5206"/>
    <s v="CR DB"/>
    <s v="Business CM tracking &amp; reporting DB for CCPS application used by MilPay Ops, client Business &amp; Functional Requirements, Pension Services, DHRIM 9."/>
    <s v=""/>
    <x v="1"/>
    <s v=""/>
    <x v="34"/>
    <s v="4.4 Information Systems Lifecycle"/>
    <s v="Human Resources Management Services,Information Technology Services"/>
    <s v="DND-2182"/>
    <s v="In Production"/>
    <s v=""/>
    <x v="1"/>
    <x v="10"/>
  </r>
  <r>
    <x v="2"/>
    <x v="65"/>
    <x v="5207"/>
    <s v="Contingency DB"/>
    <s v="Database of payments outside of RPSR, primarily used by used by MilPay Ops to track and report on payments to Reserve Force members outside of RPSR (contingency payments)."/>
    <s v=""/>
    <x v="1"/>
    <s v=""/>
    <x v="34"/>
    <s v="6.4 Human Resources Management"/>
    <s v="Human Resources Management Services"/>
    <s v="DND-2184"/>
    <s v="In Production"/>
    <s v=""/>
    <x v="1"/>
    <x v="1851"/>
  </r>
  <r>
    <x v="4"/>
    <x v="5"/>
    <x v="5208"/>
    <s v="NRDB"/>
    <s v=""/>
    <s v=""/>
    <x v="1"/>
    <s v=""/>
    <x v="34"/>
    <s v="6.7 Information Technology"/>
    <s v="Human Resources Management Services"/>
    <s v="DND-2185"/>
    <s v="In Production"/>
    <s v=""/>
    <x v="1"/>
    <x v="86"/>
  </r>
  <r>
    <x v="4"/>
    <x v="5"/>
    <x v="5209"/>
    <s v="OSFI Calculator"/>
    <s v="This program calculates the outstanding arrears of an election as of a particular date, and is also used to calculate the arrears owing for a Pre CIF election."/>
    <s v=""/>
    <x v="1"/>
    <s v=""/>
    <x v="34"/>
    <s v="6.7 Information Technology"/>
    <s v="Human Resources Management Services"/>
    <s v="DND-2193"/>
    <s v="In Production"/>
    <s v=""/>
    <x v="0"/>
    <x v="86"/>
  </r>
  <r>
    <x v="4"/>
    <x v="5"/>
    <x v="5210"/>
    <s v="OSB"/>
    <s v="Program for pensioners who marry after the age 60 to provide a form of survivor benefit. The program calculates the reduction  to the monthly pension based on three different levels. The pensioner choses which level they want and the monthly pension is reduced accordingly."/>
    <s v=""/>
    <x v="1"/>
    <s v=""/>
    <x v="34"/>
    <s v="6.7 Information Technology"/>
    <s v="Human Resources Management Services"/>
    <s v="DND-2194"/>
    <s v="In Production"/>
    <s v=""/>
    <x v="0"/>
    <x v="86"/>
  </r>
  <r>
    <x v="4"/>
    <x v="5"/>
    <x v="5211"/>
    <s v=""/>
    <s v="Calculates the monthly recovery rate to be used when recovering an overpayment from a pension (includes interest and mortality charge)"/>
    <s v=""/>
    <x v="1"/>
    <s v=""/>
    <x v="34"/>
    <s v="6.7 Information Technology"/>
    <s v="Human Resources Management Services"/>
    <s v="DND-2195"/>
    <s v="In Production"/>
    <s v=""/>
    <x v="0"/>
    <x v="86"/>
  </r>
  <r>
    <x v="4"/>
    <x v="5"/>
    <x v="5212"/>
    <s v="PSPCS"/>
    <s v="Used to produce Statement of Service for pre CIF members and the CFSA 300 for all of other cases. Calculates buyback cost of Return of Contributions and PSSA/RCMPSA/Foreign Service Elections."/>
    <s v=""/>
    <x v="1"/>
    <s v=""/>
    <x v="34"/>
    <s v="6.7 Information Technology"/>
    <s v="Human Resources Management Services"/>
    <s v="DND-2196"/>
    <s v="In Production"/>
    <s v=""/>
    <x v="0"/>
    <x v="86"/>
  </r>
  <r>
    <x v="4"/>
    <x v="5"/>
    <x v="5213"/>
    <s v="PAR"/>
    <s v=""/>
    <s v=""/>
    <x v="1"/>
    <s v=""/>
    <x v="34"/>
    <s v="6.7 Information Technology"/>
    <s v="Human Resources Management Services"/>
    <s v="DND-2197"/>
    <s v="In Production"/>
    <s v=""/>
    <x v="1"/>
    <x v="86"/>
  </r>
  <r>
    <x v="4"/>
    <x v="5"/>
    <x v="5214"/>
    <s v="PBDA"/>
    <s v="used to calculate the PBDA value for a pension division"/>
    <s v=""/>
    <x v="1"/>
    <s v=""/>
    <x v="34"/>
    <s v="6.7 Information Technology"/>
    <s v="Human Resources Management Services"/>
    <s v="DND-2198"/>
    <s v="In Production"/>
    <s v=""/>
    <x v="0"/>
    <x v="86"/>
  </r>
  <r>
    <x v="4"/>
    <x v="5"/>
    <x v="5215"/>
    <s v="SIN2SN"/>
    <s v="Used to determine the SN or SIN when we are provided with only one."/>
    <s v=""/>
    <x v="1"/>
    <s v=""/>
    <x v="34"/>
    <s v="6.7 Information Technology"/>
    <s v="Financial Management Services"/>
    <s v="DND-2203"/>
    <s v="In Production"/>
    <s v=""/>
    <x v="1"/>
    <x v="86"/>
  </r>
  <r>
    <x v="2"/>
    <x v="65"/>
    <x v="5216"/>
    <s v="Res F T4 DB"/>
    <s v="RPSR T4 data by member for various years. Used by MilPay Ops to action corrections to tax documents (amendments, cancellations), reprint tax documents (duplicate documents, with no corrections), and produce reports used in the creation of summaries for Revenue Cda and Revenue QC."/>
    <s v=""/>
    <x v="1"/>
    <s v=""/>
    <x v="34"/>
    <s v="6.4 Human Resources Management"/>
    <s v="Human Resources Management Services"/>
    <s v="DND-2209"/>
    <s v="In Production"/>
    <s v=""/>
    <x v="1"/>
    <x v="1851"/>
  </r>
  <r>
    <x v="3"/>
    <x v="4"/>
    <x v="5217"/>
    <s v="APDS"/>
    <s v="Technical Data (SGML Publications) Repository (APDS). Library of Native File Format for Publications used for Authoring, Editing (Introduction Change &amp; Revision) &amp; Translation. This is a COTS application named Konfig CM."/>
    <s v="Other"/>
    <x v="1"/>
    <s v="Konfig"/>
    <x v="34"/>
    <s v="4.2 Materiel Lifecycle"/>
    <s v="Information Management Services"/>
    <s v="DND-229"/>
    <s v="In Production"/>
    <s v="desktop"/>
    <x v="0"/>
    <x v="1993"/>
  </r>
  <r>
    <x v="3"/>
    <x v="45"/>
    <x v="5218"/>
    <s v="AFDS"/>
    <s v="Automated Fuel Distribution System is a pilot project aimed at capturing and automating CF fuel transactions inbound &amp; outbound. Installed on 10 locations, it consists of a local database that records fuel transactions, grade, types, amounts, volumes, vehicle information UIC/mileage, and driver information at the pump level."/>
    <s v=""/>
    <x v="1"/>
    <s v=""/>
    <x v="34"/>
    <s v="4.2 Materiel Lifecycle"/>
    <s v="Materiel Services"/>
    <s v="DND-2369"/>
    <s v="In Production"/>
    <s v=""/>
    <x v="0"/>
    <x v="1994"/>
  </r>
  <r>
    <x v="4"/>
    <x v="5"/>
    <x v="5219"/>
    <s v="BUS"/>
    <s v="The BUS is a suite of data collection tools for supply technicians (Mounting, Closure, RSAT, TAT)"/>
    <s v=""/>
    <x v="1"/>
    <s v=""/>
    <x v="34"/>
    <s v="3.4 Operational Readiness Production, Coordination &amp; Command &amp; Control"/>
    <s v="Materiel Services"/>
    <s v="DND-2423"/>
    <s v="In Production"/>
    <s v=""/>
    <x v="1"/>
    <x v="1995"/>
  </r>
  <r>
    <x v="3"/>
    <x v="4"/>
    <x v="5220"/>
    <s v="IETM - CC130 E/H"/>
    <s v="The CC130 Interactive Electronic Technical Manual (IETM) is the electronic web reference of CC130 technical publications for use by the CC130 Hercules maintenance and engineering community."/>
    <s v=""/>
    <x v="1"/>
    <s v=""/>
    <x v="34"/>
    <s v="4.2 Materiel Lifecycle"/>
    <s v="Materiel Services"/>
    <s v="DND-2463"/>
    <s v="In Production"/>
    <s v="desktop"/>
    <x v="1"/>
    <x v="1996"/>
  </r>
  <r>
    <x v="3"/>
    <x v="4"/>
    <x v="5221"/>
    <s v="CAP DB"/>
    <s v="This is an MS Access database application used within DGAEPM to compile financial data related to Capital funds. It is used by a single user in the Directorate of Aerospace Requirements (DAP)."/>
    <s v=""/>
    <x v="1"/>
    <s v=""/>
    <x v="34"/>
    <s v="4.2 Materiel Lifecycle"/>
    <s v="Financial Management Services"/>
    <s v="DND-249"/>
    <s v="In Production"/>
    <s v="desktop"/>
    <x v="1"/>
    <x v="1310"/>
  </r>
  <r>
    <x v="3"/>
    <x v="4"/>
    <x v="5222"/>
    <s v="CMIS-IRIS"/>
    <s v="Configuration Management Information System (CMIS) is a client-server application that contains all the configuration management (CM) information related to the Land Command Support System (LCSS). The application is a client-server powerbuilder application."/>
    <s v=""/>
    <x v="1"/>
    <s v=""/>
    <x v="34"/>
    <s v="4.2 Materiel Lifecycle"/>
    <s v="Materiel Services"/>
    <s v="DND-2542"/>
    <s v="In Production"/>
    <s v="desktop"/>
    <x v="1"/>
    <x v="1997"/>
  </r>
  <r>
    <x v="3"/>
    <x v="31"/>
    <x v="2978"/>
    <s v="FMS"/>
    <s v="CF vehicle fleet database  Fleet Management System has been used by the Transport organization to manage DND's fleet of vehicles since October 2005.&quot;Comment&quot; Yves Riel: The information in this column is wrong, the current WEB Version of FMS has been in use since 2005, however this application dates back to 1997, and has continued to be developped and changed to meet the demands ever since."/>
    <s v=""/>
    <x v="1"/>
    <s v=""/>
    <x v="34"/>
    <s v="4.2 Materiel Lifecycle"/>
    <s v="Human Resources Management Services,Management and Oversight Services"/>
    <s v="DND-2768"/>
    <s v="In Production"/>
    <s v=""/>
    <x v="1"/>
    <x v="1998"/>
  </r>
  <r>
    <x v="0"/>
    <x v="88"/>
    <x v="5223"/>
    <s v="OpenText"/>
    <s v="OpenText Desktop Viewer is a powerful tool for document viewing, accessing, sharing, and distributing your company's information Viewer/ Bulk converter of various file formats"/>
    <s v="Other"/>
    <x v="1"/>
    <s v=""/>
    <x v="34"/>
    <s v="4.2 Materiel Lifecycle"/>
    <s v="Materiel Services"/>
    <s v="DND-2844"/>
    <s v="In Production"/>
    <s v="desktop"/>
    <x v="0"/>
    <x v="1999"/>
  </r>
  <r>
    <x v="0"/>
    <x v="8"/>
    <x v="5224"/>
    <s v="ISPMGV"/>
    <s v="Image Viewer - to be used  for Directa images. SmartPlant® Markup Plus provides precision view, print, and markup capabilities to the CAD and raster formats commonly used in process engineering applications."/>
    <s v="Intergraph_Canada_Limited"/>
    <x v="1"/>
    <s v=""/>
    <x v="34"/>
    <s v="4.2 Materiel Lifecycle"/>
    <s v="Information Technology Services"/>
    <s v="DND-2866"/>
    <s v="In Production"/>
    <s v="desktop"/>
    <x v="0"/>
    <x v="2000"/>
  </r>
  <r>
    <x v="6"/>
    <x v="5"/>
    <x v="5225"/>
    <s v="DCBS"/>
    <s v="The Defence Customs Brokerage System (DCBS) is a COTS package called “Visual Importer” that has been modified for DND. DCBS is used to report all inbound importations by DND to effect the customs clearance and to process the accounting for the duties and taxes for DND.  Currently, all of the incoming information is in hard copy format. DCBS is a client/server application."/>
    <s v=""/>
    <x v="1"/>
    <s v="viWFM"/>
    <x v="34"/>
    <s v="6.1 Management &amp; Oversight"/>
    <s v="Financial Management Services"/>
    <s v="DND-291"/>
    <s v="In Production"/>
    <s v=""/>
    <x v="0"/>
    <x v="2001"/>
  </r>
  <r>
    <x v="5"/>
    <x v="91"/>
    <x v="5226"/>
    <s v="LabView"/>
    <s v="LabVIEW is system design software that provides engineers and scientists with the tools needed to create and deploy measurement and control systems."/>
    <s v=""/>
    <x v="1"/>
    <s v="National Instruments: LabView"/>
    <x v="34"/>
    <s v="4.2 Materiel Lifecycle"/>
    <s v="Materiel Services"/>
    <s v="DND-2913"/>
    <s v="In Production"/>
    <s v=""/>
    <x v="0"/>
    <x v="730"/>
  </r>
  <r>
    <x v="4"/>
    <x v="5"/>
    <x v="5227"/>
    <s v="ACS"/>
    <s v="The ACS is a Visual FoxPro (VFP) Fileserver application. The application provides DND Cashiers with a full range of automated functions including: 1. Issuing Cash, Cheque and DFT payments; 2. Selling and purchasing of financial instruments i.e. advances;"/>
    <s v=""/>
    <x v="1"/>
    <s v=""/>
    <x v="34"/>
    <s v="6.5 Financial Management"/>
    <s v="Financial Management Services"/>
    <s v="DND-31"/>
    <s v="In Production"/>
    <s v=""/>
    <x v="1"/>
    <x v="2002"/>
  </r>
  <r>
    <x v="10"/>
    <x v="69"/>
    <x v="5228"/>
    <s v="Pitstop Pro"/>
    <s v="Add-on software for Acrobat Professional - Production of print copies"/>
    <s v=""/>
    <x v="1"/>
    <s v=""/>
    <x v="34"/>
    <s v="4.2 Materiel Lifecycle"/>
    <s v="Information Management Services"/>
    <s v="DND-3243"/>
    <s v="In Production"/>
    <s v=""/>
    <x v="0"/>
    <x v="2003"/>
  </r>
  <r>
    <x v="3"/>
    <x v="4"/>
    <x v="5229"/>
    <s v="PMO - CM AIMP"/>
    <s v="The PMO - CM Database was created using MS Access to record, keep track and facilitate the reviews of all the deliverables received under the Aurora Incremental Modernization Program (AIMP) Project, collect the comments for each of them and finally to facil"/>
    <s v=""/>
    <x v="1"/>
    <s v=""/>
    <x v="34"/>
    <s v="4.2 Materiel Lifecycle"/>
    <s v="Materiel Services"/>
    <s v="DND-3250"/>
    <s v="In Production"/>
    <s v=""/>
    <x v="1"/>
    <x v="1310"/>
  </r>
  <r>
    <x v="4"/>
    <x v="5"/>
    <x v="5230"/>
    <s v=""/>
    <s v=""/>
    <s v=""/>
    <x v="1"/>
    <s v=""/>
    <x v="34"/>
    <s v="6.7 Information Technology"/>
    <s v=""/>
    <s v="DND-3295"/>
    <s v="In Production"/>
    <s v=""/>
    <x v="0"/>
    <x v="86"/>
  </r>
  <r>
    <x v="4"/>
    <x v="5"/>
    <x v="5231"/>
    <s v=""/>
    <s v=""/>
    <s v=""/>
    <x v="1"/>
    <s v=""/>
    <x v="34"/>
    <s v="6.7 Information Technology"/>
    <s v=""/>
    <s v="DND-3296"/>
    <s v="In Production"/>
    <s v=""/>
    <x v="0"/>
    <x v="86"/>
  </r>
  <r>
    <x v="4"/>
    <x v="5"/>
    <x v="5232"/>
    <s v="FEAMS"/>
    <s v="Furniture and Effects Automated Management System. Electronically manages the movement and storage of Furniture and Effects belonging to Canadian military personnel, including a track and trace capability. Approximately 160 users at various bases and units located in Canada and the USA use the application to administer Furniture and Effect movement. FEAMS also uses a B2B (Business to Business) process to communicate FEAMS information to the van lines, thereby automating the process by which DND awards contracts and communicates with the van lines."/>
    <s v=""/>
    <x v="1"/>
    <s v=""/>
    <x v="34"/>
    <s v="6.9 Material"/>
    <s v="Human Resources Management Services"/>
    <s v="DND-330"/>
    <s v="In Production"/>
    <s v=""/>
    <x v="1"/>
    <x v="2004"/>
  </r>
  <r>
    <x v="3"/>
    <x v="4"/>
    <x v="5233"/>
    <s v="RSTT NABK"/>
    <s v="NATO Armaments Ballistic Kernel (NABK) is part of NATO’s sharable software suite. When Ammunition is fired there is an area of effect. The Danger Area Template (DAT) is affiliated with both ammunition and weapons. Ammunition Explosive Ammunition. Excel Spreadsheet with Ballistic Coefficients. It creates a .Drawing Xchange Format file for Autocad, which is used to design the outline for the DAT. In Autocad, the measurements are made. The data then goes into the Canadian Forces Range Information System (CFRIS)."/>
    <s v=""/>
    <x v="1"/>
    <s v=""/>
    <x v="34"/>
    <s v="3.4 Operational Readiness Production, Coordination &amp; Command &amp; Control"/>
    <s v="Materiel Services"/>
    <s v="DND-3345"/>
    <s v="In Production"/>
    <s v="desktop"/>
    <x v="0"/>
    <x v="10"/>
  </r>
  <r>
    <x v="10"/>
    <x v="69"/>
    <x v="5234"/>
    <s v="FTP SERV-U"/>
    <s v="FTP Server software (FTP, FTPS, SFTP, Web &amp; mobile) for secure file transfer and file sharing on Windows &amp; Linux."/>
    <s v=""/>
    <x v="1"/>
    <s v="SERV-U"/>
    <x v="34"/>
    <s v="4.2 Materiel Lifecycle"/>
    <s v="Materiel Services"/>
    <s v="DND-3387"/>
    <s v="In Production"/>
    <s v="desktop"/>
    <x v="0"/>
    <x v="2005"/>
  </r>
  <r>
    <x v="3"/>
    <x v="4"/>
    <x v="5235"/>
    <s v="PLTS"/>
    <s v="PLTS is a proprietary software purchased by StandardAero from GasTOPS Ltd to support the T56 Engine &amp; 54H60 Propeller Configuration and Critical Lifed Item Management under the R&amp;O contract (W8485-01-QL01-001)."/>
    <s v=""/>
    <x v="1"/>
    <s v=""/>
    <x v="34"/>
    <s v="4.2 Materiel Lifecycle"/>
    <s v="Materiel Services"/>
    <s v="DND-3471"/>
    <s v="In Production"/>
    <s v="desktop"/>
    <x v="1"/>
    <x v="2006"/>
  </r>
  <r>
    <x v="4"/>
    <x v="5"/>
    <x v="5236"/>
    <s v="Unitrak"/>
    <s v="Permits standardized accounting and performance measurement for all CF Food Services Operations."/>
    <s v=""/>
    <x v="1"/>
    <s v=""/>
    <x v="34"/>
    <s v="6.5 Financial Management"/>
    <s v="Materiel Services"/>
    <s v="DND-3524"/>
    <s v="In Production"/>
    <s v=""/>
    <x v="1"/>
    <x v="2007"/>
  </r>
  <r>
    <x v="4"/>
    <x v="5"/>
    <x v="5237"/>
    <s v="HAMIS"/>
    <s v="Management of inventory and financials for CFHA"/>
    <s v=""/>
    <x v="1"/>
    <s v=""/>
    <x v="34"/>
    <s v="6.8 Real Property"/>
    <s v="Human Resources Management Services"/>
    <s v="DND-3653"/>
    <s v="In Production"/>
    <s v=""/>
    <x v="1"/>
    <x v="86"/>
  </r>
  <r>
    <x v="4"/>
    <x v="5"/>
    <x v="5238"/>
    <s v="Notionals"/>
    <s v="The Notionals are used to track future year approves DSP by leval One. The &quot;Original Budget&quot; input into FMAS by DB at the start of each fiscal year, by Level One and Fund, is derived from the Nationals.  Director Budget uses the Notionals to track future."/>
    <s v=""/>
    <x v="1"/>
    <s v=""/>
    <x v="34"/>
    <s v="6.5 Financial Management"/>
    <s v="Financial Management Services"/>
    <s v="DND-39"/>
    <s v="In Production"/>
    <s v=""/>
    <x v="1"/>
    <x v="2008"/>
  </r>
  <r>
    <x v="0"/>
    <x v="13"/>
    <x v="5239"/>
    <s v="PDIS"/>
    <s v="Maintains data about Publications used by the DND/CF, inventory at the Depot, distribution lists, Receipts and Demands of Pubs, including Classified Publication storage and shipping. Additional use is the Technical Data Package distribution database."/>
    <s v=""/>
    <x v="1"/>
    <s v=""/>
    <x v="34"/>
    <s v="4.2 Materiel Lifecycle"/>
    <s v="Information Management Services"/>
    <s v="DND-409"/>
    <s v="In Production"/>
    <s v="desktop"/>
    <x v="1"/>
    <x v="2009"/>
  </r>
  <r>
    <x v="0"/>
    <x v="28"/>
    <x v="5240"/>
    <s v="CMRS"/>
    <s v="Information concerning all Court martial  cases"/>
    <s v=""/>
    <x v="1"/>
    <s v=""/>
    <x v="34"/>
    <s v="6.3 Legal Services"/>
    <s v="Legal Services"/>
    <s v="DND-47"/>
    <s v="In Production"/>
    <s v=""/>
    <x v="1"/>
    <x v="2010"/>
  </r>
  <r>
    <x v="0"/>
    <x v="16"/>
    <x v="5241"/>
    <s v=""/>
    <s v="A Database that tracks all of the military  training/certification of JAG individuals"/>
    <s v=""/>
    <x v="1"/>
    <s v=""/>
    <x v="34"/>
    <s v="6.4 Human Resources Management"/>
    <s v="Human Resources Management Services"/>
    <s v="DND-49"/>
    <s v="In Production"/>
    <s v=""/>
    <x v="1"/>
    <x v="2011"/>
  </r>
  <r>
    <x v="0"/>
    <x v="16"/>
    <x v="5242"/>
    <s v="ST"/>
    <s v="DLaw Military Justice Summary Trials  database"/>
    <s v=""/>
    <x v="1"/>
    <s v=""/>
    <x v="34"/>
    <s v="6.3 Legal Services"/>
    <s v="Legal Services"/>
    <s v="DND-50"/>
    <s v="In Production"/>
    <s v=""/>
    <x v="1"/>
    <x v="2012"/>
  </r>
  <r>
    <x v="4"/>
    <x v="5"/>
    <x v="5243"/>
    <s v="MOU"/>
    <s v="MOUs are non-legally binding documents that DND enters into with OGDs, crown corps or agencies, industries, foreign armed forces, departments or ministries of foreign governments and NATO agencies for the purposes of cooperating in a project, program or similar undertaking."/>
    <s v=""/>
    <x v="1"/>
    <s v=""/>
    <x v="34"/>
    <s v="6.7 Information Technology"/>
    <s v="Legal Services"/>
    <s v="DND-52"/>
    <s v="In Production"/>
    <s v=""/>
    <x v="1"/>
    <x v="1916"/>
  </r>
  <r>
    <x v="4"/>
    <x v="5"/>
    <x v="5244"/>
    <s v="Proc Reg"/>
    <s v="Tracks purchases, amendments, invoices, suppliers, customers, etc for statistical purposes – information not easily retrieved from CFSS"/>
    <s v=""/>
    <x v="1"/>
    <s v=""/>
    <x v="34"/>
    <s v="6.10 Acquisition"/>
    <s v="Materiel Services"/>
    <s v="DND-540"/>
    <s v="In Production"/>
    <s v=""/>
    <x v="1"/>
    <x v="86"/>
  </r>
  <r>
    <x v="0"/>
    <x v="7"/>
    <x v="5245"/>
    <s v="AOL"/>
    <s v="This system is to manage documents for the whole Army In Garrison for Designated Domain.  The production Environment is managed in  Kingston and the AOL training and support is provided by CADTC."/>
    <s v=""/>
    <x v="1"/>
    <s v=""/>
    <x v="34"/>
    <s v="5.2 Strategic Direction &amp; Planning Support"/>
    <s v="Information Management Services"/>
    <s v="DND-609"/>
    <s v="In Production"/>
    <s v=""/>
    <x v="1"/>
    <x v="2013"/>
  </r>
  <r>
    <x v="4"/>
    <x v="5"/>
    <x v="5246"/>
    <s v="ARI"/>
    <s v="Gestion des dépenses des cartes de crédits ARI (Produit pétroliers)"/>
    <s v=""/>
    <x v="1"/>
    <s v=""/>
    <x v="34"/>
    <s v="3.4 Operational Readiness Production, Coordination &amp; Command &amp; Control"/>
    <s v="Financial Management Services"/>
    <s v="DND-625"/>
    <s v="In Production"/>
    <s v=""/>
    <x v="1"/>
    <x v="1869"/>
  </r>
  <r>
    <x v="4"/>
    <x v="5"/>
    <x v="5247"/>
    <s v="CCGR (RISQ)"/>
    <s v="Cadre de Contrôle et de Gestion des Risques"/>
    <s v=""/>
    <x v="1"/>
    <s v=""/>
    <x v="34"/>
    <s v="5.2 Strategic Direction &amp; Planning Support"/>
    <s v="Legal Services"/>
    <s v="DND-629"/>
    <s v="In Production"/>
    <s v=""/>
    <x v="1"/>
    <x v="2014"/>
  </r>
  <r>
    <x v="4"/>
    <x v="5"/>
    <x v="5248"/>
    <s v="CONDOC"/>
    <s v="Système d'archivage de documents"/>
    <s v=""/>
    <x v="1"/>
    <s v=""/>
    <x v="34"/>
    <s v="6.6 Information Management"/>
    <s v="Information Management Services"/>
    <s v="DND-638"/>
    <s v="In Production"/>
    <s v=""/>
    <x v="1"/>
    <x v="2015"/>
  </r>
  <r>
    <x v="4"/>
    <x v="5"/>
    <x v="5249"/>
    <s v="DestDoc"/>
    <s v="Sert à détruire des archives dans le système Condoc"/>
    <s v=""/>
    <x v="1"/>
    <s v=""/>
    <x v="34"/>
    <s v="6.6 Information Management"/>
    <s v="Information Management Services"/>
    <s v="DND-647"/>
    <s v="In Production"/>
    <s v=""/>
    <x v="1"/>
    <x v="2016"/>
  </r>
  <r>
    <x v="4"/>
    <x v="5"/>
    <x v="5250"/>
    <s v="ADDRIS"/>
    <s v="The ADDRIS application has 5 purposes: It is the application used for Military Messaging.  The key component for the application is a message address for every unit in DND for messaging capability. It manages all AIGs/GMTs (these are similar to mail lists but are based on subject matter for messaging ie CANFORGEN). It is the application where the entries for the DLPS application are created and then once an owner and member have been associated to the entry, it is pushed to AD (Active Directory) for Organizational message addressing in Outlook (underscore accts). It generates the files needed for the CF Address Book website available to all DND"/>
    <s v=""/>
    <x v="1"/>
    <s v=""/>
    <x v="34"/>
    <s v="6.7 Information Technology"/>
    <s v="Information Technology Services"/>
    <s v="DND-65"/>
    <s v="In Production"/>
    <s v=""/>
    <x v="1"/>
    <x v="2017"/>
  </r>
  <r>
    <x v="4"/>
    <x v="5"/>
    <x v="5251"/>
    <s v="DND506"/>
    <s v="Gestion des factures de lignes téléphoniques pour les unités hébergés  (comme le CANEX)"/>
    <s v=""/>
    <x v="1"/>
    <s v=""/>
    <x v="34"/>
    <s v="6.5 Financial Management"/>
    <s v="Financial Management Services"/>
    <s v="DND-650"/>
    <s v="In Production"/>
    <s v=""/>
    <x v="1"/>
    <x v="2016"/>
  </r>
  <r>
    <x v="4"/>
    <x v="5"/>
    <x v="5252"/>
    <s v="MAT"/>
    <s v="Système de gestion de formation permettant de fournir le niveau de  qualification du personnel au sein de l'organisation, le suivi des activités  de formation et l'état du budget alloué à la formation furnissant le détail  du coût de l'activité de formati"/>
    <s v=""/>
    <x v="1"/>
    <s v=""/>
    <x v="34"/>
    <s v="6.4 Human Resources Management"/>
    <s v="Human Resources Management Services"/>
    <s v="DND-679"/>
    <s v="In Production"/>
    <s v=""/>
    <x v="1"/>
    <x v="2018"/>
  </r>
  <r>
    <x v="4"/>
    <x v="5"/>
    <x v="5253"/>
    <s v="ORA"/>
    <s v="Gestion des budgets des gestionnaires locaux"/>
    <s v=""/>
    <x v="1"/>
    <s v=""/>
    <x v="34"/>
    <s v="6.5 Financial Management"/>
    <s v="Financial Management Services"/>
    <s v="DND-684"/>
    <s v="In Production"/>
    <s v=""/>
    <x v="1"/>
    <x v="1867"/>
  </r>
  <r>
    <x v="4"/>
    <x v="5"/>
    <x v="5254"/>
    <s v="PRESTSVC"/>
    <s v="Système de gestion du suivis et de la facturation des prestations de  service du SQFT aux organisations civiles"/>
    <s v=""/>
    <x v="1"/>
    <s v=""/>
    <x v="34"/>
    <s v="6.5 Financial Management"/>
    <s v="Financial Management Services"/>
    <s v="DND-693"/>
    <s v="In Production"/>
    <s v=""/>
    <x v="1"/>
    <x v="2016"/>
  </r>
  <r>
    <x v="4"/>
    <x v="5"/>
    <x v="5255"/>
    <s v="SGRR"/>
    <s v="Gestion des rapports de radiation"/>
    <s v=""/>
    <x v="1"/>
    <s v=""/>
    <x v="34"/>
    <s v="4.2 Materiel Lifecycle"/>
    <s v="Materiel Services"/>
    <s v="DND-707"/>
    <s v="In Production"/>
    <s v=""/>
    <x v="1"/>
    <x v="1882"/>
  </r>
  <r>
    <x v="4"/>
    <x v="5"/>
    <x v="5256"/>
    <s v="SPEC"/>
    <s v="Gestion des signatures du personnel autorisés."/>
    <s v=""/>
    <x v="1"/>
    <s v=""/>
    <x v="34"/>
    <s v="6.5 Financial Management"/>
    <s v="Financial Management Services"/>
    <s v="DND-710"/>
    <s v="In Production"/>
    <s v=""/>
    <x v="1"/>
    <x v="2015"/>
  </r>
  <r>
    <x v="4"/>
    <x v="5"/>
    <x v="5257"/>
    <s v="SRS"/>
    <s v="Gestion des révision des salaires des employés civil (GPI/BD O)"/>
    <s v=""/>
    <x v="1"/>
    <s v=""/>
    <x v="34"/>
    <s v="6.4 Human Resources Management"/>
    <s v="Human Resources Management Services"/>
    <s v="DND-711"/>
    <s v="In Production"/>
    <s v=""/>
    <x v="1"/>
    <x v="2015"/>
  </r>
  <r>
    <x v="4"/>
    <x v="5"/>
    <x v="5258"/>
    <s v="GiiM / PRT"/>
    <s v="Banque de donnée de tous les candidats du bureau de sélection du  personnel du 5e GSS Fonctionne avec SAB de Valcartier."/>
    <s v=""/>
    <x v="1"/>
    <s v=""/>
    <x v="34"/>
    <s v="6.4 Human Resources Management"/>
    <s v="Human Resources Management Services"/>
    <s v="DND-724"/>
    <s v="In Production"/>
    <s v=""/>
    <x v="1"/>
    <x v="2019"/>
  </r>
  <r>
    <x v="4"/>
    <x v="5"/>
    <x v="5259"/>
    <s v="OSSI"/>
    <s v="Gestion des Comptes - CA OSSI"/>
    <s v=""/>
    <x v="1"/>
    <s v=""/>
    <x v="34"/>
    <s v="6.7 Information Technology"/>
    <s v="Information Technology Services"/>
    <s v="DND-729"/>
    <s v="In Production"/>
    <s v=""/>
    <x v="1"/>
    <x v="2016"/>
  </r>
  <r>
    <x v="4"/>
    <x v="5"/>
    <x v="5260"/>
    <s v="LC"/>
    <s v="système pour la gestion et la reservation des Logements Célibataires"/>
    <s v=""/>
    <x v="1"/>
    <s v=""/>
    <x v="34"/>
    <s v="6.8 Real Property"/>
    <s v="Real Property Services"/>
    <s v="DND-732"/>
    <s v="In Production"/>
    <s v=""/>
    <x v="1"/>
    <x v="2020"/>
  </r>
  <r>
    <x v="4"/>
    <x v="5"/>
    <x v="5261"/>
    <s v="MAT"/>
    <s v="Matrice de formation sur le WEB"/>
    <s v=""/>
    <x v="1"/>
    <s v=""/>
    <x v="34"/>
    <s v="6.4 Human Resources Management"/>
    <s v="Human Resources Management Services"/>
    <s v="DND-736"/>
    <s v="In Production"/>
    <s v=""/>
    <x v="1"/>
    <x v="2018"/>
  </r>
  <r>
    <x v="4"/>
    <x v="5"/>
    <x v="5262"/>
    <s v="MDPU"/>
    <s v="Mouvement des Données du Personnel à l'Unité"/>
    <s v=""/>
    <x v="1"/>
    <s v=""/>
    <x v="34"/>
    <s v="6.4 Human Resources Management"/>
    <s v="Human Resources Management Services"/>
    <s v="DND-737"/>
    <s v="In Production"/>
    <s v=""/>
    <x v="1"/>
    <x v="1867"/>
  </r>
  <r>
    <x v="4"/>
    <x v="5"/>
    <x v="5263"/>
    <s v="PSL / SAB"/>
    <s v="gestion des cotisation aux activité sports &amp; loisir (PSP)"/>
    <s v=""/>
    <x v="1"/>
    <s v=""/>
    <x v="34"/>
    <s v="6.4 Human Resources Management"/>
    <s v="Human Resources Management Services"/>
    <s v="DND-741"/>
    <s v="In Production"/>
    <s v=""/>
    <x v="1"/>
    <x v="2016"/>
  </r>
  <r>
    <x v="4"/>
    <x v="5"/>
    <x v="5264"/>
    <s v="POS"/>
    <s v="Point de Vente ( Caisse enregistreuse )  NB. Peut être utilisé partout EX:  Cuisine, Gymnase, Mess, Centre Exacta …"/>
    <s v=""/>
    <x v="1"/>
    <s v=""/>
    <x v="34"/>
    <s v="6.5 Financial Management"/>
    <s v="Materiel Services"/>
    <s v="DND-742"/>
    <s v="In Production"/>
    <s v=""/>
    <x v="1"/>
    <x v="1867"/>
  </r>
  <r>
    <x v="4"/>
    <x v="5"/>
    <x v="5265"/>
    <s v="RDV"/>
    <s v="système de gestion des Rendez_Vous"/>
    <s v=""/>
    <x v="1"/>
    <s v=""/>
    <x v="34"/>
    <s v="6.4 Human Resources Management"/>
    <s v="Human Resources Management Services"/>
    <s v="DND-744"/>
    <s v="In Production"/>
    <s v=""/>
    <x v="1"/>
    <x v="2016"/>
  </r>
  <r>
    <x v="4"/>
    <x v="5"/>
    <x v="5266"/>
    <s v="SAM"/>
    <s v="Système Adminstratif Médical"/>
    <s v=""/>
    <x v="1"/>
    <s v=""/>
    <x v="34"/>
    <s v="6.4 Human Resources Management"/>
    <s v="Human Resources Management Services"/>
    <s v="DND-745"/>
    <s v="In Production"/>
    <s v=""/>
    <x v="1"/>
    <x v="2015"/>
  </r>
  <r>
    <x v="4"/>
    <x v="5"/>
    <x v="5267"/>
    <s v="SR"/>
    <s v="système pour l'administration générale"/>
    <s v=""/>
    <x v="1"/>
    <s v=""/>
    <x v="34"/>
    <s v="6.4 Human Resources Management"/>
    <s v="Human Resources Management Services"/>
    <s v="DND-750"/>
    <s v="In Production"/>
    <s v=""/>
    <x v="1"/>
    <x v="2021"/>
  </r>
  <r>
    <x v="0"/>
    <x v="11"/>
    <x v="5268"/>
    <s v="HIP"/>
    <s v="HIP provides structured access to information contents in the library.  The  Horizon server and database is a complete library management program  for acquisition, cataloguing, circulation, serials and administration."/>
    <s v=""/>
    <x v="1"/>
    <s v=""/>
    <x v="34"/>
    <s v="3.2 Force Elements Integration Training"/>
    <s v="Information Management Services"/>
    <s v="DND-758"/>
    <s v="In Production"/>
    <s v=""/>
    <x v="0"/>
    <x v="86"/>
  </r>
  <r>
    <x v="4"/>
    <x v="5"/>
    <x v="5269"/>
    <s v="AITIS"/>
    <s v="Documentum is the Army's Courseware Content Management System  (CMS), which has been in place since 1995 and provides access to  authorized courseware on-demand across the Army.  It is recognized as a  system of signifance by the Army.  This CMS requires"/>
    <s v=""/>
    <x v="1"/>
    <s v=""/>
    <x v="34"/>
    <s v="4.4 Information Systems Lifecycle"/>
    <s v="Information Management Services"/>
    <s v="DND-760"/>
    <s v="In Production"/>
    <s v=""/>
    <x v="1"/>
    <x v="2022"/>
  </r>
  <r>
    <x v="0"/>
    <x v="16"/>
    <x v="5270"/>
    <s v="Trng Log - CFSU(O)"/>
    <s v="Tracks CF training"/>
    <s v=""/>
    <x v="1"/>
    <s v=""/>
    <x v="34"/>
    <s v="6.4 Human Resources Management"/>
    <s v="Human Resources Management Services"/>
    <s v="DND-767"/>
    <s v="In Production"/>
    <s v=""/>
    <x v="1"/>
    <x v="2023"/>
  </r>
  <r>
    <x v="0"/>
    <x v="19"/>
    <x v="5271"/>
    <s v=""/>
    <s v="Used for gathering registrations for courses offered by the CFSU(O) Ops Training Cell"/>
    <s v=""/>
    <x v="1"/>
    <s v=""/>
    <x v="34"/>
    <s v="6.4 Human Resources Management"/>
    <s v="Human Resources Management Services"/>
    <s v="DND-773"/>
    <s v="In Production"/>
    <s v=""/>
    <x v="1"/>
    <x v="2024"/>
  </r>
  <r>
    <x v="4"/>
    <x v="5"/>
    <x v="5272"/>
    <s v=""/>
    <s v="Allows all personnel in DND to view what facilities at the Connaught Ranges are currently booked."/>
    <s v=""/>
    <x v="1"/>
    <s v=""/>
    <x v="34"/>
    <s v="6.4 Human Resources Management"/>
    <s v="Human Resources Management Services"/>
    <s v="DND-775"/>
    <s v="In Production"/>
    <s v=""/>
    <x v="1"/>
    <x v="86"/>
  </r>
  <r>
    <x v="4"/>
    <x v="5"/>
    <x v="5273"/>
    <s v="CID"/>
    <s v="Track documentation on Projects and Initiatives"/>
    <s v=""/>
    <x v="1"/>
    <s v=""/>
    <x v="34"/>
    <s v="6.6 Information Management"/>
    <s v="Management and Oversight Services"/>
    <s v="DND-800"/>
    <s v="In Production"/>
    <s v=""/>
    <x v="1"/>
    <x v="1905"/>
  </r>
  <r>
    <x v="4"/>
    <x v="5"/>
    <x v="5274"/>
    <s v="HCTS"/>
    <s v="The Harassment Complaint Tracking System (HCTS) is designed to document and report harassment cases within the Department of National Defence (DND).  It a joint Mil-Civ project."/>
    <s v=""/>
    <x v="1"/>
    <s v=""/>
    <x v="34"/>
    <s v="6.1 Management &amp; Oversight"/>
    <s v="Human Resources Management Services"/>
    <s v="DND-805"/>
    <s v="In Production"/>
    <s v=""/>
    <x v="1"/>
    <x v="1801"/>
  </r>
  <r>
    <x v="4"/>
    <x v="5"/>
    <x v="5275"/>
    <s v="EAP"/>
    <s v="The application records visit information, tracks referral agent training and career for Employee Assistance Program"/>
    <s v=""/>
    <x v="1"/>
    <s v=""/>
    <x v="34"/>
    <s v="6.1 Management &amp; Oversight"/>
    <s v="Human Resources Management Services"/>
    <s v="DND-808"/>
    <s v="In Production"/>
    <s v=""/>
    <x v="1"/>
    <x v="2025"/>
  </r>
  <r>
    <x v="4"/>
    <x v="5"/>
    <x v="5276"/>
    <s v="eCourses"/>
    <s v="Owner: DGLPD--This is not the application it is the courses"/>
    <s v=""/>
    <x v="1"/>
    <s v=""/>
    <x v="34"/>
    <s v="6.7 Information Technology"/>
    <s v="Human Resources Management Services"/>
    <s v="DND-810"/>
    <s v="In Production"/>
    <s v=""/>
    <x v="1"/>
    <x v="146"/>
  </r>
  <r>
    <x v="4"/>
    <x v="5"/>
    <x v="5277"/>
    <s v="LCCCalendar"/>
    <s v="The LCC Course Calendar application displays course calendar information. It also allows administrator to manage courses, lunch &amp; learn sessions and create reports."/>
    <s v=""/>
    <x v="1"/>
    <s v=""/>
    <x v="34"/>
    <s v="6.1 Management &amp; Oversight"/>
    <s v="Human Resources Management Services"/>
    <s v="DND-814"/>
    <s v="In Production"/>
    <s v=""/>
    <x v="1"/>
    <x v="2026"/>
  </r>
  <r>
    <x v="4"/>
    <x v="5"/>
    <x v="5278"/>
    <s v="EEGapCalculator"/>
    <s v="The Employment Equity Program application provides the search tool for the employment equity gap by searching the group/level and metropolitan area to determine if the EE program may be used."/>
    <s v=""/>
    <x v="1"/>
    <s v=""/>
    <x v="34"/>
    <s v="6.1 Management &amp; Oversight"/>
    <s v="Human Resources Management Services"/>
    <s v="DND-815"/>
    <s v="In Production"/>
    <s v=""/>
    <x v="1"/>
    <x v="2027"/>
  </r>
  <r>
    <x v="4"/>
    <x v="5"/>
    <x v="5279"/>
    <s v="DSCDS"/>
    <s v="The Defence Subject Classification and Disposition System (DSCDS) is an information classification structure that all DND/CF units must use to organize information holdings so that the holdings are stored, retrieved and managed in a systematic manner."/>
    <s v=""/>
    <x v="1"/>
    <s v=""/>
    <x v="34"/>
    <s v="6.6 Information Management"/>
    <s v="Information Management Services"/>
    <s v="DND-83"/>
    <s v="In Production"/>
    <s v=""/>
    <x v="1"/>
    <x v="1931"/>
  </r>
  <r>
    <x v="4"/>
    <x v="5"/>
    <x v="5280"/>
    <s v="OCF"/>
    <m/>
    <s v=""/>
    <x v="1"/>
    <s v=""/>
    <x v="34"/>
    <s v="6.6 Information Management"/>
    <s v="Information Management Services"/>
    <s v="DND-94"/>
    <s v="In Production"/>
    <s v=""/>
    <x v="1"/>
    <x v="2028"/>
  </r>
  <r>
    <x v="6"/>
    <x v="61"/>
    <x v="5281"/>
    <s v=""/>
    <s v="E - Post It Notes - The app for notes on your desktop! It is easy to manage and customize. It also supports speech recognition"/>
    <s v=""/>
    <x v="1"/>
    <s v="3M"/>
    <x v="34"/>
    <s v="4.2 Materiel Lifecycle"/>
    <s v="Information Management Services"/>
    <s v="DND-9418"/>
    <s v="In Production"/>
    <s v="desktop"/>
    <x v="0"/>
    <x v="2029"/>
  </r>
  <r>
    <x v="3"/>
    <x v="4"/>
    <x v="5282"/>
    <s v="HR Oracle"/>
    <m/>
    <s v=""/>
    <x v="1"/>
    <s v=""/>
    <x v="34"/>
    <s v="4.2 Materiel Lifecycle"/>
    <s v="Human Resources Management Services,Information Management Services"/>
    <s v="DND-9450"/>
    <s v="In Production"/>
    <s v="desktop"/>
    <x v="1"/>
    <x v="2030"/>
  </r>
  <r>
    <x v="4"/>
    <x v="5"/>
    <x v="5283"/>
    <s v="BPC"/>
    <s v="Application servant à l’enregistrement des transactions de BPC (PCB : PolyChloro-Biphényles)"/>
    <s v=""/>
    <x v="1"/>
    <s v=""/>
    <x v="34"/>
    <s v="6.1 Management &amp; Oversight"/>
    <s v="Materiel Services"/>
    <s v="DND-9454"/>
    <s v="In Production"/>
    <s v=""/>
    <x v="1"/>
    <x v="2031"/>
  </r>
  <r>
    <x v="4"/>
    <x v="5"/>
    <x v="5284"/>
    <s v="Gestion des appels"/>
    <s v="***Identified to be replaced with (EITSM) ASSYST. Application servant à gérer et comptabiliser les demandes de services TI des clients."/>
    <s v=""/>
    <x v="1"/>
    <s v=""/>
    <x v="34"/>
    <s v="6.2 Communications"/>
    <s v="Information Technology Services"/>
    <s v="DND-9473"/>
    <s v="In Production"/>
    <s v=""/>
    <x v="1"/>
    <x v="106"/>
  </r>
  <r>
    <x v="4"/>
    <x v="5"/>
    <x v="5285"/>
    <s v="Registre d''étalonnage"/>
    <s v="Registre pour 'calabration' appareil électronique"/>
    <s v=""/>
    <x v="1"/>
    <s v=""/>
    <x v="34"/>
    <s v="6.9 Material"/>
    <s v="Information Technology Services"/>
    <s v="DND-9488"/>
    <s v="In Production"/>
    <s v=""/>
    <x v="1"/>
    <x v="10"/>
  </r>
  <r>
    <x v="4"/>
    <x v="5"/>
    <x v="5286"/>
    <s v="SINC 2004"/>
    <s v="Système d ’Information des Non-Conformités relié a la Santé et sécurité et aux matériels."/>
    <s v=""/>
    <x v="1"/>
    <s v=""/>
    <x v="34"/>
    <s v="6.9 Material"/>
    <s v="Materiel Services"/>
    <s v="DND-9491"/>
    <s v="In Production"/>
    <s v=""/>
    <x v="1"/>
    <x v="2032"/>
  </r>
  <r>
    <x v="4"/>
    <x v="5"/>
    <x v="5287"/>
    <s v="Recrutement"/>
    <s v="Gestion du personnel recrue et assignation d'une position 5000  Note: 34 CBG"/>
    <s v=""/>
    <x v="1"/>
    <s v=""/>
    <x v="34"/>
    <s v="6.4 Human Resources Management"/>
    <s v="Human Resources Management Services"/>
    <s v="DND-9543"/>
    <s v="In Production"/>
    <s v=""/>
    <x v="1"/>
    <x v="2033"/>
  </r>
  <r>
    <x v="3"/>
    <x v="31"/>
    <x v="5288"/>
    <s v="SAPM"/>
    <s v="Gestion inventaire, numéros de séries, réservations d'items, alertes de vérification et de remises d'items en prêt, prêts individuels pour la 1ième ligne. The Supply and equipment loans application is a regional application used by 1st line supply tech to manage inventory, serial numbers, reservations of items, alerts of audit and discounts to items on loan, &amp; individual loans.  It records information which is not in DRMIS e.g. serial numbers of computers, screens, laptops and furniture. It is used by 200 users across Quebec including reservists who don’t have access to DRMIS."/>
    <s v=""/>
    <x v="1"/>
    <s v=""/>
    <x v="34"/>
    <s v="4.2 Materiel Lifecycle"/>
    <s v="Materiel Services"/>
    <s v="DND-9545"/>
    <s v="In Production"/>
    <s v="desktop"/>
    <x v="1"/>
    <x v="2034"/>
  </r>
  <r>
    <x v="4"/>
    <x v="5"/>
    <x v="5289"/>
    <s v="Qualité de vie"/>
    <s v="Gestion du personnel déployés sur des missions des Nations unis, suivi des rencontres post-déployments"/>
    <s v=""/>
    <x v="1"/>
    <s v=""/>
    <x v="34"/>
    <s v="6.4 Human Resources Management"/>
    <s v="Human Resources Management Services"/>
    <s v="DND-9550"/>
    <s v="In Production"/>
    <s v=""/>
    <x v="1"/>
    <x v="2033"/>
  </r>
  <r>
    <x v="4"/>
    <x v="5"/>
    <x v="5290"/>
    <s v="Gestion Financière"/>
    <s v="Système qui gère les demandes d'achats et le suivi des budgets qui sont alloués à l'interne. Ce système est utilisé par toutes les sections de l'unité"/>
    <s v=""/>
    <x v="1"/>
    <s v=""/>
    <x v="34"/>
    <s v="6.5 Financial Management"/>
    <s v="Financial Management Services"/>
    <s v="DND-9623"/>
    <s v="In Production"/>
    <s v=""/>
    <x v="1"/>
    <x v="2035"/>
  </r>
  <r>
    <x v="3"/>
    <x v="31"/>
    <x v="5291"/>
    <s v="NMDS"/>
    <s v="Unique functionality: The NMDS automates the shipping, receiving and tracing of materiel.  A web-based application that provides its users with the capability of shipping, receiving and tracking freight, unaccompanied baggage (UAB), vehicles, sea containers, dangerous goods and personnel.  Rationalization Status: In progress Application Analysis Recommendations: Migrate to COTS e.g. DRMIS (Transport module)  External Interfaces In: DRMIS, PDIS, TIPS/SAVI (RFID) External Interfaces out: SCMS, PDIS, O&amp;PEN, TIPS/SAVI (RFID)  Additional Info: http://dsblcsf.ottawa-hull.mil.ca/apps/details.asp?app=NMDS"/>
    <s v=""/>
    <x v="1"/>
    <s v=""/>
    <x v="34"/>
    <s v="6.2 Communications"/>
    <s v="Materiel Services"/>
    <s v="DND-9639"/>
    <s v="In Production"/>
    <s v=""/>
    <x v="1"/>
    <x v="1856"/>
  </r>
  <r>
    <x v="4"/>
    <x v="5"/>
    <x v="5292"/>
    <s v="Digital Sentry"/>
    <s v="Pour le visionnement des caméras aux guérites"/>
    <s v="Other"/>
    <x v="1"/>
    <s v="Pelco, Digital Sentry"/>
    <x v="34"/>
    <s v="4.2 Materiel Lifecycle"/>
    <s v="Information Technology Services"/>
    <s v="DND-9682"/>
    <s v="In Production"/>
    <s v=""/>
    <x v="0"/>
    <x v="2036"/>
  </r>
  <r>
    <x v="4"/>
    <x v="5"/>
    <x v="5293"/>
    <s v="ProWatch"/>
    <s v="Contrôle d'accès. L’unité utilise la plateforme Prowatch pour effectuer le contrôle des accès et la surveillance des systèmes d’alarme. Le système est utilisé à la grandeur du secteur du Québec."/>
    <s v="Other"/>
    <x v="1"/>
    <s v="Honeywell, Prowatch"/>
    <x v="34"/>
    <s v="4.4 Information Systems Lifecycle"/>
    <s v="Other"/>
    <s v="DND-9689"/>
    <s v="In Production"/>
    <s v=""/>
    <x v="0"/>
    <x v="2036"/>
  </r>
  <r>
    <x v="4"/>
    <x v="5"/>
    <x v="5294"/>
    <s v="SIS - Alarm Center"/>
    <s v="Suite de logiciels conçue pour automatiser les opérations de surveillance. L’unité utilise ce système pour la surveillance des voutes d’armes."/>
    <s v="Other"/>
    <x v="1"/>
    <s v="Security Information System, SIS"/>
    <x v="34"/>
    <s v="4.2 Materiel Lifecycle"/>
    <s v="Other"/>
    <s v="DND-9692"/>
    <s v="In Production"/>
    <s v=""/>
    <x v="0"/>
    <x v="2036"/>
  </r>
  <r>
    <x v="3"/>
    <x v="4"/>
    <x v="5295"/>
    <s v="4D Admin"/>
    <s v="BD administrative  4D Administrative"/>
    <s v=""/>
    <x v="1"/>
    <s v=""/>
    <x v="34"/>
    <s v="4.2 Materiel Lifecycle"/>
    <s v="Information Technology Services"/>
    <s v="DND-9815"/>
    <s v="In Production"/>
    <s v="desktop"/>
    <x v="1"/>
    <x v="2037"/>
  </r>
  <r>
    <x v="1"/>
    <x v="105"/>
    <x v="5296"/>
    <s v="4D Weapons &amp; Ammunition"/>
    <s v="BD de l'armement et munitions  BD of armaments and ammunition"/>
    <s v=""/>
    <x v="1"/>
    <s v=""/>
    <x v="34"/>
    <s v="4.2 Materiel Lifecycle"/>
    <s v="Materiel Services"/>
    <s v="DND-9816"/>
    <s v="In Production"/>
    <s v="desktop"/>
    <x v="1"/>
    <x v="2038"/>
  </r>
  <r>
    <x v="1"/>
    <x v="86"/>
    <x v="5297"/>
    <s v="4D Calibration"/>
    <s v="4D calibration - 4D was used to design a full-featured interface, write powerful code, and integrate numerous technological standards to build a complete and functional tool calibration application"/>
    <s v=""/>
    <x v="1"/>
    <s v=""/>
    <x v="34"/>
    <s v="4.2 Materiel Lifecycle"/>
    <s v="Materiel Services"/>
    <s v="DND-9817"/>
    <s v="In Production"/>
    <s v="desktop"/>
    <x v="1"/>
    <x v="2039"/>
  </r>
  <r>
    <x v="1"/>
    <x v="105"/>
    <x v="5298"/>
    <s v="4D Inventory"/>
    <s v="BD des inventaires  BD of Inventory"/>
    <s v=""/>
    <x v="1"/>
    <s v=""/>
    <x v="34"/>
    <s v="4.2 Materiel Lifecycle"/>
    <s v="Materiel Services"/>
    <s v="DND-9819"/>
    <s v="In Production"/>
    <s v="desktop"/>
    <x v="1"/>
    <x v="2040"/>
  </r>
  <r>
    <x v="0"/>
    <x v="88"/>
    <x v="5299"/>
    <s v="InfoCible"/>
    <s v="Information du ceem  Translation software (English-French) for CEEM"/>
    <s v=""/>
    <x v="1"/>
    <s v=""/>
    <x v="34"/>
    <s v="4.2 Materiel Lifecycle"/>
    <s v="Information Technology Services"/>
    <s v="DND-9838"/>
    <s v="In Production"/>
    <s v=""/>
    <x v="1"/>
    <x v="2041"/>
  </r>
  <r>
    <x v="3"/>
    <x v="4"/>
    <x v="5300"/>
    <s v="ACES"/>
    <s v="Automated Control of Electrical Systems. ACES is a System Engineering Support Contractor (SESC) managed software database. ACES is an engineering tool that documents and records electrical systems modifications/changes , provides a current masterfile of p"/>
    <s v=""/>
    <x v="1"/>
    <s v=""/>
    <x v="34"/>
    <s v="4.2 Materiel Lifecycle"/>
    <s v="Materiel Services"/>
    <s v="DND-9867"/>
    <s v="In Production"/>
    <s v="desktop"/>
    <x v="1"/>
    <x v="2042"/>
  </r>
  <r>
    <x v="4"/>
    <x v="5"/>
    <x v="5301"/>
    <s v="SGPERS"/>
    <s v="Permet de gérer l'administration générale du personnel du CI 2 Div CA."/>
    <s v=""/>
    <x v="1"/>
    <s v=""/>
    <x v="34"/>
    <s v="6.4 Human Resources Management"/>
    <s v="Human Resources Management Services"/>
    <s v="DND-9941"/>
    <s v="In Production"/>
    <s v=""/>
    <x v="1"/>
    <x v="1926"/>
  </r>
  <r>
    <x v="4"/>
    <x v="5"/>
    <x v="5302"/>
    <s v="SGOPS"/>
    <s v="Permet de gérer les opérations du CI 2 Div CA tel la gestion des demandes et ressources pour les cours/tâches"/>
    <s v=""/>
    <x v="1"/>
    <s v=""/>
    <x v="34"/>
    <s v="6.4 Human Resources Management"/>
    <s v="Human Resources Management Services"/>
    <s v="DND-9942"/>
    <s v="In Production"/>
    <s v=""/>
    <x v="1"/>
    <x v="1926"/>
  </r>
  <r>
    <x v="4"/>
    <x v="5"/>
    <x v="5303"/>
    <s v="ARDOISES"/>
    <s v="Permet la gestion des nominations du personnel (cadre, instructeurs et  stagiaires) sur les cours et tâches du CI 2 Div CA.   Utilise les données de SGOPS"/>
    <s v=""/>
    <x v="1"/>
    <s v=""/>
    <x v="34"/>
    <s v="4.1 Military Personnel &amp; Organization Lifecycle"/>
    <s v="Human Resources Management Services"/>
    <s v="DND-9943"/>
    <s v="In Production"/>
    <s v=""/>
    <x v="1"/>
    <x v="1926"/>
  </r>
  <r>
    <x v="4"/>
    <x v="5"/>
    <x v="5304"/>
    <s v="ARRDEP"/>
    <s v="Permet de faire la gestion des arrivées et départs des individus sur les cours/tâches. Utilise les données de SGOPS et ARDOISES."/>
    <s v=""/>
    <x v="1"/>
    <s v=""/>
    <x v="34"/>
    <s v="6.4 Human Resources Management"/>
    <s v="Human Resources Management Services"/>
    <s v="DND-9948"/>
    <s v="In Production"/>
    <s v=""/>
    <x v="1"/>
    <x v="1926"/>
  </r>
  <r>
    <x v="4"/>
    <x v="5"/>
    <x v="5305"/>
    <s v="E.S.R.A.  1.5b"/>
    <m/>
    <s v=""/>
    <x v="1"/>
    <s v=""/>
    <x v="34"/>
    <s v="6.7 Information Technology"/>
    <s v="Human Resources Management Services"/>
    <s v="DND-9965"/>
    <s v="In Production"/>
    <s v=""/>
    <x v="1"/>
    <x v="86"/>
  </r>
  <r>
    <x v="2"/>
    <x v="40"/>
    <x v="5306"/>
    <s v="SIGMA"/>
    <m/>
    <s v=""/>
    <x v="1"/>
    <s v="SAP ECC"/>
    <x v="35"/>
    <s v="Internal Services"/>
    <s v="Financial Management Services,Human Resources Management Services,Information Management Services,Information Technology Services,Materiel Services"/>
    <s v="NRC-5084552"/>
    <s v="In Production"/>
    <s v="rich"/>
    <x v="0"/>
    <x v="146"/>
  </r>
  <r>
    <x v="2"/>
    <x v="9"/>
    <x v="5307"/>
    <s v="Sonar"/>
    <m/>
    <s v=""/>
    <x v="1"/>
    <s v=""/>
    <x v="35"/>
    <s v="Industrial Research Assistance Program"/>
    <s v="Other"/>
    <s v="NRC-5084702"/>
    <s v="In Production"/>
    <s v="web"/>
    <x v="1"/>
    <x v="88"/>
  </r>
  <r>
    <x v="2"/>
    <x v="52"/>
    <x v="5308"/>
    <s v="BMS CRM"/>
    <m/>
    <s v="Microsoft_Corporation"/>
    <x v="1"/>
    <s v="Microsoft Dynamics 365"/>
    <x v="35"/>
    <s v="Internal Services"/>
    <s v="Management and Oversight Services"/>
    <s v="NRC-5084703"/>
    <s v="In Production"/>
    <s v="web"/>
    <x v="0"/>
    <x v="88"/>
  </r>
  <r>
    <x v="0"/>
    <x v="16"/>
    <x v="1"/>
    <s v="Assyst"/>
    <m/>
    <s v=""/>
    <x v="1"/>
    <s v="Axios assyst"/>
    <x v="35"/>
    <s v="Internal Services"/>
    <s v="Information Management Services"/>
    <s v="NRC-5084704"/>
    <s v="In Production"/>
    <s v="web"/>
    <x v="0"/>
    <x v="146"/>
  </r>
  <r>
    <x v="3"/>
    <x v="31"/>
    <x v="5309"/>
    <s v="SAP BW"/>
    <m/>
    <s v="Other"/>
    <x v="1"/>
    <s v="SAP BW / SAP Netweaver Portal"/>
    <x v="35"/>
    <s v="Internal Services"/>
    <s v="Financial Management Services,Human Resources Management Services,Materiel Services"/>
    <s v="NRC-5084705"/>
    <s v="In Production"/>
    <s v="rich"/>
    <x v="0"/>
    <x v="307"/>
  </r>
  <r>
    <x v="0"/>
    <x v="7"/>
    <x v="5310"/>
    <s v="RDMIS"/>
    <m/>
    <s v=""/>
    <x v="1"/>
    <s v="OpenText eDOCS (licenses thru PWGSC)"/>
    <x v="35"/>
    <s v="Technology Development and Advancement"/>
    <s v="Other"/>
    <s v="NRC-5084708"/>
    <s v="In Production"/>
    <s v="rich"/>
    <x v="0"/>
    <x v="145"/>
  </r>
  <r>
    <x v="0"/>
    <x v="7"/>
    <x v="5311"/>
    <s v="docZone"/>
    <m/>
    <s v="Microsoft_Corporation"/>
    <x v="15"/>
    <s v=""/>
    <x v="35"/>
    <s v="Internal Services"/>
    <s v="Information Management Services"/>
    <s v="NRC-5084710"/>
    <s v="In Production"/>
    <s v="web"/>
    <x v="0"/>
    <x v="88"/>
  </r>
  <r>
    <x v="0"/>
    <x v="0"/>
    <x v="4425"/>
    <s v="Collaboration"/>
    <m/>
    <s v="Microsoft_Corporation"/>
    <x v="1"/>
    <s v="SharePoint Foundation"/>
    <x v="35"/>
    <s v="Internal Services"/>
    <s v="Information Management Services"/>
    <s v="NRC-5084711"/>
    <s v="In Production"/>
    <s v=""/>
    <x v="0"/>
    <x v="88"/>
  </r>
  <r>
    <x v="0"/>
    <x v="7"/>
    <x v="1200"/>
    <s v="ATIP"/>
    <s v="Document Management"/>
    <s v="Other"/>
    <x v="1"/>
    <s v="RICOH Laserfiche"/>
    <x v="35"/>
    <s v="Internal Services"/>
    <s v="Information Management Services"/>
    <s v="NRC-5084712"/>
    <s v="In Production"/>
    <s v="rich"/>
    <x v="0"/>
    <x v="302"/>
  </r>
  <r>
    <x v="2"/>
    <x v="3"/>
    <x v="5312"/>
    <s v="Learnet"/>
    <s v="Learning Management System"/>
    <s v=""/>
    <x v="1"/>
    <s v=""/>
    <x v="35"/>
    <s v="Internal Services"/>
    <s v="Human Resources Management Services"/>
    <s v="NRC-5084713"/>
    <s v="In Production"/>
    <s v="web"/>
    <x v="1"/>
    <x v="540"/>
  </r>
  <r>
    <x v="2"/>
    <x v="22"/>
    <x v="5313"/>
    <s v="HR Espresso"/>
    <m/>
    <s v=""/>
    <x v="1"/>
    <s v=""/>
    <x v="35"/>
    <s v="Internal Services"/>
    <s v="Human Resources Management Services"/>
    <s v="NRC-5084714"/>
    <s v="In Production"/>
    <s v="rich"/>
    <x v="1"/>
    <x v="10"/>
  </r>
  <r>
    <x v="0"/>
    <x v="42"/>
    <x v="5314"/>
    <s v="myZone"/>
    <s v="NRC Intranet Presence"/>
    <s v=""/>
    <x v="1"/>
    <s v=""/>
    <x v="35"/>
    <s v="Internal Services"/>
    <s v="Information Management Services"/>
    <s v="NRC-5084715"/>
    <s v="In Production"/>
    <s v="web"/>
    <x v="1"/>
    <x v="593"/>
  </r>
  <r>
    <x v="0"/>
    <x v="11"/>
    <x v="125"/>
    <s v="TeamMate"/>
    <m/>
    <s v="Other"/>
    <x v="1"/>
    <s v="Wolters Kluwer TeamMate"/>
    <x v="35"/>
    <s v="Internal Services"/>
    <s v="Management and Oversight Services"/>
    <s v="NRC-5084716"/>
    <s v="In Production"/>
    <s v="web"/>
    <x v="0"/>
    <x v="145"/>
  </r>
  <r>
    <x v="0"/>
    <x v="13"/>
    <x v="5315"/>
    <s v="KM FIS"/>
    <m/>
    <s v=""/>
    <x v="1"/>
    <s v=""/>
    <x v="35"/>
    <s v="Internal Services"/>
    <s v="Information Management Services"/>
    <s v="NRC-5084717"/>
    <s v="In Production"/>
    <s v="web"/>
    <x v="1"/>
    <x v="2043"/>
  </r>
  <r>
    <x v="0"/>
    <x v="13"/>
    <x v="5316"/>
    <s v="Staff Files"/>
    <m/>
    <s v=""/>
    <x v="1"/>
    <s v=""/>
    <x v="35"/>
    <s v="Internal Services"/>
    <s v="Information Management Services"/>
    <s v="NRC-5084718"/>
    <s v="In Production"/>
    <s v="web"/>
    <x v="1"/>
    <x v="545"/>
  </r>
  <r>
    <x v="0"/>
    <x v="13"/>
    <x v="5317"/>
    <s v="Security"/>
    <m/>
    <s v=""/>
    <x v="1"/>
    <s v=""/>
    <x v="35"/>
    <s v="Internal Services"/>
    <s v="Management and Oversight Services"/>
    <s v="NRC-5084719"/>
    <s v="In Production"/>
    <s v="web"/>
    <x v="1"/>
    <x v="545"/>
  </r>
  <r>
    <x v="0"/>
    <x v="62"/>
    <x v="5318"/>
    <s v="GPHIN"/>
    <s v="Application to collect health data from around the world for Health Canada &amp; WHO"/>
    <s v=""/>
    <x v="1"/>
    <s v=""/>
    <x v="35"/>
    <s v="Technology Development and Advancement"/>
    <s v="Other"/>
    <s v="NRC-5084723"/>
    <s v="In Production"/>
    <s v="web"/>
    <x v="1"/>
    <x v="2044"/>
  </r>
  <r>
    <x v="9"/>
    <x v="78"/>
    <x v="5319"/>
    <s v="Riskwatch"/>
    <m/>
    <s v="Other"/>
    <x v="1"/>
    <s v="Riskwatch 360"/>
    <x v="35"/>
    <s v="Internal Services"/>
    <s v="Information Technology Services"/>
    <s v="NRC-5084724"/>
    <s v="In Production"/>
    <s v="web"/>
    <x v="0"/>
    <x v="2045"/>
  </r>
  <r>
    <x v="2"/>
    <x v="52"/>
    <x v="5320"/>
    <s v="Concierge"/>
    <m/>
    <s v="Microsoft_Corporation"/>
    <x v="1"/>
    <s v="Microsoft Dynamics 365"/>
    <x v="35"/>
    <s v="Industrial Research Assistance Program"/>
    <s v="Other"/>
    <s v="NRC-5084725"/>
    <s v="In Production"/>
    <s v="web"/>
    <x v="0"/>
    <x v="88"/>
  </r>
  <r>
    <x v="6"/>
    <x v="24"/>
    <x v="241"/>
    <s v="TFS"/>
    <s v="Project Management tool"/>
    <s v="Microsoft_Corporation"/>
    <x v="1"/>
    <s v="Team Foundation Server"/>
    <x v="35"/>
    <s v="Internal Services"/>
    <s v="Information Technology Services,Management and Oversight Services"/>
    <s v="NRC-5084726"/>
    <s v="In Production"/>
    <s v="web"/>
    <x v="0"/>
    <x v="88"/>
  </r>
  <r>
    <x v="0"/>
    <x v="11"/>
    <x v="5321"/>
    <s v="Linkurious"/>
    <m/>
    <s v="Other"/>
    <x v="1"/>
    <s v="Linkurious"/>
    <x v="35"/>
    <s v="Internal Services"/>
    <s v="Information Management Services"/>
    <s v="NRC-5084727"/>
    <s v="In Production"/>
    <s v="web"/>
    <x v="0"/>
    <x v="2046"/>
  </r>
  <r>
    <x v="0"/>
    <x v="11"/>
    <x v="5322"/>
    <s v="AMIei"/>
    <m/>
    <s v="Other"/>
    <x v="1"/>
    <s v="AMI Intelligence Software"/>
    <x v="35"/>
    <s v="Internal Services"/>
    <s v="Information Management Services"/>
    <s v="NRC-5084728"/>
    <s v="In Production"/>
    <s v="web"/>
    <x v="0"/>
    <x v="2047"/>
  </r>
  <r>
    <x v="0"/>
    <x v="11"/>
    <x v="5323"/>
    <s v="Intellixir"/>
    <s v="Analyzes bibliometric data collected for Intelligence analytics"/>
    <s v="Other"/>
    <x v="1"/>
    <s v="Questel Intellixir"/>
    <x v="35"/>
    <s v="Internal Services"/>
    <s v="Information Management Services"/>
    <s v="NRC-5084729"/>
    <s v="In Production"/>
    <s v="web"/>
    <x v="0"/>
    <x v="2048"/>
  </r>
  <r>
    <x v="0"/>
    <x v="11"/>
    <x v="5324"/>
    <s v="FSL"/>
    <s v="Multi S&amp;T department partnership to deliver single platform for discovery and access to library and information resources and services"/>
    <s v=""/>
    <x v="1"/>
    <s v=""/>
    <x v="35"/>
    <s v="Internal Services"/>
    <s v="Information Management Services"/>
    <s v="NRC-5084730"/>
    <s v="In Production"/>
    <s v="web"/>
    <x v="1"/>
    <x v="2049"/>
  </r>
  <r>
    <x v="0"/>
    <x v="11"/>
    <x v="5325"/>
    <s v="NRC Digital Repository"/>
    <s v="Searchable storage platform for publicly available digital collections."/>
    <s v=""/>
    <x v="1"/>
    <s v=""/>
    <x v="35"/>
    <s v="Internal Services"/>
    <s v="Information Management Services"/>
    <s v="NRC-5084731"/>
    <s v="In Production"/>
    <s v="web"/>
    <x v="1"/>
    <x v="2050"/>
  </r>
  <r>
    <x v="0"/>
    <x v="11"/>
    <x v="5326"/>
    <s v="Nparc"/>
    <s v="Website which is a searchable online repository containing thousands of NRC-authored publications."/>
    <s v=""/>
    <x v="1"/>
    <s v=""/>
    <x v="35"/>
    <s v="Internal Services"/>
    <s v="Information Management Services"/>
    <s v="NRC-5084732"/>
    <s v="In Production"/>
    <s v="web"/>
    <x v="1"/>
    <x v="2050"/>
  </r>
  <r>
    <x v="0"/>
    <x v="11"/>
    <x v="5327"/>
    <s v="PMCC"/>
    <s v="A free on-line archive of published, peer-reviewed health and life sciences research that allows users to quickly and easily search and download the latest health research papers."/>
    <s v=""/>
    <x v="1"/>
    <s v=""/>
    <x v="35"/>
    <s v="Internal Services"/>
    <s v="Information Management Services"/>
    <s v="NRC-5084733"/>
    <s v="In Production"/>
    <s v="web"/>
    <x v="1"/>
    <x v="2051"/>
  </r>
  <r>
    <x v="6"/>
    <x v="61"/>
    <x v="5328"/>
    <s v="Archibus"/>
    <s v="Building Management"/>
    <s v="Archibus"/>
    <x v="1"/>
    <s v="Archibus Web Central"/>
    <x v="35"/>
    <s v="Internal Services"/>
    <s v="Real Property Services"/>
    <s v="NRC-5084734"/>
    <s v="In Production"/>
    <s v="web"/>
    <x v="0"/>
    <x v="2052"/>
  </r>
  <r>
    <x v="2"/>
    <x v="3"/>
    <x v="5329"/>
    <s v="SF"/>
    <s v="Cloud-based system for talent management"/>
    <s v=""/>
    <x v="1"/>
    <s v="SAP Success Factors"/>
    <x v="35"/>
    <s v="Internal Services"/>
    <s v="Human Resources Management Services"/>
    <s v="NRC-5084735"/>
    <s v="In Production"/>
    <s v="cloud"/>
    <x v="0"/>
    <x v="86"/>
  </r>
  <r>
    <x v="0"/>
    <x v="28"/>
    <x v="5330"/>
    <s v="ORS"/>
    <s v="The Ontario Research Sites (ORS) database project has evolved as a joint solution to the need for an electronic method of documenting forestry related research, and for recording historical forest-based scientific research studies within the province of Ontario. The result is an online Internet database that allows a user to search, browse, map, and view details of each included study. By presenting this information on the Internet, at no cost to the end user, the Canadian Forest Service (CFS) i"/>
    <s v=""/>
    <x v="1"/>
    <s v=""/>
    <x v="36"/>
    <s v="Strengthening Forest Sector Competitiveness"/>
    <s v="Other"/>
    <s v="NRCan-NRCan_0004"/>
    <s v="In Production"/>
    <s v="web"/>
    <x v="1"/>
    <x v="2053"/>
  </r>
  <r>
    <x v="2"/>
    <x v="10"/>
    <x v="5331"/>
    <s v="IP"/>
    <s v="The Insect Production Services (IPS) team at the Great Lakes Forestry Centre produces laboratory-reared insects to facilitate research on forest insect outbreaks and on environmentally responsible protection tools.  IPS mission: Insect Production Services is a dedicated team supplying quality insects in support of forest insect research aimed at the sustainable management of our forests for the economic and social well being of Canadians. We aspire to become a world leader by using the highest"/>
    <s v=""/>
    <x v="1"/>
    <s v=""/>
    <x v="36"/>
    <s v="Enhancing Forest Pest Risk Management"/>
    <s v="Other"/>
    <s v="NRCan-NRCan_0005"/>
    <s v="In Production"/>
    <s v="web"/>
    <x v="1"/>
    <x v="2054"/>
  </r>
  <r>
    <x v="2"/>
    <x v="10"/>
    <x v="5332"/>
    <s v="CI"/>
    <s v=""/>
    <s v=""/>
    <x v="1"/>
    <s v=""/>
    <x v="36"/>
    <s v="Internal Servies"/>
    <s v="Other"/>
    <s v="NRCan-NRCan_0010"/>
    <s v="In Production"/>
    <s v="web"/>
    <x v="1"/>
    <x v="2055"/>
  </r>
  <r>
    <x v="0"/>
    <x v="11"/>
    <x v="5333"/>
    <s v="CNVC"/>
    <s v="To comprehensively classify and describe natural and semi-natural Canadian vegetation in an ecologically meaningful manner.  http://cnvc-cnvc.ca/"/>
    <s v=""/>
    <x v="1"/>
    <s v=""/>
    <x v="36"/>
    <s v="Addressing Cumulative Effects of Natural Resource Development in Canada's Forests"/>
    <s v="Other"/>
    <s v="NRCan-NRCan_0011"/>
    <s v="In Production"/>
    <s v="web"/>
    <x v="1"/>
    <x v="2053"/>
  </r>
  <r>
    <x v="0"/>
    <x v="0"/>
    <x v="5334"/>
    <s v="CWS"/>
    <s v=""/>
    <s v=""/>
    <x v="1"/>
    <s v=""/>
    <x v="36"/>
    <s v="Strengthening Forest Sector Competitiveness"/>
    <s v="Other"/>
    <s v="NRCan-NRCan_0012"/>
    <s v="In Production"/>
    <s v="web"/>
    <x v="1"/>
    <x v="2053"/>
  </r>
  <r>
    <x v="2"/>
    <x v="10"/>
    <x v="5335"/>
    <s v="ResS"/>
    <s v=""/>
    <s v=""/>
    <x v="1"/>
    <s v=""/>
    <x v="36"/>
    <s v="Internal Services"/>
    <s v="Information Technology Services"/>
    <s v="NRCan-NRCan_0020"/>
    <s v="In Production"/>
    <s v="web"/>
    <x v="1"/>
    <x v="2055"/>
  </r>
  <r>
    <x v="3"/>
    <x v="17"/>
    <x v="5336"/>
    <s v="PTS"/>
    <s v="System to keep track of publications revising, editing and publishing progress (for internal purposes)_x000a__x000a_https://applications.cfl.cfs.nrcan.gc.ca/pubtracking/en"/>
    <s v=""/>
    <x v="1"/>
    <s v=""/>
    <x v="36"/>
    <s v="Internal Services"/>
    <s v="Other"/>
    <s v="NRCan-NRCan_0023"/>
    <s v="In Production"/>
    <s v="web"/>
    <x v="1"/>
    <x v="2056"/>
  </r>
  <r>
    <x v="0"/>
    <x v="28"/>
    <x v="5337"/>
    <s v="CFGRIS"/>
    <s v="The purpose of this system is to provide information necessary for assessing genetic conservation requirements of native tree species of Canada. It includes information concerning threats to genetic diversity (e.g., invasive alien species), species biology and ecology. With this knowledge, management strategies can be developed and objectives for conservation management of populations at risk can be determined, usually including ex situ (off-site, e.g. germplasm collections) and in situ (on-site"/>
    <s v=""/>
    <x v="1"/>
    <s v=""/>
    <x v="36"/>
    <s v="Addressing Cumulative Effects of Natural Resource Development in Canada's Forests"/>
    <s v="Information Management Services,Other"/>
    <s v="NRCan-NRCan_0027"/>
    <s v="In Production"/>
    <s v="web"/>
    <x v="1"/>
    <x v="2057"/>
  </r>
  <r>
    <x v="0"/>
    <x v="28"/>
    <x v="5338"/>
    <s v="CFIASDDL"/>
    <s v="Alien species (insects, micro-organisms and plants) are species found outside of their natural range. They can be pests, diseases, insects or weeds. Other alien species are competitors of indigenous species rather than pests. They do not cause damage to trees and plants, but they do change the natural biological diversity of local ecosystems by crowding out indigenous species. These species are termed invasive if they are able to modify indigenous ecosystems either as pests or competitors. The introduction of alien pests into a new environment, sometimes far away from their original environment, is most often accidental. Some plants introduced for horticultural or ornamental reasons become invasive weeds that invade and threaten natural ecosystems if a"/>
    <s v=""/>
    <x v="1"/>
    <s v=""/>
    <x v="36"/>
    <s v="Enhancing Forest Pest Risk Management"/>
    <s v="Other"/>
    <s v="NRCan-NRCan_0028"/>
    <s v="In Production"/>
    <s v="web"/>
    <x v="1"/>
    <x v="2058"/>
  </r>
  <r>
    <x v="2"/>
    <x v="10"/>
    <x v="5339"/>
    <s v="NTSCD"/>
    <s v="The PostgreSQL database for the NTSC.  We preserve the genetic diversity of Canadian tree and shrub species and provide seed for scientific research.  The National Tree Seed Centre, established in 1967, is located in Fredericton, New Brunswick, at the Canadian Forest Serviceâ€“Atlantic Forestry Centre (CFSâ€“AFC).  At this facility, we collect, process, test and store the seeds of Canadian tree and shrub species for conservation and research purposes.  Currently, the Seed Centre has more than 13,000 seedlots. These contain seed fro"/>
    <s v=""/>
    <x v="1"/>
    <s v=""/>
    <x v="36"/>
    <s v="Addressing Cumulative Effects of Natural Resource Development in Canada's Forests"/>
    <s v="Other"/>
    <s v="NRCan-NRCan_0029"/>
    <s v="In Production"/>
    <s v="web"/>
    <x v="1"/>
    <x v="2059"/>
  </r>
  <r>
    <x v="0"/>
    <x v="28"/>
    <x v="5340"/>
    <s v="PT"/>
    <s v="TreeSource is the National database on wood and trees quality in Canada. Developed by the Canadian Wood Fibre Centre, it aims to gather the largest possible amount of information on trees quality (dendrometry, physico-mechanical and chemical properties) for economically important species across Canada, for research purposes.  Created by the Canadian Wood Fibre Centre (CWFC) of the Canadian Forest Service (CFS)."/>
    <s v=""/>
    <x v="1"/>
    <s v=""/>
    <x v="36"/>
    <s v="Strengthening Forest Sector Competitiveness"/>
    <s v="Other"/>
    <s v="NRCan-NRCan_0030"/>
    <s v="In Production"/>
    <s v="web"/>
    <x v="1"/>
    <x v="2060"/>
  </r>
  <r>
    <x v="5"/>
    <x v="98"/>
    <x v="5341"/>
    <s v="PHD"/>
    <s v="This site explores the relationship between plants and climate across Canada. One portion of the site is dedicated to plant hardiness zone maps, which have traditionally been used by gardeners to help select which plant species to grow in their area. Another part of the site presents maps and models that summarize the climatic requirements of thousands of plants from across North America. A final aspect of the site gathers data and provides summaries about plants that occur in your area."/>
    <s v=""/>
    <x v="1"/>
    <s v=""/>
    <x v="36"/>
    <s v="Enhancing Forest Climate Change Adaptation &amp; Mitigation Strategies"/>
    <s v="Other"/>
    <s v="NRCan-NRCan_0032"/>
    <s v="In Production"/>
    <s v="web"/>
    <x v="1"/>
    <x v="2061"/>
  </r>
  <r>
    <x v="3"/>
    <x v="30"/>
    <x v="5342"/>
    <s v="PTD"/>
    <s v="Plant taxonomy database for species used by Plant Hardiness Database and other applications"/>
    <s v=""/>
    <x v="1"/>
    <s v=""/>
    <x v="36"/>
    <s v="Enhancing Forest Climate Change Adaptation &amp; Mitigation Strategies"/>
    <s v="Other"/>
    <s v="NRCan-NRCan_0033"/>
    <s v="In Production"/>
    <s v="web"/>
    <x v="1"/>
    <x v="2062"/>
  </r>
  <r>
    <x v="3"/>
    <x v="30"/>
    <x v="5343"/>
    <s v="VUV"/>
    <s v="database development software for CNVC  VUnits manages ecological classification summary data. It also exports reports in a fixed format. VPro manages ecological classification plot data."/>
    <s v=""/>
    <x v="1"/>
    <s v=""/>
    <x v="36"/>
    <s v="Responsible Natural Resource"/>
    <s v="Other"/>
    <s v="NRCan-NRCan_0034"/>
    <s v="In Production"/>
    <s v="desktop"/>
    <x v="1"/>
    <x v="2063"/>
  </r>
  <r>
    <x v="2"/>
    <x v="10"/>
    <x v="5344"/>
    <s v="GLFCIPS"/>
    <s v="storefront and producer database.  http://insect.glfc.cfs.nrcan.gc.ca/cart-panier/index.cfm"/>
    <s v=""/>
    <x v="1"/>
    <s v=""/>
    <x v="36"/>
    <s v="Enhancing Forest Pest Risk Management"/>
    <s v="Other"/>
    <s v="NRCan-NRCan_0035"/>
    <s v="In Production"/>
    <s v="web"/>
    <x v="1"/>
    <x v="2054"/>
  </r>
  <r>
    <x v="3"/>
    <x v="17"/>
    <x v="5345"/>
    <s v="BDCVSCF"/>
    <s v="RESumé is a scientific curriculum vitae management system that was created to reduce the administrative burden placed upon researchers and research directors. In addition to providing CVs that can be exported into multiple formats, RESumé makes it easy for researchers to generate a promotion file or a summary for their performance appraisal. This tool also makes it possible to paint a realistic picture of the CFS' science and offers numerous benefits to researchers, research directors and all CFS employees."/>
    <s v=""/>
    <x v="1"/>
    <s v=""/>
    <x v="36"/>
    <s v="Internal Services"/>
    <s v="Other"/>
    <s v="NRCan-NRCan_0036"/>
    <s v="In Production"/>
    <s v="web"/>
    <x v="1"/>
    <x v="2064"/>
  </r>
  <r>
    <x v="3"/>
    <x v="45"/>
    <x v="5346"/>
    <s v="BDDECFL"/>
    <m/>
    <s v=""/>
    <x v="1"/>
    <s v=""/>
    <x v="36"/>
    <s v="Internal Services"/>
    <s v="Information Management Services"/>
    <s v="NRCan-NRCan_0037"/>
    <s v="In Production"/>
    <s v="web"/>
    <x v="1"/>
    <x v="2065"/>
  </r>
  <r>
    <x v="5"/>
    <x v="94"/>
    <x v="5347"/>
    <s v="CBBC"/>
    <s v="The Calculators site provides tools developed by Canadian Forest Service scientists during the course of their work to facilitate calculations and decision-making with regard to the various aspects of forestry. To enable you to make use of this expertise, these tools are available on this site.  Former name in English: Biomass Calculator Former name in French: Calculateur de biomasse"/>
    <s v=""/>
    <x v="1"/>
    <s v=""/>
    <x v="36"/>
    <s v="Enhancing Sustainable Forest Management Practices"/>
    <s v="Other"/>
    <s v="NRCan-NRCan_0038"/>
    <s v="In Production"/>
    <s v="web"/>
    <x v="1"/>
    <x v="2064"/>
  </r>
  <r>
    <x v="3"/>
    <x v="17"/>
    <x v="5348"/>
    <s v="CFSDI"/>
    <s v="Catalogue des ensembles de données et des applications du SCF.  Catalogue of CFS's datasets and applications."/>
    <s v=""/>
    <x v="1"/>
    <s v=""/>
    <x v="36"/>
    <s v="Internal Services"/>
    <s v="Other"/>
    <s v="NRCan-NRCan_0040"/>
    <s v="In Production"/>
    <s v="web"/>
    <x v="1"/>
    <x v="2064"/>
  </r>
  <r>
    <x v="3"/>
    <x v="17"/>
    <x v="5349"/>
    <s v="PSCF"/>
    <s v="Outil permettant de gérer le patrimoine de photos numérique du SCF. C'est un logiciel open source (ResourceSpace.org) adapté à  nos besoins.  Tool to manage CFS's digital photo assets. It is based on an open source software (ResourceSpace.org) that was modified for our needs."/>
    <s v=""/>
    <x v="1"/>
    <s v=""/>
    <x v="36"/>
    <s v="Enhancing Sustainable Forest Management Practices"/>
    <s v="Other"/>
    <s v="NRCan-NRCan_0041"/>
    <s v="In Production"/>
    <s v="web"/>
    <x v="1"/>
    <x v="2064"/>
  </r>
  <r>
    <x v="5"/>
    <x v="100"/>
    <x v="5350"/>
    <s v="BAS"/>
    <s v="Building Automation System"/>
    <s v="Other"/>
    <x v="14"/>
    <s v="Delta Controls/ OrcaView"/>
    <x v="36"/>
    <s v=""/>
    <s v="Real Property Services"/>
    <s v="NRCan-NRCan_0043"/>
    <s v="In Production"/>
    <s v="mini_main_super"/>
    <x v="0"/>
    <x v="10"/>
  </r>
  <r>
    <x v="0"/>
    <x v="8"/>
    <x v="5351"/>
    <s v="ProMIS"/>
    <s v="Information for Decision Making on CFS' Portfolio Information pour la prise de décision concernant le portefeuille du SCF  ProMIS is an integrated business planning tool that supports CFS' planning and reporting efforts, including annual budgeting, business planning, human resources management, operational planning (Equipment, IM/IT) and portfolio management.  With a strong search function, it also supports queries related to these areas and generates a series of standard customized reports."/>
    <s v=""/>
    <x v="1"/>
    <s v=""/>
    <x v="36"/>
    <s v="Internal Services"/>
    <s v="Other"/>
    <s v="NRCan-NRCan_0048"/>
    <s v="In Production"/>
    <s v="web"/>
    <x v="1"/>
    <x v="2066"/>
  </r>
  <r>
    <x v="0"/>
    <x v="28"/>
    <x v="5352"/>
    <s v="CFSP"/>
    <s v="This site offers a publicly accessible database that allows users to search, download, and order Canadian Forest Service publications on the Internet.   This site is a digital repository/archive of Canadian Forest Service publications. Users can search, download, and order publications through this online resource.   This site includes material such as journal articles, books, reports, series and leaflets prepared by CFS scientists and professionals.   Most of the Canadian Forest Service p"/>
    <s v=""/>
    <x v="1"/>
    <s v=""/>
    <x v="36"/>
    <s v=""/>
    <s v="Information Technology Services"/>
    <s v="NRCan-NRCan_0049"/>
    <s v="In Production"/>
    <s v="web"/>
    <x v="1"/>
    <x v="2067"/>
  </r>
  <r>
    <x v="0"/>
    <x v="11"/>
    <x v="5353"/>
    <s v="CFSCMS"/>
    <s v="Statistical profiles:  http://cfs.nrcan.gc.ca/statsprofile  CFS employee profiles:  http://cfs.nrcan.gc.ca/employees CFS projects:  http://cfs.nrcan.gc.ca/projects CFS Glossary:  http://cfs.nrcan.gc.ca/terms Selective cuttings:   http://cfs.nrcan.gc.ca/selective-cuttings"/>
    <s v=""/>
    <x v="1"/>
    <s v=""/>
    <x v="36"/>
    <s v="Internal Services"/>
    <s v="Information Technology Services"/>
    <s v="NRCan-NRCan_0051"/>
    <s v="In Production"/>
    <s v="web"/>
    <x v="1"/>
    <x v="2066"/>
  </r>
  <r>
    <x v="0"/>
    <x v="28"/>
    <x v="5354"/>
    <s v="CFSNFD"/>
    <m/>
    <s v=""/>
    <x v="1"/>
    <s v=""/>
    <x v="36"/>
    <s v="Enhancing Sustainable Forest Management Practices"/>
    <s v="Other"/>
    <s v="NRCan-NRCan_0053"/>
    <s v="In Production"/>
    <s v="web"/>
    <x v="1"/>
    <x v="2068"/>
  </r>
  <r>
    <x v="3"/>
    <x v="30"/>
    <x v="5355"/>
    <s v="ATLAS"/>
    <s v="Experimental sites data from the database can also be seen at http://www.cerfo.qc.ca/atlas.  Description de la base de données: Localisation de 765 sites expérimentaux sur le terrain et description des 145 projets auxquels appartiennent ces sites. Ces sites ont été établis par des chercheurs du CFL, de l'Université Laval - FFG, du CERFO, de l'UQAM, de l'IQAFF, du MRNF-DRF et du Centre d'étude de la forêt."/>
    <s v=""/>
    <x v="1"/>
    <s v=""/>
    <x v="36"/>
    <s v="Responsible resource management"/>
    <s v="Other"/>
    <s v="NRCan-NRCan_0055"/>
    <s v="In Production"/>
    <s v="desktop"/>
    <x v="1"/>
    <x v="2069"/>
  </r>
  <r>
    <x v="5"/>
    <x v="94"/>
    <x v="5356"/>
    <s v="BioSIM"/>
    <s v="BioSIM est un outil logiciel conçu pour faciliter l'application de modèles de simulation régis par la température.  Description du registre de RNCan: Projection de l'impact du climat sur le developpement et la dynamique des populations des ravageurs forestiers. Climat des feux de forêts. Climatologie forestiere (de quotidienne a moyenne normale)."/>
    <s v=""/>
    <x v="1"/>
    <s v=""/>
    <x v="36"/>
    <s v="Enhancing Sustainable Forest Management Practices"/>
    <s v="Other"/>
    <s v="NRCan-NRCan_0057"/>
    <s v="In Production"/>
    <s v="web"/>
    <x v="1"/>
    <x v="2070"/>
  </r>
  <r>
    <x v="3"/>
    <x v="30"/>
    <x v="5357"/>
    <s v="MicroSigeb"/>
    <s v="Interface to import and browse the MicroSigeb database which contains data associated with projects insect biodiversity of our research program."/>
    <s v=""/>
    <x v="1"/>
    <s v=""/>
    <x v="36"/>
    <s v="Enhancing Forest Pest Risk Management"/>
    <s v="Other"/>
    <s v="NRCan-NRCan_0058"/>
    <s v="In Production"/>
    <s v="web"/>
    <x v="1"/>
    <x v="2069"/>
  </r>
  <r>
    <x v="3"/>
    <x v="17"/>
    <x v="5358"/>
    <s v="TIDCFD"/>
    <s v="Trees, insects and diseases of Canada's forests (TIDCF) is a database that provides information on more than 200 native tree and shrub species, and on almost 300 insects and 200 diseases found in Canada's forests.   In the database you will find images, information and descriptions provided by the Canadian Forest Service specialists and research scientists. In addition to the search tool, a variety of identification tools are available to help you find a specific insect, disease, tree or shrub."/>
    <s v=""/>
    <x v="1"/>
    <s v=""/>
    <x v="36"/>
    <s v="Enhancing Forest Pest Risk Management"/>
    <s v="Other"/>
    <s v="NRCan-NRCan_0059"/>
    <s v="In Production"/>
    <s v="web"/>
    <x v="1"/>
    <x v="2064"/>
  </r>
  <r>
    <x v="0"/>
    <x v="16"/>
    <x v="5359"/>
    <s v="HSTD"/>
    <s v="Keeps track of health and safety certificates and training"/>
    <s v=""/>
    <x v="1"/>
    <s v=""/>
    <x v="36"/>
    <s v="Internal Services"/>
    <s v="Other"/>
    <s v="NRCan-NRCan_0060"/>
    <s v="In Production"/>
    <s v="web"/>
    <x v="1"/>
    <x v="2066"/>
  </r>
  <r>
    <x v="0"/>
    <x v="11"/>
    <x v="5360"/>
    <s v="EMEND"/>
    <s v="The Ecosystem Management Emulating Natural Disturbance (EMEND) Project is a large-scale variable retention harvest experiment designed to test effects of residual forest structure on ecosystem integrity and forest regeneration at the forest stand-level.    http://www.emendproject.org/contact  https://cfs.nrcan.gc.ca/emend/dev/"/>
    <s v=""/>
    <x v="1"/>
    <s v=""/>
    <x v="36"/>
    <s v="Enhancing Sustainable Forest Management Practices"/>
    <s v="Information Management Services,Other"/>
    <s v="NRCan-NRCan_0061"/>
    <s v="In Production"/>
    <s v="web"/>
    <x v="1"/>
    <x v="2071"/>
  </r>
  <r>
    <x v="0"/>
    <x v="42"/>
    <x v="5361"/>
    <s v="CWFIS"/>
    <s v="The Canadian Wildland Fire Information System (CWFIS) creates daily fire weather and fire behavior maps year-round and hot spot maps throughout the forest fire season, generally between May and September. The Canadian Wildland Fire Information System is a computer-based fire management information system that monitors fire danger conditions across Canada. Daily weather conditions are collected from across Canada and used to produce fire weather and fire behavior maps. In addition, satellites ar...  Note, the CWFIS is a collection of processes and systems with a web front end."/>
    <s v=""/>
    <x v="1"/>
    <s v=""/>
    <x v="36"/>
    <s v="Minimizing Risks &amp; Impacts of Wildfire"/>
    <s v="Other"/>
    <s v="NRCan-NRCan_0062"/>
    <s v="In Production"/>
    <s v="web"/>
    <x v="1"/>
    <x v="2072"/>
  </r>
  <r>
    <x v="0"/>
    <x v="42"/>
    <x v="5362"/>
    <s v="NFIS"/>
    <s v="Canada's National Forest Information System (NFIS) provides Web tools, ranging from simple portrayal to sophisticated analyses, to users from anywhere in the world. Users can discover, integrate, and display this current, authoritative and accurate information on Canada's forests and on sustainable forest management."/>
    <s v=""/>
    <x v="1"/>
    <s v=""/>
    <x v="36"/>
    <s v="Strengthening Forest Sector Competitiveness"/>
    <s v="Information Management Services,Other"/>
    <s v="NRCan-NRCan_0063"/>
    <s v="In Production"/>
    <s v="web"/>
    <x v="1"/>
    <x v="2073"/>
  </r>
  <r>
    <x v="2"/>
    <x v="10"/>
    <x v="5363"/>
    <s v="NFI"/>
    <s v="As a major forest nation, Canada must have reliable, current and consistent information on the extent and nature of its forests to enable the sustainable management of these resources. Authoritative information on forest change is also required to support the development of policy to address immediate needs as well as new and emerging issues, such as climate change impacts and possible adaptive strategies.   Canada's National Forest Inventory (NFI) monitors a network of sampling points coverin"/>
    <s v=""/>
    <x v="1"/>
    <s v=""/>
    <x v="36"/>
    <s v="Enhancing Sustainable Forest Management Practices"/>
    <s v="Information Management Services,Other"/>
    <s v="NRCan-NRCan_0064"/>
    <s v="In Production"/>
    <s v="web"/>
    <x v="1"/>
    <x v="2074"/>
  </r>
  <r>
    <x v="5"/>
    <x v="14"/>
    <x v="5364"/>
    <s v="SAFOR"/>
    <s v="http://www.saforah.org/  Research based remote sensing image archive and product distribution system    Partnership research with Natural Resources Canada, Canadian Space Agency, GeoConnections Canada,  University of Victoria, George Mason University, MacDonald, Dettwiler and Associates Ltd., Environment Canada,  Agriculture and Agri-Foods Canada,  BC Common Information Technology Services, Canada Foundation for Innovation"/>
    <s v="Other"/>
    <x v="14"/>
    <s v="CUDOS"/>
    <x v="36"/>
    <s v="Enhancing Sustainable Forest Management Practices"/>
    <s v="Other"/>
    <s v="NRCan-NRCan_0065"/>
    <s v="In Production"/>
    <s v="web"/>
    <x v="0"/>
    <x v="2075"/>
  </r>
  <r>
    <x v="0"/>
    <x v="11"/>
    <x v="5365"/>
    <s v="ACHD"/>
    <s v=""/>
    <s v=""/>
    <x v="1"/>
    <s v=""/>
    <x v="36"/>
    <s v="Enhancing Forest Pest Risk Management"/>
    <s v="Information Management Services"/>
    <s v="NRCan-NRCan_0066"/>
    <s v="In Production"/>
    <s v="web"/>
    <x v="1"/>
    <x v="2076"/>
  </r>
  <r>
    <x v="0"/>
    <x v="11"/>
    <x v="5366"/>
    <s v="BCERN"/>
    <s v="This British Columbia Ectomycorrhizal Research Network web site brings together the on-line version of a Manual of Concise Descriptions of North American Ectomycorrhizae; the Ectomycorrhizae Descriptions Database; Photoprofiles of Ecotomycorrhizae, and Matchmaker for Mushrooms of the Pacific Northwest, along with links to other sites:"/>
    <s v=""/>
    <x v="1"/>
    <s v=""/>
    <x v="36"/>
    <s v="Enhancing Forest Pest Risk Management"/>
    <s v="Information Management Services,Other"/>
    <s v="NRCan-NRCan_0067"/>
    <s v="In Production"/>
    <s v="web"/>
    <x v="1"/>
    <x v="2077"/>
  </r>
  <r>
    <x v="5"/>
    <x v="94"/>
    <x v="5367"/>
    <s v="OSCBM"/>
    <s v="The operational-scale Carbon Budget Model of the Canadian Forest Sector (CBM-CFS3) is an aspatial, stand- and landscape-level modeling framework that simulates the dynamics of all forest carbon stocks required under the Kyoto Protocol (aboveground biomass, belowground biomass, litter, dead wood and soil organic carbon). It complies with the carbon estimation methods outlined in the Intergovernmental Panel on Climate Change (IPCC) Good Practice Guidance For Land Use, Land-Use Change and Forestry"/>
    <s v=""/>
    <x v="1"/>
    <s v=""/>
    <x v="36"/>
    <s v="Enhancing Forest Climate Change Adaptation &amp; Mitigation Strategies"/>
    <s v="Other"/>
    <s v="NRCan-NRCan_0070"/>
    <s v="In Production"/>
    <s v="web"/>
    <x v="1"/>
    <x v="2078"/>
  </r>
  <r>
    <x v="0"/>
    <x v="18"/>
    <x v="5368"/>
    <s v="AR"/>
    <s v="http://recognition.nrcan.gc.ca/"/>
    <s v=""/>
    <x v="1"/>
    <s v=""/>
    <x v="36"/>
    <s v="SSO"/>
    <s v="Human Resources Management Services"/>
    <s v="NRCan-NRCan_0072"/>
    <s v="In Production"/>
    <s v="web"/>
    <x v="1"/>
    <x v="2079"/>
  </r>
  <r>
    <x v="0"/>
    <x v="42"/>
    <x v="5369"/>
    <s v="ConneXus"/>
    <s v="https://connexus.nrcan-rncan.gc.ca/"/>
    <s v=""/>
    <x v="1"/>
    <s v=""/>
    <x v="36"/>
    <s v="SSO"/>
    <s v="Financial Management Services"/>
    <s v="NRCan-NRCan_0073"/>
    <s v="In Production"/>
    <s v="web"/>
    <x v="1"/>
    <x v="2080"/>
  </r>
  <r>
    <x v="2"/>
    <x v="22"/>
    <x v="5370"/>
    <s v="CPSS"/>
    <s v="The Career Progression Support System (CPSS) is a web based system providing scientific researchers and Management with a user interface to track career progression (from levels 1 to 5).  https://cpss-saap.nrcan-rncan.gc.ca/"/>
    <s v=""/>
    <x v="1"/>
    <s v=""/>
    <x v="36"/>
    <s v="HR"/>
    <s v="Human Resources Management Services"/>
    <s v="NRCan-NRCan_0074"/>
    <s v="In Production"/>
    <s v="web"/>
    <x v="1"/>
    <x v="2080"/>
  </r>
  <r>
    <x v="6"/>
    <x v="61"/>
    <x v="5371"/>
    <s v="DPS"/>
    <s v="The NRCan Directory of People and Services is maintained by individuals across the department.  http://www2.nrcan.gc.ca/dpspub/index.cfm?fuseaction=home.welcome&amp;userLang=E"/>
    <s v=""/>
    <x v="1"/>
    <s v=""/>
    <x v="36"/>
    <s v=""/>
    <s v="Human Resources Management Services"/>
    <s v="NRCan-NRCan_0075"/>
    <s v="In Production"/>
    <s v="web"/>
    <x v="1"/>
    <x v="2079"/>
  </r>
  <r>
    <x v="2"/>
    <x v="3"/>
    <x v="5372"/>
    <s v="ePar"/>
    <s v="ePAR is an online tool to submit, approve, manage and keep track of staffing and classification actions  https://epar-dimp.nrcan-rncan.gc.ca/index.cfm/request/introduction"/>
    <s v=""/>
    <x v="1"/>
    <s v=""/>
    <x v="36"/>
    <s v=""/>
    <s v="Human Resources Management Services"/>
    <s v="NRCan-NRCan_0076"/>
    <s v="In Production"/>
    <s v="web"/>
    <x v="1"/>
    <x v="2080"/>
  </r>
  <r>
    <x v="2"/>
    <x v="2"/>
    <x v="5373"/>
    <s v="ePay"/>
    <s v="ePayment is one of many business solutions put into place by the Shared Services Office (SSO) that improve administrative processes such as the payment of invoices  https://connexus.nrcan-rncan.gc.ca/index.cfm?action=bia-aib.epayment-paiementenligne"/>
    <s v=""/>
    <x v="1"/>
    <s v=""/>
    <x v="36"/>
    <s v="4.1 Internal Services"/>
    <s v="Financial Management Services"/>
    <s v="NRCan-NRCan_0077"/>
    <s v="In Production"/>
    <s v="web"/>
    <x v="1"/>
    <x v="2081"/>
  </r>
  <r>
    <x v="2"/>
    <x v="2"/>
    <x v="5374"/>
    <s v="eProc"/>
    <s v="A web-based form for clients to submit and approve requisitions online  https://procurement-approvisionnement.nrcan-rncan.gc.ca/index.cfm?fuseaction=c_proc.introduction&amp;lang=eng"/>
    <s v=""/>
    <x v="1"/>
    <s v=""/>
    <x v="36"/>
    <s v="SSO Finance"/>
    <s v="Financial Management Services"/>
    <s v="NRCan-NRCan_0078"/>
    <s v="In Production"/>
    <s v="web"/>
    <x v="1"/>
    <x v="2081"/>
  </r>
  <r>
    <x v="0"/>
    <x v="7"/>
    <x v="5375"/>
    <s v="FE"/>
    <s v="File sharing application with login  https://fileexchange.nrcan.gc.ca/"/>
    <s v=""/>
    <x v="1"/>
    <s v=""/>
    <x v="36"/>
    <s v=""/>
    <s v=""/>
    <s v="NRCan-NRCan_0079"/>
    <s v="In Production"/>
    <s v="web"/>
    <x v="1"/>
    <x v="2082"/>
  </r>
  <r>
    <x v="2"/>
    <x v="51"/>
    <x v="5376"/>
    <s v="HASPA"/>
    <s v="HASPA is a web-based departmental health and safety database which is used for reporting and recording hazardous occurrence investigation reports at NRCan.  http://wwwint2.nrcan.gc.ca/CSS/RPESB/haspa_ssl/"/>
    <s v=""/>
    <x v="1"/>
    <s v=""/>
    <x v="36"/>
    <s v="Departmental Occupational Health and Safety"/>
    <s v="Human Resources Management Services,Information Management Services"/>
    <s v="NRCan-NRCan_0080"/>
    <s v="In Production"/>
    <s v="web"/>
    <x v="1"/>
    <x v="2079"/>
  </r>
  <r>
    <x v="0"/>
    <x v="19"/>
    <x v="5377"/>
    <s v="InfoFORM"/>
    <s v="http://infoform.nrcan.gc.ca/"/>
    <s v=""/>
    <x v="1"/>
    <s v=""/>
    <x v="36"/>
    <s v="4.1 Internal Services"/>
    <s v="Human Resources Management Services,Travel and Other Administrative Services"/>
    <s v="NRCan-NRCan_0082"/>
    <s v="In Production"/>
    <s v="web"/>
    <x v="1"/>
    <x v="2079"/>
  </r>
  <r>
    <x v="0"/>
    <x v="19"/>
    <x v="5378"/>
    <s v="JetForm"/>
    <s v=""/>
    <s v="JetForm / Accelio"/>
    <x v="14"/>
    <s v="JetForm Filler"/>
    <x v="36"/>
    <s v="To retire"/>
    <s v="Communications Services,Information Management Services"/>
    <s v="NRCan-NRCan_0083"/>
    <s v="In Production"/>
    <s v="web"/>
    <x v="0"/>
    <x v="545"/>
  </r>
  <r>
    <x v="0"/>
    <x v="87"/>
    <x v="5379"/>
    <s v="NRTube"/>
    <s v="Web software allowing for video collaboration by a community of users"/>
    <s v=""/>
    <x v="1"/>
    <s v=""/>
    <x v="36"/>
    <s v="CMSS"/>
    <s v="Communications Services,Information Management Services"/>
    <s v="NRCan-NRCan_0086"/>
    <s v="In Production"/>
    <s v="web"/>
    <x v="1"/>
    <x v="2083"/>
  </r>
  <r>
    <x v="2"/>
    <x v="9"/>
    <x v="5380"/>
    <s v="PD-GCA"/>
    <s v="PD - Grant and Contribution Awards provides information on grants and contributions awarded by NRCan  http://www2.nrcan-rncan.gc.ca/dgc-dposc/"/>
    <s v=""/>
    <x v="1"/>
    <s v=""/>
    <x v="36"/>
    <s v="SSO"/>
    <s v="Other"/>
    <s v="NRCan-NRCan_0089"/>
    <s v="In Production"/>
    <s v="web"/>
    <x v="1"/>
    <x v="2079"/>
  </r>
  <r>
    <x v="2"/>
    <x v="22"/>
    <x v="5381"/>
    <s v="PD-PR"/>
    <s v="PD - Position and Reclassification provides information on the reclassification of occupied positions by department and agencies on a quarterly basis  http://www2.nrcan-rncan.gc.ca/css/hr/dpr-drp/index.cfm?lang=eng"/>
    <s v=""/>
    <x v="1"/>
    <s v=""/>
    <x v="36"/>
    <s v="SSO"/>
    <s v="Other"/>
    <s v="NRCan-NRCan_0090"/>
    <s v="In Production"/>
    <s v="web"/>
    <x v="1"/>
    <x v="2079"/>
  </r>
  <r>
    <x v="2"/>
    <x v="51"/>
    <x v="5382"/>
    <s v="PD-THE"/>
    <s v="PD- Travel and Hospitality Expenses provides information on the travel and hospitality expenses incurred within NRCan by the Minister, Parliamentary Secretary, and their exempt staff, and by senior level employees at the Deputy Minister, Associate Deputy  http://www2.nrcan-rncan.gc.ca/dthe-cfva/index-eng.cfm"/>
    <s v=""/>
    <x v="1"/>
    <s v=""/>
    <x v="36"/>
    <s v="SSO"/>
    <s v="Other"/>
    <s v="NRCan-NRCan_0091"/>
    <s v="In Production"/>
    <s v="web"/>
    <x v="1"/>
    <x v="2079"/>
  </r>
  <r>
    <x v="0"/>
    <x v="8"/>
    <x v="5383"/>
    <s v="RPSA"/>
    <s v="Admin module for Regulated Products System"/>
    <s v=""/>
    <x v="1"/>
    <s v=""/>
    <x v="36"/>
    <s v="Energy Star"/>
    <s v="Other"/>
    <s v="NRCan-NRCan_0095"/>
    <s v="InDevelopment"/>
    <s v="web"/>
    <x v="1"/>
    <x v="2084"/>
  </r>
  <r>
    <x v="0"/>
    <x v="8"/>
    <x v="5384"/>
    <s v="RPS"/>
    <s v="Admin Intranet side and Public Web site application for the Equipment Division of OEE to update as needed the public Equipment Guide to Products and Regulations on the NRCan web site with updated one stop product requirements of the Energy Efficiency Act and Regulations and basic links to ENERGY STAR and other premium performance information for Canada. The system will permit historical version of requirements, creation of draft web pages as well as the storage and retrieval of historical requirements. Includes a bulletins, HS code and regulatory notice management section."/>
    <s v=""/>
    <x v="1"/>
    <s v=""/>
    <x v="36"/>
    <s v=""/>
    <s v="Other"/>
    <s v="NRCan-NRCan_0096"/>
    <s v="InDevelopment"/>
    <s v="web"/>
    <x v="1"/>
    <x v="2079"/>
  </r>
  <r>
    <x v="2"/>
    <x v="3"/>
    <x v="5385"/>
    <s v="TCP"/>
    <s v="TCP is an online tool for creating travel and conference plans  https://connexus.nrcan-rncan.gc.ca/index.cfm?action=bia-aib.tcp-pvc-sap"/>
    <s v=""/>
    <x v="1"/>
    <s v=""/>
    <x v="36"/>
    <s v="4.1 Internal Services"/>
    <s v="Human Resources Management Services"/>
    <s v="NRCan-NRCan_0098"/>
    <s v="In Production"/>
    <s v="web"/>
    <x v="1"/>
    <x v="2081"/>
  </r>
  <r>
    <x v="2"/>
    <x v="51"/>
    <x v="5386"/>
    <s v="VECA"/>
    <s v="http://wwwint.nrcan.gc.ca/ci/sa/i-epols-b.htm"/>
    <s v=""/>
    <x v="1"/>
    <s v=""/>
    <x v="36"/>
    <s v="Security"/>
    <s v="Information Management Services,Information Technology Services"/>
    <s v="NRCan-NRCan_0099"/>
    <s v="In Production"/>
    <s v="web"/>
    <x v="1"/>
    <x v="2084"/>
  </r>
  <r>
    <x v="2"/>
    <x v="10"/>
    <x v="5387"/>
    <s v="VFMS"/>
    <s v="https://vfms-sgpa.nrcan-rncan.gc.ca/"/>
    <s v=""/>
    <x v="1"/>
    <s v=""/>
    <x v="36"/>
    <s v="CMSS"/>
    <s v="Information Management Services,Materiel Services"/>
    <s v="NRCan-NRCan_0100"/>
    <s v="In Production"/>
    <s v="web"/>
    <x v="1"/>
    <x v="2085"/>
  </r>
  <r>
    <x v="2"/>
    <x v="10"/>
    <x v="5388"/>
    <s v="eWireless"/>
    <s v="eWireless is an online tool providing an internal inventory of all wireless devices  https://connexus.nrcan-rncan.gc.ca/index.cfm?action=bia-aib.wireless-sansfile"/>
    <s v=""/>
    <x v="1"/>
    <s v=""/>
    <x v="36"/>
    <s v="CMSS"/>
    <s v="Materiel Services"/>
    <s v="NRCan-NRCan_0102"/>
    <s v="In Production"/>
    <s v="web"/>
    <x v="1"/>
    <x v="2080"/>
  </r>
  <r>
    <x v="0"/>
    <x v="18"/>
    <x v="5389"/>
    <s v="YPN"/>
    <s v="http://wiki.nrcan.gc.ca/index.php/Young_Professionals_Network_(YPN)  Just a wiki now.  The YPN is a collaborative learning tool, that allows young professionals to work together to add valuable experiences and initiatives to their resume."/>
    <s v="Mediawiki"/>
    <x v="14"/>
    <s v="NRCan Wiki"/>
    <x v="36"/>
    <s v="CMSS"/>
    <s v="Communications Services"/>
    <s v="NRCan-NRCan_0103"/>
    <s v="In Production"/>
    <s v="web"/>
    <x v="0"/>
    <x v="92"/>
  </r>
  <r>
    <x v="2"/>
    <x v="6"/>
    <x v="5390"/>
    <s v="EverGreen"/>
    <s v="Evergreen is an open source library software, focusing on the Integrated Library Systems (ILS)  Bibliographic database lists holdings of all NRCan libraries from across Canada.  Library system include  - acquisitions (ordering, receiving, and invoicing materials) - cataloging (classifying and indexing materials) - circulation (lending materials to patrons and receiving them back) - serials (tracking magazine and newspaper holdings) - the OPAC (public interface for users) and more...  http://catalogue.nrcan.gc.ca/eg/opac/home"/>
    <s v="Evergreen"/>
    <x v="14"/>
    <s v="Evergreen ILS"/>
    <x v="36"/>
    <s v="Information Services"/>
    <s v="Information Management Services,Materiel Services"/>
    <s v="NRCan-NRCan_0104"/>
    <s v="In Production"/>
    <s v="web"/>
    <x v="0"/>
    <x v="545"/>
  </r>
  <r>
    <x v="9"/>
    <x v="117"/>
    <x v="5391"/>
    <s v="EMMi"/>
    <s v="Management console for the deployment and maintenance of the mobile devices fleet (iPads)"/>
    <s v="McAfee"/>
    <x v="91"/>
    <s v=""/>
    <x v="36"/>
    <s v="4.1 Internal Services"/>
    <s v="Information Technology Services,Materiel Services"/>
    <s v="NRCan-NRCan_0105"/>
    <s v="In Production"/>
    <s v="web"/>
    <x v="0"/>
    <x v="86"/>
  </r>
  <r>
    <x v="0"/>
    <x v="87"/>
    <x v="5392"/>
    <s v="Wiki"/>
    <s v="NRCan Resource Wiki is a web software allowing for collaborative content by a community of users, allowing any user to add and edit content.  http://wiki.nrcan.gc.ca/index.php?home=en"/>
    <s v="Other"/>
    <x v="14"/>
    <s v="Wiki"/>
    <x v="36"/>
    <s v="CMSS"/>
    <s v="Communications Services,Information Management Services"/>
    <s v="NRCan-NRCan_0110"/>
    <s v="In Production"/>
    <s v="web"/>
    <x v="0"/>
    <x v="2086"/>
  </r>
  <r>
    <x v="6"/>
    <x v="48"/>
    <x v="5393"/>
    <s v="MA"/>
    <s v="This application generates NRCan Mailing Lists for 580, 588, 601 and 615 Street"/>
    <s v=""/>
    <x v="1"/>
    <s v=""/>
    <x v="36"/>
    <s v=""/>
    <s v="Communications Services,Human Resources Management Services"/>
    <s v="NRCan-NRCan_0112"/>
    <s v="In Production"/>
    <s v="web"/>
    <x v="1"/>
    <x v="2079"/>
  </r>
  <r>
    <x v="2"/>
    <x v="3"/>
    <x v="5394"/>
    <s v="PeopleSoft"/>
    <m/>
    <s v="Other"/>
    <x v="14"/>
    <s v="People Soft"/>
    <x v="36"/>
    <s v="SSO"/>
    <s v="Human Resources Management Services"/>
    <s v="NRCan-NRCan_0113"/>
    <s v="In Production"/>
    <s v="web"/>
    <x v="0"/>
    <x v="545"/>
  </r>
  <r>
    <x v="2"/>
    <x v="22"/>
    <x v="5395"/>
    <s v="SoMC"/>
    <s v="http://wwwint2.nrcan.gc.ca/css/hr/soq/"/>
    <s v=""/>
    <x v="1"/>
    <s v=""/>
    <x v="36"/>
    <s v="HR"/>
    <s v="Human Resources Management Services"/>
    <s v="NRCan-NRCan_0114"/>
    <s v="In Production"/>
    <s v="web"/>
    <x v="1"/>
    <x v="2079"/>
  </r>
  <r>
    <x v="2"/>
    <x v="32"/>
    <x v="5328"/>
    <s v="AFM"/>
    <s v="Facilities and infrastructure management - real property management tool"/>
    <s v="Archibus"/>
    <x v="92"/>
    <s v="Archibus"/>
    <x v="36"/>
    <s v="CMSS"/>
    <s v="Information Management Services,Real Property Services"/>
    <s v="NRCan-NRCan_0115"/>
    <s v="In Production"/>
    <s v="web"/>
    <x v="0"/>
    <x v="545"/>
  </r>
  <r>
    <x v="2"/>
    <x v="10"/>
    <x v="3713"/>
    <s v="RPIMS"/>
    <s v="Provides access to information pertaining to real property holdings of NRCan.  http://wwwint2.nrcan.gc.ca/css/rpesb/rpims/index.cfm"/>
    <s v=""/>
    <x v="1"/>
    <s v=""/>
    <x v="36"/>
    <s v="CMSS"/>
    <s v="Real Property Services"/>
    <s v="NRCan-NRCan_0116"/>
    <s v="In Production"/>
    <s v="web"/>
    <x v="1"/>
    <x v="2079"/>
  </r>
  <r>
    <x v="0"/>
    <x v="0"/>
    <x v="5396"/>
    <s v="SharePoint"/>
    <s v="Microsoft SharePoint is a web application platform"/>
    <s v="Microsoft_Corporation"/>
    <x v="15"/>
    <s v=""/>
    <x v="36"/>
    <s v="4.1 Internal Services"/>
    <s v="Communications Services,Information Management Services"/>
    <s v="NRCan-NRCan_0117"/>
    <s v="In Production"/>
    <s v="web"/>
    <x v="0"/>
    <x v="2087"/>
  </r>
  <r>
    <x v="6"/>
    <x v="57"/>
    <x v="5397"/>
    <s v="LETP"/>
    <s v="Database that maintains records of students in language training at NRCan. Training provides employees the opportunity to improve their skills in their second official language with the goal of reaching language levels B and C  Request for Language Evaluation and Training Plan  http://wwwint2.nrcan.gc.ca/sso/lt-fl/index.cfm?action=uid&amp;language=e"/>
    <s v=""/>
    <x v="1"/>
    <s v=""/>
    <x v="36"/>
    <s v="4.1 Internal Services"/>
    <s v="Human Resources Management Services,Information Management Services"/>
    <s v="NRCan-NRCan_0118"/>
    <s v="In Production"/>
    <s v="web"/>
    <x v="1"/>
    <x v="2088"/>
  </r>
  <r>
    <x v="6"/>
    <x v="24"/>
    <x v="5398"/>
    <s v="ePIT"/>
    <s v="FileMaker"/>
    <s v=""/>
    <x v="1"/>
    <s v=""/>
    <x v="36"/>
    <s v=""/>
    <s v="Information Management Services"/>
    <s v="NRCan-NRCan_0120"/>
    <s v="In Production"/>
    <s v="desktop"/>
    <x v="1"/>
    <x v="2089"/>
  </r>
  <r>
    <x v="0"/>
    <x v="13"/>
    <x v="5399"/>
    <s v="IRIMS"/>
    <s v="To keep a record of departmental files."/>
    <s v="Hummingbird"/>
    <x v="14"/>
    <s v="DOCS Imaging"/>
    <x v="36"/>
    <s v=""/>
    <s v="Communications Services,Information Management Services"/>
    <s v="NRCan-NRCan_0125"/>
    <s v="In Production"/>
    <s v="web"/>
    <x v="0"/>
    <x v="545"/>
  </r>
  <r>
    <x v="2"/>
    <x v="10"/>
    <x v="5400"/>
    <s v="SL"/>
    <s v="Application developed to maintain the iventory licenses and who has it installed for the group of ADS and BR-WS (CMS/SSO/ITS/ITSUP)."/>
    <s v=""/>
    <x v="1"/>
    <s v=""/>
    <x v="36"/>
    <s v="CMSS"/>
    <s v="Information Management Services,Information Technology Services"/>
    <s v="NRCan-NRCan_0129"/>
    <s v="In Production"/>
    <s v="desktop"/>
    <x v="1"/>
    <x v="2090"/>
  </r>
  <r>
    <x v="2"/>
    <x v="2"/>
    <x v="5401"/>
    <s v="SSR"/>
    <s v="SSR allows for all applications to verify signing authority prior to processing a transaction"/>
    <s v=""/>
    <x v="1"/>
    <s v=""/>
    <x v="36"/>
    <s v="SSO Finance"/>
    <s v="Financial Management Services"/>
    <s v="NRCan-NRCan_0130"/>
    <s v="In Production"/>
    <s v="web"/>
    <x v="1"/>
    <x v="2081"/>
  </r>
  <r>
    <x v="0"/>
    <x v="87"/>
    <x v="5402"/>
    <s v="SUB"/>
    <s v="http://www2.nrcan.gc.ca/mms/subscription/log-log.cfm?lang=eng"/>
    <s v=""/>
    <x v="1"/>
    <s v=""/>
    <x v="36"/>
    <s v="CMSS"/>
    <s v="Other"/>
    <s v="NRCan-NRCan_0131"/>
    <s v="In Production"/>
    <s v="web"/>
    <x v="1"/>
    <x v="2079"/>
  </r>
  <r>
    <x v="2"/>
    <x v="2"/>
    <x v="5403"/>
    <s v="eTaxi"/>
    <s v="eTaxi allows for National Capital Region managers with delegated signing authority to review and acknowledge electronically all of the taxi chit charges pertaining to their funds center, and even view images of individual chits  https://connexus.nrcan-rncan.gc.ca/index.cfm?action=bia-aib.etaxi-taxi"/>
    <s v=""/>
    <x v="1"/>
    <s v=""/>
    <x v="36"/>
    <s v="4.1 Internal Services"/>
    <s v="Financial Management Services,Other"/>
    <s v="NRCan-NRCan_0136"/>
    <s v="In Production"/>
    <s v="web"/>
    <x v="1"/>
    <x v="2080"/>
  </r>
  <r>
    <x v="2"/>
    <x v="2"/>
    <x v="5404"/>
    <s v="AMI"/>
    <s v="To enable two-way electronic submission of procurement requests, travel commitment requests, Grant and Contribution requests, and acquisition card document requests to/from SAP. In addition, AMI provides historical financial information. AMI compiles of list of procurement tickets. It is mandatory that all grants and contributions be entered in AMI. The background engine performs many jobs throughout the day allowing NRCan to  use technology in performing day-to-day operational processes."/>
    <s v=""/>
    <x v="1"/>
    <s v=""/>
    <x v="36"/>
    <s v="4.1 Internal Services"/>
    <s v="Financial Management Services"/>
    <s v="NRCan-NRCan_0137"/>
    <s v="In Production"/>
    <s v="web"/>
    <x v="1"/>
    <x v="545"/>
  </r>
  <r>
    <x v="1"/>
    <x v="12"/>
    <x v="3166"/>
    <s v="Assyst"/>
    <s v="The Assyst enterprise application suite supports IT Infrastructure Library (ITIL) best practices. It is an ITSM suite software"/>
    <s v="Other"/>
    <x v="14"/>
    <s v="Assyst"/>
    <x v="36"/>
    <s v="CMSS"/>
    <s v="Information Management Services,Information Technology Services"/>
    <s v="NRCan-NRCan_0138"/>
    <s v="In Production"/>
    <s v="rich"/>
    <x v="0"/>
    <x v="2091"/>
  </r>
  <r>
    <x v="2"/>
    <x v="2"/>
    <x v="5405"/>
    <s v="PAYE"/>
    <s v="https://paye-cafe.nrcan-rncan.gc.ca/index.cfm?lang=en"/>
    <s v=""/>
    <x v="1"/>
    <s v=""/>
    <x v="36"/>
    <s v="SSO Finance"/>
    <s v="Financial Management Services"/>
    <s v="NRCan-NRCan_0141"/>
    <s v="In Production"/>
    <s v="web"/>
    <x v="1"/>
    <x v="2081"/>
  </r>
  <r>
    <x v="2"/>
    <x v="2"/>
    <x v="5406"/>
    <s v="RGBB"/>
    <s v="Receiver General Buy Button is a secure way to accept payment by way of credit card"/>
    <s v=""/>
    <x v="1"/>
    <s v=""/>
    <x v="36"/>
    <s v="SSO Finance"/>
    <s v="Financial Management Services"/>
    <s v="NRCan-NRCan_0142"/>
    <s v="In Production"/>
    <s v="web"/>
    <x v="1"/>
    <x v="2080"/>
  </r>
  <r>
    <x v="2"/>
    <x v="10"/>
    <x v="5407"/>
    <s v="ALVL"/>
    <s v=""/>
    <s v=""/>
    <x v="1"/>
    <s v=""/>
    <x v="36"/>
    <s v=""/>
    <s v=""/>
    <s v="NRCan-NRCan_0143"/>
    <s v="In Production"/>
    <s v="desktop"/>
    <x v="0"/>
    <x v="2092"/>
  </r>
  <r>
    <x v="2"/>
    <x v="3"/>
    <x v="5408"/>
    <s v="ArrDep"/>
    <s v="This database was used by all NCR branches to manage business information for when new employees arrived or departed in the NCR (identifying IT requirements, user accounts, shared drives, office space, telephone, transfer of .pst files).  It was developed by the former CFS Management Services Directorate (most functions were eventually transferred to SSO)."/>
    <s v=""/>
    <x v="1"/>
    <s v=""/>
    <x v="36"/>
    <s v=""/>
    <s v="Human Resources Management Services"/>
    <s v="NRCan-NRCan_0148"/>
    <s v="In Production"/>
    <s v="desktop"/>
    <x v="1"/>
    <x v="2092"/>
  </r>
  <r>
    <x v="4"/>
    <x v="5"/>
    <x v="5409"/>
    <s v="AtsHard"/>
    <s v=""/>
    <s v=""/>
    <x v="1"/>
    <s v=""/>
    <x v="36"/>
    <s v=""/>
    <s v=""/>
    <s v="NRCan-NRCan_0149"/>
    <s v="In Production"/>
    <s v="desktop"/>
    <x v="1"/>
    <x v="2092"/>
  </r>
  <r>
    <x v="4"/>
    <x v="66"/>
    <x v="5410"/>
    <s v="DBS"/>
    <s v=""/>
    <s v=""/>
    <x v="1"/>
    <s v=""/>
    <x v="36"/>
    <s v=""/>
    <s v=""/>
    <s v="NRCan-NRCan_0156"/>
    <s v="In Production"/>
    <s v="desktop"/>
    <x v="1"/>
    <x v="2092"/>
  </r>
  <r>
    <x v="2"/>
    <x v="52"/>
    <x v="5411"/>
    <s v="ecoRP_FM"/>
    <s v="Data base of applicants to the program. Applicants tend to be business, utilities and cooperatives."/>
    <s v=""/>
    <x v="1"/>
    <s v=""/>
    <x v="36"/>
    <s v="2.1.3 Renewable Energy Programs"/>
    <s v="Communications Services,Other"/>
    <s v="NRCan-NRCan_0166"/>
    <s v="In Production"/>
    <s v="desktop"/>
    <x v="1"/>
    <x v="2093"/>
  </r>
  <r>
    <x v="6"/>
    <x v="24"/>
    <x v="5412"/>
    <s v="EX"/>
    <s v=""/>
    <s v=""/>
    <x v="1"/>
    <s v=""/>
    <x v="36"/>
    <s v=""/>
    <s v="Information Management Services"/>
    <s v="NRCan-NRCan_0172"/>
    <s v="In Production"/>
    <s v="desktop"/>
    <x v="1"/>
    <x v="2092"/>
  </r>
  <r>
    <x v="2"/>
    <x v="52"/>
    <x v="5413"/>
    <s v="FN"/>
    <s v="First Nation Client Database"/>
    <s v=""/>
    <x v="1"/>
    <s v=""/>
    <x v="36"/>
    <s v=""/>
    <s v="Information Management Services"/>
    <s v="NRCan-NRCan_0173"/>
    <s v="In Production"/>
    <s v="desktop"/>
    <x v="1"/>
    <x v="2092"/>
  </r>
  <r>
    <x v="2"/>
    <x v="52"/>
    <x v="5414"/>
    <s v="FNFP"/>
    <s v="Filemaker Pro - National First Nation Forestry Program Database &quot;Part of NRCan_0173 (FN) Also includes the following FMP apps; FNlist FNFP_Partners FNFP_Object FNFP_ElectoralDist FNFP_CAsched FNFP_Budgets FNFP_Monitor FNFP_Projects FNFP_Silviculture FNFP_ProjPart FNFP_Centres FNFP_Claims FNFP_ProjCon FNFP_Amendments FNFP_Contact FNFP_Nation FNFP_Partner FNmain FNcontact&quot;"/>
    <s v=""/>
    <x v="1"/>
    <s v=""/>
    <x v="36"/>
    <s v=""/>
    <s v="Information Management Services"/>
    <s v="NRCan-NRCan_0174"/>
    <s v="In Production"/>
    <s v="desktop"/>
    <x v="1"/>
    <x v="2092"/>
  </r>
  <r>
    <x v="6"/>
    <x v="27"/>
    <x v="5415"/>
    <s v="LIN_DESS_FM"/>
    <s v=""/>
    <s v=""/>
    <x v="1"/>
    <s v=""/>
    <x v="36"/>
    <s v=""/>
    <s v="Communications Services,Information Management Services"/>
    <s v="NRCan-NRCan_0180"/>
    <s v="In Production"/>
    <s v="desktop"/>
    <x v="1"/>
    <x v="2092"/>
  </r>
  <r>
    <x v="6"/>
    <x v="24"/>
    <x v="5416"/>
    <s v="CERL"/>
    <s v="In-house application built using MS Access. Used principally to manage the workflow around explosives testing for authorization purposes."/>
    <s v=""/>
    <x v="1"/>
    <s v=""/>
    <x v="36"/>
    <s v="Explosives Safety and Security"/>
    <s v="Information Management Services,Information Technology Services"/>
    <s v="NRCan-NRCan_0184"/>
    <s v="In Production"/>
    <s v="web"/>
    <x v="1"/>
    <x v="2094"/>
  </r>
  <r>
    <x v="0"/>
    <x v="7"/>
    <x v="5417"/>
    <s v="GCDOCS"/>
    <m/>
    <s v="OpenText"/>
    <x v="14"/>
    <s v="Gcdocs"/>
    <x v="36"/>
    <s v="Information Management"/>
    <s v="Information Management Services,Information Technology Services,Management and Oversight Services"/>
    <s v="NRCan-NRCan_0188"/>
    <s v="In Production"/>
    <s v="web"/>
    <x v="0"/>
    <x v="2095"/>
  </r>
  <r>
    <x v="0"/>
    <x v="7"/>
    <x v="5418"/>
    <s v="CCM"/>
    <s v="ccmMercury Correspondence Management –  High Performance Data Entry. ccmMercury is a workflow tracking application"/>
    <s v="WorkDynamics"/>
    <x v="14"/>
    <s v="ccmMercury"/>
    <x v="36"/>
    <s v="4.1 Internal Services"/>
    <s v="Communications Services,Materiel Services"/>
    <s v="NRCan-NRCan_0189"/>
    <s v="In Production"/>
    <s v="rich"/>
    <x v="0"/>
    <x v="86"/>
  </r>
  <r>
    <x v="0"/>
    <x v="85"/>
    <x v="5419"/>
    <s v="DocAlpha"/>
    <s v="The docAlpha production environment stations include Auto-Registration, Scanning, Recognition, Universal Concurrent Station (SimpleCapture Verification Station), and Export Station. The software allows to scan and process documents"/>
    <s v="Artsyl Technologies"/>
    <x v="14"/>
    <s v="docAlpha"/>
    <x v="36"/>
    <s v="Finance"/>
    <s v="Communications Services,Information Management Services,Information Technology Services"/>
    <s v="NRCan-NRCan_0191"/>
    <s v="In Production"/>
    <s v="web"/>
    <x v="0"/>
    <x v="146"/>
  </r>
  <r>
    <x v="0"/>
    <x v="7"/>
    <x v="5420"/>
    <s v="eDocs"/>
    <s v="Document management system. eDOCs is a legacy system from OpenText (same vendor as GCdocs). It is mainly used by legal services and some CMSS users with authorized licences. The dept was provided with 500 licenses by the vendor. System usage has declined over time since GCdocs was officially adopted. Legal services prefers to use eDocs to meet their documents management requirements to GCdocs. There is no project to migrate CMSS users to GCdocs. There are two databases (legal and CMSS) which holds all documents metadata and points to documents on the file server (which is on the same server)."/>
    <s v="OpenText"/>
    <x v="14"/>
    <s v="eDocs"/>
    <x v="36"/>
    <s v="Information Services"/>
    <s v="Communications Services,Information Management Services"/>
    <s v="NRCan-NRCan_0192"/>
    <s v="In Production"/>
    <s v="rich"/>
    <x v="0"/>
    <x v="545"/>
  </r>
  <r>
    <x v="0"/>
    <x v="19"/>
    <x v="5421"/>
    <s v="Lifecycle"/>
    <s v="LiveCycle is an enterprise document and form platform that helps capture and process information, deliver personalized communications, and protect and track sensitive information."/>
    <s v="Adobe_Systems_Incorporated"/>
    <x v="2"/>
    <s v=""/>
    <x v="36"/>
    <s v="4.1 Internal Services"/>
    <s v="Communications Services,Information Management Services"/>
    <s v="NRCan-NRCan_0193"/>
    <s v="In Production"/>
    <s v="web"/>
    <x v="0"/>
    <x v="86"/>
  </r>
  <r>
    <x v="2"/>
    <x v="52"/>
    <x v="5422"/>
    <s v="Dynamics"/>
    <s v="Microsoft Dynamics is a line of enterprise resource planning (ERP) and customer relationship management (CRM) software applications."/>
    <s v="Microsoft_Corporation"/>
    <x v="93"/>
    <s v=""/>
    <x v="36"/>
    <s v=""/>
    <s v="Communications Services"/>
    <s v="NRCan-NRCan_0194"/>
    <s v="In Production"/>
    <s v="web"/>
    <x v="0"/>
    <x v="145"/>
  </r>
  <r>
    <x v="6"/>
    <x v="24"/>
    <x v="5423"/>
    <s v="MS Project"/>
    <s v="MS Project server is a Project Portfolio Management (PPM) tool"/>
    <s v="Microsoft_Corporation"/>
    <x v="61"/>
    <s v=""/>
    <x v="36"/>
    <s v="CMSS"/>
    <s v="Information Management Services,Management and Oversight Services"/>
    <s v="NRCan-NRCan_0195"/>
    <s v="In Production"/>
    <s v="web"/>
    <x v="0"/>
    <x v="86"/>
  </r>
  <r>
    <x v="2"/>
    <x v="23"/>
    <x v="5424"/>
    <s v="TeamMate"/>
    <m/>
    <s v="CCH"/>
    <x v="14"/>
    <s v="TeamMate"/>
    <x v="36"/>
    <s v="Audit"/>
    <s v="Financial Management Services"/>
    <s v="NRCan-NRCan_0196"/>
    <s v="In Production"/>
    <s v="web"/>
    <x v="0"/>
    <x v="146"/>
  </r>
  <r>
    <x v="6"/>
    <x v="57"/>
    <x v="5425"/>
    <s v="SABA"/>
    <s v="Saba is a public software company that provides e-Learning and human resource management software  http://fleetsmartlearning.nrcan.gc.ca/Saba/Web/Main"/>
    <s v="IBM"/>
    <x v="14"/>
    <s v="SABA"/>
    <x v="36"/>
    <s v="OEE"/>
    <s v="Other"/>
    <s v="NRCan-NRCan_0198"/>
    <s v="In Production"/>
    <s v="web"/>
    <x v="0"/>
    <x v="577"/>
  </r>
  <r>
    <x v="0"/>
    <x v="28"/>
    <x v="5426"/>
    <s v="Autonomy"/>
    <s v="Search engine software_x000a__x000a_http://search.intranet.nrcan.gc.ca:8080/index.jsp?k=en"/>
    <s v="Other"/>
    <x v="14"/>
    <s v="Autonomy"/>
    <x v="36"/>
    <s v="CMSS"/>
    <s v="Communications Services,Information Management Services"/>
    <s v="NRCan-NRCan_0200"/>
    <s v="In Production"/>
    <s v="web"/>
    <x v="0"/>
    <x v="2096"/>
  </r>
  <r>
    <x v="0"/>
    <x v="16"/>
    <x v="5427"/>
    <s v="AP"/>
    <m/>
    <s v="CSDC Systems"/>
    <x v="14"/>
    <s v="PrivaSoft"/>
    <x v="36"/>
    <s v="ATIP"/>
    <s v="Legal Services,Other"/>
    <s v="NRCan-NRCan_0201"/>
    <s v="In Production"/>
    <s v="web"/>
    <x v="0"/>
    <x v="545"/>
  </r>
  <r>
    <x v="1"/>
    <x v="1"/>
    <x v="5428"/>
    <s v="ChangeGear"/>
    <s v="ChangeGear is an ITIL Changement management software"/>
    <s v="Other"/>
    <x v="14"/>
    <s v="ChangeGear"/>
    <x v="36"/>
    <s v="Security"/>
    <s v="Information Management Services,Information Technology Services"/>
    <s v="NRCan-NRCan_0202"/>
    <s v="In Production"/>
    <s v="web"/>
    <x v="0"/>
    <x v="146"/>
  </r>
  <r>
    <x v="8"/>
    <x v="37"/>
    <x v="5429"/>
    <s v="QTP"/>
    <s v="This software is an automated softwar testing tool that helps test custom built applications for NRCan"/>
    <s v="HP"/>
    <x v="14"/>
    <s v="Quick Test Professional"/>
    <x v="36"/>
    <s v=""/>
    <s v="Information Technology Services"/>
    <s v="NRCan-NRCan_0203"/>
    <s v="In Production"/>
    <s v="web"/>
    <x v="0"/>
    <x v="86"/>
  </r>
  <r>
    <x v="0"/>
    <x v="43"/>
    <x v="5430"/>
    <s v="Drupal"/>
    <s v="An open source content management platform used to manage NRCan's static web assets"/>
    <s v="Other"/>
    <x v="14"/>
    <s v="Drupal 7"/>
    <x v="36"/>
    <s v="4.1 Internal Services"/>
    <s v="Communications Services,Information Management Services"/>
    <s v="NRCan-NRCan_0205"/>
    <s v="In Production"/>
    <s v="web"/>
    <x v="0"/>
    <x v="593"/>
  </r>
  <r>
    <x v="0"/>
    <x v="11"/>
    <x v="5431"/>
    <s v="BMS"/>
    <m/>
    <s v=""/>
    <x v="1"/>
    <s v=""/>
    <x v="36"/>
    <s v="ecoENERGY for Biofuels"/>
    <s v="Information Management Services"/>
    <s v="NRCan-NRCan_0206"/>
    <s v="In Production"/>
    <s v="web"/>
    <x v="1"/>
    <x v="2080"/>
  </r>
  <r>
    <x v="0"/>
    <x v="28"/>
    <x v="5432"/>
    <s v="TFP"/>
    <s v="http://www2.nrcan.gc.ca/eneene/sources/pripri/prices_byfuel_e.cfm"/>
    <s v=""/>
    <x v="1"/>
    <s v=""/>
    <x v="36"/>
    <s v="Oil and Gas Policy and Regulatory Affairs Division"/>
    <s v="Information Management Services"/>
    <s v="NRCan-NRCan_0208"/>
    <s v="In Production"/>
    <s v="web"/>
    <x v="1"/>
    <x v="2080"/>
  </r>
  <r>
    <x v="0"/>
    <x v="42"/>
    <x v="5433"/>
    <s v="OERDE"/>
    <s v="OLD link:_x000a_https://www.oerd-extranet.ca/index-eng.cfm?011"/>
    <s v=""/>
    <x v="1"/>
    <s v=""/>
    <x v="36"/>
    <s v="PAA 2.2.3 Clean Energy Science and Technology"/>
    <s v="Information Management Services"/>
    <s v="NRCan-NRCan_0210"/>
    <s v="In Production"/>
    <s v="web"/>
    <x v="1"/>
    <x v="2097"/>
  </r>
  <r>
    <x v="0"/>
    <x v="88"/>
    <x v="5434"/>
    <s v="MC"/>
    <s v="The Ministerial Correspondence Unit (MCU) is the liaison between the Energy Sector and the Energy Technology and Programs Sector, and the offices of the Assistant Deputy Ministers, Deputy Minister and Minister. The MCU provides advice, training, support, coordination and tracking with respect to executive correspondence._x000a__x000a_http://wwwint2.nrcan.gc.ca/mcu-ucm/index.cfm?fuseaction=app.p1&amp;lang=eng"/>
    <s v=""/>
    <x v="1"/>
    <s v=""/>
    <x v="36"/>
    <s v="Ministerial Correspondence Unit"/>
    <s v="Communications Services,Information Management Services"/>
    <s v="NRCan-NRCan_0212"/>
    <s v="In Production"/>
    <s v="web"/>
    <x v="1"/>
    <x v="2098"/>
  </r>
  <r>
    <x v="2"/>
    <x v="2"/>
    <x v="5435"/>
    <s v="WiPPIT"/>
    <s v="Wind Power Production Incentive tracking and administration system."/>
    <s v=""/>
    <x v="1"/>
    <s v=""/>
    <x v="36"/>
    <s v="2.1.3 Renewable Energy Programs"/>
    <s v="Other"/>
    <s v="NRCan-NRCan_0217"/>
    <s v="In Production"/>
    <s v="desktop"/>
    <x v="1"/>
    <x v="2093"/>
  </r>
  <r>
    <x v="0"/>
    <x v="7"/>
    <x v="5436"/>
    <s v="CCM"/>
    <s v="Energy Sector Dockets tracking system (Domas)"/>
    <s v="WorkDynamics Technologies"/>
    <x v="0"/>
    <s v="ccmMercury"/>
    <x v="36"/>
    <s v=""/>
    <s v="Information Management Services"/>
    <s v="NRCan-NRCan_0219"/>
    <s v="In Production"/>
    <s v="web"/>
    <x v="0"/>
    <x v="86"/>
  </r>
  <r>
    <x v="0"/>
    <x v="28"/>
    <x v="5437"/>
    <s v="NEUD"/>
    <s v="A reliable Canada-wide information base on energy consumption for all energy consuming sectors  http://oee.nrcan.gc.ca/corporate/statistics/neud/dpa/data_e/publications.cfm?attr=0"/>
    <s v=""/>
    <x v="1"/>
    <s v=""/>
    <x v="36"/>
    <s v="Demand Policy and Analysis"/>
    <s v="Information Management Services"/>
    <s v="NRCan-NRCan_0221"/>
    <s v="In Production"/>
    <s v="web"/>
    <x v="1"/>
    <x v="2080"/>
  </r>
  <r>
    <x v="2"/>
    <x v="10"/>
    <x v="5438"/>
    <s v="Form 11"/>
    <s v="Used to submit requests for Arctic logistics.  http://s5-shf-presto/pcsp/(S(mziwpjvwzv4ve12nnmkpdrf3))/Login.aspx"/>
    <s v=""/>
    <x v="1"/>
    <s v=""/>
    <x v="36"/>
    <s v="Polar Continental Shelf Logistics Support"/>
    <s v="Information Management Services,Management and Oversight Services"/>
    <s v="NRCan-NRCan_0223"/>
    <s v="In Production"/>
    <s v="web"/>
    <x v="1"/>
    <x v="2099"/>
  </r>
  <r>
    <x v="5"/>
    <x v="94"/>
    <x v="5439"/>
    <s v="CACS"/>
    <s v="Maintenance and operation of a network of continuous GPS tracking stations and systems providing  real-time and near real-time infrastructure and GPS data products for precise positioning.  http://webapp.geod.nrcan.gc.ca/geod/data-donnees/cacs-scca.php"/>
    <s v=""/>
    <x v="1"/>
    <s v=""/>
    <x v="36"/>
    <s v="Geodetic Reference Systems"/>
    <s v="Other"/>
    <s v="NRCan-NRCan_0226"/>
    <s v="In Production"/>
    <s v="mini_main_super"/>
    <x v="1"/>
    <x v="2100"/>
  </r>
  <r>
    <x v="0"/>
    <x v="28"/>
    <x v="5440"/>
    <s v="CGIS"/>
    <s v="This system generates and maintains the information relating to the development, management and distribution of the Canadian Spatial Reference System and its products.  http://webapp.geod.nrcan.gc.ca/geod/index.php?userlang=en"/>
    <s v=""/>
    <x v="1"/>
    <s v=""/>
    <x v="36"/>
    <s v="Geodetic Reference Systems"/>
    <s v="Other"/>
    <s v="NRCan-NRCan_0227"/>
    <s v="In Production"/>
    <s v="web"/>
    <x v="1"/>
    <x v="571"/>
  </r>
  <r>
    <x v="5"/>
    <x v="94"/>
    <x v="5441"/>
    <s v="GPSCS"/>
    <s v="Real time suite of applications for acquisition and processing of GNSS data (Part of CACS NRCan_0226)"/>
    <s v=""/>
    <x v="1"/>
    <s v=""/>
    <x v="36"/>
    <s v="Geodetic Reference Systems"/>
    <s v="Other"/>
    <s v="NRCan-NRCan_0228"/>
    <s v="In Production"/>
    <s v="mini_main_super"/>
    <x v="1"/>
    <x v="2101"/>
  </r>
  <r>
    <x v="5"/>
    <x v="98"/>
    <x v="5442"/>
    <s v="NEODF"/>
    <s v="The NEODF-Cat enables public and government users to intelligently search and easily access the GoC EO raw and product archives managed by NRCan. The search capability features advanced geospatial &quot;Region of interest&quot; (ROI) operators, high-quality Quicklo  https://neodf.nrcan.gc.ca/neodf_cat3/  https://neodf.nrcan.gc.ca/neodf_cat3/neodfcat/php/login.php"/>
    <s v=""/>
    <x v="1"/>
    <s v=""/>
    <x v="36"/>
    <s v="Essential Geographic Information"/>
    <s v="Other"/>
    <s v="NRCan-NRCan_0229"/>
    <s v="In Production"/>
    <s v="web"/>
    <x v="1"/>
    <x v="2102"/>
  </r>
  <r>
    <x v="5"/>
    <x v="100"/>
    <x v="5443"/>
    <s v="Casa"/>
    <s v="The Program is used to interpret surface chemistry spectra and the information is used in ongoing core and cost recovery projects at CANMET-MMSL  XPS peak fitting program. Site license for all of NRCan"/>
    <s v="Other"/>
    <x v="14"/>
    <s v="Casa Software Ltd"/>
    <x v="36"/>
    <s v=""/>
    <s v="Information Management Services"/>
    <s v="NRCan-NRCan_0233"/>
    <s v="In Production"/>
    <s v="desktop"/>
    <x v="0"/>
    <x v="274"/>
  </r>
  <r>
    <x v="5"/>
    <x v="100"/>
    <x v="5444"/>
    <s v="CM"/>
    <s v="A program for building, displaying, manipulating and animating all kinds of crystal &amp; molecular structures  Data Analysis"/>
    <s v="Other"/>
    <x v="14"/>
    <s v="CrystalMaker Software"/>
    <x v="36"/>
    <s v="1.1.1 Minerals and Metals Markets, Investment, Innovation and Productivity"/>
    <s v="Information Technology Services"/>
    <s v="NRCan-NRCan_0234"/>
    <s v="In Production"/>
    <s v="desktop"/>
    <x v="0"/>
    <x v="86"/>
  </r>
  <r>
    <x v="5"/>
    <x v="100"/>
    <x v="5445"/>
    <s v="DEV"/>
    <s v="Design and Analysis of Experiments"/>
    <s v="Other"/>
    <x v="14"/>
    <s v="Stat-Ease Inc."/>
    <x v="36"/>
    <s v="1.1.1 Minerals and Metals Markets, Investment, Innovation and Productivity"/>
    <s v="Other"/>
    <s v="NRCan-NRCan_0235"/>
    <s v="In Production"/>
    <s v="desktop"/>
    <x v="0"/>
    <x v="274"/>
  </r>
  <r>
    <x v="5"/>
    <x v="98"/>
    <x v="5446"/>
    <s v="T4G"/>
    <s v="Map based field data capture system for geologists on desktop PC."/>
    <s v=""/>
    <x v="1"/>
    <s v=""/>
    <x v="36"/>
    <s v="GEM-2"/>
    <s v="Other"/>
    <s v="NRCan-NRCan_0236"/>
    <s v="In Production"/>
    <s v="desktop"/>
    <x v="1"/>
    <x v="86"/>
  </r>
  <r>
    <x v="5"/>
    <x v="94"/>
    <x v="5447"/>
    <s v="IGOR"/>
    <s v="Graphing Program"/>
    <s v="Other"/>
    <x v="14"/>
    <s v="WaveMetrics, Inc."/>
    <x v="36"/>
    <s v=""/>
    <s v="Other"/>
    <s v="NRCan-NRCan_0238"/>
    <s v="In Production"/>
    <s v="desktop"/>
    <x v="0"/>
    <x v="274"/>
  </r>
  <r>
    <x v="5"/>
    <x v="94"/>
    <x v="5448"/>
    <s v="OP"/>
    <s v="Graphing Program"/>
    <s v="Other"/>
    <x v="14"/>
    <s v="OriginLab Corporation"/>
    <x v="36"/>
    <s v=""/>
    <s v="Information Management Services"/>
    <s v="NRCan-NRCan_0240"/>
    <s v="In Production"/>
    <s v="desktop"/>
    <x v="0"/>
    <x v="86"/>
  </r>
  <r>
    <x v="5"/>
    <x v="94"/>
    <x v="5449"/>
    <s v="CEPS"/>
    <s v="Umbrella entry for mission critical EQCan systems that acquire, process, archive and disseminate seismic data; and produce, alert on and disseminate reports about earthquake activity.  This entry covers anything that is not specifically covered in the other CEPS children sub-entries.  Referred to as &quot; National Seismic Network Infrastructure (NSNI) / (EMPs - Geological Hazards &amp; Nuclear Explosions Monitoring)&quot; in the BIA."/>
    <s v=""/>
    <x v="1"/>
    <s v=""/>
    <x v="36"/>
    <s v="NRCan Canadian Hazards Information Service"/>
    <s v="Other"/>
    <s v="NRCan-NRCan_0242"/>
    <s v="In Production"/>
    <s v="web"/>
    <x v="1"/>
    <x v="2103"/>
  </r>
  <r>
    <x v="0"/>
    <x v="28"/>
    <x v="5450"/>
    <s v="BASIN"/>
    <s v="This application disseminates geological, geophysical and engineering information related to  petroleum exploration.  198.103.48.74  http://basin.gdr.nrcan.gc.ca/index_e.php"/>
    <s v=""/>
    <x v="1"/>
    <s v=""/>
    <x v="36"/>
    <s v="GNES (Geoscience for New Energy Supply), GEM, PSG, corporate"/>
    <s v="Information Management Services,Information Technology Services"/>
    <s v="NRCan-NRCan_0243"/>
    <s v="In Production"/>
    <s v="web"/>
    <x v="1"/>
    <x v="2104"/>
  </r>
  <r>
    <x v="5"/>
    <x v="94"/>
    <x v="5451"/>
    <s v="GMS"/>
    <s v="Umbrella entry for mission critical Geomagnetic systems in Ottawa that  acquire, process and archive geomagnetic data from remote stations and are used for geomagnetic products and space weather forecasting.  Referred to as &quot; Geomagnetic Monitoring and Forecasting / (EMP - Space Weather)&quot; in the BIA."/>
    <s v=""/>
    <x v="1"/>
    <s v=""/>
    <x v="36"/>
    <s v="NRCan Canadian Hazards Information Service"/>
    <s v="Other"/>
    <s v="NRCan-NRCan_0245"/>
    <s v="In Production"/>
    <s v="mini_main_super"/>
    <x v="1"/>
    <x v="2105"/>
  </r>
  <r>
    <x v="3"/>
    <x v="45"/>
    <x v="5452"/>
    <s v="GDRME"/>
    <s v="Web-based metadata loader and editor for the aeromagnetic and radiometric metadata found in the geoscience data repository (GDR)."/>
    <s v=""/>
    <x v="1"/>
    <s v=""/>
    <x v="36"/>
    <s v="GEM-2"/>
    <s v="Other"/>
    <s v="NRCan-NRCan_0250"/>
    <s v="In Production"/>
    <s v="web"/>
    <x v="1"/>
    <x v="2106"/>
  </r>
  <r>
    <x v="3"/>
    <x v="30"/>
    <x v="5453"/>
    <s v="GSCNCPD"/>
    <s v="To provide for the Division, a common and standard tool to capture and record personnel information, such as health and safety training, medicals, area of expertise, employee files, work objectives, appraisal information, etc."/>
    <s v=""/>
    <x v="1"/>
    <s v=""/>
    <x v="36"/>
    <s v="Required to support all programs related to GSC"/>
    <s v="Human Resources Management Services,Other"/>
    <s v="NRCan-NRCan_0252"/>
    <s v="In Production"/>
    <s v="web"/>
    <x v="1"/>
    <x v="2107"/>
  </r>
  <r>
    <x v="5"/>
    <x v="99"/>
    <x v="5454"/>
    <s v="LIMS"/>
    <s v="Lab information management system for tracking sample processing"/>
    <s v=""/>
    <x v="1"/>
    <s v=""/>
    <x v="36"/>
    <s v="Internal Services"/>
    <s v=""/>
    <s v="APP-04346"/>
    <s v="In Production"/>
    <s v="web"/>
    <x v="1"/>
    <x v="542"/>
  </r>
  <r>
    <x v="2"/>
    <x v="10"/>
    <x v="5455"/>
    <s v="SMS"/>
    <s v="The Sample Management System (SMS) is an internal ESS wide computer intranet system designed to track the progress of on shore samples collected in the field, processed by the laboratories (internal or external) and stored in the ESS archives/collections."/>
    <s v=""/>
    <x v="1"/>
    <s v=""/>
    <x v="36"/>
    <s v="GEM"/>
    <s v="Other"/>
    <s v="NRCan-NRCan_0260"/>
    <s v="In Production"/>
    <s v="web"/>
    <x v="1"/>
    <x v="2108"/>
  </r>
  <r>
    <x v="3"/>
    <x v="4"/>
    <x v="5456"/>
    <s v="GDRGG"/>
    <s v="Airborne magnetic, radiometric, EM, gravity, and gravity gradiometry data. Also holds borehole geophysical data and links to seismic and magnetotelluric data.  http://gdr.agg.nrcan.gc.ca/gdrdap/dap/search-eng.php"/>
    <s v="Other"/>
    <x v="14"/>
    <s v="Geosoft DAP Server"/>
    <x v="36"/>
    <s v="GEM-2"/>
    <s v="Other"/>
    <s v="NRCan-NRCan_0261"/>
    <s v="In Production"/>
    <s v="web"/>
    <x v="0"/>
    <x v="1477"/>
  </r>
  <r>
    <x v="3"/>
    <x v="30"/>
    <x v="5457"/>
    <s v="SGBDRS (ancien BDG)"/>
    <s v="Système permettant la gestion et la distribution de données géospatiales via des bases de données et des couches de services."/>
    <s v=""/>
    <x v="1"/>
    <s v=""/>
    <x v="36"/>
    <s v="Essential Geographic Information"/>
    <s v="Other"/>
    <s v="NRCan-NRCan_0265"/>
    <s v="In Production"/>
    <s v="web"/>
    <x v="1"/>
    <x v="2109"/>
  </r>
  <r>
    <x v="0"/>
    <x v="0"/>
    <x v="5458"/>
    <s v="PPI"/>
    <s v="The Publishing Process Integration (PPI) is an electronic system that ESS is using to guide its scientific publishing process from initiating a permission-to-publish form to the release of a publication.  PPI is an email-enabled workflow application that facilitates obtaining various levels of approval required to release a scientific or a technical publication. It also captures key metadata for each publication and transmits the information to related corporate systems. PPI integrates all steps of the publishing process, from the creation of a manuscript in a Division/Program to the release of a final product.  http://ppi-ipp.ess-sst.nrcan-rncan.gc.ca/"/>
    <s v=""/>
    <x v="1"/>
    <s v=""/>
    <x v="36"/>
    <s v="Open Geoscience"/>
    <s v="Information Management Services,Materiel Services"/>
    <s v="NRCan-NRCan_0273"/>
    <s v="In Production"/>
    <s v="web"/>
    <x v="1"/>
    <x v="2110"/>
  </r>
  <r>
    <x v="0"/>
    <x v="28"/>
    <x v="5459"/>
    <s v="ED"/>
    <s v="This application disseminates  information (metadata) and data related to the scientific cruises conducted by or on behalf of GSC Atlantic and Pacific  http://ed.gdr.nrcan.gc.ca/index_e.php  http://ed.gdr.nrcan.gc.ca/cruises_e.php  http://ed.gdr.nrcan.gc.ca/area_e.php  http://ed.gdr.nrcan.gc.ca/area_station_type_e.php"/>
    <s v=""/>
    <x v="1"/>
    <s v=""/>
    <x v="36"/>
    <s v="GEM, GNES, PSG, CCGP, corporate"/>
    <s v="Information Management Services"/>
    <s v="NRCan-NRCan_0275"/>
    <s v="In Production"/>
    <s v="web"/>
    <x v="1"/>
    <x v="2111"/>
  </r>
  <r>
    <x v="0"/>
    <x v="28"/>
    <x v="5460"/>
    <s v="GEOSCAN"/>
    <s v="GEOSCAN is a bibliographic database containing more than 70 000 records covering all the publications of the Earth Sciences Sector.  http://geoscan.ess.nrcan.gc.ca/starweb/geoscan/servlet.starweb?path=geoscan/geoscan_e.web"/>
    <s v=""/>
    <x v="1"/>
    <s v=""/>
    <x v="36"/>
    <s v="Internal Services"/>
    <s v="Information Management Services"/>
    <s v="NRCan-NRCan_0276"/>
    <s v="In Production"/>
    <s v="web"/>
    <x v="1"/>
    <x v="2112"/>
  </r>
  <r>
    <x v="5"/>
    <x v="98"/>
    <x v="5461"/>
    <s v="ATLASC"/>
    <s v="Since 1906, the Atlas of Canada has offered a rich treasury of geographic information for all Canadians. You'll find hundreds of online maps about Canada's environment, society, economy and history.  http://atlas.nrcan.gc.ca/site/english/index.html"/>
    <s v=""/>
    <x v="1"/>
    <s v=""/>
    <x v="36"/>
    <s v="PAA 3.2.1 Essential Geographic Information"/>
    <s v="Other"/>
    <s v="NRCan-NRCan_0286"/>
    <s v="In Production"/>
    <s v="web"/>
    <x v="1"/>
    <x v="2113"/>
  </r>
  <r>
    <x v="5"/>
    <x v="98"/>
    <x v="5462"/>
    <s v="GNAP"/>
    <s v="A Web application which allows a private and restricted access to the Canadian Geographical Names Database (CGNDB), for the purpose to insert and update records, and view historical and archived information.   https://www.geogratis.gc.ca/geonames-app-toponymie/en/login"/>
    <s v=""/>
    <x v="1"/>
    <s v=""/>
    <x v="36"/>
    <s v="Essential Geographic Information"/>
    <s v="Other"/>
    <s v="NRCan-NRCan_0288"/>
    <s v="In Production"/>
    <s v="web"/>
    <x v="1"/>
    <x v="2114"/>
  </r>
  <r>
    <x v="5"/>
    <x v="98"/>
    <x v="5463"/>
    <s v="GeoNames_CGNDB-WebQuery"/>
    <s v="A Web application which allows to find the official name of places and geographical features in Canada with their mapping and geolocation information. It allows searching by name, coordinate, rectangular area, map, unique identifier, etc., the public information contained in the CGNDB. These are the geographical names (geonames) and information approved by the Geographical Names Board of Canada.   http://www.nrcan.gc.ca/earth-sciences/geography/place-names/search/9170"/>
    <s v=""/>
    <x v="1"/>
    <s v=""/>
    <x v="36"/>
    <s v="Essential Geographic Information"/>
    <s v="Other"/>
    <s v="NRCan-NRCan_0289"/>
    <s v="In Production"/>
    <s v="web"/>
    <x v="1"/>
    <x v="2114"/>
  </r>
  <r>
    <x v="3"/>
    <x v="46"/>
    <x v="5464"/>
    <s v="SGProd"/>
    <s v="Système qui supporte l'ensemble des processus de productions et de validation de données géospatiales."/>
    <s v=""/>
    <x v="1"/>
    <s v=""/>
    <x v="36"/>
    <s v="Essential Geographic Information"/>
    <s v="Other"/>
    <s v="NRCan-NRCan_0292"/>
    <s v="In Production"/>
    <s v="web"/>
    <x v="1"/>
    <x v="2115"/>
  </r>
  <r>
    <x v="0"/>
    <x v="28"/>
    <x v="5465"/>
    <s v="SIB"/>
    <s v="Système de gestion de la production de données/métadonnées géospatiales, ainsi que des non-conformité au niveau des données. Ce système est sur des BD est sur Oracle (infrastructure RAC de 10 serveurs Linux) et possède plusieurs services PL-SQL avec des d"/>
    <s v=""/>
    <x v="1"/>
    <s v=""/>
    <x v="36"/>
    <s v="Essential Geographic Information"/>
    <s v="Other"/>
    <s v="NRCan-NRCan_0293"/>
    <s v="In Production"/>
    <s v="web"/>
    <x v="1"/>
    <x v="2116"/>
  </r>
  <r>
    <x v="5"/>
    <x v="90"/>
    <x v="5466"/>
    <s v="CLSS-WMB"/>
    <s v="Web map application to search and visualize  Canada Lands cadastral data including parcels, plans and projects.  http://clss.nrcan.gc.ca/map-carte-eng.php"/>
    <s v="ESRI_Canada_Limited"/>
    <x v="45"/>
    <s v=""/>
    <x v="36"/>
    <s v="Canada Lands Survey Program"/>
    <s v="Information Management Services,Other"/>
    <s v="NRCan-NRCan_0297"/>
    <s v="In Production"/>
    <s v="web"/>
    <x v="0"/>
    <x v="2117"/>
  </r>
  <r>
    <x v="5"/>
    <x v="90"/>
    <x v="5467"/>
    <s v="ICM-I"/>
    <s v="GIS based Survey Pacel dataset management including quality control"/>
    <s v=""/>
    <x v="1"/>
    <s v=""/>
    <x v="36"/>
    <s v="Canada Lands Survey Program"/>
    <s v="Information Management Services,Other"/>
    <s v="NRCan-NRCan_0298"/>
    <s v="In Production"/>
    <s v="mini_main_super"/>
    <x v="1"/>
    <x v="2118"/>
  </r>
  <r>
    <x v="0"/>
    <x v="7"/>
    <x v="5468"/>
    <s v="SRIS-I"/>
    <s v="Web application for managing attribute informaton for Canada Lands survey records; includes access to over 140,000 survey plans and related documents; metadata and images."/>
    <s v="Other"/>
    <x v="94"/>
    <s v=""/>
    <x v="36"/>
    <s v="Canada Lands Survey Program"/>
    <s v="Information Management Services,Other"/>
    <s v="NRCan-NRCan_0299"/>
    <s v="In Production"/>
    <s v="web"/>
    <x v="0"/>
    <x v="2119"/>
  </r>
  <r>
    <x v="5"/>
    <x v="100"/>
    <x v="5469"/>
    <s v="ACFX"/>
    <s v="ANSYS CFX software is a high-performance, general purpose fluid dynamics program that has been applied to solve wide-ranging fluid flow problems for over 20 years. At the heart of ANSYS CFX is its advanced solver technology, the key to achieving reliable and accurate solutions quickly and robustly."/>
    <s v="Other"/>
    <x v="14"/>
    <s v="Ansys"/>
    <x v="36"/>
    <s v="PAA 2.2.3.1.1 Fossil Fuels"/>
    <s v="Other"/>
    <s v="NRCan-NRCan_0306"/>
    <s v="In Production"/>
    <s v="desktop"/>
    <x v="0"/>
    <x v="86"/>
  </r>
  <r>
    <x v="5"/>
    <x v="95"/>
    <x v="2015"/>
    <s v="ALT"/>
    <s v="Drafting software."/>
    <s v="Other"/>
    <x v="14"/>
    <s v="Autodesk Inc. / AutoCAD LT 2014"/>
    <x v="36"/>
    <s v="Class 43.1/43.2 Secretariat"/>
    <s v="Other"/>
    <s v="NRCan-NRCan_0307"/>
    <s v="In Production"/>
    <s v="desktop"/>
    <x v="0"/>
    <x v="2120"/>
  </r>
  <r>
    <x v="5"/>
    <x v="94"/>
    <x v="5470"/>
    <s v="DDA"/>
    <s v="Data acquisition that reads data from Building Energy Management System that is stored in a SQL database"/>
    <s v=""/>
    <x v="1"/>
    <s v=""/>
    <x v="36"/>
    <s v="Building"/>
    <s v="Real Property Services"/>
    <s v="NRCan-NRCan_0309"/>
    <s v="In Production"/>
    <s v="desktop"/>
    <x v="1"/>
    <x v="2121"/>
  </r>
  <r>
    <x v="5"/>
    <x v="94"/>
    <x v="5471"/>
    <s v="EnerP"/>
    <s v="Enerpool uses an hour-by-hour energy balance to predict swimming pool temperature and heating energy requirements for pools using solar or conventional heating systems."/>
    <s v=""/>
    <x v="1"/>
    <s v=""/>
    <x v="36"/>
    <s v="PAA 2.2.3 Clean Energy Science and Technology"/>
    <s v="Information Management Services"/>
    <s v="NRCan-NRCan_0311"/>
    <s v="In Production"/>
    <s v="desktop"/>
    <x v="1"/>
    <x v="86"/>
  </r>
  <r>
    <x v="1"/>
    <x v="101"/>
    <x v="5472"/>
    <s v="Orca"/>
    <s v="Software to operate the building systems.  OrcaWeb and EnteliWeb are the web based versions of this software."/>
    <s v="Other"/>
    <x v="14"/>
    <s v="Delta Controls/ Orcaview"/>
    <x v="36"/>
    <s v="PAA 2.2.3 Clean Energy Science and Technology"/>
    <s v="Real Property Services"/>
    <s v="NRCan-NRCan_0313"/>
    <s v="In Production"/>
    <s v="web"/>
    <x v="0"/>
    <x v="10"/>
  </r>
  <r>
    <x v="5"/>
    <x v="100"/>
    <x v="5473"/>
    <s v="Phoenics"/>
    <s v="The software is currently used for calculating fluid dynamics"/>
    <s v="Other"/>
    <x v="14"/>
    <s v="Portland Group - PGI Visual Fortran"/>
    <x v="36"/>
    <s v="PAA 2.2.3 Clean Energy Science and Technology"/>
    <s v="Real Property Services"/>
    <s v="NRCan-NRCan_0314"/>
    <s v="In Production"/>
    <s v="web"/>
    <x v="0"/>
    <x v="86"/>
  </r>
  <r>
    <x v="0"/>
    <x v="11"/>
    <x v="5474"/>
    <s v="SMv9"/>
    <s v="Laboratory management system to control sample activity in the laboratory and to report analytical results."/>
    <s v="Other"/>
    <x v="14"/>
    <s v="Accelerated Technology Laboratories, Inc. / Sample Master Pro"/>
    <x v="36"/>
    <s v="PAA 2.2.3 Clean Energy Science and Technology"/>
    <s v="Other"/>
    <s v="NRCan-NRCan_0315"/>
    <s v="In Production"/>
    <s v="web"/>
    <x v="0"/>
    <x v="10"/>
  </r>
  <r>
    <x v="5"/>
    <x v="100"/>
    <x v="5475"/>
    <s v="Swift"/>
    <s v="SWIFT is a program that models the behaviour of a SolarWall®, which uses solar energy to heat buildings. Using weather data inputted from a specified file, or using built in files containing average weather data, SWIFT predicts the amount of heat gathered from solar energy, the resulting air temperature inside the building, the amount of energy used by conventional heating systems that has been avoided as a result of using SolarWall, and more."/>
    <s v=""/>
    <x v="1"/>
    <s v=""/>
    <x v="36"/>
    <s v=""/>
    <s v="Information Management Services,Information Technology Services"/>
    <s v="NRCan-NRCan_0316"/>
    <s v="In Production"/>
    <s v="desktop"/>
    <x v="1"/>
    <x v="2122"/>
  </r>
  <r>
    <x v="5"/>
    <x v="94"/>
    <x v="5476"/>
    <s v="HOT2K"/>
    <s v="The HOT2000(TM) housing simulation tool is the reference calculation program for the ecoENERGY Retrofit program, the R-2000 program and the basis for the HOT2XP software (used in the original EnerGuide for Houses program). The original Microsoft Windows version (v8.0) of the program was released in November 1998. The software is used by housing industry energy evaluators to model the energy performance of new and existing homes and is the basis for many reserach projects on new housing technologies."/>
    <s v=""/>
    <x v="1"/>
    <s v=""/>
    <x v="36"/>
    <s v="2.1.2 Domestic and International Clean Energy Policy"/>
    <s v="Other"/>
    <s v="NRCan-NRCan_0323"/>
    <s v="In Production"/>
    <s v="desktop"/>
    <x v="1"/>
    <x v="86"/>
  </r>
  <r>
    <x v="5"/>
    <x v="100"/>
    <x v="5477"/>
    <s v="RETScreen"/>
    <s v="RETScreen is a Clean Energy Management Software system for energy efficiency, renewable energy and cogeneration project feasibility analysis as well as ongoing energy performance analysis.  https://www.nrcan.gc.ca/energy/software-tools/7465 http://www.retscreen.net/ang/home.php"/>
    <s v=""/>
    <x v="1"/>
    <s v=""/>
    <x v="36"/>
    <s v="PAA 2.2.3 Clean Energy Science and Technology"/>
    <s v="Information Management Services,Information Technology Services"/>
    <s v="NRCan-NRCan_0329"/>
    <s v="In Production"/>
    <s v="web"/>
    <x v="1"/>
    <x v="584"/>
  </r>
  <r>
    <x v="2"/>
    <x v="52"/>
    <x v="5478"/>
    <s v="Form22"/>
    <s v="Application to List as a Seller of Restricted Components.  https://www2.nrcan-rncan.gc.ca/mms/rc-cr/index.cfm?fuseaction=OnlineApplication.DisplaySellerForm&amp;amp;lang=en"/>
    <s v=""/>
    <x v="1"/>
    <s v=""/>
    <x v="36"/>
    <s v="Explosives Safety and Security"/>
    <s v="Information Management Services"/>
    <s v="NRCan-NRCan_0330"/>
    <s v="In Production"/>
    <s v="web"/>
    <x v="1"/>
    <x v="2079"/>
  </r>
  <r>
    <x v="2"/>
    <x v="10"/>
    <x v="5479"/>
    <s v="Form23"/>
    <s v="Annual Inventory Report for Ammonium Nitrate  https://www2.nrcan-rncan.gc.ca/mms/rc-cr/index.cfm?fuseaction=u.dlf"/>
    <s v=""/>
    <x v="1"/>
    <s v=""/>
    <x v="36"/>
    <s v="Explosives Safety and Security"/>
    <s v="Information Management Services"/>
    <s v="NRCan-NRCan_0331"/>
    <s v="In Production"/>
    <s v="web"/>
    <x v="1"/>
    <x v="2079"/>
  </r>
  <r>
    <x v="2"/>
    <x v="10"/>
    <x v="5480"/>
    <s v="LMS"/>
    <s v="Licence Management System for the Explosives Safety and Security Program_x000a__x000a_http://wwwint2.nrcan.gc.ca/sso/erd/erdweb/"/>
    <s v=""/>
    <x v="1"/>
    <s v=""/>
    <x v="36"/>
    <s v="Explosives Safety and Security"/>
    <s v="Information Management Services"/>
    <s v="NRCan-NRCan_0333"/>
    <s v="In Production"/>
    <s v="web"/>
    <x v="1"/>
    <x v="2123"/>
  </r>
  <r>
    <x v="2"/>
    <x v="52"/>
    <x v="5481"/>
    <s v="Pyro"/>
    <s v="Database of individuals holding fireworks certificates in Canada"/>
    <s v=""/>
    <x v="1"/>
    <s v=""/>
    <x v="36"/>
    <s v="Explosives Safety and Security"/>
    <s v="Information Management Services"/>
    <s v="NRCan-NRCan_0334"/>
    <s v="In Production"/>
    <s v="web"/>
    <x v="1"/>
    <x v="2079"/>
  </r>
  <r>
    <x v="5"/>
    <x v="94"/>
    <x v="5482"/>
    <s v="STPS"/>
    <s v="The software is used to predict the occurrence of internal pitting corrosion of oil and gas pipelines."/>
    <s v=""/>
    <x v="1"/>
    <s v=""/>
    <x v="36"/>
    <s v=""/>
    <s v="Other"/>
    <s v="NRCan-NRCan_0338"/>
    <s v="In Production"/>
    <s v="desktop"/>
    <x v="1"/>
    <x v="92"/>
  </r>
  <r>
    <x v="3"/>
    <x v="31"/>
    <x v="5483"/>
    <s v="CMINJB"/>
    <s v="Jobboss provides the technical services division of CanmetMINING the tools to track shop activities, inventory and client reporting."/>
    <s v="Other"/>
    <x v="14"/>
    <s v="ExactAmerica"/>
    <x v="36"/>
    <s v="Green Mining (MMS)"/>
    <s v="Financial Management Services,Information Management Services"/>
    <s v="NRCan-NRCan_0339"/>
    <s v="In Production"/>
    <s v="rich"/>
    <x v="0"/>
    <x v="2124"/>
  </r>
  <r>
    <x v="3"/>
    <x v="31"/>
    <x v="5484"/>
    <s v="BassetPro"/>
    <s v="Data Collection, Inventory  Chemical store Database, track chemicals and MSDS sheets"/>
    <s v="Other"/>
    <x v="14"/>
    <s v="SageData"/>
    <x v="36"/>
    <s v="CMIN"/>
    <s v="Management and Oversight Services"/>
    <s v="NRCan-NRCan_0340"/>
    <s v="In Production"/>
    <s v="rich"/>
    <x v="0"/>
    <x v="146"/>
  </r>
  <r>
    <x v="3"/>
    <x v="31"/>
    <x v="5485"/>
    <s v="Meritus"/>
    <s v="Meritus is a suite comprising previous separate applications Legamus and Business Contracts and Reporting.  This application provides integration of core MMS Branch data sets for executive summary reporting, auditing, business documentation processing, laboratory analysis and operational data input and reporting."/>
    <s v=""/>
    <x v="1"/>
    <s v=""/>
    <x v="36"/>
    <s v="Green Mining (MMS)"/>
    <s v="Financial Management Services,Information Management Services,Management and Oversight Services"/>
    <s v="NRCan-NRCan_0341"/>
    <s v="In Production"/>
    <s v="rich"/>
    <x v="1"/>
    <x v="2125"/>
  </r>
  <r>
    <x v="5"/>
    <x v="95"/>
    <x v="5486"/>
    <s v="3D-CANVENT"/>
    <s v="3D Mine Ventilation Modelling software package"/>
    <s v=""/>
    <x v="14"/>
    <s v="3D-CANVENT"/>
    <x v="36"/>
    <s v="CMIN"/>
    <s v="Other"/>
    <s v="NRCan-NRCan_0342"/>
    <s v="In Production"/>
    <s v="desktop"/>
    <x v="0"/>
    <x v="2126"/>
  </r>
  <r>
    <x v="5"/>
    <x v="91"/>
    <x v="5487"/>
    <s v="DieselCom"/>
    <s v="Diesel Engine analysis package.  Performing data acquisition on MMSL Bells Cormers dynamometer instrumentation"/>
    <s v=""/>
    <x v="1"/>
    <s v=""/>
    <x v="36"/>
    <s v="CMIN"/>
    <s v="Other"/>
    <s v="NRCan-NRCan_0343"/>
    <s v="In Production"/>
    <s v="desktop"/>
    <x v="1"/>
    <x v="2127"/>
  </r>
  <r>
    <x v="3"/>
    <x v="31"/>
    <x v="5488"/>
    <s v="CCRMPD"/>
    <s v="Inventory/Business support db"/>
    <s v=""/>
    <x v="1"/>
    <s v=""/>
    <x v="36"/>
    <s v="CMIN"/>
    <s v="Management and Oversight Services,Materiel Services"/>
    <s v="NRCan-NRCan_0344"/>
    <s v="In Production"/>
    <s v="rich"/>
    <x v="1"/>
    <x v="10"/>
  </r>
  <r>
    <x v="5"/>
    <x v="100"/>
    <x v="5489"/>
    <s v="SAS"/>
    <s v="Data Analysis"/>
    <s v=""/>
    <x v="95"/>
    <s v=""/>
    <x v="36"/>
    <s v="CMIN"/>
    <s v="Management and Oversight Services"/>
    <s v="NRCan-NRCan_0346"/>
    <s v="In Production"/>
    <s v="desktop"/>
    <x v="0"/>
    <x v="545"/>
  </r>
  <r>
    <x v="0"/>
    <x v="13"/>
    <x v="5490"/>
    <s v="KPRP"/>
    <m/>
    <s v=""/>
    <x v="1"/>
    <s v=""/>
    <x v="36"/>
    <s v="Kimberly process"/>
    <s v="Other"/>
    <s v="NRCan-NRCan_0347"/>
    <s v="In Production"/>
    <s v="desktop"/>
    <x v="1"/>
    <x v="119"/>
  </r>
  <r>
    <x v="0"/>
    <x v="28"/>
    <x v="5491"/>
    <s v="CMRW"/>
    <s v="providing information about metals recycling and recycling in general."/>
    <s v=""/>
    <x v="1"/>
    <s v=""/>
    <x v="36"/>
    <s v=""/>
    <s v="Other"/>
    <s v="NRCan-NRCan_0348"/>
    <s v="In Production"/>
    <s v="web"/>
    <x v="1"/>
    <x v="10"/>
  </r>
  <r>
    <x v="8"/>
    <x v="29"/>
    <x v="5492"/>
    <s v="MMSD"/>
    <s v="Citizen facing site to provide the electronic version of SEAD's publications."/>
    <s v=""/>
    <x v="1"/>
    <s v=""/>
    <x v="36"/>
    <s v="Mineral Mining Production, Exploration Use Surveys and Trade Statistics"/>
    <s v="Other"/>
    <s v="NRCan-NRCan_0349"/>
    <s v="In Production"/>
    <s v="web"/>
    <x v="1"/>
    <x v="2128"/>
  </r>
  <r>
    <x v="8"/>
    <x v="29"/>
    <x v="5493"/>
    <s v="SACMY"/>
    <s v="Part of the ACM application.  Consolidates the yearly data from TRAGS, Production, Use and Exploration"/>
    <s v=""/>
    <x v="1"/>
    <s v=""/>
    <x v="36"/>
    <s v="Mineral Mining Production, Exploration Use Surveys and Trade Statistics"/>
    <s v="Other"/>
    <s v="NRCan-NRCan_0350"/>
    <s v="In Production"/>
    <s v="rich"/>
    <x v="1"/>
    <x v="2129"/>
  </r>
  <r>
    <x v="8"/>
    <x v="29"/>
    <x v="5494"/>
    <s v="SAE"/>
    <m/>
    <s v=""/>
    <x v="1"/>
    <s v=""/>
    <x v="36"/>
    <s v="Mineral Mining Exploration Survey and Statistics"/>
    <s v="Other"/>
    <s v="NRCan-NRCan_0351"/>
    <s v="In Production"/>
    <s v="rich"/>
    <x v="1"/>
    <x v="2130"/>
  </r>
  <r>
    <x v="8"/>
    <x v="29"/>
    <x v="5495"/>
    <s v="SAMU"/>
    <m/>
    <s v=""/>
    <x v="1"/>
    <s v=""/>
    <x v="36"/>
    <s v="Mineral Use Survey and Statistics"/>
    <s v="Other"/>
    <s v="NRCan-NRCan_0352"/>
    <s v="In Production"/>
    <s v="rich"/>
    <x v="1"/>
    <x v="2129"/>
  </r>
  <r>
    <x v="8"/>
    <x v="29"/>
    <x v="5496"/>
    <s v="SAPROD"/>
    <m/>
    <s v=""/>
    <x v="1"/>
    <s v=""/>
    <x v="36"/>
    <s v="Mineral Mining Production Survey and Statistics"/>
    <s v="Other"/>
    <s v="NRCan-NRCan_0353"/>
    <s v="In Production"/>
    <s v="rich"/>
    <x v="1"/>
    <x v="2129"/>
  </r>
  <r>
    <x v="8"/>
    <x v="29"/>
    <x v="5497"/>
    <s v="SATRAS"/>
    <s v="Enables users from all Sectors of NRCan to search for trade statistics related to the mining, forestry and energy industries"/>
    <s v=""/>
    <x v="1"/>
    <s v=""/>
    <x v="36"/>
    <s v="Trade Statistics"/>
    <s v="Other"/>
    <s v="NRCan-NRCan_0354"/>
    <s v="In Production"/>
    <s v="rich"/>
    <x v="1"/>
    <x v="2129"/>
  </r>
  <r>
    <x v="6"/>
    <x v="24"/>
    <x v="5498"/>
    <s v="MPMO"/>
    <s v="The MPMO provides overarching management and coordination of the federal regulatory system for major resource projects. It also provides support to the Major Projects Deputy Ministers' Committee, through the provision of strategic policy advice, analysis and other information._x000a__x000a_http://www2.mpmo-bggp.gc.ca/MPTracker/search-chercher.aspx?lang=en"/>
    <s v=""/>
    <x v="1"/>
    <s v=""/>
    <x v="36"/>
    <s v="Major Projects Management Office"/>
    <s v="Management and Oversight Services,Other"/>
    <s v="NRCan-NRCan_0355"/>
    <s v="In Production"/>
    <s v="web"/>
    <x v="1"/>
    <x v="2131"/>
  </r>
  <r>
    <x v="6"/>
    <x v="24"/>
    <x v="5499"/>
    <s v="NPMO"/>
    <s v="The NPMO Tracker is a web tool that monitors the progress of proposed major resource projects through the federal regulatory review system. The tool is an important element of the Northern Projects Management Office’s efforts to ensure that Canadians have access to accurate and timely information about major resource projects undergoing a federal regulatory review._x000a__x000a_The Tracker records information about all NPMO projects at various stages in the review process, including those that are currently undergoing a regulatory review and those that have completed a review._x000a__x000a_http://npmo-bgpn.cannor.gc.ca/NPTracker/"/>
    <s v=""/>
    <x v="1"/>
    <s v=""/>
    <x v="36"/>
    <s v="Northern Projects Management Office"/>
    <s v="Management and Oversight Services,Other"/>
    <s v="NRCan-NRCan_0356"/>
    <s v="In Production"/>
    <s v="web"/>
    <x v="1"/>
    <x v="2132"/>
  </r>
  <r>
    <x v="2"/>
    <x v="52"/>
    <x v="5500"/>
    <s v="ESNHECS"/>
    <s v="The 2012 ENERGY STAR for New Homes online enrolment and compliance system (ESNHECS) is an online tool used by service organizations to enrol ENERGY STAR homes into NRCan's database and verify their compliance to the ENERGY STAR standard.  https://esnh.nrcan.gc.ca/en/energystar/sign_in"/>
    <s v=""/>
    <x v="1"/>
    <s v=""/>
    <x v="36"/>
    <s v=""/>
    <s v="Other"/>
    <s v="NRCan-NRCan_0357"/>
    <s v="In Production"/>
    <s v="web"/>
    <x v="1"/>
    <x v="2133"/>
  </r>
  <r>
    <x v="2"/>
    <x v="52"/>
    <x v="5501"/>
    <s v="CanMost"/>
    <s v="Interactive tool to allow the user compare the efficiencies of electric motors  http://oee.nrcan.gc.ca/industrial/equipment/software/programfiles/login.cfm"/>
    <s v=""/>
    <x v="1"/>
    <s v=""/>
    <x v="36"/>
    <s v="Energy-efficient Practices Lower-carbon Energy Sources"/>
    <s v="Communications Services,Other"/>
    <s v="NRCan-NRCan_0362"/>
    <s v="In Production"/>
    <s v="web"/>
    <x v="1"/>
    <x v="2080"/>
  </r>
  <r>
    <x v="0"/>
    <x v="28"/>
    <x v="5502"/>
    <s v="CZ"/>
    <s v="An interacive map of Canada showing the 3 the climate zones for which a window, door or skylight is ENERGY STAR qualified to help consumers choose the right product for the installation location.  http://oee.nrcan.gc.ca/energy-zones-climatiques/#postal_code"/>
    <s v=""/>
    <x v="1"/>
    <s v=""/>
    <x v="36"/>
    <s v="Energy-efficient Practices Lower-carbon Energy Sources"/>
    <s v="Other"/>
    <s v="NRCan-NRCan_0363"/>
    <s v="In Production"/>
    <s v="web"/>
    <x v="1"/>
    <x v="2080"/>
  </r>
  <r>
    <x v="0"/>
    <x v="28"/>
    <x v="5503"/>
    <s v="CEUD"/>
    <s v="The Comprehensive Energy Use Database provides an overview of the sectoral end-use energy markets in Canada and in each region of the country.* These tables are intended to complement data published in the Energy Use Data Handbook.  http://oee.nrcan.gc.ca/corporate/statistics/neud/dpa/data_e/query_system/querysystem.cfm"/>
    <s v=""/>
    <x v="1"/>
    <s v=""/>
    <x v="36"/>
    <s v="Energy-efficient Practices Lower-carbon Energy Sources"/>
    <s v="Other"/>
    <s v="NRCan-NRCan_0364"/>
    <s v="In Production"/>
    <s v="web"/>
    <x v="1"/>
    <x v="2080"/>
  </r>
  <r>
    <x v="0"/>
    <x v="28"/>
    <x v="5504"/>
    <s v="PGDR"/>
    <s v="Search repository of energy related programs  http://oee.nrcan.gc.ca/industrial/financial-assistance/programs.cfm"/>
    <s v=""/>
    <x v="1"/>
    <s v=""/>
    <x v="36"/>
    <s v="Energy-efficient Practices Lower-carbon Energy Sources"/>
    <s v="Communications Services,Information Management Services"/>
    <s v="NRCan-NRCan_0366"/>
    <s v="In Production"/>
    <s v="web"/>
    <x v="1"/>
    <x v="2080"/>
  </r>
  <r>
    <x v="2"/>
    <x v="52"/>
    <x v="5505"/>
    <s v="EHPF"/>
    <s v="used by program officers to enter in the SO problem files and generate reports to send out on a bi-weekly basis. Connected to PV Upload for financial payments.  http://housingportal.nrcan.gc.ca/webportal/security/login"/>
    <s v=""/>
    <x v="1"/>
    <s v=""/>
    <x v="36"/>
    <s v="ecoEnergy"/>
    <s v="Financial Management Services,Management and Oversight Services"/>
    <s v="NRCan-NRCan_0369"/>
    <s v="In Production"/>
    <s v="web"/>
    <x v="1"/>
    <x v="86"/>
  </r>
  <r>
    <x v="6"/>
    <x v="57"/>
    <x v="5506"/>
    <s v="EAE"/>
    <s v="Online examination system for business partners to be tested as a step towards being qualified as an NRCan housing program delivery agent  http://oee.nrcan.gc.ca/residential/exam/admin/"/>
    <s v=""/>
    <x v="1"/>
    <s v=""/>
    <x v="36"/>
    <s v="Energy Efficiency"/>
    <s v="Other"/>
    <s v="NRCan-NRCan_0375"/>
    <s v="In Production"/>
    <s v="web"/>
    <x v="1"/>
    <x v="2080"/>
  </r>
  <r>
    <x v="5"/>
    <x v="94"/>
    <x v="5507"/>
    <s v="ECCNA"/>
    <s v="A simple tool to indicated the energy consumption of major home appliances, to clearly indicate the cost to operate over the lifetime of the appliance.  http://oee.nrcan.gc.ca/residential/personal/appliances/energy-cost-calculator.cfm"/>
    <s v=""/>
    <x v="1"/>
    <s v=""/>
    <x v="36"/>
    <s v="Energy Efficiency"/>
    <s v="Communications Services"/>
    <s v="NRCan-NRCan_0376"/>
    <s v="In Production"/>
    <s v="web"/>
    <x v="1"/>
    <x v="2134"/>
  </r>
  <r>
    <x v="2"/>
    <x v="52"/>
    <x v="5508"/>
    <s v="ESPART"/>
    <s v="A password protected extranet site that is meant for companies and stakeholders that have joined and become ENERGY STAR Participants.  http://oee.nrcan.gc.ca/energystar/english/participants/extranet/login.cfm?GotoPage=%2Fenergystar%2Fenglish%2Fparticipants%2Fextranet%2Findex%2Ecfm"/>
    <s v=""/>
    <x v="1"/>
    <s v=""/>
    <x v="36"/>
    <s v="Energy Efficiency"/>
    <s v="Communications Services"/>
    <s v="NRCan-NRCan_0379"/>
    <s v="In Production"/>
    <s v="web"/>
    <x v="1"/>
    <x v="2135"/>
  </r>
  <r>
    <x v="2"/>
    <x v="52"/>
    <x v="5509"/>
    <s v="ESSCALC"/>
    <s v="A interative tool that shows the cost benefits of buying ENERGY STAR qualfied products in bulk, aimed at procurement officers.  http://oee.nrcan.gc.ca/residential/business/energystar/procurement/registration.cfm?attr=12"/>
    <s v=""/>
    <x v="1"/>
    <s v=""/>
    <x v="36"/>
    <s v="Energy Efficiency"/>
    <s v="Communications Services"/>
    <s v="NRCan-NRCan_0380"/>
    <s v="In Production"/>
    <s v="web"/>
    <x v="1"/>
    <x v="2080"/>
  </r>
  <r>
    <x v="2"/>
    <x v="52"/>
    <x v="5510"/>
    <s v="ECD"/>
    <s v="The filemaker pro database used by equipment division"/>
    <s v=""/>
    <x v="1"/>
    <s v=""/>
    <x v="36"/>
    <s v="Energy Efficiency"/>
    <s v="Other"/>
    <s v="NRCan-NRCan_0384"/>
    <s v="In Production"/>
    <s v="desktop"/>
    <x v="1"/>
    <x v="2092"/>
  </r>
  <r>
    <x v="2"/>
    <x v="52"/>
    <x v="5511"/>
    <s v="EDBRIP"/>
    <s v="Database used by the Regulations and Compliance group within the Equipment division.  Repository for energy efficiency reports in support of the Energy Efficiency Act and Regulations and ENERGY STAR in Canada, including import and compliance data"/>
    <s v=""/>
    <x v="1"/>
    <s v=""/>
    <x v="36"/>
    <s v="Energy-efficient Practices and Lower-carbon Energy Sources"/>
    <s v="Other"/>
    <s v="NRCan-NRCan_0385"/>
    <s v="In Production"/>
    <s v="desktop"/>
    <x v="1"/>
    <x v="2136"/>
  </r>
  <r>
    <x v="0"/>
    <x v="28"/>
    <x v="5512"/>
    <s v="FSOEA"/>
    <s v="Web site where Canadians can look up service organizations based on postal code. You can hire these service organizations, and they will send an energy advisor to evaluate your home using the EnerGuide Rating Service so you can participate in programs  http://oee.nrcan.gc.ca/residential/personal/home-improvement/service/contact-advisors.cfm"/>
    <s v=""/>
    <x v="1"/>
    <s v=""/>
    <x v="36"/>
    <s v="Energy Efficiency"/>
    <s v="Communications Services"/>
    <s v="NRCan-NRCan_0388"/>
    <s v="In Production"/>
    <s v="web"/>
    <x v="1"/>
    <x v="2080"/>
  </r>
  <r>
    <x v="2"/>
    <x v="52"/>
    <x v="5513"/>
    <s v="FS"/>
    <s v="The application is a database containing contact information for approximately 8,000 transportation industry stakeholders.  http://www.fleetsmart.nrcan.gc.ca"/>
    <s v=""/>
    <x v="1"/>
    <s v=""/>
    <x v="36"/>
    <s v="ecoENERGY for Personal Vehicles"/>
    <s v="Communications Services"/>
    <s v="NRCan-NRCan_0389"/>
    <s v="In Production"/>
    <s v="web"/>
    <x v="1"/>
    <x v="2080"/>
  </r>
  <r>
    <x v="5"/>
    <x v="94"/>
    <x v="5514"/>
    <s v="FCR"/>
    <s v="Use this tool to help identify the most fuel-efficient vehicle that meets your everyday needs by comparing the fuel consumption information of different models.  http://oee.nrcan.gc.ca/fcr-rcf/public/index-e.cfm"/>
    <s v=""/>
    <x v="1"/>
    <s v=""/>
    <x v="36"/>
    <s v="ecoENERGY for Personal Vehicles"/>
    <s v="Communications Services,Other"/>
    <s v="NRCan-NRCan_0395"/>
    <s v="In Production"/>
    <s v="web"/>
    <x v="1"/>
    <x v="2080"/>
  </r>
  <r>
    <x v="2"/>
    <x v="52"/>
    <x v="5515"/>
    <s v="JESM"/>
    <s v="On-line registration process to apply to join ENERGY STAR Manufacturer  Email account: energystar@nrcan.gc.ca  http://oee.nrcan.gc.ca/residential/business/manufacturers/other-manufacturer-email.cfm"/>
    <s v=""/>
    <x v="1"/>
    <s v=""/>
    <x v="36"/>
    <s v="Energy Efficiency"/>
    <s v="Communications Services"/>
    <s v="NRCan-NRCan_0408"/>
    <s v="In Production"/>
    <s v="web"/>
    <x v="1"/>
    <x v="2134"/>
  </r>
  <r>
    <x v="2"/>
    <x v="52"/>
    <x v="5516"/>
    <s v="JESP"/>
    <s v="On-line registration process to apply to join ENERGY STAR Promoter  Email account: energystar@nrcan.gc.ca  http://oee.nrcan.gc.ca/residential/business/manufacturers/promoter-email.cfm"/>
    <s v=""/>
    <x v="1"/>
    <s v=""/>
    <x v="36"/>
    <s v="ENERGY STAR"/>
    <s v="Communications Services"/>
    <s v="NRCan-NRCan_0409"/>
    <s v="In Production"/>
    <s v="web"/>
    <x v="1"/>
    <x v="2134"/>
  </r>
  <r>
    <x v="2"/>
    <x v="52"/>
    <x v="5517"/>
    <s v="JESRD"/>
    <s v="On-line registration process to apply to join ENERGY STAR Retailer and Distributor  Email account:  energystar@nrcan.gc.ca  http://oee.nrcan.gc.ca/residential/business/manufacturers/other-retailer-email.cfm"/>
    <s v=""/>
    <x v="1"/>
    <s v=""/>
    <x v="36"/>
    <s v="ENERGY STAR"/>
    <s v="Communications Services"/>
    <s v="NRCan-NRCan_0410"/>
    <s v="In Production"/>
    <s v="web"/>
    <x v="1"/>
    <x v="2134"/>
  </r>
  <r>
    <x v="0"/>
    <x v="16"/>
    <x v="5518"/>
    <s v="LA"/>
    <s v="Database to track linguistics requests and report on team activities"/>
    <s v=""/>
    <x v="1"/>
    <s v=""/>
    <x v="36"/>
    <s v=""/>
    <s v="Communications Services"/>
    <s v="NRCan-NRCan_0414"/>
    <s v="In Production"/>
    <s v="desktop"/>
    <x v="1"/>
    <x v="2092"/>
  </r>
  <r>
    <x v="2"/>
    <x v="52"/>
    <x v="5519"/>
    <s v="NHAC"/>
    <s v="For NRCan to manage service providers credentials, NRCan staff access privileges, upload Program documents (i.e., the mothership). Connected to Members Only site. =========================================== This site allows licenced R-2000, EnerGuide Rating System (ERS) and ENERGY STAR® for New Homes participants to download news items, marketing materials, administration resources and training documents relating to the new housing services.  Intranet: http://wwwint2.nrcan.gc.ca/OEE-nh-mn/index.cfm?fuseaction=s.slf&amp;language=eng  Public: http://www2.nrcan.gc.ca/oee/nh-mn/rc-cd/index.cfm?fuseaction=s.slf&amp;lang=eng  Generic logins:  h0000/welcome or g0000/welcome"/>
    <s v=""/>
    <x v="1"/>
    <s v=""/>
    <x v="36"/>
    <s v="ENERGY STAR"/>
    <s v="Communications Services"/>
    <s v="NRCan-NRCan_0416"/>
    <s v="In Production"/>
    <s v="web"/>
    <x v="1"/>
    <x v="2137"/>
  </r>
  <r>
    <x v="2"/>
    <x v="10"/>
    <x v="5520"/>
    <s v="PSS"/>
    <s v="Dynamic list of models page to link to all the product search engines  http://oee.nrcan.gc.ca/pml-lmp/index.cfm?action=app.welcome-bienvenue"/>
    <s v=""/>
    <x v="1"/>
    <s v=""/>
    <x v="36"/>
    <s v="Energy Efficiency"/>
    <s v="Communications Services"/>
    <s v="NRCan-NRCan_0418"/>
    <s v="In Production"/>
    <s v="web"/>
    <x v="1"/>
    <x v="2080"/>
  </r>
  <r>
    <x v="2"/>
    <x v="52"/>
    <x v="5521"/>
    <s v="NPAC"/>
    <s v="The OEE Housing Program Extranet (HOPE) application will allow service organizations affiliated with energy efficient new housing initiatives to inform Natural Resources Canada (NRCan) about R-2000 house certifications, related training activities and the licensing statuses of service providers.  Public sign-in: https://www2.nrcan-rncan.gc.ca/oee/nh-mn/so-os/index.cfm?fuseaction=ss.index&amp;lang=eng  Admin: https://wwwint2.nrcan-rncan.gc.ca/OEE-ac-ca/index.cfm?fuseaction=ss.index&amp;lang=eng"/>
    <s v=""/>
    <x v="1"/>
    <s v=""/>
    <x v="36"/>
    <s v="Energy Efficiency"/>
    <s v="Other"/>
    <s v="NRCan-NRCan_0419"/>
    <s v="In Production"/>
    <s v="web"/>
    <x v="1"/>
    <x v="2080"/>
  </r>
  <r>
    <x v="2"/>
    <x v="52"/>
    <x v="5522"/>
    <s v="SWD"/>
    <s v="Web interface that lists SmartWay Partners via a dynamic iFrame table that is connected to a database shared with the US EPA.  http://oee.nrcan.gc.ca/smartway/index.cfm?pg=3"/>
    <s v=""/>
    <x v="1"/>
    <s v=""/>
    <x v="36"/>
    <s v="Energy-efficient Practices and Lower-carbon Energy Sources"/>
    <s v="Other"/>
    <s v="NRCan-NRCan_0425"/>
    <s v="In Production"/>
    <s v="web"/>
    <x v="1"/>
    <x v="2134"/>
  </r>
  <r>
    <x v="2"/>
    <x v="52"/>
    <x v="5523"/>
    <s v="SHUN"/>
    <s v="Subscription form for Heads Up newsletters  https://oeeforms.nrcan.gc.ca/index-eng.cfm?event=heads-up-newsletter-subscription"/>
    <s v=""/>
    <x v="1"/>
    <s v=""/>
    <x v="36"/>
    <s v="Canadian Industry Program for Energy Conservation"/>
    <s v="Communications Services"/>
    <s v="NRCan-NRCan_0427"/>
    <s v="In Production"/>
    <s v="web"/>
    <x v="1"/>
    <x v="2138"/>
  </r>
  <r>
    <x v="2"/>
    <x v="52"/>
    <x v="5524"/>
    <s v="UAD"/>
    <s v="https://gcdocs.gc.ca/nrcan-rncan/llisapi.dll/properties/4609442 (Dir signed form to reinstate)  CF7  http://oee.nrcan.gc.ca/residential/personal/new-home-improvement/upload.cfm"/>
    <s v=""/>
    <x v="1"/>
    <s v=""/>
    <x v="36"/>
    <s v="Energy Efficiency"/>
    <s v="Other"/>
    <s v="NRCan-NRCan_0432"/>
    <s v="In Production"/>
    <s v="web"/>
    <x v="1"/>
    <x v="2135"/>
  </r>
  <r>
    <x v="2"/>
    <x v="52"/>
    <x v="5525"/>
    <s v="CFAQ"/>
    <s v="In order to better direct your question please narrow your search below. You will then be able to either contact us using an online form or look at our Frequently Asked Questions (FAQs), where some of your questions may already have been addressed.  http://contact-contactez.nrcan-rncan.gc.ca/index.cfm?lang=eng&amp;sid=7"/>
    <s v=""/>
    <x v="1"/>
    <s v=""/>
    <x v="36"/>
    <s v="Corporate communications"/>
    <s v="Communications Services"/>
    <s v="NRCan-NRCan_0435"/>
    <s v="In Production"/>
    <s v="web"/>
    <x v="1"/>
    <x v="2139"/>
  </r>
  <r>
    <x v="6"/>
    <x v="24"/>
    <x v="5526"/>
    <s v="CPSP (Planning)"/>
    <s v="Manages the planning of communications products  http://wwwint2.nrcan.gc.ca/papms-sgapp/plan/index.cfm"/>
    <s v=""/>
    <x v="1"/>
    <s v=""/>
    <x v="36"/>
    <s v="Corporate communications"/>
    <s v="Communications Services"/>
    <s v="NRCan-NRCan_0436"/>
    <s v="In Production"/>
    <s v="web"/>
    <x v="1"/>
    <x v="2140"/>
  </r>
  <r>
    <x v="0"/>
    <x v="28"/>
    <x v="5527"/>
    <s v="OID"/>
    <s v=""/>
    <s v=""/>
    <x v="1"/>
    <s v=""/>
    <x v="36"/>
    <s v=""/>
    <s v="Communications Services,Information Management Services"/>
    <s v="NRCan-NRCan_0437"/>
    <s v="In Production"/>
    <s v="desktop"/>
    <x v="1"/>
    <x v="2089"/>
  </r>
  <r>
    <x v="6"/>
    <x v="27"/>
    <x v="555"/>
    <s v="MTP"/>
    <s v="Manages the translation process and provides a translation environment.  MultiTrans Prism is an client-server software solution integrating workflow and business management, translation memory, and terminology management to enable multilingual communication and workflow automation from authoring to publication."/>
    <s v="Other"/>
    <x v="96"/>
    <s v="MultiTrans Prism Flow"/>
    <x v="36"/>
    <s v="Corporate communications"/>
    <s v="Communications Services"/>
    <s v="NRCan-NRCan_0438"/>
    <s v="In Production"/>
    <s v="rich"/>
    <x v="0"/>
    <x v="146"/>
  </r>
  <r>
    <x v="6"/>
    <x v="24"/>
    <x v="5528"/>
    <s v="CPSP (Production)"/>
    <s v="Manages the production of publications  http://wwwint2.nrcan.gc.ca/papms-sgapp/prod/index.cfm?action=man.TLhome"/>
    <s v=""/>
    <x v="1"/>
    <s v=""/>
    <x v="36"/>
    <s v="Corporate Communications"/>
    <s v="Communications Services"/>
    <s v="NRCan-NRCan_0439"/>
    <s v="In Production"/>
    <s v="web"/>
    <x v="1"/>
    <x v="2084"/>
  </r>
  <r>
    <x v="6"/>
    <x v="24"/>
    <x v="5529"/>
    <s v="CP"/>
    <s v="Database that manages information on media calls including questions, answers and coordinates of reporters as well as media lines and performance measurement."/>
    <s v=""/>
    <x v="1"/>
    <s v=""/>
    <x v="36"/>
    <s v="Internal Services"/>
    <s v="Communications Services"/>
    <s v="NRCan-NRCan_0440"/>
    <s v="In Production"/>
    <s v="web"/>
    <x v="1"/>
    <x v="2141"/>
  </r>
  <r>
    <x v="6"/>
    <x v="24"/>
    <x v="5530"/>
    <s v="FMPPTD"/>
    <s v=""/>
    <s v=""/>
    <x v="1"/>
    <s v=""/>
    <x v="36"/>
    <s v="Corporate Communications"/>
    <s v="Management and Oversight Services"/>
    <s v="NRCan-NRCan_0441"/>
    <s v="In Production"/>
    <s v="desktop"/>
    <x v="1"/>
    <x v="2089"/>
  </r>
  <r>
    <x v="6"/>
    <x v="24"/>
    <x v="5531"/>
    <s v="LA"/>
    <s v="Database to track OEE Web application Modification requests and report on team activities"/>
    <s v=""/>
    <x v="1"/>
    <s v=""/>
    <x v="36"/>
    <s v=""/>
    <s v="Information Management Services,Management and Oversight Services"/>
    <s v="NRCan-NRCan_0443"/>
    <s v="In Production"/>
    <s v="desktop"/>
    <x v="1"/>
    <x v="2092"/>
  </r>
  <r>
    <x v="2"/>
    <x v="58"/>
    <x v="5532"/>
    <s v="BEERS"/>
    <s v="Performance measurement tool that tracks OEE program results.  Desktop application"/>
    <s v=""/>
    <x v="1"/>
    <s v=""/>
    <x v="36"/>
    <s v=""/>
    <s v="Information Management Services,Management and Oversight Services"/>
    <s v="NRCan-NRCan_0444"/>
    <s v="In Production"/>
    <s v="desktop"/>
    <x v="1"/>
    <x v="2142"/>
  </r>
  <r>
    <x v="5"/>
    <x v="94"/>
    <x v="5533"/>
    <s v="QR Generator"/>
    <s v="Generates custom QR codes._x000a__x000a_Desktop application."/>
    <s v=""/>
    <x v="1"/>
    <s v=""/>
    <x v="36"/>
    <s v=""/>
    <s v="Information Management Services"/>
    <s v="NRCan-NRCan_0445"/>
    <s v="In Production"/>
    <s v="desktop"/>
    <x v="1"/>
    <x v="2143"/>
  </r>
  <r>
    <x v="2"/>
    <x v="52"/>
    <x v="5534"/>
    <s v="BEECRMS"/>
    <s v="Microsoft Dynamics CRM 2011 - client relationship management system for ITD and BD"/>
    <s v="MicroSoft"/>
    <x v="93"/>
    <s v="Dynamics"/>
    <x v="36"/>
    <s v="Canadian Industry Program for Energy Conservation"/>
    <s v="Communications Services,Information Management Services"/>
    <s v="NRCan-NRCan_0446"/>
    <s v="In Production"/>
    <s v="web"/>
    <x v="0"/>
    <x v="2087"/>
  </r>
  <r>
    <x v="0"/>
    <x v="7"/>
    <x v="5535"/>
    <s v="ERHRC"/>
    <s v="This site is designed to help business partners keep up to date on the ecoENERGY Retrofit – Homes technical and administrative procedures."/>
    <s v=""/>
    <x v="1"/>
    <s v=""/>
    <x v="36"/>
    <s v="Energy Efficiency"/>
    <s v="Other"/>
    <s v="NRCan-NRCan_0452"/>
    <s v="In Production"/>
    <s v="web"/>
    <x v="1"/>
    <x v="2082"/>
  </r>
  <r>
    <x v="0"/>
    <x v="28"/>
    <x v="5536"/>
    <s v="FSPNH"/>
    <s v="This site helps user find a Service Providers based on Service, Service Provider, and/or Regions.  http://www2.nrcan.gc.ca/oee/nh-mn/f-t/index.cfm?fuseaction=s.ssf&amp;language=eng"/>
    <s v=""/>
    <x v="1"/>
    <s v=""/>
    <x v="36"/>
    <s v="Energy Efficiency"/>
    <s v="Communications Services"/>
    <s v="NRCan-NRCan_0453"/>
    <s v="In Production"/>
    <s v="web"/>
    <x v="1"/>
    <x v="2080"/>
  </r>
  <r>
    <x v="0"/>
    <x v="28"/>
    <x v="5537"/>
    <s v="NRCan Photo"/>
    <s v="NRCan Photo is a bibliographic database containing 57 000 records of photographs, slides, negatives, etc. from the NRCan Photo collection.  http://geoscan.ess.nrcan.gc.ca/starweb/geoscan/servlet.starweb?path=nrcanphoto/nrcanphoto_e.web"/>
    <s v=""/>
    <x v="1"/>
    <s v=""/>
    <x v="36"/>
    <s v="Internal Services"/>
    <s v="Information Management Services"/>
    <s v="NRCan-NRCan_0456"/>
    <s v="In Production"/>
    <s v="web"/>
    <x v="1"/>
    <x v="2112"/>
  </r>
  <r>
    <x v="0"/>
    <x v="28"/>
    <x v="5538"/>
    <s v="RESORS"/>
    <s v="RESORS is a legacy bibliographic database containing more than 97 000 records covering publications of interest to the Remote Sensing community.  http://geoscan.ess.nrcan.gc.ca/starweb/resors/servlet.starweb?path=resors/resors_e.web"/>
    <s v=""/>
    <x v="1"/>
    <s v=""/>
    <x v="36"/>
    <s v="Internal Services"/>
    <s v="Information Management Services"/>
    <s v="NRCan-NRCan_0457"/>
    <s v="In Production"/>
    <s v="web"/>
    <x v="1"/>
    <x v="2112"/>
  </r>
  <r>
    <x v="5"/>
    <x v="90"/>
    <x v="5539"/>
    <s v="CBM"/>
    <s v="A series of ESRI Web services including Tiled Cache WMS for basemaps, (CBM-Transportaion and CBM-Elevation ),  flooded polygons (EGS), thematic mapping (GEM/GSC) and geonalytics are offered through ArcGIS Server technologies. The basemap services are offered as tiled cached and they required a large amount of storage."/>
    <s v=""/>
    <x v="45"/>
    <s v=""/>
    <x v="36"/>
    <s v="PAA 3.2.1 Essential Geographic Information"/>
    <s v="Other"/>
    <s v="NRCan-NRCan_0466"/>
    <s v="In Production"/>
    <s v="web"/>
    <x v="0"/>
    <x v="2144"/>
  </r>
  <r>
    <x v="0"/>
    <x v="42"/>
    <x v="5540"/>
    <s v="Alloy"/>
    <s v="Application de type client/serveur utilisée pour la faire gestion des demandes de supports et de services (tickets)."/>
    <s v="Other"/>
    <x v="14"/>
    <s v="Allow Navigator"/>
    <x v="36"/>
    <s v="Essential Geographic Information"/>
    <s v="Other"/>
    <s v="NRCan-NRCan_0467"/>
    <s v="In Production"/>
    <s v="rich"/>
    <x v="0"/>
    <x v="2145"/>
  </r>
  <r>
    <x v="0"/>
    <x v="87"/>
    <x v="5541"/>
    <s v="Wiki - CITS"/>
    <s v="Environnement wiki pour les usagers de la division CCCOT-DAGD."/>
    <s v="Other"/>
    <x v="14"/>
    <s v="Wikimedia commans/ Wikimedia"/>
    <x v="36"/>
    <s v="Essential Geographic Information"/>
    <s v="Other"/>
    <s v="NRCan-NRCan_0469"/>
    <s v="In Production"/>
    <s v="web"/>
    <x v="0"/>
    <x v="2146"/>
  </r>
  <r>
    <x v="1"/>
    <x v="101"/>
    <x v="5542"/>
    <s v="GLoBLS"/>
    <s v="This system is centralized servers for floating licenses for a variety of Geomatics Geomatica software such as PCI, Safe Software FME oXygenXML and Sparx Enterprise Architect System. These license servers are used by both servers processing geospatial data for workstations users.  Ce système est une centralisation des serveurs de licences flottantes pour une multitude de logiciels géomatiques tel que - Intergraph ERDAS StereoAnalyst for ArcGIS - Intergraph ERDAS LSP - Geomatica PCI - Safe Software FME - oXygenXML - Sparx System Enterprise Architect. Ces serveurs de licences sont utilisés autant par les serveurs de traitement de données géomatiques que pour les postes de travail des usagers du CCCOT."/>
    <s v="Other"/>
    <x v="97"/>
    <s v="FlexLM"/>
    <x v="36"/>
    <s v="Essential Geographic Information"/>
    <s v="Other"/>
    <s v="NRCan-NRCan_0471"/>
    <s v="In Production"/>
    <s v="web"/>
    <x v="0"/>
    <x v="106"/>
  </r>
  <r>
    <x v="3"/>
    <x v="45"/>
    <x v="5543"/>
    <s v="PRAD"/>
    <s v="Paleo Report Access Database is software that provides customizable logic module to facilitate the management if the Geological Survey of Canada (GSC) Paleontology Reports. The information contained within the Paleo Report Access Database is chronological and fossil information of sedimentary rocks."/>
    <s v=""/>
    <x v="1"/>
    <s v=""/>
    <x v="36"/>
    <s v="GSC Calgary"/>
    <s v="Information Management Services"/>
    <s v="NRCan-NRCan_0475"/>
    <s v="In Production"/>
    <s v="web"/>
    <x v="1"/>
    <x v="2147"/>
  </r>
  <r>
    <x v="3"/>
    <x v="45"/>
    <x v="5544"/>
    <s v="Paleo Report database"/>
    <s v="MS Windows/MS Access database application for NRCan internal user to query the Paleo Reports"/>
    <s v=""/>
    <x v="1"/>
    <s v=""/>
    <x v="36"/>
    <s v="GSC Calgary"/>
    <s v="Information Management Services"/>
    <s v="NRCan-NRCan_0476"/>
    <s v="In Production"/>
    <s v="desktop"/>
    <x v="1"/>
    <x v="2148"/>
  </r>
  <r>
    <x v="3"/>
    <x v="45"/>
    <x v="5545"/>
    <s v="MapLith"/>
    <s v="MS Windows/Oracle database application for GSC to manage the earth material names"/>
    <s v=""/>
    <x v="1"/>
    <s v=""/>
    <x v="36"/>
    <s v="GSC Calgary"/>
    <s v="Information Management Services"/>
    <s v="NRCan-NRCan_0479"/>
    <s v="In Production"/>
    <s v="desktop"/>
    <x v="1"/>
    <x v="2147"/>
  </r>
  <r>
    <x v="3"/>
    <x v="45"/>
    <x v="5546"/>
    <s v="DBManager"/>
    <s v="MS Windows/Oracle database application for data management personnel to manage user access to the GSC database applications"/>
    <s v=""/>
    <x v="1"/>
    <s v=""/>
    <x v="36"/>
    <s v="GSC Calgary"/>
    <s v="Information Management Services"/>
    <s v="NRCan-NRCan_0481"/>
    <s v="In Production"/>
    <s v="desktop"/>
    <x v="1"/>
    <x v="2149"/>
  </r>
  <r>
    <x v="0"/>
    <x v="0"/>
    <x v="5547"/>
    <s v="LSAS"/>
    <s v="A web application that manages Lab Study Agreements (LSA).  LSA’s include information about the analyses to be performed, who requested the work, who will do the work,  which Cost Centre will pay, who approved the LSA, etc. An Oracle database is used to store this information"/>
    <s v=""/>
    <x v="1"/>
    <s v=""/>
    <x v="36"/>
    <s v="Science Lab Network"/>
    <s v="Financial Management Services,Other"/>
    <s v="NRCan-NRCan_0484"/>
    <s v="In Production"/>
    <s v="web"/>
    <x v="1"/>
    <x v="2150"/>
  </r>
  <r>
    <x v="3"/>
    <x v="30"/>
    <x v="5548"/>
    <s v="PTS"/>
    <s v="To provide a publications and projects tracking mechanism for the GEM Program"/>
    <s v=""/>
    <x v="1"/>
    <s v=""/>
    <x v="36"/>
    <s v="GEM: Geo-Mapping for Energy and Minerals"/>
    <s v="Other"/>
    <s v="NRCan-NRCan_0485"/>
    <s v="In Production"/>
    <s v="web"/>
    <x v="1"/>
    <x v="2107"/>
  </r>
  <r>
    <x v="5"/>
    <x v="94"/>
    <x v="5549"/>
    <s v="EQCan-CIIM"/>
    <s v="Earthquake Intensity Maps based on DYFI reports  http://www.earthquakescanada.nrcan.gc.ca/recent/2014/20141012.1009/dyfi-eng.php"/>
    <s v=""/>
    <x v="1"/>
    <s v=""/>
    <x v="36"/>
    <s v="NRCan Canadian Hazards Information Service"/>
    <s v="Other"/>
    <s v="NRCan-NRCan_0491"/>
    <s v="In Production"/>
    <s v="web"/>
    <x v="1"/>
    <x v="2151"/>
  </r>
  <r>
    <x v="5"/>
    <x v="94"/>
    <x v="5550"/>
    <s v="EQCan-DYFI"/>
    <s v="Submit report on what a citizen felt during an earthquake  http://earthquakescanada.nrcan.gc.ca/dyfi-lavr/unknown-inconnu-eng.php"/>
    <s v=""/>
    <x v="1"/>
    <s v=""/>
    <x v="36"/>
    <s v="NRCan Canadian Hazards Information Service"/>
    <s v="Other"/>
    <s v="NRCan-NRCan_0492"/>
    <s v="In Production"/>
    <s v="web"/>
    <x v="1"/>
    <x v="2151"/>
  </r>
  <r>
    <x v="5"/>
    <x v="94"/>
    <x v="5551"/>
    <s v="EQCan-HazCalc2005"/>
    <s v="For given latitude and longitude location, calculate the seismic hazard values that can be used with the design requirements of the 2005 National Building Codes of Canada.  http://earthquakescanada.nrcan.gc.ca/hazard-alea/interpolat/index_2005-eng.php"/>
    <s v=""/>
    <x v="1"/>
    <s v=""/>
    <x v="36"/>
    <s v="NRCan Canadian Hazards Information Service"/>
    <s v="Other"/>
    <s v="NRCan-NRCan_0493"/>
    <s v="In Production"/>
    <s v="web"/>
    <x v="1"/>
    <x v="2151"/>
  </r>
  <r>
    <x v="5"/>
    <x v="94"/>
    <x v="5552"/>
    <s v="EQCan-HazCalc2010"/>
    <s v="For given latitude and longitude location, calculate the seismic hazard values that can be used with the design requirements of the 2010 National Building Codes of Canada.  http://earthquakescanada.nrcan.gc.ca/hazard-alea/interpolat/index_2010-eng.php"/>
    <s v=""/>
    <x v="1"/>
    <s v=""/>
    <x v="36"/>
    <s v="NRCan Canadian Hazards Information Service"/>
    <s v="Other"/>
    <s v="NRCan-NRCan_0494"/>
    <s v="In Production"/>
    <s v="web"/>
    <x v="1"/>
    <x v="2151"/>
  </r>
  <r>
    <x v="5"/>
    <x v="94"/>
    <x v="5553"/>
    <s v="EQCan-ADRM"/>
    <s v="Access to seismic waveform data from CNSN stations for any time period  http://www.earthquakescanada.nrcan.gc.ca/stndon/AutoDRM/autodrm_req-eng.php"/>
    <s v=""/>
    <x v="1"/>
    <s v=""/>
    <x v="36"/>
    <s v="NRCan Canadian Hazards Information Service"/>
    <s v="Other"/>
    <s v="NRCan-NRCan_0495"/>
    <s v="In Production"/>
    <s v="web"/>
    <x v="1"/>
    <x v="2151"/>
  </r>
  <r>
    <x v="5"/>
    <x v="94"/>
    <x v="5554"/>
    <s v="EQCan-SB"/>
    <s v="Canadian National Seismograph Network (CNSN) Station Book containing station information and metadata  http://www.earthquakescanada.nrcan.gc.ca/stndon/CNSN-RNSC/stnbook-cahierstn/index-eng.php"/>
    <s v=""/>
    <x v="1"/>
    <s v=""/>
    <x v="36"/>
    <s v="NRCan Canadian Hazards Information Service"/>
    <s v="Other"/>
    <s v="NRCan-NRCan_0496"/>
    <s v="In Production"/>
    <s v="web"/>
    <x v="1"/>
    <x v="2151"/>
  </r>
  <r>
    <x v="5"/>
    <x v="94"/>
    <x v="5555"/>
    <s v="EQCan-EQDBS"/>
    <s v="Search the National Earthquake DataBase (NEDB)  http://www.earthquakescanada.nrcan.gc.ca/stndon/NEDB-BNDS/bull-eng.php"/>
    <s v=""/>
    <x v="1"/>
    <s v=""/>
    <x v="36"/>
    <s v="NRCan Canadian Hazards Information Service"/>
    <s v="Other"/>
    <s v="NRCan-NRCan_0497"/>
    <s v="In Production"/>
    <s v="web"/>
    <x v="1"/>
    <x v="2151"/>
  </r>
  <r>
    <x v="5"/>
    <x v="94"/>
    <x v="5556"/>
    <s v="EQCan-NWFA"/>
    <s v="Access to seismic waveform data from CNSN stations for recorded earthquakes  http://www.earthquakescanada.nrcan.gc.ca/stndon/NWFA-ANFO/eve/index-eng.php"/>
    <s v=""/>
    <x v="1"/>
    <s v=""/>
    <x v="36"/>
    <s v="NRCan Canadian Hazards Information Service"/>
    <s v="Other"/>
    <s v="NRCan-NRCan_0498"/>
    <s v="In Production"/>
    <s v="web"/>
    <x v="1"/>
    <x v="2151"/>
  </r>
  <r>
    <x v="5"/>
    <x v="94"/>
    <x v="5557"/>
    <s v="GMS-MDC"/>
    <s v="Interactive application for calculating magnetic declination  http://geomag.nrcan.gc.ca/calc/mdcal-eng.php"/>
    <s v=""/>
    <x v="1"/>
    <s v=""/>
    <x v="36"/>
    <s v="NRCan Canadian Hazards Information Service"/>
    <s v="Other"/>
    <s v="NRCan-NRCan_0499"/>
    <s v="In Production"/>
    <s v="web"/>
    <x v="1"/>
    <x v="2152"/>
  </r>
  <r>
    <x v="5"/>
    <x v="94"/>
    <x v="5558"/>
    <s v="GMS-MFC"/>
    <s v="Interactive application that calculate magnetic field values at specific locations  http://geomag.nrcan.gc.ca/calc/mfcal-eng.php"/>
    <s v=""/>
    <x v="1"/>
    <s v=""/>
    <x v="36"/>
    <s v="NRCan Canadian Hazards Information Service"/>
    <s v="Other"/>
    <s v="NRCan-NRCan_0500"/>
    <s v="In Production"/>
    <s v="web"/>
    <x v="1"/>
    <x v="2152"/>
  </r>
  <r>
    <x v="5"/>
    <x v="94"/>
    <x v="5559"/>
    <s v="EQCan-LSV"/>
    <s v="Seismic waveform plots displayed in near real time  http://www.earthquakescanada.nrcan.gc.ca/stndon/wf-fo/index-eng.php"/>
    <s v=""/>
    <x v="1"/>
    <s v=""/>
    <x v="36"/>
    <s v="NRCan Canadian Hazards Information Service"/>
    <s v="Other"/>
    <s v="NRCan-NRCan_0502"/>
    <s v="In Production"/>
    <s v="web"/>
    <x v="1"/>
    <x v="2151"/>
  </r>
  <r>
    <x v="5"/>
    <x v="94"/>
    <x v="5560"/>
    <s v="GMS-FF"/>
    <s v="3-day forecast of energetic electron fluence  http://www.spaceweather.gc.ca/forecast-prevision/fluence/sffl-eng.php"/>
    <s v=""/>
    <x v="1"/>
    <s v=""/>
    <x v="36"/>
    <s v="NRCan Canadian Hazards Information Service"/>
    <s v="Other"/>
    <s v="NRCan-NRCan_0503"/>
    <s v="In Production"/>
    <s v="web"/>
    <x v="1"/>
    <x v="2153"/>
  </r>
  <r>
    <x v="5"/>
    <x v="94"/>
    <x v="5561"/>
    <s v="GMS-LTF"/>
    <s v="Graphic and table showing 27 day magnetic activity forecast values.  http://www.spaceweather.gc.ca/forecast-prevision/long/sflt-1-eng.php"/>
    <s v=""/>
    <x v="1"/>
    <s v=""/>
    <x v="36"/>
    <s v="NRCan Canadian Hazards Information Service"/>
    <s v="Other"/>
    <s v="NRCan-NRCan_0504"/>
    <s v="In Production"/>
    <s v="web"/>
    <x v="1"/>
    <x v="2152"/>
  </r>
  <r>
    <x v="5"/>
    <x v="94"/>
    <x v="5562"/>
    <s v="GMS-LTFR"/>
    <s v="Review of the magnetic activity over the last 30 days.  http://www.spaceweather.gc.ca/forecast-prevision/long/sflt-2-eng.php"/>
    <s v=""/>
    <x v="1"/>
    <s v=""/>
    <x v="36"/>
    <s v="NRCan Canadian Hazards Information Service"/>
    <s v="Other"/>
    <s v="NRCan-NRCan_0505"/>
    <s v="In Production"/>
    <s v="web"/>
    <x v="1"/>
    <x v="2152"/>
  </r>
  <r>
    <x v="5"/>
    <x v="94"/>
    <x v="5563"/>
    <s v="GMS-GRC"/>
    <s v="Current geomagnetic regional conditions of various zones in Canada  http://www.spaceweather.gc.ca/forecast-prevision/regional/sr-1-eng.php?region=ott&amp;mapname=east_n_america"/>
    <s v=""/>
    <x v="1"/>
    <s v=""/>
    <x v="36"/>
    <s v="NRCan Canadian Hazards Information Service"/>
    <s v="Other"/>
    <s v="NRCan-NRCan_0506"/>
    <s v="In Production"/>
    <s v="web"/>
    <x v="1"/>
    <x v="2153"/>
  </r>
  <r>
    <x v="5"/>
    <x v="94"/>
    <x v="5564"/>
    <s v="GMS-CGC"/>
    <s v="Graphical display of current levels of geomagnetic activity in three regions in Canada  http://www.spaceweather.gc.ca/index-eng.php"/>
    <s v=""/>
    <x v="1"/>
    <s v=""/>
    <x v="36"/>
    <s v="NRCan Canadian Hazards Information Service"/>
    <s v="Other"/>
    <s v="NRCan-NRCan_0507"/>
    <s v="In Production"/>
    <s v="web"/>
    <x v="1"/>
    <x v="2153"/>
  </r>
  <r>
    <x v="5"/>
    <x v="94"/>
    <x v="5565"/>
    <s v="GMS-STF"/>
    <s v="Short Term Magnetic Forecasts for three regions of Canada  http://www.spaceweather.gc.ca/forecast-prevision/short-court/sfst-eng.php  http://www.spaceweather.ca/forecast-prevision/short-court/sfst-1-eng.php  http://www.spaceweather.ca/forecast-prevision/short-court/sfst-2-eng.php  http://www.spaceweather.ca/forecast-prevision/short-court/sfst-3-eng.php  http://www.spaceweather.ca/forecast-prevision/short-court/sfst-4-eng.php  http://www.spaceweather.ca/forecast-prevision/short-court/sfst-5-eng.php  http://www.spaceweather.ca/forecast-prevision/short-court/sfst-6-eng.php"/>
    <s v=""/>
    <x v="1"/>
    <s v=""/>
    <x v="36"/>
    <s v="NRCan Canadian Hazards Information Service"/>
    <s v="Other"/>
    <s v="NRCan-NRCan_0508"/>
    <s v="In Production"/>
    <s v="web"/>
    <x v="1"/>
    <x v="2152"/>
  </r>
  <r>
    <x v="5"/>
    <x v="94"/>
    <x v="5566"/>
    <s v="GMS-GDD"/>
    <s v="Request and download digital geomagnetic data  from Canadian Magnetic observatories  http://www.spaceweather.gc.ca/data-donnee/dl/dl-eng.php  http://www.intermagnet.org/data-donnee/download-eng.php"/>
    <s v=""/>
    <x v="1"/>
    <s v=""/>
    <x v="36"/>
    <s v="NRCan Canadian Hazards Information Service"/>
    <s v="Other"/>
    <s v="NRCan-NRCan_0509"/>
    <s v="In Production"/>
    <s v="mini_main_super"/>
    <x v="1"/>
    <x v="2153"/>
  </r>
  <r>
    <x v="5"/>
    <x v="94"/>
    <x v="5567"/>
    <s v="GMS-GI"/>
    <s v="Geomagnetic indices computed from Canadian observatories  http://www.spaceweather.gc.ca/data-donnee/indices/si-eng.php"/>
    <s v=""/>
    <x v="1"/>
    <s v=""/>
    <x v="36"/>
    <s v="NRCan Canadian Hazards Information Service"/>
    <s v="Other"/>
    <s v="NRCan-NRCan_0510"/>
    <s v="In Production"/>
    <s v="web"/>
    <x v="1"/>
    <x v="2153"/>
  </r>
  <r>
    <x v="5"/>
    <x v="94"/>
    <x v="5568"/>
    <s v="GMS-GFM"/>
    <s v="Interactive plot generation of the geoelectric field estimated from the one minute variations of the geomagnetic field.  http://www.spaceweather.gc.ca/plot-tracee/geo-eng.php"/>
    <s v=""/>
    <x v="1"/>
    <s v=""/>
    <x v="36"/>
    <s v="NRCan Canadian Hazards Information Service"/>
    <s v="Other"/>
    <s v="NRCan-NRCan_0511"/>
    <s v="In Production"/>
    <s v="web"/>
    <x v="1"/>
    <x v="2152"/>
  </r>
  <r>
    <x v="5"/>
    <x v="94"/>
    <x v="5569"/>
    <s v="GMS-MP"/>
    <s v="Interactive application to generate magnetic activity plots (magnetograms)  http://www.spaceweather.gc.ca/plot-tracee/ssp-2-eng.php  http://www.intermagnet.org/data-donnee/dataplot-eng.php  http://www.spaceweather.gc.ca/plot-tracee/mp-eng.php?plot_type=magnetic"/>
    <s v=""/>
    <x v="1"/>
    <s v=""/>
    <x v="36"/>
    <s v="NRCan Canadian Hazards Information Service"/>
    <s v="Other"/>
    <s v="NRCan-NRCan_0512"/>
    <s v="In Production"/>
    <s v="web"/>
    <x v="1"/>
    <x v="2152"/>
  </r>
  <r>
    <x v="5"/>
    <x v="94"/>
    <x v="5570"/>
    <s v="GMS-SPRR"/>
    <s v="Stackplot of past 24 hours of magnetic data collected at Canadian observatories, updated in near real time  http://www.spaceweather.gc.ca/plot-tracee/ssp-2-eng.php"/>
    <s v=""/>
    <x v="1"/>
    <s v=""/>
    <x v="36"/>
    <s v="NRCan Canadian Hazards Information Service"/>
    <s v="Other"/>
    <s v="NRCan-NRCan_0513"/>
    <s v="In Production"/>
    <s v="web"/>
    <x v="1"/>
    <x v="2152"/>
  </r>
  <r>
    <x v="5"/>
    <x v="94"/>
    <x v="5571"/>
    <s v="GMS-SPA"/>
    <s v="Stackplot of 24 hours of magnetic data collected at Canadian observatories, archive  http://www.spaceweather.gc.ca/plot-tracee/ssp-1-eng.php"/>
    <s v=""/>
    <x v="1"/>
    <s v=""/>
    <x v="36"/>
    <s v="NRCan Canadian Hazards Information Service"/>
    <s v="Other"/>
    <s v="NRCan-NRCan_0514"/>
    <s v="In Production"/>
    <s v="web"/>
    <x v="1"/>
    <x v="2152"/>
  </r>
  <r>
    <x v="5"/>
    <x v="94"/>
    <x v="5572"/>
    <s v="GMS-SRFL"/>
    <s v="Latest Solar Radio Flux Report from NRC's DRAO, Penticton distributed by NRCan Geomagnetic Laboratory  http://www.spaceweather.gc.ca/solarflux/sx-4-eng.php"/>
    <s v=""/>
    <x v="1"/>
    <s v=""/>
    <x v="36"/>
    <s v="NRCan Canadian Hazards Information Service"/>
    <s v="Other"/>
    <s v="NRCan-NRCan_0515"/>
    <s v="In Production"/>
    <s v="web"/>
    <x v="1"/>
    <x v="2152"/>
  </r>
  <r>
    <x v="5"/>
    <x v="94"/>
    <x v="5573"/>
    <s v="GMS-SRFA"/>
    <s v="Solar radio flux values averages from NRC's DRAO, Penticton distributed and analyzed by the Geomagnetic Laboratory  http://www.spaceweather.gc.ca/solarflux/sx-5-eng.php"/>
    <s v=""/>
    <x v="1"/>
    <s v=""/>
    <x v="36"/>
    <s v="NRCan Canadian Hazards Information Service"/>
    <s v="Other"/>
    <s v="NRCan-NRCan_0516"/>
    <s v="In Production"/>
    <s v="web"/>
    <x v="1"/>
    <x v="2152"/>
  </r>
  <r>
    <x v="5"/>
    <x v="94"/>
    <x v="5574"/>
    <s v="GMS-PS"/>
    <s v="Interactive application for monitoring Pipe to soil potential on pipelines  http://www.spaceweather.gc.ca/service-pipeline/se-pip-o-eng.php  http://www.spaceweather.gc.ca/service-pipeline/se-pip-psp-eng.php"/>
    <s v=""/>
    <x v="1"/>
    <s v=""/>
    <x v="36"/>
    <s v="NRCan Canadian Hazards Information Service"/>
    <s v="Other"/>
    <s v="NRCan-NRCan_0517"/>
    <s v="In Production"/>
    <s v="web"/>
    <x v="1"/>
    <x v="2152"/>
  </r>
  <r>
    <x v="5"/>
    <x v="94"/>
    <x v="5575"/>
    <s v="GMS-SSEF"/>
    <s v="Interactive application for monitoring electron flux, used by satellite operators  http://www.spaceweather.gc.ca/service-satellite/mpf-eng.php?&amp;iaga_code=WHS"/>
    <s v=""/>
    <x v="1"/>
    <s v=""/>
    <x v="36"/>
    <s v="NRCan Canadian Hazards Information Service"/>
    <s v="Other"/>
    <s v="NRCan-NRCan_0518"/>
    <s v="In Production"/>
    <s v="web"/>
    <x v="1"/>
    <x v="2153"/>
  </r>
  <r>
    <x v="5"/>
    <x v="94"/>
    <x v="5576"/>
    <s v="EQCan-HazCalc1985"/>
    <s v="For given latitude and longitude location, calculate the seismic hazard values that can be used with the design requirements of the 1985 National Building Codes of Canada.  http://www.earthquakescanada.nrcan.gc.ca/hazard-alea/interpolat/index_1985-eng.php"/>
    <s v=""/>
    <x v="1"/>
    <s v=""/>
    <x v="36"/>
    <s v="NRCan Canadian Hazards Information Service"/>
    <s v="Other"/>
    <s v="NRCan-NRCan_0520"/>
    <s v="In Production"/>
    <s v="web"/>
    <x v="1"/>
    <x v="2154"/>
  </r>
  <r>
    <x v="5"/>
    <x v="94"/>
    <x v="5577"/>
    <s v="CCDS-TW"/>
    <s v="Geoscape portal Prototype interface for GPS/GNSS augmentation for tsunami warning; restricted access for tsunami warning centres, collaborators, etc.; - specific port and password protected  http://wcda.pgc.nrcan.gc.ca/wcda/tsunami-eng.php"/>
    <s v=""/>
    <x v="1"/>
    <s v=""/>
    <x v="36"/>
    <s v="NRCan Canadian Hazards Information Service"/>
    <s v="Other"/>
    <s v="NRCan-NRCan_0522"/>
    <s v="In Production"/>
    <s v="web"/>
    <x v="1"/>
    <x v="2155"/>
  </r>
  <r>
    <x v="5"/>
    <x v="94"/>
    <x v="5578"/>
    <s v="CCDS-DM"/>
    <s v="Prototype interface for GPS/GNSS augmentation for tsunami warning; restricted access for tsunami warning centres, collaborators, etc.; - specific port and password protected  Monitor GNSS data quality and promptness; restricted access for staff who work in the section only;  password protected  http://wcda.pgc.nrcan.gc.ca/datamon/"/>
    <s v=""/>
    <x v="1"/>
    <s v=""/>
    <x v="36"/>
    <s v="NRCan Canadian Hazards Information Service"/>
    <s v="Other"/>
    <s v="NRCan-NRCan_0524"/>
    <s v="In Production"/>
    <s v="web"/>
    <x v="1"/>
    <x v="2155"/>
  </r>
  <r>
    <x v="5"/>
    <x v="94"/>
    <x v="5579"/>
    <s v="CCDS-ETS"/>
    <s v="The application is used to display the time series of GPS position changes over time showing the trend and helping identify the occurrence of Episodic Tremor and Slip events in Cascadia Subduction Zone at SW BC.  http://www.earthquakescanada.nrcan.gc.ca/etools/etsmon-eng.php  http://www.seismescanada.rncan.gc.ca/etools/etsmap-eng.php"/>
    <s v=""/>
    <x v="1"/>
    <s v=""/>
    <x v="36"/>
    <s v="NRCan Canadian Hazards Information Service"/>
    <s v="Other"/>
    <s v="NRCan-NRCan_0525"/>
    <s v="In Production"/>
    <s v="web"/>
    <x v="1"/>
    <x v="2156"/>
  </r>
  <r>
    <x v="5"/>
    <x v="94"/>
    <x v="5580"/>
    <s v="TAMS"/>
    <s v="Reports of the Tremor Activity Monitoring System (TAMS) for Vancouver Island.  The web application is used to display the analysis results from the Tremor Activity Monitoring System (TAMS), which is designed to analyze seismic waveform for the tremor pattern recognition and quantitative evaluation of the activity level to recognize  the occurrence of Episodic and Tremor Slip (ETS) events at the early stage in Cascadia subduction zone at SW BC.     http://www.seismescanada.rncan.gc.ca/etools/tams-eng.php"/>
    <s v=""/>
    <x v="1"/>
    <s v=""/>
    <x v="36"/>
    <s v="NRCan Public Safety Geoscience"/>
    <s v="Other"/>
    <s v="NRCan-NRCan_0526"/>
    <s v="In Production"/>
    <s v="web"/>
    <x v="1"/>
    <x v="2157"/>
  </r>
  <r>
    <x v="5"/>
    <x v="14"/>
    <x v="5581"/>
    <s v="NGWD"/>
    <s v="NRCan/GoC ownership;  NRCan portal to NRCan groundwater information and some provincial info.  http://ngwd-bdnes.cits.nrcan.gc.ca"/>
    <s v=""/>
    <x v="1"/>
    <s v=""/>
    <x v="36"/>
    <s v="Groundwater"/>
    <s v="Other"/>
    <s v="NRCan-NRCan_0529"/>
    <s v="In Production"/>
    <s v="web"/>
    <x v="1"/>
    <x v="2158"/>
  </r>
  <r>
    <x v="3"/>
    <x v="45"/>
    <x v="5582"/>
    <s v="Aquifer database"/>
    <s v="Internal web application to manage aquifer datasets and vocabularies"/>
    <s v=""/>
    <x v="1"/>
    <s v=""/>
    <x v="36"/>
    <s v="Groundwater Geoscience"/>
    <s v="Information Management Services"/>
    <s v="NRCan-NRCan_0532"/>
    <s v="In Production"/>
    <s v="web"/>
    <x v="1"/>
    <x v="2159"/>
  </r>
  <r>
    <x v="0"/>
    <x v="42"/>
    <x v="5583"/>
    <s v="CSRS"/>
    <s v="Umbrella for Web Tools and application to deliver CSRS Products and Data. These aplications are listed below"/>
    <s v=""/>
    <x v="1"/>
    <s v=""/>
    <x v="36"/>
    <s v="Geodetic Reference Systems"/>
    <s v="Other"/>
    <s v="NRCan-NRCan_0535"/>
    <s v="In Production"/>
    <s v="web"/>
    <x v="1"/>
    <x v="2160"/>
  </r>
  <r>
    <x v="0"/>
    <x v="19"/>
    <x v="5584"/>
    <s v=""/>
    <s v="Login page for accessing CSRS Products and Data  http://webapp.geod.nrcan.gc.ca/geod/account-compte/login.php"/>
    <s v=""/>
    <x v="1"/>
    <s v=""/>
    <x v="36"/>
    <s v="Geodetic Reference Systems"/>
    <s v="Other"/>
    <s v="NRCan-NRCan_0536"/>
    <s v="In Production"/>
    <s v="web"/>
    <x v="1"/>
    <x v="2161"/>
  </r>
  <r>
    <x v="5"/>
    <x v="98"/>
    <x v="5585"/>
    <s v=""/>
    <s v="Interface to download Geoid Models  http://webapp.geod.nrcan.gc.ca/geod/data-donnees/geoid.php?locale=en"/>
    <s v=""/>
    <x v="1"/>
    <s v=""/>
    <x v="36"/>
    <s v="Geodetic Reference Systems"/>
    <s v="Other"/>
    <s v="NRCan-NRCan_0537"/>
    <s v="In Production"/>
    <s v="web"/>
    <x v="1"/>
    <x v="2161"/>
  </r>
  <r>
    <x v="5"/>
    <x v="90"/>
    <x v="5586"/>
    <s v="CBN"/>
    <s v="Retrieve information on CBN and other passive networks  http://webapp.geod.nrcan.gc.ca/geod/data-donnees/passive-passif.php?network=CBN&amp;locale=en"/>
    <s v=""/>
    <x v="1"/>
    <s v=""/>
    <x v="36"/>
    <s v="Geodetic Reference Systems"/>
    <s v="Other"/>
    <s v="NRCan-NRCan_0538"/>
    <s v="In Production"/>
    <s v="mini_main_super"/>
    <x v="1"/>
    <x v="2161"/>
  </r>
  <r>
    <x v="5"/>
    <x v="94"/>
    <x v="5587"/>
    <s v=""/>
    <s v="Interface to download SGB/CGS Desktop applications  http://webapp.geod.nrcan.gc.ca/geod/tools-outils/applications.php  Login required to access applications."/>
    <s v=""/>
    <x v="1"/>
    <s v=""/>
    <x v="36"/>
    <s v="Geodetic Reference Systems"/>
    <s v="Other"/>
    <s v="NRCan-NRCan_0539"/>
    <s v="In Production"/>
    <s v="web"/>
    <x v="1"/>
    <x v="577"/>
  </r>
  <r>
    <x v="6"/>
    <x v="33"/>
    <x v="5588"/>
    <s v=""/>
    <s v="The GNSS calendar is an application allowing users to view on a gregorian calendar the Day of Year, the Modified Julian Day, the GNSS Week number and the GNSS days of the week.  http://webapp.geod.nrcan.gc.ca/geod/tools-outils/calendr.php"/>
    <s v=""/>
    <x v="1"/>
    <s v=""/>
    <x v="36"/>
    <s v="Geodetic Reference Systems"/>
    <s v="Other"/>
    <s v="NRCan-NRCan_0540"/>
    <s v="In Production"/>
    <s v="web"/>
    <x v="1"/>
    <x v="2161"/>
  </r>
  <r>
    <x v="5"/>
    <x v="94"/>
    <x v="5589"/>
    <s v="GPS-H"/>
    <s v="GPS·H allows the conversion of ellipsoidal heights h, that are either NAD83 (CSRS) or ITRF, to orthometric heights H (heights above mean sea level) by using a gravimetric or hybrid geoid model. CGG2013 and HTv2_0 convert to CGVD2013 and CGVD28, respectively. The other geoid models do not convert to either CGVD2013 or CGVD28, but to their own reference system.  http://webapp.geod.nrcan.gc.ca/geod/tools-outils/gpsh.php"/>
    <s v=""/>
    <x v="1"/>
    <s v=""/>
    <x v="36"/>
    <s v="Geodetic Reference Systems"/>
    <s v="Other"/>
    <s v="NRCan-NRCan_0541"/>
    <s v="In Production"/>
    <s v="web"/>
    <x v="1"/>
    <x v="2161"/>
  </r>
  <r>
    <x v="5"/>
    <x v="94"/>
    <x v="5590"/>
    <s v="INDIR"/>
    <s v="The INDIR Inverse-Direct computation tool performs either a geodetic direct or inverse computation. Direct uses a starting point's geographic coordinates, an azimuth and a distance to compute the geographic coordinates of the end point. Inverse uses geogr  http://webapp.geod.nrcan.gc.ca/geod/tools-outils/indir.php"/>
    <s v=""/>
    <x v="1"/>
    <s v=""/>
    <x v="36"/>
    <s v="Geodetic Reference Systems"/>
    <s v="Other"/>
    <s v="NRCan-NRCan_0542"/>
    <s v="In Production"/>
    <s v="web"/>
    <x v="1"/>
    <x v="2161"/>
  </r>
  <r>
    <x v="5"/>
    <x v="94"/>
    <x v="5591"/>
    <s v="NTV2"/>
    <s v="The NTv2 National Transformation tool can transform coordinates (geographic, UTM/MTM/Stereo) between the NAD27 and NAD83 reference systems using a binary Grid Shift File (.GSB format). The transformation is 2D (horizontal) therefore heights are not required.  http://webapp.geod.nrcan.gc.ca/geod/tools-outils/ntv2.php"/>
    <s v=""/>
    <x v="1"/>
    <s v=""/>
    <x v="36"/>
    <s v="Geodetic Reference Systems"/>
    <s v="Other"/>
    <s v="NRCan-NRCan_0543"/>
    <s v="In Production"/>
    <s v="web"/>
    <x v="1"/>
    <x v="2161"/>
  </r>
  <r>
    <x v="5"/>
    <x v="94"/>
    <x v="5592"/>
    <s v="CSRS-PPP"/>
    <s v="CSRS-PPP is an online application for GNSS data post-processing that allows users to submit observation data over the Internet and recover, using precise GNSS Orbit and Clock information, enhanced positioning precisions in the Canadian Spatial Reference S  http://webapp.geod.nrcan.gc.ca/geod/tools-outils/ppp.php?locale=en"/>
    <s v=""/>
    <x v="1"/>
    <s v=""/>
    <x v="36"/>
    <s v="Geodetic Reference Systems"/>
    <s v="Other"/>
    <s v="NRCan-NRCan_0544"/>
    <s v="In Production"/>
    <s v="mini_main_super"/>
    <x v="1"/>
    <x v="2162"/>
  </r>
  <r>
    <x v="5"/>
    <x v="94"/>
    <x v="5593"/>
    <s v="TRX"/>
    <s v="TRX is a new coordinates transformation tool that combines and replaces GSRUG and TRNOBS. The tool allows for transformation between NAD83 (CSRS) and ITRF realizations as well as transformations between geographic, cartesian and local projections systems (UTM, MTM, custom projections and stereographic).  http://webapp.geod.nrcan.gc.ca/geod/tools-outils/trx.php?locale=en"/>
    <s v=""/>
    <x v="1"/>
    <s v=""/>
    <x v="36"/>
    <s v="Geodetic Reference Systems"/>
    <s v="Other"/>
    <s v="NRCan-NRCan_0545"/>
    <s v="In Production"/>
    <s v="mini_main_super"/>
    <x v="1"/>
    <x v="2161"/>
  </r>
  <r>
    <x v="0"/>
    <x v="28"/>
    <x v="5594"/>
    <s v="SRIS-E"/>
    <s v="Public web application to access SRIS attribute information and links to over 140,000 survey plans and related document images.  http://clss.nrcan.gc.ca/advancedprojectsearch-rechercheprojetavance-eng.php"/>
    <s v=""/>
    <x v="1"/>
    <s v=""/>
    <x v="36"/>
    <s v="Canada Lands Survey Program"/>
    <s v="Information Management Services,Other"/>
    <s v="NRCan-NRCan_0547"/>
    <s v="In Production"/>
    <s v="web"/>
    <x v="1"/>
    <x v="2163"/>
  </r>
  <r>
    <x v="0"/>
    <x v="28"/>
    <x v="5595"/>
    <s v="PMIS-E"/>
    <s v="Project Management Information System provides access to survey project information"/>
    <s v=""/>
    <x v="1"/>
    <s v=""/>
    <x v="36"/>
    <s v="Canada Lands Survey Program"/>
    <s v="Information Management Services,Other"/>
    <s v="NRCan-NRCan_0548"/>
    <s v="In Production"/>
    <s v="web"/>
    <x v="1"/>
    <x v="2163"/>
  </r>
  <r>
    <x v="3"/>
    <x v="46"/>
    <x v="5596"/>
    <s v="OGT"/>
    <s v="Tools for providing well offset and grid coordinates for the Canada Oil and Gas Regulations.  Grid converter http://clss.nrcan.gc.ca/oggrid-grillehg-eng.php  Well Offset http://clss.nrcan.gc.ca/well-eng.php"/>
    <s v=""/>
    <x v="1"/>
    <s v=""/>
    <x v="36"/>
    <s v="Canada Lands Survey Program"/>
    <s v="Information Management Services,Other"/>
    <s v="NRCan-NRCan_0549"/>
    <s v="In Production"/>
    <s v="web"/>
    <x v="1"/>
    <x v="2164"/>
  </r>
  <r>
    <x v="3"/>
    <x v="30"/>
    <x v="5597"/>
    <s v="MyCLSS"/>
    <s v="Collaborative portal to manage survey projects between SGB and Association of Canada Lands Surveyors.  http://www.myclss.ca/"/>
    <s v=""/>
    <x v="1"/>
    <s v=""/>
    <x v="36"/>
    <s v="Canada Lands Survey Program"/>
    <s v="Information Management Services,Other"/>
    <s v="NRCan-NRCan_0551"/>
    <s v="In Production"/>
    <s v="web"/>
    <x v="1"/>
    <x v="2165"/>
  </r>
  <r>
    <x v="0"/>
    <x v="28"/>
    <x v="5598"/>
    <s v="TOPIC"/>
    <s v="Ecoinformatic platform that contains data of the functional traits of vascular flora of Canada._x000a__x000a_http://topic.rncan.gc.ca/?lang=e_x000a__x000a_Static website"/>
    <s v=""/>
    <x v="1"/>
    <s v=""/>
    <x v="36"/>
    <s v="Enhancing Forest Climate Change Adaptation &amp; Mitigation Strategies"/>
    <s v="Other"/>
    <s v="NRCan-NRCan_0552"/>
    <s v="In Production"/>
    <s v="web"/>
    <x v="1"/>
    <x v="2061"/>
  </r>
  <r>
    <x v="8"/>
    <x v="29"/>
    <x v="5599"/>
    <s v="MOD"/>
    <m/>
    <s v=""/>
    <x v="1"/>
    <s v=""/>
    <x v="36"/>
    <s v="Mineral Mining Production Survey"/>
    <s v="Other"/>
    <s v="NRCan-NRCan_0553"/>
    <s v="In Production"/>
    <s v="web"/>
    <x v="1"/>
    <x v="2166"/>
  </r>
  <r>
    <x v="8"/>
    <x v="29"/>
    <x v="5600"/>
    <s v="IDL"/>
    <m/>
    <s v=""/>
    <x v="1"/>
    <s v=""/>
    <x v="36"/>
    <s v="Mineral and Mining Production Survey and Statistics"/>
    <s v="Other"/>
    <s v="NRCan-NRCan_0557"/>
    <s v="In Production"/>
    <s v="web"/>
    <x v="1"/>
    <x v="2167"/>
  </r>
  <r>
    <x v="8"/>
    <x v="29"/>
    <x v="5601"/>
    <s v="TDL"/>
    <s v="Extracts data from ITD CD for insertion and update of the TRAGS database"/>
    <s v=""/>
    <x v="1"/>
    <s v=""/>
    <x v="36"/>
    <s v="Natural Resources Trade Statistics"/>
    <s v="Other"/>
    <s v="NRCan-NRCan_0558"/>
    <s v="In Production"/>
    <s v="desktop"/>
    <x v="1"/>
    <x v="2168"/>
  </r>
  <r>
    <x v="0"/>
    <x v="42"/>
    <x v="5602"/>
    <s v="CMLD"/>
    <s v="Intranet web reports portal"/>
    <s v=""/>
    <x v="1"/>
    <s v=""/>
    <x v="36"/>
    <s v="CMIN"/>
    <s v="Management and Oversight Services"/>
    <s v="NRCan-NRCan_0559"/>
    <s v="In Production"/>
    <s v="web"/>
    <x v="1"/>
    <x v="2169"/>
  </r>
  <r>
    <x v="10"/>
    <x v="84"/>
    <x v="5603"/>
    <s v="LSF"/>
    <s v="Système permettant de faire la répartition des tâches (job dispatcher) sur différents groupes de serveurs pour le traitement de données géospatials.  System to make the division of labor (job dispatcher) on different server groups for the treatment of Geospatial data. Each server group has a series of specialized geomatics software for data processing.  The company Platform Computing (creator of Platform LSF) was purchased by IBM. Since the product is called IBM Platform LSF. The software has either been transferred to Shared Service Canada, but that affect the configuration of servers and groups remained with the sector."/>
    <s v="Other"/>
    <x v="1"/>
    <s v="IBM/ LSF"/>
    <x v="36"/>
    <s v="Essential Geographic Information"/>
    <s v="Other"/>
    <s v="NRCan-NRCan_0560"/>
    <s v="In Production"/>
    <s v="web"/>
    <x v="0"/>
    <x v="86"/>
  </r>
  <r>
    <x v="5"/>
    <x v="94"/>
    <x v="5604"/>
    <s v="CATREF"/>
    <s v="Suite of programs to perform, manipulate and maintain 4D reference frame combinations in order to define coordinates and velocities that define the Canadian Spatial Reference System"/>
    <s v=""/>
    <x v="1"/>
    <s v=""/>
    <x v="36"/>
    <s v="NRCan Canadian Hazards Information Service"/>
    <s v="Other"/>
    <s v="NRCan-NRCan_0561"/>
    <s v="In Production"/>
    <s v="mini_main_super"/>
    <x v="1"/>
    <x v="86"/>
  </r>
  <r>
    <x v="0"/>
    <x v="28"/>
    <x v="5605"/>
    <s v="PSIS"/>
    <s v="Provides access to historical pest survey data from across the country, including content from Federal and Provincial/Territorial pest management agencies.  Users can query the database and export or interactively map the results.  The portal also contains a wealth of forest pest related documentation, including survey methodologies, pest management guidebooks, diagnostic aids, and other reference material."/>
    <s v=""/>
    <x v="1"/>
    <s v=""/>
    <x v="36"/>
    <s v="Enhancing Forest Pest Risk Management"/>
    <s v="Other"/>
    <s v="NRCan-NRCan_0563"/>
    <s v="In Production"/>
    <s v="web"/>
    <x v="1"/>
    <x v="2170"/>
  </r>
  <r>
    <x v="0"/>
    <x v="8"/>
    <x v="5606"/>
    <s v="NFCI"/>
    <s v="The NoFC Intranet encompases the other apps that were on the original sheet. For example, NoFC Archives and publications Tracking are part of our Intranet and should be captured as one record."/>
    <s v=""/>
    <x v="1"/>
    <s v=""/>
    <x v="36"/>
    <s v="Internal Services"/>
    <s v="Information Management Services,Other"/>
    <s v="NRCan-NRCan_0564"/>
    <s v="In Production"/>
    <s v="web"/>
    <x v="1"/>
    <x v="2071"/>
  </r>
  <r>
    <x v="2"/>
    <x v="32"/>
    <x v="5607"/>
    <s v="FWFSS"/>
    <s v="Fire alarm system"/>
    <s v="Troy Fire and Life safety"/>
    <x v="14"/>
    <s v="Fireworks Fire System Module"/>
    <x v="36"/>
    <s v="Internal Services"/>
    <s v="Real Property Services"/>
    <s v="APP-00150"/>
    <s v="In Production"/>
    <s v="desktop"/>
    <x v="0"/>
    <x v="86"/>
  </r>
  <r>
    <x v="5"/>
    <x v="100"/>
    <x v="5608"/>
    <s v="Tecplot"/>
    <m/>
    <s v="Other"/>
    <x v="1"/>
    <s v="Tecplot, Inc."/>
    <x v="36"/>
    <s v="PAA 2.2.3.1.1 Fossil Fuels"/>
    <s v="Other"/>
    <s v="NRCan-NRCan_0576"/>
    <s v="In Production"/>
    <s v="desktop"/>
    <x v="0"/>
    <x v="2171"/>
  </r>
  <r>
    <x v="3"/>
    <x v="30"/>
    <x v="5609"/>
    <s v="PMIS-I"/>
    <s v="Web application to manage survey projects"/>
    <s v=""/>
    <x v="1"/>
    <s v=""/>
    <x v="36"/>
    <s v="Canada Lands Survey Program"/>
    <s v="Information Management Services,Other"/>
    <s v="NRCan-NRCan_0611"/>
    <s v="In Production"/>
    <s v="web"/>
    <x v="1"/>
    <x v="2172"/>
  </r>
  <r>
    <x v="5"/>
    <x v="94"/>
    <x v="5610"/>
    <s v="GPSTk"/>
    <s v="Open source library and suite of applications, utilities and software libraries for the analysis of GPS data"/>
    <s v="Other"/>
    <x v="1"/>
    <s v="U Texas / GPSTk"/>
    <x v="36"/>
    <s v="Geodetic Reference Systems"/>
    <s v="Other"/>
    <s v="NRCan-NRCan_0613"/>
    <s v="In Production"/>
    <s v="mini_main_super"/>
    <x v="0"/>
    <x v="86"/>
  </r>
  <r>
    <x v="5"/>
    <x v="94"/>
    <x v="5611"/>
    <s v=""/>
    <s v="Suite of applications 24/7, near-real time processes to compute ionospheric data"/>
    <s v=""/>
    <x v="1"/>
    <s v=""/>
    <x v="36"/>
    <s v="Geodetic Reference Systems"/>
    <s v="Other"/>
    <s v="NRCan-NRCan_0618"/>
    <s v="In Production"/>
    <s v="mini_main_super"/>
    <x v="1"/>
    <x v="2173"/>
  </r>
  <r>
    <x v="5"/>
    <x v="94"/>
    <x v="5612"/>
    <s v="POD"/>
    <s v="Suite of applications for precise GNSS orbits &amp; clocks corrections"/>
    <s v=""/>
    <x v="1"/>
    <s v=""/>
    <x v="36"/>
    <s v="Geodetic Reference Systems"/>
    <s v="Other"/>
    <s v="NRCan-NRCan_0622"/>
    <s v="In Production"/>
    <s v="mini_main_super"/>
    <x v="1"/>
    <x v="86"/>
  </r>
  <r>
    <x v="5"/>
    <x v="94"/>
    <x v="5613"/>
    <s v=""/>
    <s v="System of applications and scripts for the processing of gravity and geoid models (it includes applications for managing and organizing data and validating results)"/>
    <s v=""/>
    <x v="1"/>
    <s v=""/>
    <x v="36"/>
    <s v="Geodetic Reference Systems"/>
    <s v="Other"/>
    <s v="NRCan-NRCan_0623"/>
    <s v="In Production"/>
    <s v="mini_main_super"/>
    <x v="1"/>
    <x v="545"/>
  </r>
  <r>
    <x v="5"/>
    <x v="94"/>
    <x v="5614"/>
    <s v=""/>
    <s v="System of applications and scripts for the processing of GRACE monthly data for the monitoring of total water variation (surface and ground water)"/>
    <s v=""/>
    <x v="1"/>
    <s v=""/>
    <x v="36"/>
    <s v="Geodetic Reference Systems"/>
    <s v="Other"/>
    <s v="NRCan-NRCan_0624"/>
    <s v="In Production"/>
    <s v="mini_main_super"/>
    <x v="1"/>
    <x v="545"/>
  </r>
  <r>
    <x v="10"/>
    <x v="55"/>
    <x v="5615"/>
    <s v="NTRIP"/>
    <s v="Server/caster/client modules (part of CACS - NRCan_0226)"/>
    <s v="Other"/>
    <x v="1"/>
    <s v="Ntrip Casters"/>
    <x v="36"/>
    <s v="Geodetic Reference Systems"/>
    <s v="Other"/>
    <s v="NRCan-NRCan_0629"/>
    <s v="In Production"/>
    <s v="mini_main_super"/>
    <x v="0"/>
    <x v="2174"/>
  </r>
  <r>
    <x v="10"/>
    <x v="55"/>
    <x v="5616"/>
    <s v="IPRelay"/>
    <s v="Manage bi-directional flow of real-time data and correction service products  (part of CACS - NRCan_0226)"/>
    <s v=""/>
    <x v="1"/>
    <s v=""/>
    <x v="36"/>
    <s v="Geodetic Reference Systems"/>
    <s v="Other"/>
    <s v="NRCan-NRCan_0630"/>
    <s v="In Production"/>
    <s v="mini_main_super"/>
    <x v="1"/>
    <x v="2175"/>
  </r>
  <r>
    <x v="5"/>
    <x v="94"/>
    <x v="5617"/>
    <s v=""/>
    <s v=""/>
    <s v=""/>
    <x v="1"/>
    <s v=""/>
    <x v="36"/>
    <s v="Geodetic Reference Systems"/>
    <s v="Other"/>
    <s v="NRCan-NRCan_0631"/>
    <s v="In Production"/>
    <s v="mini_main_super"/>
    <x v="1"/>
    <x v="86"/>
  </r>
  <r>
    <x v="5"/>
    <x v="94"/>
    <x v="5618"/>
    <s v="Berneese/BSW"/>
    <s v="Suite of programs for processing GNSS data in baseline mode and combining solutions to generate positions and velocities.  (Part of CACS NRCan_0226 and CSRS NRCan_0228)"/>
    <s v="Other"/>
    <x v="1"/>
    <s v="AIUB Bernese"/>
    <x v="36"/>
    <s v="Geodetic Reference Systems"/>
    <s v="Other"/>
    <s v="NRCan-NRCan_0632"/>
    <s v="In Production"/>
    <s v="mini_main_super"/>
    <x v="0"/>
    <x v="2176"/>
  </r>
  <r>
    <x v="5"/>
    <x v="94"/>
    <x v="5619"/>
    <s v="GIPSY"/>
    <s v="GNSS processing software"/>
    <s v="Other"/>
    <x v="1"/>
    <s v="JPL Gipsy"/>
    <x v="36"/>
    <s v="Geodetic Reference Systems"/>
    <s v="Other"/>
    <s v="NRCan-NRCan_0633"/>
    <s v="In Production"/>
    <s v="mini_main_super"/>
    <x v="0"/>
    <x v="86"/>
  </r>
  <r>
    <x v="5"/>
    <x v="94"/>
    <x v="5620"/>
    <s v="GMT"/>
    <s v="Suite of tools for manipulating position data  and generating publication-quality illustrations of geodetic and geophysical data."/>
    <s v="Other"/>
    <x v="1"/>
    <s v="SOEST / GMT"/>
    <x v="36"/>
    <s v="Geodetic Reference Systems"/>
    <s v="Other"/>
    <s v="NRCan-NRCan_0635"/>
    <s v="In Production"/>
    <s v="mini_main_super"/>
    <x v="0"/>
    <x v="86"/>
  </r>
  <r>
    <x v="5"/>
    <x v="94"/>
    <x v="5621"/>
    <s v="MATLAB"/>
    <s v="Hgh-level language and interactive environment for numerical computation, visualization, and programming."/>
    <s v="Other"/>
    <x v="1"/>
    <s v="Mathworks"/>
    <x v="36"/>
    <s v="Geodetic Reference Systems"/>
    <s v="Other"/>
    <s v="NRCan-NRCan_0636"/>
    <s v="In Production"/>
    <s v="mini_main_super"/>
    <x v="0"/>
    <x v="86"/>
  </r>
  <r>
    <x v="6"/>
    <x v="24"/>
    <x v="5622"/>
    <s v="TUTOS"/>
    <s v="Tool to manage the organizational needs of small groups, teams  (part of CACS - NRCan_0226)"/>
    <s v="Other"/>
    <x v="1"/>
    <s v="TUTOS"/>
    <x v="36"/>
    <s v="Geodetic Reference Systems"/>
    <s v="Other"/>
    <s v="NRCan-NRCan_0637"/>
    <s v="In Production"/>
    <s v="mini_main_super"/>
    <x v="0"/>
    <x v="593"/>
  </r>
  <r>
    <x v="5"/>
    <x v="94"/>
    <x v="5623"/>
    <s v="GHOST"/>
    <s v="Suite of programs and utilities to perform, manipulate and maintain 3D geodetic network adjustments to determine coordinates that define the Canadian Spatial Reference System."/>
    <s v=""/>
    <x v="1"/>
    <s v=""/>
    <x v="36"/>
    <s v="Geodetic Reference Systems"/>
    <s v="Other"/>
    <s v="NRCan-NRCan_0638"/>
    <s v="In Production"/>
    <s v="mini_main_super"/>
    <x v="1"/>
    <x v="2176"/>
  </r>
  <r>
    <x v="5"/>
    <x v="94"/>
    <x v="5624"/>
    <s v="SINEX"/>
    <s v="Suite of programs and utilities to perform, manipulate and maintain 4D reference frame combinations in order ro define coordinates and velocities that define the Canadian Spatial Reference System"/>
    <s v=""/>
    <x v="1"/>
    <s v=""/>
    <x v="36"/>
    <s v="Geodetic Reference Systems"/>
    <s v="Other"/>
    <s v="NRCan-NRCan_0640"/>
    <s v="In Production"/>
    <s v="mini_main_super"/>
    <x v="1"/>
    <x v="2176"/>
  </r>
  <r>
    <x v="5"/>
    <x v="94"/>
    <x v="5625"/>
    <s v="RACS"/>
    <s v="System of applications to acquire raw GPS data from remote sites, decode into RINEX format, archive on CGS servers, on password protected FTP server and submit to public archives.  Includes COTS utilities TEQC, sharc, convert, runpkr00, R-Utilities, lapdogs, and rnxcmp (part of CACS - NRCan_0226)"/>
    <s v=""/>
    <x v="1"/>
    <s v=""/>
    <x v="36"/>
    <s v="Geodetic Reference Systems"/>
    <s v="Other"/>
    <s v="NRCan-NRCan_0646"/>
    <s v="In Production"/>
    <s v="mini_main_super"/>
    <x v="1"/>
    <x v="86"/>
  </r>
  <r>
    <x v="3"/>
    <x v="45"/>
    <x v="5626"/>
    <s v="EMC-DB"/>
    <s v="Applications that together support management of Earth Materials Collection data holdings: Rock Sample Inventory, Paleo Type and Paleo Locality Databases, National Mineral Collection database, Historical Literature Search.  All use same infrastructure."/>
    <s v=""/>
    <x v="1"/>
    <s v=""/>
    <x v="36"/>
    <s v="Landmass Information (3.2)"/>
    <s v="Other"/>
    <s v="NRCan-NRCan_0648"/>
    <s v="In Production"/>
    <s v="web"/>
    <x v="1"/>
    <x v="2177"/>
  </r>
  <r>
    <x v="0"/>
    <x v="0"/>
    <x v="5627"/>
    <s v="Opalis"/>
    <s v="Système permettant de la faire la gestion de flux de données (workflow manager) dans un contexte de données géospatiales. Ce système est utilisé pour faire la gestion et la validation des données géospatiales."/>
    <s v="Microsoft_Corporation"/>
    <x v="1"/>
    <s v="System Center 2012 Datacenter Server Management License (2-processor)"/>
    <x v="36"/>
    <s v="Essential Geographic Information"/>
    <s v="Other"/>
    <s v="NRCan-NRCan_0650"/>
    <s v="In Production"/>
    <s v="web"/>
    <x v="0"/>
    <x v="2178"/>
  </r>
  <r>
    <x v="3"/>
    <x v="45"/>
    <x v="5628"/>
    <s v="RAC"/>
    <s v="L'environnement des BDs Oracle non-spatiales ainsi que des BDs Oracle sur la cartouche spatiale SDE, le tout sur une infrastructure RAC ou standalone."/>
    <s v="Oracle_Canada_ULC"/>
    <x v="98"/>
    <s v=""/>
    <x v="36"/>
    <s v="3.2.1 Essential Geographic Information"/>
    <s v="Other"/>
    <s v="NRCan-NRCan_0651"/>
    <s v="In Production"/>
    <s v="web"/>
    <x v="0"/>
    <x v="2179"/>
  </r>
  <r>
    <x v="3"/>
    <x v="30"/>
    <x v="5629"/>
    <s v="SBDPSQL"/>
    <s v="Environnement des BDs postgreSQL non-spatiales, des BDs postgreSQL avec cartouche spatiale SDE et des BDs postgreSQL avec cartouche spatiale PostGIS, le tout sur une infrastructure redondante ou standalone."/>
    <s v="Other"/>
    <x v="1"/>
    <s v="PostgreSQL community PostfreSQL DB"/>
    <x v="36"/>
    <s v="Essential Geographic Information"/>
    <s v="Other"/>
    <s v="NRCan-NRCan_0652"/>
    <s v="In Production"/>
    <s v="web"/>
    <x v="0"/>
    <x v="2180"/>
  </r>
  <r>
    <x v="0"/>
    <x v="28"/>
    <x v="5630"/>
    <s v="PAD"/>
    <s v="This application disseminates data and information about archived geoscience materials"/>
    <s v=""/>
    <x v="1"/>
    <s v=""/>
    <x v="36"/>
    <s v="GEM, GNES, PSG, Environmental Geoscience, CCGP, corporate"/>
    <s v="Information Management Services,Other"/>
    <s v="NRCan-NRCan_0658"/>
    <s v="In Production"/>
    <s v="web"/>
    <x v="1"/>
    <x v="2111"/>
  </r>
  <r>
    <x v="5"/>
    <x v="98"/>
    <x v="5631"/>
    <s v="EODMS"/>
    <s v="The EODMS enables public and government users to intelligently search and easily access the GoC EO raw and product archives managed by NRCan. The search capability features advanced geospatial &quot;Region of interest&quot; (ROI) operators, high-quality Quicklook images, and tools to manage queries and archive access.  https://eodms-sgdot.nrcan-rncan.gc.ca/index_en.jsp"/>
    <s v="Other"/>
    <x v="1"/>
    <s v="Compusult WES Enterprise"/>
    <x v="36"/>
    <s v="Essential Geographic Information"/>
    <s v="Information Management Services,Information Technology Services,Other"/>
    <s v="NRCan-NRCan_0665"/>
    <s v="In Production"/>
    <s v="web"/>
    <x v="0"/>
    <x v="2181"/>
  </r>
  <r>
    <x v="3"/>
    <x v="4"/>
    <x v="5632"/>
    <s v="AMS"/>
    <s v="Proprietary turnkey satellite data archiving and cataloguing management applications, in-house applications to search the archive database."/>
    <s v="Other"/>
    <x v="1"/>
    <s v="MDA AMS"/>
    <x v="36"/>
    <s v="Essential Geographic Information"/>
    <s v="Information Management Services,Information Technology Services,Other"/>
    <s v="NRCan-NRCan_0669"/>
    <s v="In Production"/>
    <s v="web"/>
    <x v="0"/>
    <x v="2182"/>
  </r>
  <r>
    <x v="0"/>
    <x v="28"/>
    <x v="5633"/>
    <s v="CEOCat"/>
    <s v="Enables the general public, Canadian Government at all levels, United States agencies(USGS,NOAA,NASA) targeted access to Radarsat-1 and Radarsat-2 raw scene metadata and browse) using OGC endorsed protocols."/>
    <s v=""/>
    <x v="1"/>
    <s v=""/>
    <x v="36"/>
    <s v=""/>
    <s v="Other"/>
    <s v="NRCan-NRCan_0670"/>
    <s v="In Production"/>
    <s v="web"/>
    <x v="1"/>
    <x v="577"/>
  </r>
  <r>
    <x v="5"/>
    <x v="90"/>
    <x v="5634"/>
    <s v="ICM-Proc"/>
    <s v="Processing of Canada Lands cadastral data for dissemination of geospatial dataistribution in KML, DWG and SHP; special and adhoc distribution to OGD, GEoBASE, GeoGradis."/>
    <s v=""/>
    <x v="1"/>
    <s v=""/>
    <x v="36"/>
    <s v="Canada Lands Survey Program"/>
    <s v="Information Management Services,Other"/>
    <s v="NRCan-NRCan_0671"/>
    <s v="In Production"/>
    <s v="mini_main_super"/>
    <x v="1"/>
    <x v="2183"/>
  </r>
  <r>
    <x v="5"/>
    <x v="90"/>
    <x v="5635"/>
    <s v="CLSS-WS"/>
    <s v="Web servcies for access to Canada Lands cadastral data."/>
    <s v=""/>
    <x v="1"/>
    <s v=""/>
    <x v="36"/>
    <s v="Canada Lands Survey Program"/>
    <s v="Information Management Services,Other"/>
    <s v="NRCan-NRCan_0672"/>
    <s v="In Production"/>
    <s v="web"/>
    <x v="1"/>
    <x v="2184"/>
  </r>
  <r>
    <x v="5"/>
    <x v="90"/>
    <x v="5636"/>
    <s v="CLSS-C"/>
    <s v="Desktop ArcGIS custom tools for creation and editing of cadastral data for upload to Canada Lands Geodatabases"/>
    <s v=""/>
    <x v="1"/>
    <s v=""/>
    <x v="36"/>
    <s v="Canada Lands Survey Program"/>
    <s v="Information Management Services,Other"/>
    <s v="NRCan-NRCan_0673"/>
    <s v="In Production"/>
    <s v="desktop"/>
    <x v="1"/>
    <x v="2185"/>
  </r>
  <r>
    <x v="3"/>
    <x v="30"/>
    <x v="5637"/>
    <s v="MM"/>
    <s v="Web application to capture metadata"/>
    <s v=""/>
    <x v="1"/>
    <s v=""/>
    <x v="36"/>
    <s v="Canada Lands Survey Program"/>
    <s v="Information Management Services,Other"/>
    <s v="NRCan-NRCan_0675"/>
    <s v="In Production"/>
    <s v="web"/>
    <x v="1"/>
    <x v="2163"/>
  </r>
  <r>
    <x v="3"/>
    <x v="30"/>
    <x v="5638"/>
    <s v="ASSM"/>
    <s v="Web application to search AS and SM file numbers"/>
    <s v=""/>
    <x v="1"/>
    <s v=""/>
    <x v="36"/>
    <s v="Canada Lands Survey Program"/>
    <s v="Information Management Services,Other"/>
    <s v="NRCan-NRCan_0676"/>
    <s v="In Production"/>
    <s v="web"/>
    <x v="1"/>
    <x v="2186"/>
  </r>
  <r>
    <x v="3"/>
    <x v="30"/>
    <x v="5639"/>
    <s v="NID"/>
    <s v="Web application to assign unique identifiers for Canada Lands and all records in the Canada Lands Survey Records"/>
    <s v=""/>
    <x v="1"/>
    <s v=""/>
    <x v="36"/>
    <s v="Canada Lands Survey Program"/>
    <s v="Information Management Services,Other"/>
    <s v="NRCan-NRCan_0677"/>
    <s v="In Production"/>
    <s v="web"/>
    <x v="1"/>
    <x v="2163"/>
  </r>
  <r>
    <x v="3"/>
    <x v="30"/>
    <x v="5640"/>
    <s v="CLSS-RC"/>
    <s v="Web application to search and mange resouce material to support regulation of Canada Lands Surveys.  http://clss.nrcan.gc.ca/data-donnees-eng.php"/>
    <s v=""/>
    <x v="1"/>
    <s v=""/>
    <x v="36"/>
    <s v="Canada Lands Survey Program"/>
    <s v="Information Management Services,Other"/>
    <s v="NRCan-NRCan_0678"/>
    <s v="In Production"/>
    <s v="web"/>
    <x v="1"/>
    <x v="2163"/>
  </r>
  <r>
    <x v="3"/>
    <x v="34"/>
    <x v="5641"/>
    <s v="EA"/>
    <s v="Software to manage system documentation"/>
    <s v="Other"/>
    <x v="1"/>
    <s v="Sparks Systems Enterprise Architect"/>
    <x v="36"/>
    <s v="Canada Lands Survey Program"/>
    <s v="Information Management Services,Other"/>
    <s v="NRCan-NRCan_0679"/>
    <s v="In Production"/>
    <s v="desktop"/>
    <x v="0"/>
    <x v="2163"/>
  </r>
  <r>
    <x v="8"/>
    <x v="39"/>
    <x v="5642"/>
    <s v="SVN"/>
    <s v="Software versioning and revision control system"/>
    <s v="Other"/>
    <x v="1"/>
    <s v="VisualSVN, VisualSVN Server"/>
    <x v="36"/>
    <s v="Canada Lands Survey Program"/>
    <s v="Information Management Services,Other"/>
    <s v="NRCan-NRCan_0680"/>
    <s v="In Production"/>
    <s v="web"/>
    <x v="0"/>
    <x v="2187"/>
  </r>
  <r>
    <x v="5"/>
    <x v="14"/>
    <x v="5643"/>
    <s v="EGS"/>
    <s v="EGS is a toolset that allows: access to NRCan databases, create custom maps; plan, program and process satellite images, integrate information, create combined information products and then deliver these products to the clients (Government Operations Centre, Public Safety and Department of National Defence) through ftp and web services in a rapid manner (near-real time 2-4 hours delivery of Flood Polygons extracted from Radarsat-2).  Referred to as &quot;Emergency Geomatics Services/(EMP - Geomatics Support)&quot; in the BIA."/>
    <s v=""/>
    <x v="1"/>
    <s v=""/>
    <x v="36"/>
    <s v="PAA 3.2.1 Essential Geographic Information"/>
    <s v="Other"/>
    <s v="NRCan-NRCan_0681"/>
    <s v="In Production"/>
    <s v="web"/>
    <x v="1"/>
    <x v="106"/>
  </r>
  <r>
    <x v="5"/>
    <x v="94"/>
    <x v="5644"/>
    <s v="C-DPS"/>
    <s v="Umbrella entry for mission critical NRCan systems that process, archive and disseminate GPS/GNSS and other Geodynamic data;  This entry covers anything that is not specifically covered in other CCDS entries."/>
    <s v=""/>
    <x v="1"/>
    <s v=""/>
    <x v="36"/>
    <s v="NRCan Canadian Hazards Information Service"/>
    <s v="Other"/>
    <s v="NRCan-NRCan_0682"/>
    <s v="In Production"/>
    <s v="mini_main_super"/>
    <x v="1"/>
    <x v="2188"/>
  </r>
  <r>
    <x v="5"/>
    <x v="94"/>
    <x v="5645"/>
    <s v="C-DAS"/>
    <s v="Umbrella entry for mission critical NRCan systems that acquire, processe, archive and disseminate GPS/GNSS and other Geodynamic data;   This entry covers anything that is not specifically covered in other CCDS entries."/>
    <s v=""/>
    <x v="1"/>
    <s v=""/>
    <x v="36"/>
    <s v="NRCan Canadian Hazards Information Service"/>
    <s v="Other"/>
    <s v="NRCan-NRCan_0683"/>
    <s v="In Production"/>
    <s v="mini_main_super"/>
    <x v="1"/>
    <x v="2189"/>
  </r>
  <r>
    <x v="5"/>
    <x v="94"/>
    <x v="5646"/>
    <s v="C-RTDAS"/>
    <s v="Umbrella entry for mission critical NRCan systems that acquire, process, archive and disseminate GPS/GNSS and other Geodynamic data in REAL-TIME for tsunami warning;  This entry covers anything that is not specifically covered in other CCDS entries."/>
    <s v=""/>
    <x v="1"/>
    <s v=""/>
    <x v="36"/>
    <s v="NRCan Canadian Hazards Information Service"/>
    <s v="Other"/>
    <s v="NRCan-NRCan_0684"/>
    <s v="In Production"/>
    <s v="mini_main_super"/>
    <x v="1"/>
    <x v="2189"/>
  </r>
  <r>
    <x v="5"/>
    <x v="94"/>
    <x v="5647"/>
    <s v="GSC-P-MDPS"/>
    <s v="Umbrella entry for NRCan systems that process, archive and disseminate Marine Seismic and related data;  This entry covers anything that is not specifically covered in other GSC-PAC entries."/>
    <s v=""/>
    <x v="1"/>
    <s v=""/>
    <x v="36"/>
    <s v="NRCan Public Safety Geoscience"/>
    <s v="Other"/>
    <s v="NRCan-NRCan_0685"/>
    <s v="In Production"/>
    <s v="web"/>
    <x v="1"/>
    <x v="2190"/>
  </r>
  <r>
    <x v="5"/>
    <x v="94"/>
    <x v="5648"/>
    <s v="GSC-P-SDPS"/>
    <s v="Umbrella entry for GSC-PAC critical and research NRCan systems that process, archive and disseminate seismic, earthquake and other data sets;  This entry covers anything that is not specifically covered in other GSC-PAC entries."/>
    <s v=""/>
    <x v="1"/>
    <s v=""/>
    <x v="36"/>
    <s v="NRCan Public Safety Geoscience"/>
    <s v="Other"/>
    <s v="NRCan-NRCan_0686"/>
    <s v="In Production"/>
    <s v="web"/>
    <x v="1"/>
    <x v="2190"/>
  </r>
  <r>
    <x v="0"/>
    <x v="28"/>
    <x v="5649"/>
    <s v="CGDB"/>
    <s v="Applications to upload data to data base using 95 scripts (part of CGIS - NRCan_0227)"/>
    <s v=""/>
    <x v="1"/>
    <s v=""/>
    <x v="36"/>
    <s v="Geodetic Reference Systems"/>
    <s v="Other"/>
    <s v="NRCan-NRCan_0700"/>
    <s v="In Production"/>
    <s v="mini_main_super"/>
    <x v="1"/>
    <x v="2191"/>
  </r>
  <r>
    <x v="10"/>
    <x v="55"/>
    <x v="5650"/>
    <s v="RTAP"/>
    <s v="Real Time Application Platform (part of CACS - NRCan_0226)"/>
    <s v="Other"/>
    <x v="1"/>
    <s v="Industrial Defender/ RTAP"/>
    <x v="36"/>
    <s v="Geodetic Reference Systems"/>
    <s v="Other"/>
    <s v="NRCan-NRCan_0701"/>
    <s v="In Production"/>
    <s v="mini_main_super"/>
    <x v="0"/>
    <x v="2192"/>
  </r>
  <r>
    <x v="5"/>
    <x v="5"/>
    <x v="5651"/>
    <s v="RRDtool"/>
    <s v="RRDtool is the OpenSource industry standard, high performance data logging and graphing system for time series data  (part of CACS - NRCan_0226)."/>
    <s v="Other"/>
    <x v="1"/>
    <s v="RRDtool"/>
    <x v="36"/>
    <s v="Geodetic Reference Systems"/>
    <s v="Other"/>
    <s v="NRCan-NRCan_0703"/>
    <s v="In Production"/>
    <s v="mini_main_super"/>
    <x v="0"/>
    <x v="2193"/>
  </r>
  <r>
    <x v="5"/>
    <x v="94"/>
    <x v="5652"/>
    <s v=""/>
    <s v="Web Service supporting CSRS tools. All computations are done through this web service (part of CSRS - NRCan_0535)"/>
    <s v=""/>
    <x v="1"/>
    <s v=""/>
    <x v="36"/>
    <s v="Geodetic Reference Systems"/>
    <s v="Other"/>
    <s v="NRCan-NRCan_0704"/>
    <s v="In Production"/>
    <s v="web"/>
    <x v="1"/>
    <x v="2194"/>
  </r>
  <r>
    <x v="0"/>
    <x v="43"/>
    <x v="5653"/>
    <s v="GGP"/>
    <s v="GeoGratis web applications used to discover and access data. It includes GeoGratis web client and Data extraction tool (part of GGP - NRCan_0278)"/>
    <s v="Other"/>
    <x v="1"/>
    <s v="Drupal"/>
    <x v="36"/>
    <s v="Essential Geographic Information"/>
    <s v="Other"/>
    <s v="NRCan-NRCan_0705"/>
    <s v="In Production"/>
    <s v="web"/>
    <x v="0"/>
    <x v="2195"/>
  </r>
  <r>
    <x v="10"/>
    <x v="55"/>
    <x v="5654"/>
    <s v="GG-API REST"/>
    <s v="After further consultation, app has been put back to In Production 2015-09-14 ======================================== Linked with NRCan_0707 &amp; NRCan_0708  ========================================= GeoGratis web services used to discover, access and consume data. It includes GeoGratis API, GeoGratis Services (Geolocation, Elevation API and Delimitation) and WPS compatible services (part of GGP - NRCan_0278)  https://www.nrcan.gc.ca/earth-sciences/geography/topographic-information/free-data-geogratis/geogratis-web-services/17216"/>
    <s v=""/>
    <x v="1"/>
    <s v=""/>
    <x v="36"/>
    <s v="PAA 3.2.1 Essential Geographic Information"/>
    <s v="Other"/>
    <s v="NRCan-NRCan_0706"/>
    <s v="In Production"/>
    <s v="web"/>
    <x v="1"/>
    <x v="2196"/>
  </r>
  <r>
    <x v="10"/>
    <x v="69"/>
    <x v="5655"/>
    <s v="GG-FTP"/>
    <s v="After further consultation, app has been put back to In Production 2015-09-14 =================================== Business owner wants this grouped with NRCan_0706 (GeoGratis - Web Services) - 2015-09-03  ======================================= Download service used to access data sets referenced from GeoGratis API, GeoBase website and Atlas of Canada website (part of GGP - NRCan_0278)"/>
    <s v=""/>
    <x v="1"/>
    <s v="vsFTP"/>
    <x v="36"/>
    <s v="PAA 3.2.1 Essential Geographic Information"/>
    <s v="Other"/>
    <s v="NRCan-NRCan_0707"/>
    <s v="In Production"/>
    <s v="web"/>
    <x v="0"/>
    <x v="93"/>
  </r>
  <r>
    <x v="10"/>
    <x v="55"/>
    <x v="5656"/>
    <s v="GGP"/>
    <s v="After further consultation, app has been put back to In Production 2015-09-14 ======================================= Business owner wants this grouped with NRCan_0706 (GeoGratis - Web Services) - 2015-09-03   ====================================== Maps services used to visualize reference layers or to produce reference maps. It includes GeoGratis WMS (Toporama WMS, CBM-T WMS), GeoBase WMS and Atlas of Canada WMS (part of GGP - NRCan_0278)"/>
    <s v="Other"/>
    <x v="1"/>
    <s v="University of Minessota MapServer"/>
    <x v="36"/>
    <s v="PAA 3.2.1 Essential Geographic Information"/>
    <s v="Other"/>
    <s v="NRCan-NRCan_0708"/>
    <s v="In Production"/>
    <s v="web"/>
    <x v="0"/>
    <x v="2197"/>
  </r>
  <r>
    <x v="3"/>
    <x v="46"/>
    <x v="5657"/>
    <s v="GGP"/>
    <s v="A set of processes that create North American Profile (NAP) of ISO 19115 metadata records and deposit them into a Catalog Service for Web  (CSW). These metadata records are then consumed by other GeoGratis applications for discovery and download (part of GGP - NRCan_0278)"/>
    <s v="Other"/>
    <x v="1"/>
    <s v=""/>
    <x v="36"/>
    <s v="Essential Geographic Information"/>
    <s v="Other"/>
    <s v="NRCan-NRCan_0709"/>
    <s v="In Production"/>
    <s v="web"/>
    <x v="0"/>
    <x v="2198"/>
  </r>
  <r>
    <x v="3"/>
    <x v="30"/>
    <x v="5658"/>
    <s v="GMS-goes-microcom"/>
    <s v="Umbrella entry for mission critical geomagnetic systems that  acquire data on GOES-East satellite via Microcom systems  (part of GMS - NRCan_0245)"/>
    <s v="Other"/>
    <x v="1"/>
    <s v="Omnimetrix"/>
    <x v="36"/>
    <s v="NRCan Canadian Hazards Information Service"/>
    <s v="Other"/>
    <s v="NRCan-NRCan_0712"/>
    <s v="In Production"/>
    <s v="appliance"/>
    <x v="0"/>
    <x v="2199"/>
  </r>
  <r>
    <x v="5"/>
    <x v="94"/>
    <x v="5659"/>
    <s v="GMS-acq"/>
    <s v="Umbrella entry for mission critical geomagnetic systems in Ottawa that  acquire data on internet in near real-time  (part of GMS - NRCan_0245)"/>
    <s v=""/>
    <x v="1"/>
    <s v=""/>
    <x v="36"/>
    <s v="NRCan Canadian Hazards Information Service"/>
    <s v="Other"/>
    <s v="NRCan-NRCan_0713"/>
    <s v="In Production"/>
    <s v="mini_main_super"/>
    <x v="1"/>
    <x v="2200"/>
  </r>
  <r>
    <x v="3"/>
    <x v="30"/>
    <x v="5660"/>
    <s v="GMS-db-Postgres"/>
    <s v="Umbrella entry for mission critical EQCan systems that support the geomag database with Postgres COTS software  (part of GMS - NRCan_0245)"/>
    <s v="Other"/>
    <x v="1"/>
    <s v="Postgres User Community"/>
    <x v="36"/>
    <s v="NRCan Canadian Hazards Information Service"/>
    <s v="Other"/>
    <s v="NRCan-NRCan_0714"/>
    <s v="In Production"/>
    <s v="mini_main_super"/>
    <x v="0"/>
    <x v="2201"/>
  </r>
  <r>
    <x v="5"/>
    <x v="94"/>
    <x v="5661"/>
    <s v="GMS-prod"/>
    <s v="Umbrella entry for mission critical geomag systems that disseminate geomag information via web, twitter, RSS, etc.  (part of GMS - NRCan_0245)"/>
    <s v=""/>
    <x v="1"/>
    <s v=""/>
    <x v="36"/>
    <s v="NRCan Canadian Hazards Information Service"/>
    <s v="Other"/>
    <s v="NRCan-NRCan_0715"/>
    <s v="In Production"/>
    <s v="web"/>
    <x v="1"/>
    <x v="2202"/>
  </r>
  <r>
    <x v="5"/>
    <x v="94"/>
    <x v="5662"/>
    <s v="GMS-forecast"/>
    <s v="Umbrella entry for mission critical geomagnetic forecast systems that process and archive space weather forecasting data  (part of GMS - NRCan_0245)"/>
    <s v=""/>
    <x v="1"/>
    <s v=""/>
    <x v="36"/>
    <s v="NRCan Canadian Hazards Information Service"/>
    <s v="Other"/>
    <s v="NRCan-NRCan_0716"/>
    <s v="In Production"/>
    <s v="mini_main_super"/>
    <x v="1"/>
    <x v="2203"/>
  </r>
  <r>
    <x v="5"/>
    <x v="94"/>
    <x v="5663"/>
    <s v="GMS-post"/>
    <s v="Umbrella entry for mission critical geomagnetic post-processing of products and data  (part of GMS - NRCan_0245)"/>
    <s v=""/>
    <x v="1"/>
    <s v=""/>
    <x v="36"/>
    <s v="NRCan Canadian Hazards Information Service"/>
    <s v="Other"/>
    <s v="NRCan-NRCan_0717"/>
    <s v="In Production"/>
    <s v="mini_main_super"/>
    <x v="1"/>
    <x v="2204"/>
  </r>
  <r>
    <x v="5"/>
    <x v="94"/>
    <x v="5664"/>
    <s v="GMS-research"/>
    <s v="Umbrella entry for geomag systems that support earthquake research  (part of GMS - NRCan_0245)"/>
    <s v=""/>
    <x v="1"/>
    <s v=""/>
    <x v="36"/>
    <s v="NRCan Canadian Hazards Information Service"/>
    <s v="Other"/>
    <s v="NRCan-NRCan_0718"/>
    <s v="In Production"/>
    <s v="desktop"/>
    <x v="1"/>
    <x v="2205"/>
  </r>
  <r>
    <x v="5"/>
    <x v="94"/>
    <x v="5665"/>
    <s v="GMS-research-idl"/>
    <s v="Umbrella entry for geomag systems that support earthquake research using IDL COTS software    (part of GMS - NRCan_0245)"/>
    <s v="Other"/>
    <x v="1"/>
    <s v="Exelisvis"/>
    <x v="36"/>
    <s v="NRCan Canadian Hazards Information Service"/>
    <s v="Other"/>
    <s v="NRCan-NRCan_0719"/>
    <s v="In Production"/>
    <s v="desktop"/>
    <x v="0"/>
    <x v="2206"/>
  </r>
  <r>
    <x v="5"/>
    <x v="94"/>
    <x v="5666"/>
    <s v="CEPS-acq"/>
    <s v="Umbrella entry for mission critical EQCan systems that acquire, archive and disseminate raw seismic data from seismograph stations (part of CEPS - NRCan_0242)"/>
    <s v=""/>
    <x v="1"/>
    <s v=""/>
    <x v="36"/>
    <s v="NRCan Canadian Hazards Information Service"/>
    <s v="Other"/>
    <s v="NRCan-NRCan_0723"/>
    <s v="In Production"/>
    <s v="mini_main_super"/>
    <x v="1"/>
    <x v="2207"/>
  </r>
  <r>
    <x v="5"/>
    <x v="94"/>
    <x v="5667"/>
    <s v="CEPS-acq-Apollo"/>
    <s v="Umbrella entry for mission critical EQCan systems that acquire, archive and disseminate raw seismic data from seismograph stations using Apollo COTS software (part of CEPS -NRCan_0242)"/>
    <s v="Other"/>
    <x v="1"/>
    <s v="Nanometrics/ ApolloServer and ApolloProject"/>
    <x v="36"/>
    <s v="NRCan Canadian Hazards Information Service"/>
    <s v="Other"/>
    <s v="NRCan-NRCan_0724"/>
    <s v="In Production"/>
    <s v="mini_main_super"/>
    <x v="0"/>
    <x v="2208"/>
  </r>
  <r>
    <x v="5"/>
    <x v="94"/>
    <x v="5668"/>
    <s v="CEPS-autoproc"/>
    <s v="Umbrella entry for mission critical EQCan systems that automatically process earthquake information (part of CEPS -NRCan_0242)"/>
    <s v=""/>
    <x v="1"/>
    <s v=""/>
    <x v="36"/>
    <s v="NRCan Canadian Hazards Information Service"/>
    <s v="Other"/>
    <s v="NRCan-NRCan_0725"/>
    <s v="In Production"/>
    <s v="mini_main_super"/>
    <x v="1"/>
    <x v="2209"/>
  </r>
  <r>
    <x v="5"/>
    <x v="94"/>
    <x v="5669"/>
    <s v="CEPS-alerting"/>
    <s v="Umbrella entry for mission critical EQCan systems that send alerts regarding earthquakes (part of CEPS -NRCan_0242)"/>
    <s v=""/>
    <x v="1"/>
    <s v=""/>
    <x v="36"/>
    <s v="NRCan Canadian Hazards Information Service"/>
    <s v="Other"/>
    <s v="NRCan-NRCan_0726"/>
    <s v="In Production"/>
    <s v="mini_main_super"/>
    <x v="1"/>
    <x v="2210"/>
  </r>
  <r>
    <x v="5"/>
    <x v="94"/>
    <x v="5670"/>
    <s v="CEPS-alerting-SMS"/>
    <s v="Umbrella entry for mission critical EQCan systems that send text alerts using an appliance (part of CEPS -NRCan_0242)"/>
    <s v="Other"/>
    <x v="1"/>
    <s v="NotePage Inc/ PageGate"/>
    <x v="36"/>
    <s v="NRCan Canadian Hazards Information Service"/>
    <s v="Other"/>
    <s v="NRCan-NRCan_0728"/>
    <s v="In Production"/>
    <s v="mini_main_super"/>
    <x v="0"/>
    <x v="2211"/>
  </r>
  <r>
    <x v="5"/>
    <x v="94"/>
    <x v="5671"/>
    <s v="CEPS-alerting-Fax/Phone"/>
    <s v="Umbrella entry for mission critical EQCan systems that send alerts regarding earthquakes using the Fax/Phone appliance (part of CEPS -NRCan_0242)"/>
    <s v="Other"/>
    <x v="1"/>
    <s v="Alt-N Technologies/ RelayFax"/>
    <x v="36"/>
    <s v="NRCan Canadian Hazards Information Service"/>
    <s v="Other"/>
    <s v="NRCan-NRCan_0729"/>
    <s v="In Production"/>
    <s v="mini_main_super"/>
    <x v="0"/>
    <x v="2212"/>
  </r>
  <r>
    <x v="5"/>
    <x v="94"/>
    <x v="5672"/>
    <s v="CEPS-EQ_review"/>
    <s v="Umbrella entry for mission critical EQCan systems that are used for Earthquake Review (part of CEPS -NRCan_0242)"/>
    <s v=""/>
    <x v="1"/>
    <s v=""/>
    <x v="36"/>
    <s v="NRCan Canadian Hazards Information Service"/>
    <s v="Other"/>
    <s v="NRCan-NRCan_0730"/>
    <s v="In Production"/>
    <s v="mini_main_super"/>
    <x v="1"/>
    <x v="2213"/>
  </r>
  <r>
    <x v="5"/>
    <x v="94"/>
    <x v="5673"/>
    <s v="CEPS-EQ_review-Dan"/>
    <s v="Umbrella entry for mission critical EQCan systems that are used for Earthquake Review using Dan COTS software (part of CEPS -NRCan_0242)"/>
    <s v="Other"/>
    <x v="1"/>
    <s v="Nanometrics Inc/ Dan"/>
    <x v="36"/>
    <s v="NRCan Canadian Hazards Information Service"/>
    <s v="Other"/>
    <s v="NRCan-NRCan_0731"/>
    <s v="In Production"/>
    <s v="web"/>
    <x v="0"/>
    <x v="2214"/>
  </r>
  <r>
    <x v="5"/>
    <x v="94"/>
    <x v="5674"/>
    <s v="CEPS-EQ_review-Antelope"/>
    <s v="Umbrella entry for mission critical EQCan systems that are used for Earthquake Review using Antelope COTS software (part of CEPS -NRCan_0242)"/>
    <s v="Other"/>
    <x v="1"/>
    <s v="BRTT/ Antelope"/>
    <x v="36"/>
    <s v="NRCan Canadian Hazards Information Service"/>
    <s v="Other"/>
    <s v="NRCan-NRCan_0732"/>
    <s v="In Production"/>
    <s v="mini_main_super"/>
    <x v="0"/>
    <x v="2215"/>
  </r>
  <r>
    <x v="3"/>
    <x v="46"/>
    <x v="5675"/>
    <s v="CEPS-db"/>
    <s v="Umbrella entry for mission critical EQCan systems that support the Earthquake database (part of CEPS -NRCan_0242)"/>
    <s v=""/>
    <x v="1"/>
    <s v=""/>
    <x v="36"/>
    <s v="NRCan Canadian Hazards Information Service"/>
    <s v="Other"/>
    <s v="NRCan-NRCan_0733"/>
    <s v="In Production"/>
    <s v="mini_main_super"/>
    <x v="1"/>
    <x v="2216"/>
  </r>
  <r>
    <x v="3"/>
    <x v="30"/>
    <x v="5676"/>
    <s v="CEPS-db-Ingres"/>
    <s v="Umbrella entry for mission critical EQCan systems that support the Earthquake database with Ingres RDBMS COTS software (part of CEPS -NRCan_0242)"/>
    <s v="Other"/>
    <x v="1"/>
    <s v="Ingres database"/>
    <x v="36"/>
    <s v="NRCan Canadian Hazards Information Service"/>
    <s v="Other"/>
    <s v="NRCan-NRCan_0734"/>
    <s v="In Production"/>
    <s v="mini_main_super"/>
    <x v="0"/>
    <x v="2217"/>
  </r>
  <r>
    <x v="3"/>
    <x v="30"/>
    <x v="5677"/>
    <s v="CEPS-db-Postgres"/>
    <s v="Umbrella entry for mission critical EQCan systems that support the Earthquake database with Postgres COTS software (part of CEPS -NRCan_0242)"/>
    <s v="Other"/>
    <x v="1"/>
    <s v="Postgres User Community"/>
    <x v="36"/>
    <s v="NRCan Canadian Hazards Information Service"/>
    <s v="Other"/>
    <s v="NRCan-NRCan_0735"/>
    <s v="In Production"/>
    <s v="mini_main_super"/>
    <x v="0"/>
    <x v="2218"/>
  </r>
  <r>
    <x v="5"/>
    <x v="94"/>
    <x v="5678"/>
    <s v="CEPS-EQ_research"/>
    <s v="Umbrella entry for mission critical EQCan systems that support earthquake research (part of CEPS -NRCan_0242)"/>
    <s v=""/>
    <x v="1"/>
    <s v=""/>
    <x v="36"/>
    <s v="NRCan Canadian Hazards Information Service"/>
    <s v="Other"/>
    <s v="NRCan-NRCan_0736"/>
    <s v="In Production"/>
    <s v="desktop"/>
    <x v="1"/>
    <x v="2219"/>
  </r>
  <r>
    <x v="5"/>
    <x v="94"/>
    <x v="5679"/>
    <s v="CEPS-research-Matlab"/>
    <s v="Umbrella entry for EQCan systems that support earthquake research using MatLab COTS software (part of CEPS -NRCan_0242)"/>
    <s v="Other"/>
    <x v="1"/>
    <s v="Matlab"/>
    <x v="36"/>
    <s v="NRCan Canadian Hazards Information Service"/>
    <s v="Other"/>
    <s v="NRCan-NRCan_0737"/>
    <s v="In Production"/>
    <s v="desktop"/>
    <x v="0"/>
    <x v="2220"/>
  </r>
  <r>
    <x v="5"/>
    <x v="94"/>
    <x v="5680"/>
    <s v="EQCan"/>
    <s v="Umbrella entry for mission critical EQCan systems that disseminate earthquake information via web, twitter, RSS, etc. (part of CEPS -NRCan_0242)"/>
    <s v=""/>
    <x v="1"/>
    <s v=""/>
    <x v="36"/>
    <s v="NRCan Canadian Hazards Information Service"/>
    <s v="Other"/>
    <s v="NRCan-NRCan_0738"/>
    <s v="In Production"/>
    <s v="web"/>
    <x v="1"/>
    <x v="2221"/>
  </r>
  <r>
    <x v="0"/>
    <x v="19"/>
    <x v="5681"/>
    <s v="MCR"/>
    <s v="Every occasion that you have contact with the media MUST be recorded on a media call report. This simple report can be completed and submitted on-line. http://wwwint2.nrcan.gc.ca/tools-outils/media/mcr-ram/index.cfm?fuseaction=callReport.showCallReportForm&amp;language=en"/>
    <s v=""/>
    <x v="1"/>
    <s v=""/>
    <x v="36"/>
    <s v="Media relations"/>
    <s v="Communications Services"/>
    <s v="NRCan-NRCan_0741"/>
    <s v="In Production"/>
    <s v="web"/>
    <x v="1"/>
    <x v="2222"/>
  </r>
  <r>
    <x v="0"/>
    <x v="19"/>
    <x v="5682"/>
    <s v="NRF"/>
    <s v="Use this on-line form to borrow the NRCat costume._x000a__x000a_http://wwwint2.nrcan.gc.ca/tools-outils/catcostume_e.asp_x000a__x000a_https://intranet.nrcan.gc.ca/services-policies/communications-tools/exhibits/nrcat"/>
    <s v=""/>
    <x v="1"/>
    <s v=""/>
    <x v="36"/>
    <s v=""/>
    <s v="Communications Services,Information Management Services"/>
    <s v="APP-00843"/>
    <s v="In Production"/>
    <s v="web"/>
    <x v="1"/>
    <x v="2223"/>
  </r>
  <r>
    <x v="2"/>
    <x v="2"/>
    <x v="5683"/>
    <s v="MDIS"/>
    <m/>
    <s v="Other"/>
    <x v="1"/>
    <s v="Public Works Canada/ GTIS"/>
    <x v="36"/>
    <s v="Essential Geographic Information"/>
    <s v="Other"/>
    <s v="NRCan-NRCan_0744"/>
    <s v="In Production"/>
    <s v="web"/>
    <x v="0"/>
    <x v="2224"/>
  </r>
  <r>
    <x v="5"/>
    <x v="94"/>
    <x v="5684"/>
    <s v="CUVR"/>
    <s v="Calculating the Current Unit Value Received (CUVR) under the ecoENERGY for Renewable Power (ecoENERGY RP) Program_x000a__x000a_Recipients of the ecoENERGY for Renewable Power program incentive are required to report the Current Unit Value Received (CUVR) following each anniversary of the commissioning date of the project. The CUVR calculation must be submitted to the program with the quarter payment following the anniversary of the date of commissioning for ten years._x000a__x000a_http://www2.nrcan.gc.ca/ecoaction/renewable/calculator/cuvr-vuar/index.cfm?fuseaction=c.f&amp;lang=eng"/>
    <s v=""/>
    <x v="1"/>
    <s v=""/>
    <x v="36"/>
    <s v="ecoENERGY for Renewable Power"/>
    <s v="Information Management Services"/>
    <s v="APP-00869"/>
    <s v="In Production"/>
    <s v="web"/>
    <x v="1"/>
    <x v="2134"/>
  </r>
  <r>
    <x v="0"/>
    <x v="28"/>
    <x v="5685"/>
    <s v="DEEAEPC"/>
    <s v="This Directory is an on-line inventory of programs to promote the efficient use or conservation of energy at the end-use level and/or the use of alternative energy in Canada.  http://oee.nrcan.gc.ca/corporate/statistics/neud/dpa/policy_e/programs.cfm?attr=24"/>
    <s v=""/>
    <x v="1"/>
    <s v=""/>
    <x v="36"/>
    <s v=""/>
    <s v="Communications Services,Information Management Services"/>
    <s v="NRCan-NRCan_0747"/>
    <s v="In Production"/>
    <s v="web"/>
    <x v="1"/>
    <x v="2080"/>
  </r>
  <r>
    <x v="0"/>
    <x v="28"/>
    <x v="5686"/>
    <s v="SOAC"/>
    <s v="Subset of NRCan Portal to the Administration Centre (NPAC) - NRCan_0419  - public search feature and login for SO's  SO Login: https://www2.nrcan-rncan.gc.ca/oee/nh-mn/so-os/index.cfm?fuseaction=ss.index&amp;lang=eng  Search tool to find courses offered by service organizations.  http://www2.nrcan.gc.ca/oee/nh-mn/cc/"/>
    <s v=""/>
    <x v="1"/>
    <s v=""/>
    <x v="36"/>
    <s v="Energy Efficiency"/>
    <s v=""/>
    <s v="NRCan-NRCan_0748"/>
    <s v="In Production"/>
    <s v="web"/>
    <x v="1"/>
    <x v="2080"/>
  </r>
  <r>
    <x v="0"/>
    <x v="16"/>
    <x v="5687"/>
    <s v="ICT"/>
    <s v="From: Gervais, Claude (NRCan/RNCan)  Sent: October 19, 2015 12:17 To: CIOSB_ADS_Maintenance_And_Operations / DDPIS_SDA_Maintenance_And_Opérations (NRCan/RNCan) Subject: RE: #35293---FW: SQL Server upgrade Hi Chantal, The application is a desktop located in  \\s0-ott-nas2\Shared\ITS_AIMS\Informal Case Tracking Software See https://scm.nrcan.gc.ca/cp/projects/informalconflict/wiki/Technical_Details for more information Claude  ==================================== Hi everyone, This application was develop by stats can in .NET Redmine:https://scm.nrcan.gc.ca/cp/projects/informalconflict/wiki/Technical_Details Not sure if the application is still in use  To be confirm by Chantal Seguin You can change the contact for the database to CIOB main"/>
    <s v=""/>
    <x v="1"/>
    <s v=""/>
    <x v="36"/>
    <s v="4.1 Internal Services"/>
    <s v="Human Resources Management Services"/>
    <s v="NRCan-NRCan_0752"/>
    <s v="In Production"/>
    <s v="desktop"/>
    <x v="1"/>
    <x v="302"/>
  </r>
  <r>
    <x v="2"/>
    <x v="52"/>
    <x v="5688"/>
    <s v="P4"/>
    <s v="Welcome to the Public Participation Processes and Participants Information Management System, commonly referred to as the “P4 System”. The P4 System is a centralized repository for all departmental stakeholder information related to ministerial, deputy ministerial and, in the near future, sector-specific stakeholder/public participation activities._x000a__x000a_https://p4.nrcan-rncan.gc.ca/index.cfm?content=home-accueil"/>
    <s v=""/>
    <x v="1"/>
    <s v=""/>
    <x v="36"/>
    <s v=""/>
    <s v="Information Management Services"/>
    <s v="APP-00973"/>
    <s v="In Production"/>
    <s v="web"/>
    <x v="1"/>
    <x v="2080"/>
  </r>
  <r>
    <x v="2"/>
    <x v="2"/>
    <x v="5689"/>
    <s v="EDPA"/>
    <s v="Scheduled task that extracts pay/hr info and ports to PWGSC application."/>
    <s v=""/>
    <x v="1"/>
    <s v=""/>
    <x v="36"/>
    <s v="4.1 Internal Services"/>
    <s v="Financial Management Services,Information Management Services"/>
    <s v="NRCan-NRCan_0755"/>
    <s v="In Production"/>
    <s v="web"/>
    <x v="1"/>
    <x v="2080"/>
  </r>
  <r>
    <x v="0"/>
    <x v="11"/>
    <x v="5690"/>
    <s v="EAR"/>
    <s v="Today NRcan Renewal is focused on achieving three objectives: Reinforcing NRCan's vision and direction to broaden and deepen our common understanding; Renewing how we work; and Revitalizing the workplace. The information completed in this form will be used by the Renewal Task Team to report on the engagement around these three objectives, to identify the related successes and best practices in the department, the opportunities and areas for improvement, and the linkages being made both across the department and across the different regions.   https://ear-rae.nrcan.gc.ca/"/>
    <s v=""/>
    <x v="1"/>
    <s v=""/>
    <x v="36"/>
    <s v=""/>
    <s v="Information Management Services"/>
    <s v="NRCan-NRCan_0756"/>
    <s v="In Production"/>
    <s v="web"/>
    <x v="1"/>
    <x v="2079"/>
  </r>
  <r>
    <x v="0"/>
    <x v="11"/>
    <x v="5691"/>
    <s v="NCS"/>
    <s v="Developed for NRCan employees, these tests aim at assessing behaviors linked to following key leadership competencies:_x000a__x000a_Values and ethics_x000a_Strategic thinking_x000a_Engagement_x000a_Management excellence_x000a__x000a_http://competencies-self-evaluation.nrcan.gc.ca"/>
    <s v=""/>
    <x v="1"/>
    <s v=""/>
    <x v="36"/>
    <s v=""/>
    <s v="Information Management Services"/>
    <s v="APP-01047"/>
    <s v="In Production"/>
    <s v="web"/>
    <x v="1"/>
    <x v="2225"/>
  </r>
  <r>
    <x v="6"/>
    <x v="57"/>
    <x v="5692"/>
    <s v="EL"/>
    <s v="NRCan e-Learning provides a series of web-based self-learning modules that are intended to help an employee play a key role in NRCan's strive for excellence as a continuous learning organization.  http://elearning.nrcan.gc.ca/Application/showModulePage.do?phase=check&amp;action=lang_e&amp;module=22&amp;page=1&amp;previousAction=3  http://elearning.nrcan.gc.ca/application/index.jsp"/>
    <s v=""/>
    <x v="1"/>
    <s v=""/>
    <x v="36"/>
    <s v=""/>
    <s v="Human Resources Management Services"/>
    <s v="NRCan-NRCan_0758"/>
    <s v="In Production"/>
    <s v="web"/>
    <x v="1"/>
    <x v="2226"/>
  </r>
  <r>
    <x v="6"/>
    <x v="24"/>
    <x v="5693"/>
    <s v="CP"/>
    <s v="ChiliProject is a web based project management system. It supports your team throughout the complete project life cycle, from setting up and discussing a project plan, over tracking issues and reporting work progress to collaboratively sharing knowledge._x000a__x000a_Open Source software"/>
    <s v=""/>
    <x v="14"/>
    <s v="ChiliProject"/>
    <x v="36"/>
    <s v="4.1 Internal Services"/>
    <s v="Information Management Services,Management and Oversight Services"/>
    <s v="APP-01051"/>
    <s v="In Production"/>
    <s v="web"/>
    <x v="0"/>
    <x v="540"/>
  </r>
  <r>
    <x v="0"/>
    <x v="16"/>
    <x v="5694"/>
    <s v="STD"/>
    <s v="Tracks and stores information on all NRCan storage tanks."/>
    <s v=""/>
    <x v="1"/>
    <s v=""/>
    <x v="36"/>
    <s v="Workplace services"/>
    <s v="Other"/>
    <s v="NRCan-NRCan_0781"/>
    <s v="In Production"/>
    <s v="desktop"/>
    <x v="1"/>
    <x v="2227"/>
  </r>
  <r>
    <x v="2"/>
    <x v="10"/>
    <x v="5695"/>
    <s v="CanMET MPD"/>
    <s v="A web accessible application for contributing and accessing data on material properties of alloys.  The application contains tools to query and plot data to aid in material selection for applications with an initial focus on applications in super critical water conditions.  At present the data consists of corrosion, mechanical and creep property data of over 100 alloys.  The objective of the database development portion of this project is design a tool that allows the multiple partners within Canada; Canadian University researchers, NRCan researchers, and AECL researchers to access, store and use common tools on the collectively accumulated data."/>
    <s v=""/>
    <x v="1"/>
    <s v=""/>
    <x v="36"/>
    <s v="PAA 2.2.3 Clean Energy Science and Technologyand certification for safety and security"/>
    <s v=""/>
    <s v="NRCan-NRCan_0783"/>
    <s v="In Production"/>
    <s v="web"/>
    <x v="1"/>
    <x v="2228"/>
  </r>
  <r>
    <x v="2"/>
    <x v="70"/>
    <x v="5696"/>
    <s v="FEIS"/>
    <s v=""/>
    <s v=""/>
    <x v="1"/>
    <s v=""/>
    <x v="36"/>
    <s v="Polar Continental Shelf Logistics Support"/>
    <s v="Other"/>
    <s v="NRCan-NRCan_0784"/>
    <s v="In Production"/>
    <s v="web"/>
    <x v="1"/>
    <x v="2229"/>
  </r>
  <r>
    <x v="2"/>
    <x v="40"/>
    <x v="5697"/>
    <s v="LSAD"/>
    <s v="Referred to as &quot;Polar Continental Shelf Program - Resolute Bay Facility&quot; in the BIA"/>
    <s v=""/>
    <x v="1"/>
    <s v=""/>
    <x v="36"/>
    <s v="Polar Continental Shelf Logistics Support"/>
    <s v="Other"/>
    <s v="NRCan-NRCan_0785"/>
    <s v="In Production"/>
    <s v="web"/>
    <x v="1"/>
    <x v="2230"/>
  </r>
  <r>
    <x v="0"/>
    <x v="11"/>
    <x v="5698"/>
    <s v="APM"/>
    <s v="This site provides access to a model that was developed to assist users in deciding the fate of ash trees (Fraxinus spp.) threatened by the arrival of emerald ash borer (Agrilus planipennis Fairmaire) in North America."/>
    <s v=""/>
    <x v="1"/>
    <s v=""/>
    <x v="36"/>
    <s v="Enhancing Forest Pest Risk Management"/>
    <s v="Information Technology Services"/>
    <s v="NRCan-NRCan_0790"/>
    <s v="In Production"/>
    <s v="web"/>
    <x v="1"/>
    <x v="2231"/>
  </r>
  <r>
    <x v="4"/>
    <x v="5"/>
    <x v="5699"/>
    <s v="Cantreuil"/>
    <s v=""/>
    <s v="Other"/>
    <x v="1"/>
    <s v="Cantreuil"/>
    <x v="36"/>
    <s v=""/>
    <s v=""/>
    <s v="NRCan-NRCan_0791"/>
    <s v="In Production"/>
    <s v="desktop"/>
    <x v="0"/>
    <x v="274"/>
  </r>
  <r>
    <x v="2"/>
    <x v="10"/>
    <x v="5700"/>
    <s v="CFSC"/>
    <s v="Site web, accessible à  l'externe, répertoriant les collections du SCF.  CFS Collections web site, externally accessible."/>
    <s v=""/>
    <x v="1"/>
    <s v=""/>
    <x v="36"/>
    <s v="Enhancing Sustainable Forest Management Practices"/>
    <s v="Other"/>
    <s v="NRCan-NRCan_0792"/>
    <s v="In Production"/>
    <s v="web"/>
    <x v="1"/>
    <x v="2064"/>
  </r>
  <r>
    <x v="0"/>
    <x v="19"/>
    <x v="5701"/>
    <s v=""/>
    <s v="The Northern Ontario Plant Database (NOPD) is a website that provides free public access to records of herbarium specimens housed in northern Ontario educational and government institutions. An herbarium (pl.: herbaria) is an archival collection of plants that have been pressed, dried, mounted, and labelled. Herbarium specimens serve as a reference to verify identification of plant species and are a permanent, historical record of where a particular plant has been found."/>
    <s v=""/>
    <x v="1"/>
    <s v=""/>
    <x v="36"/>
    <s v="Enhancing Sustainable Forest Management Practices"/>
    <s v="Information Technology Services"/>
    <s v="NRCan-NRCan_0793"/>
    <s v="In Production"/>
    <s v="web"/>
    <x v="1"/>
    <x v="2232"/>
  </r>
  <r>
    <x v="0"/>
    <x v="28"/>
    <x v="5702"/>
    <s v="SC-SO"/>
    <s v="Search courses offered by service organizations - linked with Service Organizations Admin Centre (NRCan_0748)_x000a__x000a_http://www2.nrcan.gc.ca/oee/nh-mn/cc/"/>
    <s v=""/>
    <x v="1"/>
    <s v=""/>
    <x v="36"/>
    <s v="Energy Efficiency"/>
    <s v="Information Management Services"/>
    <s v="APP-02407"/>
    <s v="In Production"/>
    <s v="web"/>
    <x v="1"/>
    <x v="2233"/>
  </r>
  <r>
    <x v="2"/>
    <x v="52"/>
    <x v="5703"/>
    <s v="OHMORC"/>
    <s v="This site allows licensed EnerGuide Rating System (ERS), R-2000 and ENERGY STAR® for New Homes participants to access marketing materials, administrative and training documents and program updates.  Linked with NRCan_0416 (New Housing Admin Centre)  https://www2.nrcan-rncan.gc.ca/oee/nh-mn/rc-cd/index.cfm?fuseaction=s.slf&amp;lang=eng"/>
    <s v=""/>
    <x v="1"/>
    <s v=""/>
    <x v="36"/>
    <s v=""/>
    <s v="Communications Services"/>
    <s v="NRCan-NRCan_0795"/>
    <s v="In Production"/>
    <s v="web"/>
    <x v="1"/>
    <x v="2234"/>
  </r>
  <r>
    <x v="5"/>
    <x v="90"/>
    <x v="5704"/>
    <s v="ArcGIS-S"/>
    <s v="GIS server software for hosting cadastral mapping services"/>
    <s v="ESRI_Canada_Limited"/>
    <x v="45"/>
    <s v="ArcGIS"/>
    <x v="36"/>
    <s v="Essential Geospatial"/>
    <s v="Information Management Services,Other"/>
    <s v="NRCan-NRCan_0796"/>
    <s v="In Production"/>
    <s v="mini_main_super"/>
    <x v="0"/>
    <x v="2235"/>
  </r>
  <r>
    <x v="6"/>
    <x v="36"/>
    <x v="5705"/>
    <s v="LCNP Metadata"/>
    <s v="Application enabling the completion of ISO 19115 by multiple users. Enables export into XML and various systems."/>
    <s v=""/>
    <x v="1"/>
    <s v=""/>
    <x v="36"/>
    <s v="Grounwater Geoscience Program"/>
    <s v="Other"/>
    <s v="NRCan-NRCan_0797"/>
    <s v="In Production"/>
    <s v="web"/>
    <x v="1"/>
    <x v="2236"/>
  </r>
  <r>
    <x v="0"/>
    <x v="28"/>
    <x v="5706"/>
    <s v="PoCD"/>
    <s v="The Plants of Canada Database is an up-to-date source of information about the vascular plants that grow naturally (i.e., outside of cultivation) in Canada. It provides quick and easy access to information about identity, distribution, conservation status, and pest legislation, for both native and introduced species in the Canadian flora.  The Plants of Canada Database was developed by the Canadian Food Inspection Agency (CFIA), in partnership with the Canadian Forest Service of Natural Resour"/>
    <s v=""/>
    <x v="1"/>
    <s v=""/>
    <x v="36"/>
    <s v=""/>
    <s v="Information Technology Services"/>
    <s v="NRCan-NRCan_0804"/>
    <s v="In Production"/>
    <s v="web"/>
    <x v="1"/>
    <x v="106"/>
  </r>
  <r>
    <x v="5"/>
    <x v="98"/>
    <x v="5707"/>
    <s v="Climwhere"/>
    <s v="ClimWhere (formerly SeedWhere - &quot;Where can I move Seed&quot;? ) maps climate similarity across geographic regions. While the tool can be used to map similarity of climate for any purpose, it was originally intended to support decisions on seed movements to support sustainable forest management.  http://gmaps.nrcan.gc.ca/climwhere/"/>
    <s v=""/>
    <x v="1"/>
    <s v=""/>
    <x v="36"/>
    <s v="Enhancing Forest Climate Change Adaptation &amp; Mitigation Strategies"/>
    <s v="Information Technology Services"/>
    <s v="NRCan-NRCan_0805"/>
    <s v="In Production"/>
    <s v="web"/>
    <x v="1"/>
    <x v="2237"/>
  </r>
  <r>
    <x v="5"/>
    <x v="98"/>
    <x v="5708"/>
    <s v="FIAS"/>
    <s v="The Forest Invasive Alien Species (FIAS) Pathway Explorer is a web-based tool that maps probabilistic pathways along which invasive pests could be introduced by human activities such as international and domestic trade, transportation and recreation.   For example, a user could select &quot;Toronto&quot; and then view the likelihood of invasive species spreading from there to other locations by way of transport trucks carrying wood products.   The FIAS Pathway Explorer is built on data sets gathered f"/>
    <s v=""/>
    <x v="1"/>
    <s v=""/>
    <x v="36"/>
    <s v="Enhancing Forest Pest Risk Management"/>
    <s v="Information Technology Services"/>
    <s v="NRCan-NRCan_0806"/>
    <s v="In Production"/>
    <s v="web"/>
    <x v="1"/>
    <x v="106"/>
  </r>
  <r>
    <x v="5"/>
    <x v="94"/>
    <x v="5709"/>
    <s v=""/>
    <s v="This application provides access to spatial climate models. These models cover a range of time steps including models of Canada's climate since 1866. The data are displayed and used on a searchable web page, enabling researchers, government agencies and the public to access model results."/>
    <s v=""/>
    <x v="1"/>
    <s v=""/>
    <x v="36"/>
    <s v="Enhancing Forest Climate Change Adaptation &amp; Mitigation Strategies"/>
    <s v="Information Technology Services"/>
    <s v="NRCan-NRCan_0807"/>
    <s v="In Production"/>
    <s v="web"/>
    <x v="1"/>
    <x v="106"/>
  </r>
  <r>
    <x v="2"/>
    <x v="3"/>
    <x v="5710"/>
    <s v="HRMS"/>
    <s v="Oracle People Software Enterprise  https://selfservice-libreservice.nrcan-rncan.gc.ca/psp/ps89/GCHRMS/HRMS/?cmd=logout"/>
    <s v=""/>
    <x v="99"/>
    <s v=""/>
    <x v="36"/>
    <s v="4.1 Internal Services"/>
    <s v="Human Resources Management Services"/>
    <s v="NRCan-NRCan_0810"/>
    <s v="In Production"/>
    <s v="web"/>
    <x v="0"/>
    <x v="545"/>
  </r>
  <r>
    <x v="8"/>
    <x v="38"/>
    <x v="5711"/>
    <s v="SVN"/>
    <s v="Version control system for development, application source code and deployments/releases."/>
    <s v=""/>
    <x v="1"/>
    <s v="Subversion"/>
    <x v="36"/>
    <s v="4.1 Internal Services"/>
    <s v="Information Technology Services"/>
    <s v="NRCan-NRCan_0812"/>
    <s v="In Production"/>
    <s v="web"/>
    <x v="0"/>
    <x v="2238"/>
  </r>
  <r>
    <x v="0"/>
    <x v="7"/>
    <x v="5712"/>
    <s v="CPS_CT"/>
    <s v="Login   http://wwwint2.nrcan.gc.ca/tools-outils_old/signin_e.asp  http://wwwint2.nrcan.gc.ca/tools-outils/signin_e.asp  Site used to manage promotional items and event/exhibit displays."/>
    <s v=""/>
    <x v="1"/>
    <s v=""/>
    <x v="36"/>
    <s v="Communications"/>
    <s v="Communications Services,Information Management Services"/>
    <s v="NRCan-NRCan_0813"/>
    <s v="In Production"/>
    <s v="web"/>
    <x v="1"/>
    <x v="2239"/>
  </r>
  <r>
    <x v="0"/>
    <x v="28"/>
    <x v="5713"/>
    <s v="NRCanDH"/>
    <s v="This first-stop intranet site gives you access to a wide variety of quality socio-economic data and analytical documents, as well as information on socio-economic data management at NRCan. The primary focus is to support work on NRCan priorities.  https://datahub.nrcan.gc.ca/datahub/home"/>
    <s v=""/>
    <x v="1"/>
    <s v=""/>
    <x v="36"/>
    <s v="Science Policy Evidence and Analysis"/>
    <s v="Communications Services,Information Management Services"/>
    <s v="NRCan-NRCan_0814"/>
    <s v="In Production"/>
    <s v="web"/>
    <x v="1"/>
    <x v="86"/>
  </r>
  <r>
    <x v="0"/>
    <x v="43"/>
    <x v="5714"/>
    <s v="Varnish"/>
    <s v="Varnish is an HTTP accelerator designed for content-heavy dynamic web sites as well as heavily consumed APIs. Varnish stores data in virtual memory and leaves the task of deciding what is stored in memory and what gets paged out to disk to the operating system. This helps avoid the situation where the operating system starts caching data while it is moved to disk by the application.  Varnish is heavily threaded, with each client connection being handled by a separate worker thread. When the configured limit on the number of active worker threads is reached, incoming connections are placed in an overflow queue; when this queue reaches its configured limit incoming connections will be rejected."/>
    <s v="Other"/>
    <x v="1"/>
    <s v="Paul-Henning Kamp/ Varnish"/>
    <x v="36"/>
    <s v="4.1 Internal Services"/>
    <s v="Communications Services,Information Technology Services"/>
    <s v="NRCan-NRCan_0815"/>
    <s v="In Production"/>
    <s v="web"/>
    <x v="0"/>
    <x v="93"/>
  </r>
  <r>
    <x v="1"/>
    <x v="86"/>
    <x v="5715"/>
    <s v="NR"/>
    <s v="Application performance monitoring - daemon based"/>
    <s v="Other"/>
    <x v="1"/>
    <s v="New Relic APM"/>
    <x v="36"/>
    <s v="4.1 Internal Services"/>
    <s v="Information Technology Services"/>
    <s v="NRCan-NRCan_0816"/>
    <s v="In Production"/>
    <s v="web"/>
    <x v="0"/>
    <x v="86"/>
  </r>
  <r>
    <x v="0"/>
    <x v="43"/>
    <x v="5716"/>
    <s v="GitHub PR"/>
    <s v="Private repository for NRCan's Drupal modules and code base."/>
    <s v=""/>
    <x v="1"/>
    <s v=""/>
    <x v="36"/>
    <s v="4.1 Internal Services"/>
    <s v="Information Technology Services"/>
    <s v="NRCan-NRCan_0817"/>
    <s v="In Production"/>
    <s v="web"/>
    <x v="1"/>
    <x v="86"/>
  </r>
  <r>
    <x v="2"/>
    <x v="9"/>
    <x v="5717"/>
    <s v="CAG"/>
    <s v="Contribution agreement generator"/>
    <s v="Microsoft_Corporation"/>
    <x v="100"/>
    <s v=""/>
    <x v="36"/>
    <s v="Finance"/>
    <s v="Financial Management Services"/>
    <s v="NRCan-NRCan_0819"/>
    <s v="In Production"/>
    <s v="desktop"/>
    <x v="0"/>
    <x v="2240"/>
  </r>
  <r>
    <x v="0"/>
    <x v="18"/>
    <x v="5718"/>
    <s v="BT"/>
    <s v="Application supports citizen science community in recording the number of moths they have collected in the pheromone traps we have sent them.  There is also an Android and IOS application for use on smart phones. http://budwormtracker.ca/#/signup"/>
    <s v=""/>
    <x v="1"/>
    <s v=""/>
    <x v="36"/>
    <s v="Enhancing Forest Pest Risk Management"/>
    <s v="Information Technology Services"/>
    <s v="NRCan-NRCan_0820"/>
    <s v="In Production"/>
    <s v="web"/>
    <x v="1"/>
    <x v="10"/>
  </r>
  <r>
    <x v="5"/>
    <x v="14"/>
    <x v="5719"/>
    <s v="FGP"/>
    <s v="The Federal Geospatial Platform (FGP) is an initiative of the Federal Committee on Geomatics and Earth Observations (FCGEO), a committee of senior executives from 21 departments and agencies that are producers and/or consumers of geospatial data, or have an interest in activities, requirements and infrastructure related to geomatics. The FCGEO community recognized an opportunity for federal departments and agencies to manage geospatial information assets in a more efficient and coordinated way by using a common “platform” of technical infrastructure, policies, standards and governance."/>
    <s v="ESRI_Canada_Limited"/>
    <x v="45"/>
    <s v="FME enterprise"/>
    <x v="36"/>
    <s v="Innovation for New Products and Processes"/>
    <s v="Information Technology Services"/>
    <s v="NRCan-NRCan_0821"/>
    <s v="In Production"/>
    <s v="web"/>
    <x v="0"/>
    <x v="2241"/>
  </r>
  <r>
    <x v="2"/>
    <x v="52"/>
    <x v="5720"/>
    <s v="CU-CIFB"/>
    <s v="Contact us form for Commercial, institutional and federal buildings (Buildings division of OEE)"/>
    <s v=""/>
    <x v="1"/>
    <s v=""/>
    <x v="36"/>
    <s v="Commercial Buildings"/>
    <s v="Communications Services"/>
    <s v="NRCan-NRCan_0823"/>
    <s v="In Production"/>
    <s v="web"/>
    <x v="1"/>
    <x v="2134"/>
  </r>
  <r>
    <x v="0"/>
    <x v="7"/>
    <x v="5721"/>
    <s v="ccmMercury_CA"/>
    <s v=""/>
    <s v="WorkDynamics"/>
    <x v="14"/>
    <s v="ccmMercury"/>
    <x v="36"/>
    <s v=""/>
    <s v=""/>
    <s v="APP-03316"/>
    <s v="In Production"/>
    <s v="rich"/>
    <x v="0"/>
    <x v="106"/>
  </r>
  <r>
    <x v="5"/>
    <x v="94"/>
    <x v="5722"/>
    <s v="ALC"/>
    <s v="Used to calculate costs for sample processing"/>
    <s v=""/>
    <x v="1"/>
    <s v=""/>
    <x v="36"/>
    <s v="Internal Services"/>
    <s v="Information Technology Services"/>
    <s v="NRCan-NRCan_0825"/>
    <s v="In Production"/>
    <s v="web"/>
    <x v="1"/>
    <x v="2242"/>
  </r>
  <r>
    <x v="0"/>
    <x v="19"/>
    <x v="5723"/>
    <s v=""/>
    <s v="Intranet de la Commission géologique du Canada - Québec. Hébergement et support technique pour leur intranet."/>
    <s v=""/>
    <x v="1"/>
    <s v=""/>
    <x v="36"/>
    <s v="Internal Services"/>
    <s v="Information Management Services"/>
    <s v="NRCan-NRCan_0826"/>
    <s v="In Production"/>
    <s v="web"/>
    <x v="1"/>
    <x v="2243"/>
  </r>
  <r>
    <x v="4"/>
    <x v="5"/>
    <x v="5724"/>
    <s v="BC"/>
    <s v="Desktop application to support data entry and analysis of butternut surveys."/>
    <s v=""/>
    <x v="1"/>
    <s v=""/>
    <x v="36"/>
    <s v=""/>
    <s v=""/>
    <s v="NRCan-NRCan_0827"/>
    <s v="In Production"/>
    <s v="desktop"/>
    <x v="1"/>
    <x v="106"/>
  </r>
  <r>
    <x v="5"/>
    <x v="94"/>
    <x v="5725"/>
    <s v=""/>
    <s v="The Canadian Fire Effects Model (CanFIRE) is a compilation of Canadian fire behaviour models that are used to calculate first-order (immediate, physical) fire effects on stand characteristics, and to simulate the resulting second-order (later, ecological) fire effects on stand composition. CanFIRE originated as the Boreal Fire Effects (BORFIRE) research model to study the dynamics of changing fire regimes, forest carbon storage, emissions, and forest composition under climate change. This particular application is a web-based form, which feeds an underlying executable program that models the results to be returned to the user as text display in the browser."/>
    <s v=""/>
    <x v="1"/>
    <s v=""/>
    <x v="36"/>
    <s v="Minimizing Risks &amp; Impacts of Wildfire"/>
    <s v="Information Technology Services"/>
    <s v="NRCan-NRCan_0829"/>
    <s v="In Production"/>
    <s v="web"/>
    <x v="1"/>
    <x v="106"/>
  </r>
  <r>
    <x v="2"/>
    <x v="10"/>
    <x v="5726"/>
    <s v=""/>
    <s v="A proposed application to document the various APIs in the CFS, such as the publications database"/>
    <s v=""/>
    <x v="1"/>
    <s v=""/>
    <x v="36"/>
    <s v=""/>
    <s v="Information Technology Services"/>
    <s v="APP-03449"/>
    <s v="InDevelopment"/>
    <s v="web"/>
    <x v="1"/>
    <x v="2244"/>
  </r>
  <r>
    <x v="0"/>
    <x v="11"/>
    <x v="5727"/>
    <s v=""/>
    <s v=""/>
    <s v=""/>
    <x v="1"/>
    <s v=""/>
    <x v="36"/>
    <s v="Internal Services"/>
    <s v="Information Technology Services"/>
    <s v="NRCan-NRCan_0831"/>
    <s v="In Production"/>
    <s v="web"/>
    <x v="1"/>
    <x v="2066"/>
  </r>
  <r>
    <x v="0"/>
    <x v="19"/>
    <x v="5728"/>
    <s v=""/>
    <s v="A documentation site for the CFS Earth application. Describes how to install etc."/>
    <s v=""/>
    <x v="1"/>
    <s v=""/>
    <x v="36"/>
    <s v="Internal Services"/>
    <s v="Information Technology Services"/>
    <s v="NRCan-NRCan_0832"/>
    <s v="In Production"/>
    <s v="web"/>
    <x v="1"/>
    <x v="542"/>
  </r>
  <r>
    <x v="1"/>
    <x v="101"/>
    <x v="5729"/>
    <s v=""/>
    <s v="Standalone executable monitors ArcGIS concurrent license usage across the CFS and populates a database.  Web portal references the database to inform the CFS user community of current usage and availability."/>
    <s v=""/>
    <x v="1"/>
    <s v=""/>
    <x v="36"/>
    <s v="Internal Services"/>
    <s v="Information Technology Services"/>
    <s v="NRCan-NRCan_0833"/>
    <s v="In Production"/>
    <s v="web"/>
    <x v="1"/>
    <x v="106"/>
  </r>
  <r>
    <x v="0"/>
    <x v="11"/>
    <x v="5730"/>
    <s v=""/>
    <s v="The purpose of this tool is to ensure each CFS centres archive inventories are searchable and discoverable by all CFS employees to support decision making in the delivery of programs and services.  https://intranet.nofc.cfs.nrcan.gc.ca/glfc/archives https://intranet.nofc.cfs.nrcan.gc.ca/afc/archives"/>
    <s v=""/>
    <x v="1"/>
    <s v=""/>
    <x v="36"/>
    <s v="Internal Services"/>
    <s v="Information Management Services"/>
    <s v="NRCan-NRCan_0835"/>
    <s v="In Production"/>
    <s v="web"/>
    <x v="1"/>
    <x v="2067"/>
  </r>
  <r>
    <x v="5"/>
    <x v="98"/>
    <x v="5731"/>
    <s v=""/>
    <s v="The CFS-Earth initiative improves data availability and accessibility within the CFS and the CWFC through the implementation of Google Earth Enterprise (GEE), an enterprise level geographic mashup platform that can synthesize terabytes of spatial imagery, terrain and vector data into easily viewable and searchable mapping applications.  Data is fused/synthesized and distributed via an earth server. Clients require Google Earth Enterprise Client desktop software to access the data. The client desktop software is distributed to authorized users via LANDesk."/>
    <s v=""/>
    <x v="1"/>
    <s v=""/>
    <x v="36"/>
    <s v=""/>
    <s v="Information Technology Services"/>
    <s v="NRCan-NRCan_0836"/>
    <s v="In Production"/>
    <s v="desktop"/>
    <x v="1"/>
    <x v="106"/>
  </r>
  <r>
    <x v="0"/>
    <x v="28"/>
    <x v="5732"/>
    <s v="BC Common Tree Disease"/>
    <s v="This is the third version of a Canadian Forest Service tree disease identification guide for British Columbia. The first, Some common tree diseases of British Columbia, by J. E. Bier, was published in 1949. The next edition, Common tree diseases of British Columbia, by R. E. Foster and G. W. Wallis, was published in 1969 and reprinted in 1974. Since the second edition there have been many changes in the scientific names of the disease organisms and in the economic importance of hosts and diseases. This edition has been updated to provide new information, with more and better photographs, to aid in the identification of tree diseases common on the major commercial tree species in British Columbia. Although the book is primarily aimed at forestry profess"/>
    <s v=""/>
    <x v="1"/>
    <s v=""/>
    <x v="36"/>
    <s v="Enhancing Sustainable Forest Management Practices"/>
    <s v="Information Management Services"/>
    <s v="NRCan-NRCan_0838"/>
    <s v="In Production"/>
    <s v="web"/>
    <x v="1"/>
    <x v="86"/>
  </r>
  <r>
    <x v="0"/>
    <x v="28"/>
    <x v="5733"/>
    <s v=""/>
    <s v="Internal inventory of opportunity and purpose-grown woody biomass volume and fibre quality information. The inventory represents an aggregation of woody biomass information used by the CWFC in support of supply chain modelling. The inventory also represents many of the valuable data sets contributing to the BIMAT (Biomass Inventory Mapping and Analysis Tool)."/>
    <s v=""/>
    <x v="1"/>
    <s v=""/>
    <x v="36"/>
    <s v="Strengthening Forest Sector Competitiveness"/>
    <s v="Information Technology Services"/>
    <s v="NRCan-NRCan_0839"/>
    <s v="In Production"/>
    <s v="web"/>
    <x v="1"/>
    <x v="542"/>
  </r>
  <r>
    <x v="5"/>
    <x v="98"/>
    <x v="5734"/>
    <s v=""/>
    <s v="A PHP script that interacts with the CWFIS Geoserver for generating GEOTIFF-based layers. Runs 2-3x per day. Part of the CWFIS"/>
    <s v=""/>
    <x v="1"/>
    <s v=""/>
    <x v="36"/>
    <s v="Minimizing Risks &amp; Impacts of Wildfire"/>
    <s v="Information Technology Services"/>
    <s v="NRCan-NRCan_0840"/>
    <s v="In Production"/>
    <s v="web"/>
    <x v="1"/>
    <x v="2245"/>
  </r>
  <r>
    <x v="5"/>
    <x v="98"/>
    <x v="5735"/>
    <s v=""/>
    <s v="A part of the CWFIS process that creates static maps based on GeoTIFF layers in geoserver. The production version runs on MS azure servers, but a local version runs on NoFC servers. This is a PHP script that is run 2- 3 x per day."/>
    <s v=""/>
    <x v="1"/>
    <s v=""/>
    <x v="36"/>
    <s v="Minimizing Risks &amp; Impacts of Wildfire"/>
    <s v="Information Technology Services"/>
    <s v="NRCan-NRCan_0841"/>
    <s v="In Production"/>
    <s v="web"/>
    <x v="1"/>
    <x v="2245"/>
  </r>
  <r>
    <x v="0"/>
    <x v="87"/>
    <x v="5736"/>
    <s v=""/>
    <s v="Blog for the DG of NoFC Written in Phalcon for PHP with Mysql Backend"/>
    <s v=""/>
    <x v="1"/>
    <s v=""/>
    <x v="36"/>
    <s v="Internal Services"/>
    <s v="Communications Services"/>
    <s v="NRCan-NRCan_0842"/>
    <s v="In Production"/>
    <s v="web"/>
    <x v="1"/>
    <x v="2242"/>
  </r>
  <r>
    <x v="0"/>
    <x v="28"/>
    <x v="5737"/>
    <s v=""/>
    <s v="Developmental Virtual Tour of the Ellerslie Short Rotation Woody Crop Research Site. Development is occurring on a VM. During times when development is inactive, the VM is offline."/>
    <s v=""/>
    <x v="1"/>
    <s v=""/>
    <x v="36"/>
    <s v=""/>
    <s v="Information Technology Services"/>
    <s v="NRCan-NRCan_0843"/>
    <s v="InDevelopment"/>
    <s v="web"/>
    <x v="1"/>
    <x v="542"/>
  </r>
  <r>
    <x v="0"/>
    <x v="28"/>
    <x v="5738"/>
    <s v="FAWG"/>
    <s v="Extranet Used to capture adaptation activities and export to pdf or csv"/>
    <s v=""/>
    <x v="1"/>
    <s v=""/>
    <x v="36"/>
    <s v="Enhancing Forest Climate Change Adaptation &amp; Mitigation Strategies"/>
    <s v="Information Technology Services"/>
    <s v="NRCan-NRCan_0847"/>
    <s v="In Production"/>
    <s v="web"/>
    <x v="1"/>
    <x v="2242"/>
  </r>
  <r>
    <x v="3"/>
    <x v="46"/>
    <x v="5739"/>
    <s v=""/>
    <s v="Application that formats output from WinDendro and inserts records into a database for later analysis"/>
    <s v=""/>
    <x v="1"/>
    <s v=""/>
    <x v="36"/>
    <s v=""/>
    <s v="Information Technology Services"/>
    <s v="NRCan-NRCan_0848"/>
    <s v="In Production"/>
    <s v="desktop"/>
    <x v="1"/>
    <x v="106"/>
  </r>
  <r>
    <x v="5"/>
    <x v="98"/>
    <x v="5740"/>
    <s v=""/>
    <s v="Applications en géomatique. KNNMapping, DisturbanceAnalyser, SlowDisturbanceAnalyser, PointsExtractor, ImageCalculator, MergeImages, Landsat2RGB, CropNodata, DecisionTree, RegressionTree, SuperSieve, IndicesExtractor, CompareImages"/>
    <s v=""/>
    <x v="1"/>
    <s v=""/>
    <x v="36"/>
    <s v=""/>
    <s v="Information Technology Services"/>
    <s v="NRCan-NRCan_0850"/>
    <s v="In Production"/>
    <s v="desktop"/>
    <x v="1"/>
    <x v="106"/>
  </r>
  <r>
    <x v="0"/>
    <x v="28"/>
    <x v="5741"/>
    <s v=""/>
    <s v="Search application for the Great Lakes Forestry Centre's publication database."/>
    <s v=""/>
    <x v="1"/>
    <s v=""/>
    <x v="36"/>
    <s v="Internal Servies"/>
    <s v="Information Technology Services"/>
    <s v="NRCan-NRCan_0859"/>
    <s v="In Production"/>
    <s v="web"/>
    <x v="1"/>
    <x v="2232"/>
  </r>
  <r>
    <x v="0"/>
    <x v="62"/>
    <x v="5742"/>
    <s v=""/>
    <s v="A stand-alone version of the NoFC health and safety inspection system"/>
    <s v=""/>
    <x v="1"/>
    <s v=""/>
    <x v="36"/>
    <s v="Internal Servies"/>
    <s v="Information Technology Services"/>
    <s v="NRCan-NRCan_0861"/>
    <s v="InDevelopment"/>
    <s v="web"/>
    <x v="1"/>
    <x v="106"/>
  </r>
  <r>
    <x v="0"/>
    <x v="19"/>
    <x v="5743"/>
    <s v=""/>
    <s v="We use the most expedient method of delivery available unless requested otherwise by the customer. Due to varying shipping costs associated with location, order size and speed of delivery requested, our advertised prices do not include fees for courier services. Customers who do not have or provide us with an account number for the courier service that is used will have the applicable charges added to their order. You will be invoiced after shipping. Payment may be made by cheque (Canadian funds"/>
    <s v=""/>
    <x v="1"/>
    <s v=""/>
    <x v="36"/>
    <s v="Internal Servies"/>
    <s v="Information Technology Services"/>
    <s v="NRCan-NRCan_0863"/>
    <s v="In Production"/>
    <s v="web"/>
    <x v="1"/>
    <x v="2232"/>
  </r>
  <r>
    <x v="0"/>
    <x v="19"/>
    <x v="5744"/>
    <s v=""/>
    <s v="Intranet du Centre de foresterie des Laurentides"/>
    <s v=""/>
    <x v="1"/>
    <s v=""/>
    <x v="36"/>
    <s v="Internal Services"/>
    <s v="Information Management Services"/>
    <s v="NRCan-NRCan_0865"/>
    <s v="In Production"/>
    <s v="web"/>
    <x v="1"/>
    <x v="2243"/>
  </r>
  <r>
    <x v="4"/>
    <x v="5"/>
    <x v="5745"/>
    <s v=""/>
    <s v="Create 3D models of trees and forests, with the potential of using lidar data to drive the architectural modeling."/>
    <s v=""/>
    <x v="1"/>
    <s v=""/>
    <x v="36"/>
    <s v=""/>
    <s v=""/>
    <s v="NRCan-NRCan_0866"/>
    <s v="In Production"/>
    <s v="desktop"/>
    <x v="1"/>
    <x v="106"/>
  </r>
  <r>
    <x v="4"/>
    <x v="5"/>
    <x v="5746"/>
    <s v=""/>
    <s v="A desktop application to support data entry from a Spruce Budworm L2 study."/>
    <s v=""/>
    <x v="1"/>
    <s v=""/>
    <x v="36"/>
    <s v=""/>
    <s v=""/>
    <s v="NRCan-NRCan_0868"/>
    <s v="In Production"/>
    <s v="desktop"/>
    <x v="1"/>
    <x v="106"/>
  </r>
  <r>
    <x v="12"/>
    <x v="118"/>
    <x v="5747"/>
    <s v="PFC Archives"/>
    <s v="ICA-AtoM is a web-based archival description software that is based on International Council on Archives ('ICA') standards. 'AtoM' is an acronymn for 'Access to Memory'. ICA-AtoM is multi-lingual and supports multi-repository collections."/>
    <s v=""/>
    <x v="1"/>
    <s v=""/>
    <x v="36"/>
    <s v="Internal Services"/>
    <s v="Information Management Services,Other"/>
    <s v="NRCan-NRCan_0869"/>
    <s v="In Production"/>
    <s v="web"/>
    <x v="1"/>
    <x v="2246"/>
  </r>
  <r>
    <x v="0"/>
    <x v="42"/>
    <x v="5748"/>
    <s v="CBM"/>
    <s v="Download sites for the Carbon Budget Model and National Forest Sinks Committee."/>
    <s v=""/>
    <x v="1"/>
    <s v=""/>
    <x v="36"/>
    <s v="Enhancing Sustainable Forest Management Practices"/>
    <s v="Information Management Services"/>
    <s v="NRCan-NRCan_0871"/>
    <s v="In Production"/>
    <s v="web"/>
    <x v="1"/>
    <x v="2247"/>
  </r>
  <r>
    <x v="0"/>
    <x v="19"/>
    <x v="5749"/>
    <s v="NFD DCT"/>
    <s v="The National Forestry Database (NFD) Data Capture Tool is the online app that allows jurisdictions to enter information/data into the NFD database."/>
    <s v=""/>
    <x v="1"/>
    <s v=""/>
    <x v="36"/>
    <s v="Enhancing Sustainable Forest Management Practices"/>
    <s v="Information Management Services"/>
    <s v="NRCan-NRCan_0872"/>
    <s v="In Production"/>
    <s v="web"/>
    <x v="1"/>
    <x v="2248"/>
  </r>
  <r>
    <x v="2"/>
    <x v="10"/>
    <x v="5750"/>
    <s v="NTSC Web"/>
    <s v="This application is the web interface for NTSC database.  The National Tree Seed Centre, established in 1967, is located in Fredericton, New Brunswick, at the Canadian Forest Serviceâ€“Atlantic Forestry Centre (CFSâ€“AFC).  At this facility, we collect, process, test and store the seeds of Canadian tree and shrub species for conservation and research purposes.  Currently, the Seed Centre has more than 13,000 seedlots. These contain seed fro"/>
    <s v=""/>
    <x v="1"/>
    <s v=""/>
    <x v="36"/>
    <s v="Enhancing Sustainable Forest Management Practices"/>
    <s v="Information Management Services"/>
    <s v="NRCan-NRCan_0873"/>
    <s v="In Production"/>
    <s v="web"/>
    <x v="1"/>
    <x v="2249"/>
  </r>
  <r>
    <x v="0"/>
    <x v="11"/>
    <x v="5751"/>
    <s v="SAFORAH"/>
    <s v="renewal SOS submitted in 2016 June"/>
    <s v=""/>
    <x v="1"/>
    <s v=""/>
    <x v="36"/>
    <s v="Enhancing Sustainable Forest Management Practices"/>
    <s v="Information Management Services"/>
    <s v="NRCan-NRCan_0874"/>
    <s v="In Production"/>
    <s v="web"/>
    <x v="1"/>
    <x v="2250"/>
  </r>
  <r>
    <x v="4"/>
    <x v="5"/>
    <x v="5752"/>
    <s v=""/>
    <s v="This application is to manipulate the National Forestry Database (NFD) data and produce the reports for the NFD website."/>
    <s v=""/>
    <x v="1"/>
    <s v=""/>
    <x v="36"/>
    <s v=""/>
    <s v=""/>
    <s v="NRCan-NRCan_0875"/>
    <s v="In Production"/>
    <s v="desktop"/>
    <x v="1"/>
    <x v="106"/>
  </r>
  <r>
    <x v="0"/>
    <x v="19"/>
    <x v="5753"/>
    <s v=""/>
    <s v="Health and Safety Wiki"/>
    <s v=""/>
    <x v="1"/>
    <s v=""/>
    <x v="36"/>
    <s v="Internal Services"/>
    <s v="Information Technology Services"/>
    <s v="NRCan-NRCan_0876"/>
    <s v="In Production"/>
    <s v="web"/>
    <x v="1"/>
    <x v="2251"/>
  </r>
  <r>
    <x v="6"/>
    <x v="21"/>
    <x v="5754"/>
    <s v=""/>
    <s v="Provides quick email or SMS notifications for EC weather warnings to users who subscribe."/>
    <s v=""/>
    <x v="1"/>
    <s v=""/>
    <x v="36"/>
    <s v="Internal Services"/>
    <s v="Information Technology Services"/>
    <s v="NRCan-NRCan_0877"/>
    <s v="In Production"/>
    <s v="web"/>
    <x v="1"/>
    <x v="2242"/>
  </r>
  <r>
    <x v="0"/>
    <x v="28"/>
    <x v="5755"/>
    <s v="PFC Herbarium DAVFP"/>
    <s v="To maintain and update georeferenced specimen label data for the Pacific Forestry Centre's Forest Pathology Herbarium, a collection of more than 35,000 forest disease and fungus specimens. These data are publically available on a searchable web page, enabling researchers to access collection data and request specimen loans.  The url above is the home page of the site. The actual app's urls are:  http://cfs.nrcan.gc.ca/herbarium   http://scf.rncan.gc.ca/herbier?lang=fr_CA"/>
    <s v=""/>
    <x v="1"/>
    <s v=""/>
    <x v="36"/>
    <s v="Enhancing Forest Pest Risk Management"/>
    <s v="Information Technology Services"/>
    <s v="NRCan-NRCan_0879"/>
    <s v="In Production"/>
    <s v="web"/>
    <x v="1"/>
    <x v="93"/>
  </r>
  <r>
    <x v="5"/>
    <x v="94"/>
    <x v="5756"/>
    <s v=""/>
    <s v="This program will assist your forest resource management decision-making through evaluation of product and value options from your forest inventory and fibre attributes data at the tree, stand, and landscape/regional levels.  Developed by Dr.Chao Li, Harinderjit Hans, and Sirak Ghebremusse."/>
    <s v=""/>
    <x v="1"/>
    <s v=""/>
    <x v="36"/>
    <s v="Strengthening Forest Sector Competitiveness"/>
    <s v="Information Technology Services"/>
    <s v="NRCan-NRCan_0880"/>
    <s v="InDevelopment"/>
    <s v="web"/>
    <x v="1"/>
    <x v="2242"/>
  </r>
  <r>
    <x v="0"/>
    <x v="0"/>
    <x v="5757"/>
    <s v=""/>
    <s v="A project management tool for keeping track of different projects ( http://s-edm-redmine.nofc.cfs.nrcan.gc.ca/projects ) being worked on by NoFC employees. It is a tool primarily meant for managing software development projects but has also been adapted to managing other types of projects. Some of the projects being managed by this tool include:  - FireMARS: NBAC and MAFiMS: National fire mapping done at NoFC annually to support CFS Carbon Reporting out of PFC. Two systems for database and mapping.  - Publications Database: The main CFS Publications Database  - ProMIS: A tool for gathering Information for Decision Making on CFS' Portfolio"/>
    <s v="Other"/>
    <x v="1"/>
    <s v="Redmine"/>
    <x v="36"/>
    <s v="Internal Services"/>
    <s v="Information Technology Services"/>
    <s v="NRCan-NRCan_0881"/>
    <s v="In Production"/>
    <s v="web"/>
    <x v="0"/>
    <x v="2242"/>
  </r>
  <r>
    <x v="4"/>
    <x v="5"/>
    <x v="5758"/>
    <s v=""/>
    <s v="A computable general equilibrium model of the forest industries at a sub provincial level is being developed. It may become a model of SpaDES, also in this list of applications."/>
    <s v=""/>
    <x v="1"/>
    <s v=""/>
    <x v="36"/>
    <s v=""/>
    <s v=""/>
    <s v="NRCan-NRCan_0882"/>
    <s v="In Production"/>
    <s v="desktop"/>
    <x v="1"/>
    <x v="106"/>
  </r>
  <r>
    <x v="5"/>
    <x v="100"/>
    <x v="5759"/>
    <s v="SPADES"/>
    <s v="A platform that allows users to develop and run simulation models.  Users can create their own modules or use pre-existing modules.  Allows the integration of multiple modules across disciplines (e.g., plants, animals, insects, fires, ecophysiology, economics) to examine complex trade-offs and feedbacks across traditional management areas (e.g., pest management, fire management, economics, timber supply)"/>
    <s v=""/>
    <x v="1"/>
    <s v=""/>
    <x v="36"/>
    <s v="Internal Services"/>
    <s v="Information Technology Services"/>
    <s v="NRCan-NRCan_0883"/>
    <s v="In Production"/>
    <s v="web"/>
    <x v="1"/>
    <x v="2252"/>
  </r>
  <r>
    <x v="6"/>
    <x v="61"/>
    <x v="5760"/>
    <s v=""/>
    <s v="A thesaurus application which will be based upon Tematres when that service is ready to be used."/>
    <s v=""/>
    <x v="1"/>
    <s v=""/>
    <x v="36"/>
    <s v="Internal Services"/>
    <s v="Information Technology Services"/>
    <s v="NRCan-NRCan_0887"/>
    <s v="In Production"/>
    <s v="web"/>
    <x v="1"/>
    <x v="93"/>
  </r>
  <r>
    <x v="5"/>
    <x v="94"/>
    <x v="5761"/>
    <s v=""/>
    <s v="Mobile application for Android and iOS (and eventually Blackberry in the future) that provides a list of Canadian native trees as well as hardiness zones to help find a tree that would be best-suited for growing in a given location (e.g. the user's location)."/>
    <s v=""/>
    <x v="1"/>
    <s v=""/>
    <x v="36"/>
    <s v="3.2 Landmass Information"/>
    <s v="Information Technology Services"/>
    <s v="NRCan-NRCan_0888"/>
    <s v="In Production"/>
    <s v="mobile"/>
    <x v="1"/>
    <x v="86"/>
  </r>
  <r>
    <x v="0"/>
    <x v="19"/>
    <x v="5762"/>
    <s v="TIDCF -IMAFC"/>
    <s v="Formulaires web pour la mise à  jour de la base de données des Arbres, insectes et maladies des forêts du Canada. Accessible seulement aux usagers ayant les droits d'accès."/>
    <s v=""/>
    <x v="1"/>
    <s v=""/>
    <x v="36"/>
    <s v="Enhancing Forest Pest Risk Management"/>
    <s v="Other"/>
    <s v="NRCan-NRCan_0890"/>
    <s v="In Production"/>
    <s v="web"/>
    <x v="1"/>
    <x v="93"/>
  </r>
  <r>
    <x v="4"/>
    <x v="5"/>
    <x v="5763"/>
    <s v=""/>
    <s v="Permet de télécharger différentes sources de données et de manipuler (joindre, rogner, exporter, convertir) ces données pour créer des bases de données météorologiques utilisable par les outils de simulation basés sur la température (BioSIM)"/>
    <s v=""/>
    <x v="1"/>
    <s v=""/>
    <x v="36"/>
    <s v=""/>
    <s v=""/>
    <s v="NRCan-NRCan_0892"/>
    <s v="In Production"/>
    <s v="desktop"/>
    <x v="1"/>
    <x v="106"/>
  </r>
  <r>
    <x v="5"/>
    <x v="94"/>
    <x v="5764"/>
    <s v="CWFC"/>
    <s v="This program will assist your forest resource management decision-making through evaluation of product and value options from your forest inventory and fibre attributes data at the tree, stand, and landscape/regional levels. Developed by Chao Li, Sirak Ghebremusse, and Harinderjit Hans."/>
    <s v=""/>
    <x v="1"/>
    <s v=""/>
    <x v="36"/>
    <s v="Strengthening Forest Sector Competitiveness"/>
    <s v="Information Technology Services"/>
    <s v="NRCan-NRCan_0893"/>
    <s v="In Production"/>
    <s v="web"/>
    <x v="1"/>
    <x v="2243"/>
  </r>
  <r>
    <x v="4"/>
    <x v="5"/>
    <x v="5765"/>
    <s v=""/>
    <s v="A desktop executable to estimate wood quality properties from output files generated by Mixedwood Growth Model"/>
    <s v=""/>
    <x v="1"/>
    <s v=""/>
    <x v="36"/>
    <s v=""/>
    <s v=""/>
    <s v="NRCan-NRCan_0894"/>
    <s v="In Production"/>
    <s v="desktop"/>
    <x v="1"/>
    <x v="106"/>
  </r>
  <r>
    <x v="5"/>
    <x v="100"/>
    <x v="5766"/>
    <s v="HYSYS"/>
    <s v="Aspen HYSYS is the energy industry’s leading process simulation software that’s used by top oil and gas producers, refineries and engineering companies for process optimization in design and operations."/>
    <s v="Other"/>
    <x v="1"/>
    <s v="Aspen Technology, Inc. - HYSYS"/>
    <x v="36"/>
    <s v="PAA 2.2.3.1.1 Fossil Fuels"/>
    <s v="Other"/>
    <s v="NRCan-NRCan_0895"/>
    <s v="In Production"/>
    <s v="desktop"/>
    <x v="0"/>
    <x v="106"/>
  </r>
  <r>
    <x v="5"/>
    <x v="100"/>
    <x v="5767"/>
    <s v="KED"/>
    <s v="Boiler Process Modelling and Simulation"/>
    <s v="Other"/>
    <x v="1"/>
    <s v="KED - Power Plant Simulator &amp; Designer"/>
    <x v="36"/>
    <s v="PAA 2.2.3.1.1 Fossil Fuels"/>
    <s v="Other"/>
    <s v="NRCan-NRCan_0896"/>
    <s v="In Production"/>
    <s v="desktop"/>
    <x v="0"/>
    <x v="106"/>
  </r>
  <r>
    <x v="5"/>
    <x v="100"/>
    <x v="5768"/>
    <s v="COMSOL"/>
    <s v="COMSOL Multiphysics software, an interactive environment for modeling and simulating scientific and engineering problems"/>
    <s v="Other"/>
    <x v="1"/>
    <s v="COMSOL Inc. - Comsol Multiphysics"/>
    <x v="36"/>
    <s v="PAA 2.2.3.1.1 Fossil Fuels"/>
    <s v="Other"/>
    <s v="NRCan-NRCan_0897"/>
    <s v="In Production"/>
    <s v="desktop"/>
    <x v="0"/>
    <x v="106"/>
  </r>
  <r>
    <x v="5"/>
    <x v="100"/>
    <x v="5769"/>
    <s v=""/>
    <s v="thermochemical software and databases"/>
    <s v="Other"/>
    <x v="1"/>
    <s v="CRCT - Factsage"/>
    <x v="36"/>
    <s v="PAA 2.2.3.1.1 Fossil Fuels"/>
    <s v="Other"/>
    <s v="NRCan-NRCan_0898"/>
    <s v="In Production"/>
    <s v="desktop"/>
    <x v="0"/>
    <x v="106"/>
  </r>
  <r>
    <x v="8"/>
    <x v="29"/>
    <x v="5770"/>
    <s v="IFORT"/>
    <s v="Fortran compilers from Intel for Windows, Linux, and OS X"/>
    <s v="Other"/>
    <x v="1"/>
    <s v="Intel Corporation - Visual Fortran"/>
    <x v="36"/>
    <s v="PAA 2.2.3.1.1 Fossil Fuels"/>
    <s v="Other"/>
    <s v="NRCan-NRCan_0899"/>
    <s v="In Production"/>
    <s v="desktop"/>
    <x v="0"/>
    <x v="106"/>
  </r>
  <r>
    <x v="5"/>
    <x v="25"/>
    <x v="5771"/>
    <s v="JMP"/>
    <s v="Tool for expert data analysis, design of experiments, and Six Sigma implementation"/>
    <s v="Other"/>
    <x v="1"/>
    <s v="SAS Institute Inc. - JMP"/>
    <x v="36"/>
    <s v="PAA 2.2.3.1.1 Fossil Fuels"/>
    <s v="Other"/>
    <s v="NRCan-NRCan_0900"/>
    <s v="In Production"/>
    <s v="desktop"/>
    <x v="0"/>
    <x v="106"/>
  </r>
  <r>
    <x v="5"/>
    <x v="99"/>
    <x v="5772"/>
    <s v="LabVIEW"/>
    <s v="Fully integrated graphical system design software"/>
    <s v="Other"/>
    <x v="1"/>
    <s v="National Instruments - LabVIEW"/>
    <x v="36"/>
    <s v="PAA 2.2.3.1.1 Fossil Fuels"/>
    <s v="Other"/>
    <s v="NRCan-NRCan_0901"/>
    <s v="In Production"/>
    <s v="desktop"/>
    <x v="0"/>
    <x v="106"/>
  </r>
  <r>
    <x v="5"/>
    <x v="94"/>
    <x v="5773"/>
    <s v="Maplesoft"/>
    <s v="Computing software for engineers used as a mathematical and analytical software"/>
    <s v="Other"/>
    <x v="1"/>
    <s v="Maplesoft - Maple"/>
    <x v="36"/>
    <s v="PAA 2.2.3.1.1 Fossil Fuels"/>
    <s v="Other"/>
    <s v="NRCan-NRCan_0902"/>
    <s v="In Production"/>
    <s v="desktop"/>
    <x v="0"/>
    <x v="106"/>
  </r>
  <r>
    <x v="5"/>
    <x v="94"/>
    <x v="1948"/>
    <s v="MATLAB"/>
    <s v="used for machine learning, signal processing, image processing, computer vision, communications, computational finance, control design, robotics"/>
    <s v="Other"/>
    <x v="1"/>
    <s v="Mathworks - Matlab"/>
    <x v="36"/>
    <s v="PAA 2.2.3.1.1 Fossil Fuels"/>
    <s v="Other"/>
    <s v="NRCan-NRCan_0903"/>
    <s v="In Production"/>
    <s v="desktop"/>
    <x v="0"/>
    <x v="106"/>
  </r>
  <r>
    <x v="5"/>
    <x v="100"/>
    <x v="5774"/>
    <s v="PetraSim"/>
    <s v="Graphical tools for simulating nonisothermal multiphase flow and transport in fractured and porous media"/>
    <s v="Other"/>
    <x v="1"/>
    <s v="Thunderhead Engineering Consultants, Inc.  - PetraSim"/>
    <x v="36"/>
    <s v="PAA 2.2.3.1.1 Fossil Fuels"/>
    <s v="Other"/>
    <s v="NRCan-NRCan_0904"/>
    <s v="In Production"/>
    <s v="desktop"/>
    <x v="0"/>
    <x v="106"/>
  </r>
  <r>
    <x v="8"/>
    <x v="29"/>
    <x v="5775"/>
    <s v="PGI"/>
    <s v="PGI High-Performance Optimizing Parallel Fortran 2003, C11 and C++11 Compilers and Tools for Scientists and Engineers"/>
    <s v="Other"/>
    <x v="1"/>
    <s v="Thunderhead Engineering Consultants, Inc.  - PetraSim"/>
    <x v="36"/>
    <s v="PAA 2.2.3.1.1 Fossil Fuels"/>
    <s v="Other"/>
    <s v="NRCan-NRCan_0905"/>
    <s v="In Production"/>
    <s v="desktop"/>
    <x v="0"/>
    <x v="106"/>
  </r>
  <r>
    <x v="5"/>
    <x v="100"/>
    <x v="5776"/>
    <s v="UniSim"/>
    <s v="an intuitive process modeling software"/>
    <s v="Other"/>
    <x v="1"/>
    <s v="Honeywell - UniSim Design Suite"/>
    <x v="36"/>
    <s v="PAA 2.2.3.1.1 Fossil Fuels"/>
    <s v="Other"/>
    <s v="NRCan-NRCan_0906"/>
    <s v="In Production"/>
    <s v="desktop"/>
    <x v="0"/>
    <x v="106"/>
  </r>
  <r>
    <x v="6"/>
    <x v="71"/>
    <x v="5777"/>
    <s v=""/>
    <s v="Adobe Acrobat is a family of application software and Web services developed by Adobe Systems to view, create, manipulate, print and manage files in Portable Document Format (PDF)."/>
    <s v="Adobe_Systems_Incorporated"/>
    <x v="30"/>
    <s v=""/>
    <x v="36"/>
    <s v="PAA 2.2.3 Clean Energy Science and Technology"/>
    <s v="Other"/>
    <s v="NRCan-NRCan_0907"/>
    <s v="In Production"/>
    <s v="desktop"/>
    <x v="0"/>
    <x v="86"/>
  </r>
  <r>
    <x v="6"/>
    <x v="35"/>
    <x v="5778"/>
    <s v=""/>
    <s v="software suite of graphic design, video editing, and web development applications developed by Adobe Systems."/>
    <s v="Adobe_Systems_Incorporated"/>
    <x v="1"/>
    <s v="Adobe Master Suite"/>
    <x v="36"/>
    <s v="PAA 2.2.3 Clean Energy Science and Technology"/>
    <s v="Other"/>
    <s v="NRCan-NRCan_0908"/>
    <s v="In Production"/>
    <s v="desktop"/>
    <x v="0"/>
    <x v="86"/>
  </r>
  <r>
    <x v="5"/>
    <x v="95"/>
    <x v="5779"/>
    <s v=""/>
    <s v="Design software for engineering projects"/>
    <s v="Other"/>
    <x v="1"/>
    <s v="Autodesk Design Suite Ultimate"/>
    <x v="36"/>
    <s v="PAA 2.2.3 Clean Energy Science and Technology"/>
    <s v="Other"/>
    <s v="NRCan-NRCan_0909"/>
    <s v="In Production"/>
    <s v="desktop"/>
    <x v="0"/>
    <x v="86"/>
  </r>
  <r>
    <x v="6"/>
    <x v="35"/>
    <x v="5780"/>
    <s v=""/>
    <s v="graphic design software"/>
    <s v="Corel_Corporation"/>
    <x v="101"/>
    <s v=""/>
    <x v="36"/>
    <s v="PAA 2.2.3 Clean Energy Science and Technology"/>
    <s v="Other"/>
    <s v="NRCan-NRCan_0910"/>
    <s v="In Production"/>
    <s v="desktop"/>
    <x v="0"/>
    <x v="86"/>
  </r>
  <r>
    <x v="5"/>
    <x v="99"/>
    <x v="5781"/>
    <s v=""/>
    <s v="web site dedicated to providing analytical chemists with on-line access to high quality FTIR and Raman spectral libraries."/>
    <s v="Other"/>
    <x v="1"/>
    <s v="Nicofom Ltd. FTIR Spectra Database"/>
    <x v="36"/>
    <s v="PAA 2.2.3 Clean Energy Science and Technology"/>
    <s v="Other"/>
    <s v="NRCan-NRCan_0911"/>
    <s v="In Production"/>
    <s v="desktop"/>
    <x v="0"/>
    <x v="86"/>
  </r>
  <r>
    <x v="5"/>
    <x v="94"/>
    <x v="5782"/>
    <s v=""/>
    <s v="develops, licenses, and supports the Gaussian series of computational chemistry software and related products"/>
    <s v="Other"/>
    <x v="1"/>
    <s v="Gaussian Inc. / Gaussian 09"/>
    <x v="36"/>
    <s v="PAA 2.2.3 Clean Energy Science and Technology"/>
    <s v="Other"/>
    <s v="NRCan-NRCan_0912"/>
    <s v="In Production"/>
    <s v="desktop"/>
    <x v="0"/>
    <x v="86"/>
  </r>
  <r>
    <x v="5"/>
    <x v="94"/>
    <x v="5783"/>
    <s v=""/>
    <s v="full-featured graphical user interface for Gaussian 98. With GaussView you can construct molecular systems of interest quickly and efficiently using its molecule building facility."/>
    <s v="Other"/>
    <x v="1"/>
    <s v="Gaussian Inc. / Gauss View 5"/>
    <x v="36"/>
    <s v="PAA 2.2.3 Clean Energy Science and Technology"/>
    <s v="Other"/>
    <s v="NRCan-NRCan_0913"/>
    <s v="In Production"/>
    <s v="desktop"/>
    <x v="0"/>
    <x v="86"/>
  </r>
  <r>
    <x v="5"/>
    <x v="94"/>
    <x v="5784"/>
    <s v=""/>
    <s v="standard for geochemical modeling in aqueous systems."/>
    <s v="Other"/>
    <x v="1"/>
    <s v="Aqueous Solutions LLC / Geochemist Workbench Professional"/>
    <x v="36"/>
    <s v="PAA 2.2.3 Clean Energy Science and Technology"/>
    <s v="Other"/>
    <s v="NRCan-NRCan_0914"/>
    <s v="In Production"/>
    <s v="desktop"/>
    <x v="0"/>
    <x v="86"/>
  </r>
  <r>
    <x v="5"/>
    <x v="91"/>
    <x v="5785"/>
    <s v=""/>
    <s v="enterprise-wide distributed control system (DCS) designed to unify people with process, business requirements and asset management."/>
    <s v="Other"/>
    <x v="1"/>
    <s v="Honeywell / Experion"/>
    <x v="36"/>
    <s v="PAA 2.2.3 Clean Energy Science and Technology"/>
    <s v="Other"/>
    <s v="NRCan-NRCan_0916"/>
    <s v="In Production"/>
    <s v="desktop"/>
    <x v="0"/>
    <x v="86"/>
  </r>
  <r>
    <x v="8"/>
    <x v="29"/>
    <x v="5786"/>
    <s v=""/>
    <s v=""/>
    <s v="Other"/>
    <x v="1"/>
    <s v="Intel / Intel Fortran Compiler with IMSL"/>
    <x v="36"/>
    <s v="PAA 2.2.3 Clean Energy Science and Technology"/>
    <s v="Other"/>
    <s v="NRCan-NRCan_0917"/>
    <s v="In Production"/>
    <s v="desktop"/>
    <x v="0"/>
    <x v="86"/>
  </r>
  <r>
    <x v="5"/>
    <x v="94"/>
    <x v="5771"/>
    <s v=""/>
    <s v="Tool for expert data analysis, design of experiments, and Six Sigma implementation"/>
    <s v="Other"/>
    <x v="1"/>
    <s v="SAS Institute Inc. / JMP"/>
    <x v="36"/>
    <s v="PAA 2.2.3 Clean Energy Science and Technology"/>
    <s v="Other"/>
    <s v="NRCan-NRCan_0918"/>
    <s v="In Production"/>
    <s v="desktop"/>
    <x v="0"/>
    <x v="86"/>
  </r>
  <r>
    <x v="5"/>
    <x v="99"/>
    <x v="5787"/>
    <s v=""/>
    <s v="software-based laboratory and information management system"/>
    <s v="Other"/>
    <x v="1"/>
    <s v="Accelerated Technology Laboratories, Inc. / Sample Master Pro"/>
    <x v="36"/>
    <s v="PAA 2.2.3 Clean Energy Science and Technology"/>
    <s v="Other"/>
    <s v="NRCan-NRCan_0919"/>
    <s v="In Production"/>
    <s v="rich"/>
    <x v="0"/>
    <x v="146"/>
  </r>
  <r>
    <x v="5"/>
    <x v="94"/>
    <x v="5788"/>
    <s v=""/>
    <s v="Computing software for engineers used as a mathematical and analytical software"/>
    <s v="Other"/>
    <x v="1"/>
    <s v="Waterloo Maple Inc. / Maple"/>
    <x v="36"/>
    <s v="PAA 2.2.3 Clean Energy Science and Technology"/>
    <s v="Other"/>
    <s v="NRCan-NRCan_0920"/>
    <s v="In Production"/>
    <s v="desktop"/>
    <x v="0"/>
    <x v="86"/>
  </r>
  <r>
    <x v="5"/>
    <x v="94"/>
    <x v="5789"/>
    <s v=""/>
    <s v="mathematical computation program"/>
    <s v="Other"/>
    <x v="1"/>
    <s v="Walfram / Mathematica"/>
    <x v="36"/>
    <s v="PAA 2.2.3 Clean Energy Science and Technology"/>
    <s v="Other"/>
    <s v="NRCan-NRCan_0921"/>
    <s v="In Production"/>
    <s v="desktop"/>
    <x v="0"/>
    <x v="86"/>
  </r>
  <r>
    <x v="5"/>
    <x v="94"/>
    <x v="1948"/>
    <s v=""/>
    <s v="used for machine learning, signal processing, image processing, computer vision, communications, computational finance, control design, robotics"/>
    <s v="Other"/>
    <x v="1"/>
    <s v="The MathWorks Inc. / Matlab"/>
    <x v="36"/>
    <s v="PAA 2.2.3 Clean Energy Science and Technology"/>
    <s v="Other"/>
    <s v="NRCan-NRCan_0922"/>
    <s v="In Production"/>
    <s v="desktop"/>
    <x v="0"/>
    <x v="86"/>
  </r>
  <r>
    <x v="6"/>
    <x v="24"/>
    <x v="5790"/>
    <s v=""/>
    <s v="Project management software"/>
    <s v="Microsoft_Corporation"/>
    <x v="1"/>
    <s v="Project 2010 Standard"/>
    <x v="36"/>
    <s v="PAA 2.2.3 Clean Energy Science and Technology"/>
    <s v="Other"/>
    <s v="NRCan-NRCan_0923"/>
    <s v="In Production"/>
    <s v="desktop"/>
    <x v="0"/>
    <x v="86"/>
  </r>
  <r>
    <x v="6"/>
    <x v="35"/>
    <x v="2468"/>
    <s v=""/>
    <s v="powerful diagramming platform with a rich set of built-in stencils"/>
    <s v="Microsoft_Corporation"/>
    <x v="1"/>
    <s v="Visio 2010 Standard"/>
    <x v="36"/>
    <s v="PAA 2.2.3 Clean Energy Science and Technology"/>
    <s v="Other"/>
    <s v="NRCan-NRCan_0924"/>
    <s v="In Production"/>
    <s v="desktop"/>
    <x v="0"/>
    <x v="86"/>
  </r>
  <r>
    <x v="6"/>
    <x v="36"/>
    <x v="5791"/>
    <s v=""/>
    <s v="commercial mind mapping software application"/>
    <s v="Other"/>
    <x v="1"/>
    <s v="Mindjet / MindManager"/>
    <x v="36"/>
    <s v="PAA 2.2.3 Clean Energy Science and Technology"/>
    <s v="Other"/>
    <s v="NRCan-NRCan_0925"/>
    <s v="In Production"/>
    <s v="desktop"/>
    <x v="0"/>
    <x v="86"/>
  </r>
  <r>
    <x v="5"/>
    <x v="94"/>
    <x v="5792"/>
    <s v=""/>
    <s v="computer program for interactive scientific graphing and data analysis"/>
    <s v="Other"/>
    <x v="1"/>
    <s v="Delta Controls/ Orcaview"/>
    <x v="36"/>
    <s v="PAA 2.2.3 Clean Energy Science and Technology"/>
    <s v="Other"/>
    <s v="NRCan-NRCan_0927"/>
    <s v="In Production"/>
    <s v="desktop"/>
    <x v="0"/>
    <x v="86"/>
  </r>
  <r>
    <x v="5"/>
    <x v="94"/>
    <x v="5793"/>
    <s v=""/>
    <s v="scientific data analysis and graphing software"/>
    <s v="Other"/>
    <x v="1"/>
    <s v=""/>
    <x v="36"/>
    <s v="PAA 2.2.3 Clean Energy Science and Technology"/>
    <s v="Other"/>
    <s v="NRCan-NRCan_0928"/>
    <s v="In Production"/>
    <s v="desktop"/>
    <x v="0"/>
    <x v="86"/>
  </r>
  <r>
    <x v="5"/>
    <x v="94"/>
    <x v="5794"/>
    <s v=""/>
    <s v=""/>
    <s v="Other"/>
    <x v="14"/>
    <s v="Intergraph Corporation / SmartPlant Enterprise"/>
    <x v="36"/>
    <s v="PAA 2.2.3 Clean Energy Science and Technology"/>
    <s v="Other"/>
    <s v="NRCan-NRCan_0929"/>
    <s v="In Production"/>
    <s v="desktop"/>
    <x v="0"/>
    <x v="86"/>
  </r>
  <r>
    <x v="5"/>
    <x v="94"/>
    <x v="5795"/>
    <s v=""/>
    <s v="Geotechnical software suite"/>
    <s v="Other"/>
    <x v="1"/>
    <s v="SoilVision Systems Ltd. / SVOffice 2009"/>
    <x v="36"/>
    <s v="PAA 2.2.3 Clean Energy Science and Technology"/>
    <s v="Other"/>
    <s v="NRCan-NRCan_0930"/>
    <s v="In Production"/>
    <s v="desktop"/>
    <x v="0"/>
    <x v="86"/>
  </r>
  <r>
    <x v="6"/>
    <x v="61"/>
    <x v="5796"/>
    <s v=""/>
    <s v="Search and eDiscovery for Virtual, Cloud &amp; Hybrid Environments"/>
    <s v="Other"/>
    <x v="1"/>
    <s v="X1 Discovery, Inc. / X1 Search"/>
    <x v="36"/>
    <s v="PAA 2.2.3 Clean Energy Science and Technology"/>
    <s v="Other"/>
    <s v="NRCan-NRCan_0931"/>
    <s v="In Production"/>
    <s v="desktop"/>
    <x v="0"/>
    <x v="86"/>
  </r>
  <r>
    <x v="5"/>
    <x v="99"/>
    <x v="5797"/>
    <s v=""/>
    <s v=""/>
    <s v="Other"/>
    <x v="1"/>
    <s v="Systat Software, Inc. / Sigmaplot"/>
    <x v="36"/>
    <s v="PAA 2.2.3 Clean Energy Science and Technology"/>
    <s v="Other"/>
    <s v="NRCan-NRCan_0932"/>
    <s v="In Production"/>
    <s v="desktop"/>
    <x v="0"/>
    <x v="86"/>
  </r>
  <r>
    <x v="5"/>
    <x v="94"/>
    <x v="5798"/>
    <s v=""/>
    <s v="A set of applicaitons and SDK that runs on Mac, Linux, and Windows.  Research tool for energy design of buildings and housing.  IP is shared between countries._x000a__x000a_Open source software."/>
    <s v=""/>
    <x v="1"/>
    <s v=""/>
    <x v="36"/>
    <s v="PAA 2.2.3 Clean Energy Science and Technology"/>
    <s v="Other"/>
    <s v="NRCan-NRCan_0933"/>
    <s v="In Production"/>
    <s v="cloud"/>
    <x v="1"/>
    <x v="106"/>
  </r>
  <r>
    <x v="5"/>
    <x v="94"/>
    <x v="5799"/>
    <s v=""/>
    <s v="Ruby IDE"/>
    <s v=""/>
    <x v="1"/>
    <s v=""/>
    <x v="36"/>
    <s v=""/>
    <s v="Other"/>
    <s v="NRCan-NRCan_0935"/>
    <s v="In Production"/>
    <s v="desktop"/>
    <x v="1"/>
    <x v="106"/>
  </r>
  <r>
    <x v="5"/>
    <x v="94"/>
    <x v="5800"/>
    <s v=""/>
    <s v="Gnu collection of Compilers"/>
    <s v=""/>
    <x v="1"/>
    <s v=""/>
    <x v="36"/>
    <s v=""/>
    <s v="Other"/>
    <s v="NRCan-NRCan_0936"/>
    <s v="In Production"/>
    <s v="desktop"/>
    <x v="1"/>
    <x v="106"/>
  </r>
  <r>
    <x v="5"/>
    <x v="94"/>
    <x v="5801"/>
    <s v=""/>
    <s v="version control software"/>
    <s v=""/>
    <x v="1"/>
    <s v=""/>
    <x v="36"/>
    <s v=""/>
    <s v="Other"/>
    <s v="NRCan-NRCan_0937"/>
    <s v="In Production"/>
    <s v="desktop"/>
    <x v="1"/>
    <x v="106"/>
  </r>
  <r>
    <x v="5"/>
    <x v="94"/>
    <x v="5802"/>
    <s v=""/>
    <s v="SSH client"/>
    <s v=""/>
    <x v="1"/>
    <s v=""/>
    <x v="36"/>
    <s v=""/>
    <s v="Other"/>
    <s v="NRCan-NRCan_0938"/>
    <s v="In Production"/>
    <s v="desktop"/>
    <x v="1"/>
    <x v="106"/>
  </r>
  <r>
    <x v="5"/>
    <x v="94"/>
    <x v="5803"/>
    <s v=""/>
    <s v="3d Modeller"/>
    <s v=""/>
    <x v="1"/>
    <s v=""/>
    <x v="36"/>
    <s v=""/>
    <s v="Other"/>
    <s v="NRCan-NRCan_0939"/>
    <s v="In Production"/>
    <s v="desktop"/>
    <x v="1"/>
    <x v="106"/>
  </r>
  <r>
    <x v="5"/>
    <x v="94"/>
    <x v="5804"/>
    <s v=""/>
    <s v="noSQL database"/>
    <s v=""/>
    <x v="1"/>
    <s v=""/>
    <x v="36"/>
    <s v=""/>
    <s v="Other"/>
    <s v="NRCan-NRCan_0940"/>
    <s v="In Production"/>
    <s v="desktop"/>
    <x v="1"/>
    <x v="106"/>
  </r>
  <r>
    <x v="5"/>
    <x v="94"/>
    <x v="5805"/>
    <s v=""/>
    <s v="noSQL database"/>
    <s v=""/>
    <x v="1"/>
    <s v=""/>
    <x v="36"/>
    <s v=""/>
    <s v="Other"/>
    <s v="NRCan-NRCan_0941"/>
    <s v="In Production"/>
    <s v="desktop"/>
    <x v="1"/>
    <x v="106"/>
  </r>
  <r>
    <x v="5"/>
    <x v="94"/>
    <x v="5806"/>
    <s v=""/>
    <s v="noSQL database"/>
    <s v=""/>
    <x v="1"/>
    <s v=""/>
    <x v="36"/>
    <s v=""/>
    <s v="Other"/>
    <s v="NRCan-NRCan_0942"/>
    <s v="In Production"/>
    <s v="desktop"/>
    <x v="1"/>
    <x v="106"/>
  </r>
  <r>
    <x v="5"/>
    <x v="94"/>
    <x v="5807"/>
    <s v=""/>
    <s v="noSQL database"/>
    <s v=""/>
    <x v="1"/>
    <s v=""/>
    <x v="36"/>
    <s v=""/>
    <s v="Other"/>
    <s v="NRCan-NRCan_0943"/>
    <s v="In Production"/>
    <s v="desktop"/>
    <x v="1"/>
    <x v="106"/>
  </r>
  <r>
    <x v="5"/>
    <x v="94"/>
    <x v="5808"/>
    <s v=""/>
    <s v="noSQL database"/>
    <s v=""/>
    <x v="1"/>
    <s v=""/>
    <x v="36"/>
    <s v=""/>
    <s v="Other"/>
    <s v="NRCan-NRCan_0944"/>
    <s v="In Production"/>
    <s v="desktop"/>
    <x v="1"/>
    <x v="106"/>
  </r>
  <r>
    <x v="5"/>
    <x v="94"/>
    <x v="5809"/>
    <s v=""/>
    <s v="Software system to optize heat recovery and reduce thermal energy use in industrial processes"/>
    <s v=""/>
    <x v="1"/>
    <s v=""/>
    <x v="36"/>
    <s v=""/>
    <s v="Other"/>
    <s v="NRCan-NRCan_0945"/>
    <s v="In Production"/>
    <s v="desktop"/>
    <x v="1"/>
    <x v="2253"/>
  </r>
  <r>
    <x v="5"/>
    <x v="94"/>
    <x v="5810"/>
    <s v=""/>
    <s v=""/>
    <s v=""/>
    <x v="1"/>
    <s v=""/>
    <x v="36"/>
    <s v=""/>
    <s v="Other"/>
    <s v="NRCan-NRCan_0946"/>
    <s v="In Production"/>
    <s v="desktop"/>
    <x v="1"/>
    <x v="2253"/>
  </r>
  <r>
    <x v="5"/>
    <x v="94"/>
    <x v="5811"/>
    <s v=""/>
    <s v=""/>
    <s v=""/>
    <x v="1"/>
    <s v=""/>
    <x v="36"/>
    <s v=""/>
    <s v="Other"/>
    <s v="NRCan-NRCan_0947"/>
    <s v="In Production"/>
    <s v="desktop"/>
    <x v="1"/>
    <x v="2253"/>
  </r>
  <r>
    <x v="5"/>
    <x v="94"/>
    <x v="5812"/>
    <s v=""/>
    <s v=""/>
    <s v=""/>
    <x v="1"/>
    <s v=""/>
    <x v="36"/>
    <s v=""/>
    <s v="Other"/>
    <s v="NRCan-NRCan_0948"/>
    <s v="In Production"/>
    <s v="desktop"/>
    <x v="1"/>
    <x v="2253"/>
  </r>
  <r>
    <x v="5"/>
    <x v="100"/>
    <x v="5813"/>
    <s v=""/>
    <s v="data visulization"/>
    <s v="Other"/>
    <x v="1"/>
    <s v="Apache"/>
    <x v="36"/>
    <s v=""/>
    <s v="Other"/>
    <s v="NRCan-NRCan_0949"/>
    <s v="In Production"/>
    <s v="desktop"/>
    <x v="0"/>
    <x v="106"/>
  </r>
  <r>
    <x v="5"/>
    <x v="100"/>
    <x v="5814"/>
    <s v=""/>
    <s v="Transient 1D coupled hygrothermal modelling"/>
    <s v="Other"/>
    <x v="1"/>
    <s v="Fraunhofer IBP"/>
    <x v="36"/>
    <s v=""/>
    <s v="Other"/>
    <s v="NRCan-NRCan_0950"/>
    <s v="In Production"/>
    <s v="desktop"/>
    <x v="0"/>
    <x v="106"/>
  </r>
  <r>
    <x v="5"/>
    <x v="100"/>
    <x v="5815"/>
    <s v=""/>
    <s v="Transient 2D coupled hygrothermal modelling"/>
    <s v="Other"/>
    <x v="1"/>
    <s v="Fraunhofer IBP"/>
    <x v="36"/>
    <s v=""/>
    <s v="Other"/>
    <s v="NRCan-NRCan_0951"/>
    <s v="In Production"/>
    <s v="desktop"/>
    <x v="0"/>
    <x v="106"/>
  </r>
  <r>
    <x v="5"/>
    <x v="99"/>
    <x v="5816"/>
    <s v=""/>
    <s v="System design and development for visual programming for data collection"/>
    <s v="Other"/>
    <x v="1"/>
    <s v="National Instruments"/>
    <x v="36"/>
    <s v=""/>
    <s v="Other"/>
    <s v="NRCan-NRCan_0952"/>
    <s v="In Production"/>
    <s v="desktop"/>
    <x v="0"/>
    <x v="106"/>
  </r>
  <r>
    <x v="5"/>
    <x v="100"/>
    <x v="5817"/>
    <s v=""/>
    <s v="2D steady state heat transfer modelling"/>
    <s v="Other"/>
    <x v="1"/>
    <s v="Lawrence Berkley National Laboratory"/>
    <x v="36"/>
    <s v=""/>
    <s v="Other"/>
    <s v="NRCan-NRCan_0953"/>
    <s v="In Production"/>
    <s v="desktop"/>
    <x v="0"/>
    <x v="106"/>
  </r>
  <r>
    <x v="5"/>
    <x v="100"/>
    <x v="5818"/>
    <s v=""/>
    <s v="3D pointcloud viewer"/>
    <s v="Other"/>
    <x v="1"/>
    <s v="AutoDesk"/>
    <x v="36"/>
    <s v=""/>
    <s v="Other"/>
    <s v="NRCan-NRCan_0954"/>
    <s v="In Production"/>
    <s v="desktop"/>
    <x v="0"/>
    <x v="106"/>
  </r>
  <r>
    <x v="5"/>
    <x v="100"/>
    <x v="5819"/>
    <s v=""/>
    <s v="3D Building Information Modelling"/>
    <s v="Other"/>
    <x v="1"/>
    <s v="AutoDesk"/>
    <x v="36"/>
    <s v=""/>
    <s v="Other"/>
    <s v="NRCan-NRCan_0955"/>
    <s v="In Production"/>
    <s v="desktop"/>
    <x v="0"/>
    <x v="106"/>
  </r>
  <r>
    <x v="5"/>
    <x v="100"/>
    <x v="5820"/>
    <s v="EP"/>
    <s v="Prediction of Building Energy Consomption"/>
    <s v=""/>
    <x v="1"/>
    <s v=""/>
    <x v="36"/>
    <s v="PAA 2.2.3 Clean Energy Science and Technology"/>
    <s v="Other"/>
    <s v="NRCan-NRCan_0956"/>
    <s v="In Production"/>
    <s v="web"/>
    <x v="1"/>
    <x v="2254"/>
  </r>
  <r>
    <x v="5"/>
    <x v="100"/>
    <x v="5821"/>
    <s v="FDD 4 PV"/>
    <s v="Fault detection and diagnosis of PV systems"/>
    <s v=""/>
    <x v="1"/>
    <s v=""/>
    <x v="36"/>
    <s v="PAA 2.2.3 Clean Energy Science and Technology"/>
    <s v="Other"/>
    <s v="NRCan-NRCan_0957"/>
    <s v="In Production"/>
    <s v="web"/>
    <x v="1"/>
    <x v="2255"/>
  </r>
  <r>
    <x v="5"/>
    <x v="100"/>
    <x v="5822"/>
    <s v=""/>
    <s v="Integration of Meteorological Data in Buildings Control"/>
    <s v="Other"/>
    <x v="1"/>
    <s v="Dassault"/>
    <x v="36"/>
    <s v=""/>
    <s v="Other"/>
    <s v="NRCan-NRCan_0958"/>
    <s v="In Production"/>
    <s v="desktop"/>
    <x v="0"/>
    <x v="2256"/>
  </r>
  <r>
    <x v="5"/>
    <x v="100"/>
    <x v="5823"/>
    <s v=""/>
    <s v="Monitoring of PV system performance"/>
    <s v="Other"/>
    <x v="1"/>
    <s v="CHAM/ Phoenics"/>
    <x v="36"/>
    <s v=""/>
    <s v="Other"/>
    <s v="NRCan-NRCan_0959"/>
    <s v="In Production"/>
    <s v="desktop"/>
    <x v="0"/>
    <x v="2257"/>
  </r>
  <r>
    <x v="3"/>
    <x v="30"/>
    <x v="5824"/>
    <s v="CMA"/>
    <m/>
    <s v=""/>
    <x v="1"/>
    <s v=""/>
    <x v="36"/>
    <s v="1.1.1: Mineral and Metal Markets Access and Diversification"/>
    <s v="Other"/>
    <s v="NRCan-NRCan_0960"/>
    <s v="In Production"/>
    <s v="desktop"/>
    <x v="1"/>
    <x v="2258"/>
  </r>
  <r>
    <x v="8"/>
    <x v="29"/>
    <x v="5825"/>
    <s v="ESTMA"/>
    <m/>
    <s v=""/>
    <x v="1"/>
    <s v=""/>
    <x v="36"/>
    <s v="Extractive Services Transparency Measures Act"/>
    <s v="Other"/>
    <s v="NRCan-NRCan_0961"/>
    <s v="In Production"/>
    <s v="desktop"/>
    <x v="1"/>
    <x v="2259"/>
  </r>
  <r>
    <x v="8"/>
    <x v="29"/>
    <x v="5826"/>
    <s v="MMSDVB6"/>
    <s v="Programming Software for Legacy Applications"/>
    <s v="Microsoft_Corporation"/>
    <x v="76"/>
    <s v=""/>
    <x v="36"/>
    <s v="Resources and Technical Surveys Act"/>
    <s v="Information Technology Services"/>
    <s v="NRCan-NRCan_0962"/>
    <s v="In Production"/>
    <s v="desktop"/>
    <x v="0"/>
    <x v="2260"/>
  </r>
  <r>
    <x v="8"/>
    <x v="29"/>
    <x v="5827"/>
    <s v="MMSDVS2005"/>
    <s v="Programming Software for Legacy Applications"/>
    <s v="Microsoft_Corporation"/>
    <x v="76"/>
    <s v=""/>
    <x v="36"/>
    <s v="Resources and Technical Surveys Act"/>
    <s v="Information Technology Services"/>
    <s v="NRCan-NRCan_0963"/>
    <s v="In Production"/>
    <s v="desktop"/>
    <x v="0"/>
    <x v="2261"/>
  </r>
  <r>
    <x v="8"/>
    <x v="29"/>
    <x v="5828"/>
    <s v="MMSDVS2008"/>
    <s v="Programming Software for Legacy Applications"/>
    <s v="Microsoft_Corporation"/>
    <x v="76"/>
    <s v=""/>
    <x v="36"/>
    <s v="Resources and Technical Surveys Act"/>
    <s v="Information Technology Services"/>
    <s v="NRCan-NRCan_0964"/>
    <s v="In Production"/>
    <s v="desktop"/>
    <x v="0"/>
    <x v="2261"/>
  </r>
  <r>
    <x v="8"/>
    <x v="29"/>
    <x v="5829"/>
    <s v="MMSDVS2010"/>
    <s v="Programming Software for Legacy Applications"/>
    <s v="Microsoft_Corporation"/>
    <x v="76"/>
    <s v=""/>
    <x v="36"/>
    <s v="Resources and Technical Surveys Act"/>
    <s v="Information Technology Services"/>
    <s v="NRCan-NRCan_0965"/>
    <s v="In Production"/>
    <s v="desktop"/>
    <x v="0"/>
    <x v="2261"/>
  </r>
  <r>
    <x v="8"/>
    <x v="29"/>
    <x v="5830"/>
    <s v="MMSDVS2012"/>
    <s v="Programming Software for Legacy Applications"/>
    <s v="Microsoft_Corporation"/>
    <x v="76"/>
    <s v=""/>
    <x v="36"/>
    <s v="Resources and Technical Surveys Act"/>
    <s v="Information Technology Services"/>
    <s v="NRCan-NRCan_0966"/>
    <s v="In Production"/>
    <s v="desktop"/>
    <x v="0"/>
    <x v="2261"/>
  </r>
  <r>
    <x v="8"/>
    <x v="29"/>
    <x v="5831"/>
    <s v="MMSDVS2015"/>
    <s v="Programming Software for Current Applications"/>
    <s v="Microsoft_Corporation"/>
    <x v="76"/>
    <s v=""/>
    <x v="36"/>
    <s v="Resources and Technical Surveys Act"/>
    <s v="Information Technology Services"/>
    <s v="NRCan-NRCan_0967"/>
    <s v="In Production"/>
    <s v="desktop"/>
    <x v="0"/>
    <x v="2261"/>
  </r>
  <r>
    <x v="8"/>
    <x v="29"/>
    <x v="5832"/>
    <s v="MMSDSSDE2008"/>
    <s v="Programming Software for Legacy Applications"/>
    <s v="Microsoft_Corporation"/>
    <x v="85"/>
    <s v=""/>
    <x v="36"/>
    <s v="Resources and Technical Surveys Act"/>
    <s v="Information Technology Services"/>
    <s v="NRCan-NRCan_0968"/>
    <s v="In Production"/>
    <s v="desktop"/>
    <x v="0"/>
    <x v="2262"/>
  </r>
  <r>
    <x v="8"/>
    <x v="29"/>
    <x v="5833"/>
    <s v="MMSDSSDE2012"/>
    <s v="Programming Software for Current Applications"/>
    <s v="Microsoft_Corporation"/>
    <x v="85"/>
    <s v=""/>
    <x v="36"/>
    <s v="Resources and Technical Surveys Act"/>
    <s v="Information Technology Services"/>
    <s v="NRCan-NRCan_0969"/>
    <s v="In Production"/>
    <s v="desktop"/>
    <x v="0"/>
    <x v="2262"/>
  </r>
  <r>
    <x v="5"/>
    <x v="14"/>
    <x v="5834"/>
    <s v="STK"/>
    <s v="Satellite orbit modelling software"/>
    <s v="Other"/>
    <x v="1"/>
    <s v="AGI Software"/>
    <x v="36"/>
    <s v=""/>
    <s v="Information Technology Services"/>
    <s v="NRCan-NRCan_0970"/>
    <s v="In Production"/>
    <s v="desktop"/>
    <x v="0"/>
    <x v="86"/>
  </r>
  <r>
    <x v="5"/>
    <x v="90"/>
    <x v="5835"/>
    <s v="ArcGIS"/>
    <s v="Professional GIS software for creating maps, conducting spatial analysis and sharing intelligent visualizations for better decision making."/>
    <s v="ESRI_Canada_Limited"/>
    <x v="5"/>
    <s v=""/>
    <x v="36"/>
    <s v="Innovation for New Products and Processes"/>
    <s v="Other"/>
    <s v="NRCan-NRCan_0971"/>
    <s v="In Production"/>
    <s v="desktop"/>
    <x v="0"/>
    <x v="86"/>
  </r>
  <r>
    <x v="8"/>
    <x v="39"/>
    <x v="5836"/>
    <s v="EA"/>
    <s v="A visual modeling and design tool based on the OMG UML."/>
    <s v="Other"/>
    <x v="1"/>
    <s v="Sparx Systems, Enterprise Architect"/>
    <x v="36"/>
    <s v="Innovation for New Products and Processes"/>
    <s v="Information Management Services"/>
    <s v="NRCan-NRCan_0972"/>
    <s v="In Production"/>
    <s v="desktop"/>
    <x v="0"/>
    <x v="86"/>
  </r>
  <r>
    <x v="5"/>
    <x v="90"/>
    <x v="5835"/>
    <s v="ArcGIS"/>
    <s v="GIS desktop software for CLSS-ICM data editing"/>
    <s v="ESRI_Canada_Limited"/>
    <x v="5"/>
    <s v=""/>
    <x v="36"/>
    <s v="Canada Lands Survey Program"/>
    <s v="Information Management Services,Other"/>
    <s v="NRCan-NRCan_0973"/>
    <s v="In Production"/>
    <s v="desktop"/>
    <x v="0"/>
    <x v="2263"/>
  </r>
  <r>
    <x v="5"/>
    <x v="90"/>
    <x v="5837"/>
    <s v="AutoCad"/>
    <s v="CAD software for creating and viewing survey plans"/>
    <s v="Other"/>
    <x v="1"/>
    <s v="AutoDesk AutoCad"/>
    <x v="36"/>
    <s v="Canada Lands Survey Program"/>
    <s v="Information Management Services,Other"/>
    <s v="NRCan-NRCan_0974"/>
    <s v="In Production"/>
    <s v="desktop"/>
    <x v="0"/>
    <x v="106"/>
  </r>
  <r>
    <x v="5"/>
    <x v="95"/>
    <x v="5838"/>
    <s v="AutoDesk IDSS"/>
    <s v="GIS desktop software for CLSS-ICM data editing"/>
    <s v="Other"/>
    <x v="1"/>
    <s v="Autodesk Infrastructure Design Suite Std"/>
    <x v="36"/>
    <s v="Canada Lands Survey Program"/>
    <s v="Information Management Services,Other"/>
    <s v="NRCan-NRCan_0975"/>
    <s v="In Production"/>
    <s v="desktop"/>
    <x v="0"/>
    <x v="106"/>
  </r>
  <r>
    <x v="5"/>
    <x v="95"/>
    <x v="5839"/>
    <s v="ByComp"/>
    <s v="Desktop utility for comparing file changes"/>
    <s v="Other"/>
    <x v="1"/>
    <s v="Scooter Beyond Compare"/>
    <x v="36"/>
    <s v="Canada Lands Survey Program"/>
    <s v="Information Management Services,Other"/>
    <s v="NRCan-NRCan_0976"/>
    <s v="In Production"/>
    <s v="desktop"/>
    <x v="0"/>
    <x v="106"/>
  </r>
  <r>
    <x v="1"/>
    <x v="105"/>
    <x v="5840"/>
    <s v="Avenza-Pub"/>
    <s v="Cartographic software to create maps from GIS vector data"/>
    <s v="Other"/>
    <x v="1"/>
    <s v="Avenza Map Publisher + LabelPro + Geographic Imager"/>
    <x v="36"/>
    <s v="Canada Lands Survey Program"/>
    <s v="Information Management Services,Other"/>
    <s v="NRCan-NRCan_0977"/>
    <s v="In Production"/>
    <s v="desktop"/>
    <x v="0"/>
    <x v="106"/>
  </r>
  <r>
    <x v="5"/>
    <x v="98"/>
    <x v="5841"/>
    <s v="Revu"/>
    <s v="Desktop software for viewing and annotating surey plans"/>
    <s v="Other"/>
    <x v="1"/>
    <s v="Bluebeam Revu x64 Standard"/>
    <x v="36"/>
    <s v="Canada Lands Survey Program"/>
    <s v="Information Management Services,Other"/>
    <s v="NRCan-NRCan_0978"/>
    <s v="In Production"/>
    <s v="desktop"/>
    <x v="0"/>
    <x v="106"/>
  </r>
  <r>
    <x v="6"/>
    <x v="106"/>
    <x v="5842"/>
    <s v="CDEProE"/>
    <s v="Utility for creating survey plans and field books in djVu format"/>
    <s v="Other"/>
    <x v="1"/>
    <s v="Caminova DocExpress Pro Editor"/>
    <x v="36"/>
    <s v="Canada Lands Survey Program"/>
    <s v="Information Management Services,Other"/>
    <s v="NRCan-NRCan_0979"/>
    <s v="In Production"/>
    <s v="desktop"/>
    <x v="0"/>
    <x v="106"/>
  </r>
  <r>
    <x v="6"/>
    <x v="106"/>
    <x v="5843"/>
    <s v="ERDAS ER M"/>
    <s v="Mapping software to visualize, enhance and combine images for GIS"/>
    <s v="Other"/>
    <x v="1"/>
    <s v="ERDAS ER Mapper"/>
    <x v="36"/>
    <s v="Canada Lands Survey Program"/>
    <s v="Information Management Services,Other"/>
    <s v="NRCan-NRCan_0980"/>
    <s v="In Production"/>
    <s v="desktop"/>
    <x v="0"/>
    <x v="106"/>
  </r>
  <r>
    <x v="3"/>
    <x v="45"/>
    <x v="5844"/>
    <s v="MS-SQLS"/>
    <s v="Database server software"/>
    <s v="Microsoft_Corporation"/>
    <x v="1"/>
    <s v=""/>
    <x v="36"/>
    <s v="Canada Lands Survey Program"/>
    <s v="Information Management Services,Other"/>
    <s v="NRCan-NRCan_0981"/>
    <s v="In Production"/>
    <s v="mini_main_super"/>
    <x v="0"/>
    <x v="2264"/>
  </r>
  <r>
    <x v="3"/>
    <x v="30"/>
    <x v="5845"/>
    <s v="VSPro"/>
    <s v="PC software for application development and testing"/>
    <s v="Microsoft_Corporation"/>
    <x v="86"/>
    <s v=""/>
    <x v="36"/>
    <s v="Canada Lands Survey Program"/>
    <s v="Information Management Services,Other"/>
    <s v="NRCan-NRCan_0982"/>
    <s v="In Production"/>
    <s v="desktop"/>
    <x v="0"/>
    <x v="301"/>
  </r>
  <r>
    <x v="2"/>
    <x v="32"/>
    <x v="5790"/>
    <s v="MS-Prjt"/>
    <s v="PC software for managing complex projects"/>
    <s v="Microsoft_Corporation"/>
    <x v="102"/>
    <s v=""/>
    <x v="36"/>
    <s v="Canada Lands Survey Program"/>
    <s v="Information Management Services,Other"/>
    <s v="NRCan-NRCan_0983"/>
    <s v="In Production"/>
    <s v="desktop"/>
    <x v="0"/>
    <x v="106"/>
  </r>
  <r>
    <x v="6"/>
    <x v="24"/>
    <x v="164"/>
    <s v="MS-Visio"/>
    <s v="PC software for creating IT and LOB flow diagrams"/>
    <s v="Microsoft_Corporation"/>
    <x v="6"/>
    <s v=""/>
    <x v="36"/>
    <s v="Canada Lands Survey Program"/>
    <s v="Information Management Services,Other"/>
    <s v="NRCan-NRCan_0984"/>
    <s v="In Production"/>
    <s v="desktop"/>
    <x v="0"/>
    <x v="106"/>
  </r>
  <r>
    <x v="0"/>
    <x v="0"/>
    <x v="5846"/>
    <s v="MSCAD"/>
    <s v="PC software for creating survey plans"/>
    <s v="Other"/>
    <x v="1"/>
    <s v="Microsurvey MSCAD"/>
    <x v="36"/>
    <s v="Canada Lands Survey Program"/>
    <s v="Information Management Services,Other"/>
    <s v="NRCan-NRCan_0985"/>
    <s v="In Production"/>
    <s v="desktop"/>
    <x v="0"/>
    <x v="106"/>
  </r>
  <r>
    <x v="5"/>
    <x v="94"/>
    <x v="5847"/>
    <s v="Msur-gps"/>
    <s v="PC software for GPS field processing"/>
    <s v="Other"/>
    <x v="1"/>
    <s v="Microsurvey Star*Net STD, Pro and FieldGenuis Premium"/>
    <x v="36"/>
    <s v="Canada Lands Survey Program"/>
    <s v="Information Management Services,Other"/>
    <s v="NRCan-NRCan_0986"/>
    <s v="In Production"/>
    <s v="desktop"/>
    <x v="0"/>
    <x v="106"/>
  </r>
  <r>
    <x v="5"/>
    <x v="94"/>
    <x v="5848"/>
    <s v="FME"/>
    <s v="PC software for processing cadastral GIS data"/>
    <s v="Other"/>
    <x v="1"/>
    <s v="Safe FME ESRI Edition"/>
    <x v="36"/>
    <s v="Canada Lands Survey Program"/>
    <s v="Information Management Services,Other"/>
    <s v="NRCan-NRCan_0987"/>
    <s v="In Production"/>
    <s v="desktop"/>
    <x v="0"/>
    <x v="146"/>
  </r>
  <r>
    <x v="5"/>
    <x v="14"/>
    <x v="5849"/>
    <s v="SQLSentry"/>
    <s v="PC utility for managing databases."/>
    <s v="Other"/>
    <x v="1"/>
    <s v="SQLSentry Power Suite"/>
    <x v="36"/>
    <s v="Canada Lands Survey Program"/>
    <s v="Information Management Services,Other"/>
    <s v="NRCan-NRCan_0988"/>
    <s v="In Production"/>
    <s v="desktop"/>
    <x v="0"/>
    <x v="106"/>
  </r>
  <r>
    <x v="3"/>
    <x v="45"/>
    <x v="5850"/>
    <s v="Trimble-GPS"/>
    <s v="PC software for GPS field processing"/>
    <s v=""/>
    <x v="14"/>
    <s v="Trimble Survey Business Center Advanced"/>
    <x v="36"/>
    <s v="Canada Lands Survey Program"/>
    <s v="Information Management Services,Other"/>
    <s v="NRCan-NRCan_0989"/>
    <s v="In Production"/>
    <s v="desktop"/>
    <x v="0"/>
    <x v="106"/>
  </r>
  <r>
    <x v="5"/>
    <x v="94"/>
    <x v="5851"/>
    <s v="Eclipse"/>
    <s v="Opensource integrated development environment for programming."/>
    <s v="Other"/>
    <x v="1"/>
    <s v="Eclipse PDT"/>
    <x v="36"/>
    <s v="Canada Lands Survey Program"/>
    <s v="Information Management Services,Other"/>
    <s v="NRCan-NRCan_0990"/>
    <s v="In Production"/>
    <s v="desktop"/>
    <x v="0"/>
    <x v="1241"/>
  </r>
  <r>
    <x v="8"/>
    <x v="29"/>
    <x v="3087"/>
    <s v="T SVN"/>
    <s v="Subversion client software to manage source code"/>
    <s v="Other"/>
    <x v="1"/>
    <s v="Tortoise SVN"/>
    <x v="36"/>
    <s v="Canada Lands Survey Program"/>
    <s v="Information Management Services,Other"/>
    <s v="NRCan-NRCan_0991"/>
    <s v="In Production"/>
    <s v="desktop"/>
    <x v="0"/>
    <x v="106"/>
  </r>
  <r>
    <x v="8"/>
    <x v="29"/>
    <x v="107"/>
    <s v="Fiddler"/>
    <s v="HTTP debugging proxy server application"/>
    <s v="Other"/>
    <x v="1"/>
    <s v="Fiddler"/>
    <x v="36"/>
    <s v="Canada Lands Survey Program"/>
    <s v="Information Management Services,Other"/>
    <s v="NRCan-NRCan_0993"/>
    <s v="In Production"/>
    <s v="desktop"/>
    <x v="0"/>
    <x v="106"/>
  </r>
  <r>
    <x v="8"/>
    <x v="29"/>
    <x v="5852"/>
    <s v="SoapUI"/>
    <s v="open-source web service testing application for service-oriented architectures (SOA) and representational state transfers (REST)."/>
    <s v="Other"/>
    <x v="1"/>
    <s v="SoapUI"/>
    <x v="36"/>
    <s v="Canada Lands Survey Program"/>
    <s v="Information Management Services,Other"/>
    <s v="NRCan-NRCan_0994"/>
    <s v="In Production"/>
    <s v="desktop"/>
    <x v="0"/>
    <x v="1241"/>
  </r>
  <r>
    <x v="3"/>
    <x v="5"/>
    <x v="5853"/>
    <s v="CSPOS"/>
    <s v="Windows MS Access database application"/>
    <s v=""/>
    <x v="1"/>
    <s v=""/>
    <x v="36"/>
    <s v=""/>
    <s v="Information Management Services"/>
    <s v="NRCan-NRCan_0996"/>
    <s v="In Production"/>
    <s v="web"/>
    <x v="1"/>
    <x v="2265"/>
  </r>
  <r>
    <x v="3"/>
    <x v="5"/>
    <x v="5854"/>
    <s v="PRIMES"/>
    <s v="Windows DOS application"/>
    <s v=""/>
    <x v="1"/>
    <s v=""/>
    <x v="36"/>
    <s v=""/>
    <s v="Information Management Services"/>
    <s v="NRCan-NRCan_0997"/>
    <s v="In Production"/>
    <s v="desktop"/>
    <x v="1"/>
    <x v="2122"/>
  </r>
  <r>
    <x v="3"/>
    <x v="45"/>
    <x v="5855"/>
    <s v="Core &amp; Sample"/>
    <s v="Application supports management of Earth Materials Collection data holdings: GSC Calgary Core &amp; Sample Inventory"/>
    <s v=""/>
    <x v="1"/>
    <s v=""/>
    <x v="36"/>
    <s v="Landmass Information (3.2)"/>
    <s v="Other"/>
    <s v="NRCan-NRCan_0998"/>
    <s v="In Production"/>
    <s v="web"/>
    <x v="1"/>
    <x v="2177"/>
  </r>
  <r>
    <x v="5"/>
    <x v="90"/>
    <x v="5835"/>
    <s v="ArcGIS"/>
    <s v="Professional GIS software for creating maps, conducting spatial analysis and sharing intelligent visualizations for better decision making."/>
    <s v="ESRI_Canada_Limited"/>
    <x v="5"/>
    <s v=""/>
    <x v="36"/>
    <s v="PAA 3.2.1 Essential Geographic Information"/>
    <s v="Other"/>
    <s v="NRCan-NRCan_1000"/>
    <s v="In Production"/>
    <s v="desktop"/>
    <x v="0"/>
    <x v="86"/>
  </r>
  <r>
    <x v="3"/>
    <x v="46"/>
    <x v="5856"/>
    <s v="FME"/>
    <s v="Graphical interface for data conversion and integration."/>
    <s v="Other"/>
    <x v="1"/>
    <s v="Safe Software, FME Desktop"/>
    <x v="36"/>
    <s v="PAA 3.2.1 Essential Geographic Information"/>
    <s v="Other"/>
    <s v="NRCan-NRCan_1001"/>
    <s v="In Production"/>
    <s v="desktop"/>
    <x v="0"/>
    <x v="86"/>
  </r>
  <r>
    <x v="8"/>
    <x v="39"/>
    <x v="5836"/>
    <s v="EA"/>
    <s v="A visual modeling and design tool based on the OMG UML."/>
    <s v="Other"/>
    <x v="1"/>
    <s v="Sparx Systems, Enterprise Architect"/>
    <x v="36"/>
    <s v="PAA 3.2.1 Essential Geographic Information"/>
    <s v="Information Management Services"/>
    <s v="NRCan-NRCan_1002"/>
    <s v="In Production"/>
    <s v="desktop"/>
    <x v="0"/>
    <x v="86"/>
  </r>
  <r>
    <x v="5"/>
    <x v="94"/>
    <x v="5857"/>
    <s v="PCI"/>
    <s v="Remote sensing desktop software package for processing earth observation data"/>
    <s v="Other"/>
    <x v="1"/>
    <s v="PCI Geomatics"/>
    <x v="36"/>
    <s v="PAA 3.2.1 Essential Geographic Information"/>
    <s v="Other"/>
    <s v="NRCan-NRCan_1003"/>
    <s v="In Production"/>
    <s v="desktop"/>
    <x v="0"/>
    <x v="86"/>
  </r>
  <r>
    <x v="5"/>
    <x v="90"/>
    <x v="5858"/>
    <s v="GM"/>
    <s v="GPS/GIS Mapping Software enables direct access to multiple online sources of imagery, topographic maps, and gridded terrain data."/>
    <s v="Other"/>
    <x v="1"/>
    <s v="Blue Marble Geographics, Global Mapper"/>
    <x v="36"/>
    <s v="PAA 3.2.1 Essential Geographic Information"/>
    <s v="Other"/>
    <s v="NRCan-NRCan_1004"/>
    <s v="In Production"/>
    <s v="desktop"/>
    <x v="0"/>
    <x v="86"/>
  </r>
  <r>
    <x v="3"/>
    <x v="45"/>
    <x v="486"/>
    <s v="SQLDev"/>
    <s v="Oracle Database IDE"/>
    <s v="Other"/>
    <x v="1"/>
    <s v="Oracle, SQL Developper"/>
    <x v="36"/>
    <s v="PAA 3.2.1 Essential Geographic Information"/>
    <s v="Other"/>
    <s v="NRCan-NRCan_1005"/>
    <s v="In Production"/>
    <s v="desktop"/>
    <x v="0"/>
    <x v="86"/>
  </r>
  <r>
    <x v="3"/>
    <x v="45"/>
    <x v="5859"/>
    <s v="PgAdmin"/>
    <s v="Graphical Open Source management, development and administration tool for PostgreSQL"/>
    <s v="Other"/>
    <x v="1"/>
    <s v="Open Source, PgAdmin"/>
    <x v="36"/>
    <s v="PAA 3.2.1 Essential Geographic Information"/>
    <s v="Other"/>
    <s v="NRCan-NRCan_1006"/>
    <s v="In Production"/>
    <s v="desktop"/>
    <x v="0"/>
    <x v="86"/>
  </r>
  <r>
    <x v="5"/>
    <x v="94"/>
    <x v="5196"/>
    <s v="Python"/>
    <s v="Python is a widely used high-level, general-purpose, interpreted, dynamic programming language."/>
    <s v="Other"/>
    <x v="1"/>
    <s v="Open Source, Python"/>
    <x v="36"/>
    <s v="PAA 3.2.1 Essential Geographic Information"/>
    <s v="Other"/>
    <s v="NRCan-NRCan_1007"/>
    <s v="In Production"/>
    <s v="desktop"/>
    <x v="0"/>
    <x v="106"/>
  </r>
  <r>
    <x v="4"/>
    <x v="5"/>
    <x v="5860"/>
    <s v="Oxygen"/>
    <s v="oXygen XML Editor is a cross platform tool setting the standard in XML editing."/>
    <s v="Other"/>
    <x v="1"/>
    <s v="Syncro Soft, oXygen XML Suite"/>
    <x v="36"/>
    <s v="PAA 3.2.1 Essential Geographic Information"/>
    <s v="Information Management Services"/>
    <s v="NRCan-NRCan_1008"/>
    <s v="In Production"/>
    <s v="desktop"/>
    <x v="0"/>
    <x v="86"/>
  </r>
  <r>
    <x v="2"/>
    <x v="3"/>
    <x v="5861"/>
    <s v="OHS platform"/>
    <s v="application platform to management occupational health and safety training courses and field planning"/>
    <s v=""/>
    <x v="1"/>
    <s v=""/>
    <x v="36"/>
    <s v="Required to support all programs related to NRCan"/>
    <s v="Human Resources Management Services,Information Management Services,Management and Oversight Services"/>
    <s v="NRCan-NRCan_1009"/>
    <s v="In Production"/>
    <s v="web"/>
    <x v="1"/>
    <x v="2266"/>
  </r>
  <r>
    <x v="0"/>
    <x v="28"/>
    <x v="5862"/>
    <s v=""/>
    <s v="Online access to Material Safety Data Sheets (MSDS)."/>
    <s v="Other"/>
    <x v="1"/>
    <s v="MSDS Online"/>
    <x v="36"/>
    <s v="PAA 2.2.3 Clean Energy Science and Technology"/>
    <s v="Information Technology Services"/>
    <s v="NRCan-NRCan_1110"/>
    <s v="In Production"/>
    <s v="web"/>
    <x v="0"/>
    <x v="2267"/>
  </r>
  <r>
    <x v="6"/>
    <x v="36"/>
    <x v="2143"/>
    <s v="Drupal"/>
    <s v="Blogging engine used to provide internal communication for staff"/>
    <s v="Other"/>
    <x v="1"/>
    <s v="Open Source Software"/>
    <x v="36"/>
    <s v="PAA 2.2.3 Clean Energy Science and Technology"/>
    <s v="Information Technology Services"/>
    <s v="NRCan-NRCan_1111"/>
    <s v="In Production"/>
    <s v="web"/>
    <x v="0"/>
    <x v="2268"/>
  </r>
  <r>
    <x v="10"/>
    <x v="60"/>
    <x v="5863"/>
    <s v="FlexLM"/>
    <s v="Licence manager used for many pieces of software"/>
    <s v="Other"/>
    <x v="1"/>
    <s v="Flexera Software"/>
    <x v="36"/>
    <s v="PAA 2.2.3 Clean Energy Science and Technology"/>
    <s v="Information Technology Services"/>
    <s v="NRCan-NRCan_1112"/>
    <s v="In Production"/>
    <s v="web"/>
    <x v="0"/>
    <x v="2269"/>
  </r>
  <r>
    <x v="2"/>
    <x v="52"/>
    <x v="5864"/>
    <s v="NCP"/>
    <s v=""/>
    <s v="Microsoft"/>
    <x v="1"/>
    <s v=""/>
    <x v="36"/>
    <s v="Internal Services 4.1"/>
    <s v="Information Management Services,Management and Oversight Services"/>
    <s v="APP-03953"/>
    <s v="InDevelopment"/>
    <s v="web"/>
    <x v="0"/>
    <x v="86"/>
  </r>
  <r>
    <x v="0"/>
    <x v="7"/>
    <x v="5865"/>
    <s v=""/>
    <s v="Bitbucket is a web-based hosting service used for source code and development projects"/>
    <s v="Other"/>
    <x v="1"/>
    <s v="bitbucket"/>
    <x v="36"/>
    <s v="PAA 2.2.1 Materials for Energy _x000a_PAA 3.1.2 Materials and certification for safety and security"/>
    <s v="Information Management Services"/>
    <s v="NRCan-NRCan_1114"/>
    <s v="In Production"/>
    <s v="web"/>
    <x v="0"/>
    <x v="86"/>
  </r>
  <r>
    <x v="0"/>
    <x v="7"/>
    <x v="5866"/>
    <s v=""/>
    <s v="GitHub is a web-based Git or version control repository and Internet hosting service."/>
    <s v="Other"/>
    <x v="1"/>
    <s v="github"/>
    <x v="36"/>
    <s v="PAA 2.2.1 Materials for Energy _x000a_PAA 3.1.2 Materials and certification for safety and security"/>
    <s v="Information Management Services"/>
    <s v="NRCan-NRCan_1115"/>
    <s v="In Production"/>
    <s v="web"/>
    <x v="0"/>
    <x v="86"/>
  </r>
  <r>
    <x v="6"/>
    <x v="36"/>
    <x v="5867"/>
    <s v=""/>
    <s v="online LaTeX editor that allows real-time collaboration and online compiling of projects to PDF format"/>
    <s v="Other"/>
    <x v="1"/>
    <s v="sharelatex"/>
    <x v="36"/>
    <s v="PAA 2.2.1 Materials for Energy _x000a_PAA 3.1.2 Materials and certification for safety and security"/>
    <s v="Information Management Services"/>
    <s v="NRCan-NRCan_1116"/>
    <s v="In Production"/>
    <s v="web"/>
    <x v="0"/>
    <x v="86"/>
  </r>
  <r>
    <x v="5"/>
    <x v="94"/>
    <x v="5868"/>
    <s v=""/>
    <s v="molecular dynamics program"/>
    <s v="Other"/>
    <x v="1"/>
    <s v="http://lammps.sandia.gov/"/>
    <x v="36"/>
    <s v="PAA 2.2.1 Materials for Energy _x000a_PAA 3.1.2 Materials and certification for safety and security"/>
    <s v="Information Technology Services"/>
    <s v="NRCan-NRCan_1117"/>
    <s v="In Production"/>
    <s v="mini_main_super"/>
    <x v="0"/>
    <x v="86"/>
  </r>
  <r>
    <x v="5"/>
    <x v="94"/>
    <x v="5869"/>
    <s v=""/>
    <s v="open-source density functional theory code for simulating atomic energy structures"/>
    <s v="Other"/>
    <x v="1"/>
    <s v="https://www.abinit.org/"/>
    <x v="36"/>
    <s v="PAA 2.2.1 Materials for Energy _x000a_PAA 3.1.2 Materials and certification for safety and security"/>
    <s v="Information Technology Services"/>
    <s v="NRCan-NRCan_1118"/>
    <s v="In Production"/>
    <s v="mini_main_super"/>
    <x v="0"/>
    <x v="106"/>
  </r>
  <r>
    <x v="5"/>
    <x v="94"/>
    <x v="5870"/>
    <s v=""/>
    <s v="A commercial density functional theory code for simulating atomic energy structures"/>
    <s v="Other"/>
    <x v="1"/>
    <s v="https://www.vasp.at/"/>
    <x v="36"/>
    <s v="PAA 2.2.1 Materials for Energy _x000a_PAA 3.1.2 Materials and certification for safety and security"/>
    <s v="Information Technology Services"/>
    <s v="NRCan-NRCan_1119"/>
    <s v="In Production"/>
    <s v="mini_main_super"/>
    <x v="0"/>
    <x v="106"/>
  </r>
  <r>
    <x v="5"/>
    <x v="94"/>
    <x v="5871"/>
    <s v=""/>
    <s v="A software application used for both modeling and analysis of mechanical components and assemblies (pre-processing) and visualizing the finite element analysis result"/>
    <s v="Other"/>
    <x v="1"/>
    <s v="siemans"/>
    <x v="36"/>
    <s v="PAA 2.2.1 Materials for Energy _x000a_PAA 3.1.2 Materials and certification for safety and security"/>
    <s v="Information Technology Services"/>
    <s v="NRCan-NRCan_1120"/>
    <s v="In Production"/>
    <s v="mini_main_super"/>
    <x v="0"/>
    <x v="86"/>
  </r>
  <r>
    <x v="5"/>
    <x v="94"/>
    <x v="5872"/>
    <s v=""/>
    <s v="A software for the solution of large-scale, 3-D solid models subjected to static and dynamic loads"/>
    <s v="Other"/>
    <x v="1"/>
    <s v="http://www.warp3d.net/"/>
    <x v="36"/>
    <s v="PAA 2.2.1 Materials for Energy _x000a_PAA 3.1.2 Materials and certification for safety and security"/>
    <s v="Information Technology Services"/>
    <s v="NRCan-NRCan_1121"/>
    <s v="In Production"/>
    <s v="mini_main_super"/>
    <x v="0"/>
    <x v="106"/>
  </r>
  <r>
    <x v="5"/>
    <x v="94"/>
    <x v="5873"/>
    <s v=""/>
    <s v="An in-house developed suite of software for the simulation of material microstructures"/>
    <s v=""/>
    <x v="1"/>
    <s v=""/>
    <x v="36"/>
    <s v="PAA 2.2.1 Materials for Energy _x000a_PAA 3.1.2 Materials and certification for safety and security"/>
    <s v="Information Technology Services"/>
    <s v="NRCan-NRCan_1122"/>
    <s v="In Production"/>
    <s v="mini_main_super"/>
    <x v="1"/>
    <x v="106"/>
  </r>
  <r>
    <x v="5"/>
    <x v="94"/>
    <x v="5874"/>
    <s v=""/>
    <s v="An in-house developed suite of software for the simulation of atomic structures"/>
    <s v=""/>
    <x v="1"/>
    <s v=""/>
    <x v="36"/>
    <s v="PAA 2.2.1 Materials for Energy _x000a_PAA 3.1.2 Materials and certification for safety and security"/>
    <s v="Information Technology Services"/>
    <s v="NRCan-NRCan_1123"/>
    <s v="In Production"/>
    <s v="mini_main_super"/>
    <x v="1"/>
    <x v="106"/>
  </r>
  <r>
    <x v="10"/>
    <x v="60"/>
    <x v="5875"/>
    <s v="github"/>
    <s v="opensource code repository for collaboration"/>
    <s v="Other"/>
    <x v="1"/>
    <s v="github"/>
    <x v="36"/>
    <s v="PAA 2.2.3 Clean Energy Science and Technology"/>
    <s v="Information Technology Services"/>
    <s v="NRCan-NRCan_1124"/>
    <s v="In Production"/>
    <s v="web"/>
    <x v="0"/>
    <x v="2270"/>
  </r>
  <r>
    <x v="10"/>
    <x v="60"/>
    <x v="5876"/>
    <s v="docker"/>
    <s v="VM layer abstraction"/>
    <s v="Other"/>
    <x v="1"/>
    <s v="docker"/>
    <x v="36"/>
    <s v="PAA 2.2.3 Clean Energy Science and Technology"/>
    <s v="Information Technology Services"/>
    <s v="NRCan-NRCan_1125"/>
    <s v="In Production"/>
    <s v="web"/>
    <x v="0"/>
    <x v="2271"/>
  </r>
  <r>
    <x v="10"/>
    <x v="60"/>
    <x v="5877"/>
    <s v="circleci"/>
    <s v="automated testing"/>
    <s v="Other"/>
    <x v="1"/>
    <s v="circleci"/>
    <x v="36"/>
    <s v="PAA 2.2.3 Clean Energy Science and Technology"/>
    <s v="Information Technology Services"/>
    <s v="NRCan-NRCan_1126"/>
    <s v="In Production"/>
    <s v="web"/>
    <x v="0"/>
    <x v="2272"/>
  </r>
  <r>
    <x v="10"/>
    <x v="60"/>
    <x v="5878"/>
    <s v="AWS"/>
    <s v="cloud resources"/>
    <s v="Other"/>
    <x v="1"/>
    <s v="amazon"/>
    <x v="36"/>
    <s v="PAA 2.2.3 Clean Energy Science and Technology"/>
    <s v="Information Technology Services"/>
    <s v="NRCan-NRCan_1127"/>
    <s v="In Production"/>
    <s v="web"/>
    <x v="0"/>
    <x v="2273"/>
  </r>
  <r>
    <x v="10"/>
    <x v="60"/>
    <x v="5879"/>
    <s v="xming"/>
    <s v="X11 server"/>
    <s v="Other"/>
    <x v="1"/>
    <s v="xming"/>
    <x v="36"/>
    <s v="PAA 2.2.3 Clean Energy Science and Technology"/>
    <s v="Information Technology Services"/>
    <s v="NRCan-NRCan_1128"/>
    <s v="In Production"/>
    <s v="web"/>
    <x v="0"/>
    <x v="2274"/>
  </r>
  <r>
    <x v="10"/>
    <x v="60"/>
    <x v="5880"/>
    <s v="openssh"/>
    <s v="secure shell"/>
    <s v="Other"/>
    <x v="1"/>
    <s v="openssh"/>
    <x v="36"/>
    <s v="PAA 2.2.3 Clean Energy Science and Technology"/>
    <s v="Information Technology Services"/>
    <s v="NRCan-NRCan_1129"/>
    <s v="In Production"/>
    <s v="web"/>
    <x v="0"/>
    <x v="2275"/>
  </r>
  <r>
    <x v="10"/>
    <x v="60"/>
    <x v="5881"/>
    <s v="techstreet"/>
    <s v="online codes and standards library"/>
    <s v="Other"/>
    <x v="1"/>
    <s v="techstreet"/>
    <x v="36"/>
    <s v="PAA 2.2.3 Clean Energy Science and Technology"/>
    <s v="Information Technology Services"/>
    <s v="NRCan-NRCan_1130"/>
    <s v="In Production"/>
    <s v="web"/>
    <x v="0"/>
    <x v="2276"/>
  </r>
  <r>
    <x v="1"/>
    <x v="101"/>
    <x v="5882"/>
    <s v="License Statistics"/>
    <s v="An application that interfaces with license daemons to track licenses and provide license status and usage statistics. Runs a web server that functions as its primary interface."/>
    <s v="Other"/>
    <x v="1"/>
    <s v="X-Formation - License Statistics"/>
    <x v="36"/>
    <s v="PAA 2.2.1 Materials for Energy _x000a_PAA 3.1.2 Materials and certification for safety and security"/>
    <s v="Management and Oversight Services"/>
    <s v="NRCan-NRCan_1131"/>
    <s v="In Production"/>
    <s v="web"/>
    <x v="0"/>
    <x v="86"/>
  </r>
  <r>
    <x v="3"/>
    <x v="30"/>
    <x v="5883"/>
    <s v="Sage"/>
    <s v="Sage runs a web server that allows data entry and lookups into a database of chemical information, including Material Safety Data Sheets."/>
    <s v="Other"/>
    <x v="1"/>
    <s v="Sage Data - BassetPro Material Management System"/>
    <x v="36"/>
    <s v="PAA 2.2.1 Materials for Energy _x000a_PAA 3.1.2 Materials and certification for safety and security"/>
    <s v="Information Management Services"/>
    <s v="NRCan-NRCan_1132"/>
    <s v="In Production"/>
    <s v="web"/>
    <x v="0"/>
    <x v="86"/>
  </r>
  <r>
    <x v="5"/>
    <x v="94"/>
    <x v="5884"/>
    <s v="CEPS-acq-seiscomp3"/>
    <s v="Umbrella entry for mission critical EQCan systems that acquire, archive and disseminate raw seismic data from seismograph stations using SeisComP3 COTS software (part of CEPS -NRCan_0242)"/>
    <s v="Other"/>
    <x v="1"/>
    <s v="gempa GmbH"/>
    <x v="36"/>
    <s v="NRCan Canadian Hazards Information Service"/>
    <s v="Other"/>
    <s v="NRCan-NRCan_1133"/>
    <s v="In Production"/>
    <s v="mini_main_super"/>
    <x v="0"/>
    <x v="2277"/>
  </r>
  <r>
    <x v="5"/>
    <x v="94"/>
    <x v="5885"/>
    <s v="EQCan-HazCalc2015"/>
    <s v="For given latitude and longitude location, calculate the seismic hazard values that can be used with the design requirements of the 2010 National Building Codes of Canada.  http://earthquakescanada.nrcan.gc.ca/hazard-alea/interpolat/index_2015-eng.php"/>
    <s v=""/>
    <x v="1"/>
    <s v=""/>
    <x v="36"/>
    <s v="NRCan Canadian Hazards Information Service"/>
    <s v="Other"/>
    <s v="NRCan-NRCan_1134"/>
    <s v="In Production"/>
    <s v="web"/>
    <x v="1"/>
    <x v="2154"/>
  </r>
  <r>
    <x v="1"/>
    <x v="75"/>
    <x v="5886"/>
    <s v="CHIS-Nagios"/>
    <s v="Infrastructure state-of-health"/>
    <s v="Other"/>
    <x v="1"/>
    <s v="Nagios"/>
    <x v="36"/>
    <s v="NRCan Canadian Hazards Information Service"/>
    <s v="Other"/>
    <s v="NRCan-NRCan_1135"/>
    <s v="In Production"/>
    <s v="mini_main_super"/>
    <x v="0"/>
    <x v="2278"/>
  </r>
  <r>
    <x v="8"/>
    <x v="38"/>
    <x v="5887"/>
    <s v="CHIS-Bitbucket"/>
    <s v="Programming version control"/>
    <s v="Other"/>
    <x v="1"/>
    <s v="Atlassian"/>
    <x v="36"/>
    <s v="NRCan Canadian Hazards Information Service"/>
    <s v="Other"/>
    <s v="NRCan-NRCan_1136"/>
    <s v="In Production"/>
    <s v="web"/>
    <x v="0"/>
    <x v="2278"/>
  </r>
  <r>
    <x v="6"/>
    <x v="24"/>
    <x v="5888"/>
    <s v="CHIS-Confluence"/>
    <s v="Team collaboration software"/>
    <s v="Other"/>
    <x v="1"/>
    <s v="Atlassian"/>
    <x v="36"/>
    <s v="NRCan Canadian Hazards Information Service"/>
    <s v="Other"/>
    <s v="NRCan-NRCan_1137"/>
    <s v="In Production"/>
    <s v="web"/>
    <x v="0"/>
    <x v="2278"/>
  </r>
  <r>
    <x v="1"/>
    <x v="12"/>
    <x v="5889"/>
    <s v="CHIS-JIRA"/>
    <s v="IT service desk and customer support software"/>
    <s v="Other"/>
    <x v="1"/>
    <s v="Atlassian"/>
    <x v="36"/>
    <s v="NRCan Canadian Hazards Information Service"/>
    <s v="Other"/>
    <s v="NRCan-NRCan_1138"/>
    <s v="In Production"/>
    <s v="web"/>
    <x v="0"/>
    <x v="2278"/>
  </r>
  <r>
    <x v="3"/>
    <x v="45"/>
    <x v="5890"/>
    <s v="C3D"/>
    <s v="Data compilation and modelling offering a depiction of Canada underground  in 3D"/>
    <s v=""/>
    <x v="1"/>
    <s v=""/>
    <x v="36"/>
    <s v="Landmass Information (3.2)"/>
    <s v="Other"/>
    <s v="APP-04138"/>
    <s v="In Production"/>
    <s v="cloud"/>
    <x v="1"/>
    <x v="106"/>
  </r>
  <r>
    <x v="3"/>
    <x v="45"/>
    <x v="5891"/>
    <s v="Fieldsafety"/>
    <s v="This PHP/MySql application provides the ability to manage Field Safety information."/>
    <s v=""/>
    <x v="1"/>
    <s v=""/>
    <x v="36"/>
    <s v=""/>
    <s v=""/>
    <s v="APP-04140"/>
    <s v="In Production"/>
    <s v="web"/>
    <x v="0"/>
    <x v="86"/>
  </r>
  <r>
    <x v="3"/>
    <x v="45"/>
    <x v="5892"/>
    <s v="CourseMS"/>
    <s v="This PHP/MySql application provides Managers the ability to manage OHS courses and provides the ability for employees to register themselves to OHS courses scheduled and available."/>
    <s v=""/>
    <x v="1"/>
    <s v=""/>
    <x v="36"/>
    <s v=""/>
    <s v=""/>
    <s v="APP-04142"/>
    <s v="In Production"/>
    <s v="web"/>
    <x v="1"/>
    <x v="86"/>
  </r>
  <r>
    <x v="5"/>
    <x v="98"/>
    <x v="5893"/>
    <s v="FGP-C"/>
    <s v=""/>
    <s v=""/>
    <x v="1"/>
    <s v=""/>
    <x v="36"/>
    <s v="Essential Geopgraphic Information"/>
    <s v="Information Technology Services"/>
    <s v="APP-04146"/>
    <s v="In Production"/>
    <s v="cloud"/>
    <x v="0"/>
    <x v="86"/>
  </r>
  <r>
    <x v="4"/>
    <x v="5"/>
    <x v="5894"/>
    <s v="FAP"/>
    <s v=""/>
    <s v=""/>
    <x v="1"/>
    <s v=""/>
    <x v="36"/>
    <s v=""/>
    <s v=""/>
    <s v="APP-04163"/>
    <s v="InDevelopment"/>
    <s v="web"/>
    <x v="1"/>
    <x v="106"/>
  </r>
  <r>
    <x v="4"/>
    <x v="5"/>
    <x v="5895"/>
    <s v="NEBRD"/>
    <s v=""/>
    <s v=""/>
    <x v="1"/>
    <s v=""/>
    <x v="36"/>
    <s v=""/>
    <s v=""/>
    <s v="APP-04177"/>
    <s v="In Production"/>
    <s v="web"/>
    <x v="1"/>
    <x v="106"/>
  </r>
  <r>
    <x v="4"/>
    <x v="5"/>
    <x v="5896"/>
    <s v="MWMSC"/>
    <s v=""/>
    <s v=""/>
    <x v="1"/>
    <s v=""/>
    <x v="36"/>
    <s v=""/>
    <s v=""/>
    <s v="APP-04179"/>
    <s v="In Production"/>
    <s v="web"/>
    <x v="1"/>
    <x v="106"/>
  </r>
  <r>
    <x v="4"/>
    <x v="5"/>
    <x v="5897"/>
    <s v=""/>
    <s v=""/>
    <s v=""/>
    <x v="1"/>
    <s v=""/>
    <x v="36"/>
    <s v="PAA 2.2.3 Clean Energy Science and Technology"/>
    <s v=""/>
    <s v="APP-04195"/>
    <s v="In Production"/>
    <s v="web"/>
    <x v="1"/>
    <x v="106"/>
  </r>
  <r>
    <x v="4"/>
    <x v="5"/>
    <x v="5898"/>
    <s v="DSD"/>
    <s v=""/>
    <s v=""/>
    <x v="1"/>
    <s v=""/>
    <x v="36"/>
    <s v="Internal Services"/>
    <s v=""/>
    <s v="APP-04192"/>
    <s v="In Production"/>
    <s v="web"/>
    <x v="1"/>
    <x v="106"/>
  </r>
  <r>
    <x v="5"/>
    <x v="100"/>
    <x v="5899"/>
    <s v="BS"/>
    <s v="Basin analysis software"/>
    <s v=""/>
    <x v="1"/>
    <s v=""/>
    <x v="36"/>
    <s v=""/>
    <s v="Information Technology Services"/>
    <s v="APP-04203"/>
    <s v="In Production"/>
    <s v="desktop"/>
    <x v="1"/>
    <x v="106"/>
  </r>
  <r>
    <x v="3"/>
    <x v="30"/>
    <x v="5900"/>
    <s v="U-Tracker"/>
    <s v="Internal web application to manage GIS updating process"/>
    <s v=""/>
    <x v="1"/>
    <s v=""/>
    <x v="36"/>
    <s v="Canada Lands Survey Program"/>
    <s v="Information Management Services,Other"/>
    <s v="APP-04205"/>
    <s v="In Production"/>
    <s v="web"/>
    <x v="1"/>
    <x v="86"/>
  </r>
  <r>
    <x v="3"/>
    <x v="63"/>
    <x v="5901"/>
    <s v="CLEVER"/>
    <s v="Web application validating digital returns by surveyors against CLS National Standards."/>
    <s v=""/>
    <x v="1"/>
    <s v=""/>
    <x v="36"/>
    <s v="Canada Lands Survey Program"/>
    <s v="Information Management Services,Other"/>
    <s v="APP-04207"/>
    <s v="In Production"/>
    <s v="web"/>
    <x v="1"/>
    <x v="86"/>
  </r>
  <r>
    <x v="10"/>
    <x v="69"/>
    <x v="5902"/>
    <s v="IBC-DR"/>
    <s v="Scripts to replicate IBC geodatabase between US and Canada"/>
    <s v=""/>
    <x v="1"/>
    <s v=""/>
    <x v="36"/>
    <s v="IBC Program"/>
    <s v="Information Management Services,Other"/>
    <s v="APP-04209"/>
    <s v="In Production"/>
    <s v="mini_main_super"/>
    <x v="1"/>
    <x v="86"/>
  </r>
  <r>
    <x v="3"/>
    <x v="30"/>
    <x v="5903"/>
    <s v="BO"/>
    <s v="Web applications to track legal options by staff on survey boundary issues"/>
    <s v=""/>
    <x v="1"/>
    <s v=""/>
    <x v="36"/>
    <s v="Canada Lands Survey Program"/>
    <s v="Information Management Services,Other"/>
    <s v="APP-04211"/>
    <s v="In Production"/>
    <s v="web"/>
    <x v="1"/>
    <x v="86"/>
  </r>
  <r>
    <x v="4"/>
    <x v="5"/>
    <x v="5904"/>
    <s v="REDD"/>
    <s v=""/>
    <s v=""/>
    <x v="1"/>
    <s v=""/>
    <x v="36"/>
    <s v=""/>
    <s v="Information Technology Services"/>
    <s v="APP-04214"/>
    <s v="In Production"/>
    <s v="desktop"/>
    <x v="1"/>
    <x v="106"/>
  </r>
  <r>
    <x v="4"/>
    <x v="5"/>
    <x v="5905"/>
    <s v="eLMS"/>
    <s v=""/>
    <s v=""/>
    <x v="1"/>
    <s v=""/>
    <x v="36"/>
    <s v=""/>
    <s v=""/>
    <s v="APP-04216"/>
    <s v="In Production"/>
    <s v="web"/>
    <x v="1"/>
    <x v="106"/>
  </r>
  <r>
    <x v="4"/>
    <x v="5"/>
    <x v="5906"/>
    <s v="HROI"/>
    <s v=""/>
    <s v=""/>
    <x v="1"/>
    <s v=""/>
    <x v="36"/>
    <s v=""/>
    <s v=""/>
    <s v="APP-04233"/>
    <s v="In Production"/>
    <s v="web"/>
    <x v="1"/>
    <x v="106"/>
  </r>
  <r>
    <x v="4"/>
    <x v="5"/>
    <x v="5907"/>
    <s v="Igloo"/>
    <s v=""/>
    <s v=""/>
    <x v="1"/>
    <s v=""/>
    <x v="36"/>
    <s v=""/>
    <s v=""/>
    <s v="APP-04235"/>
    <s v="In Production"/>
    <s v="cloud"/>
    <x v="1"/>
    <x v="106"/>
  </r>
  <r>
    <x v="4"/>
    <x v="5"/>
    <x v="5908"/>
    <s v="HIP"/>
    <s v=""/>
    <s v="Microsoft"/>
    <x v="50"/>
    <s v="Dynamics"/>
    <x v="36"/>
    <s v=""/>
    <s v=""/>
    <s v="APP-04242"/>
    <s v="In Production"/>
    <s v="cloud"/>
    <x v="0"/>
    <x v="106"/>
  </r>
  <r>
    <x v="4"/>
    <x v="5"/>
    <x v="5909"/>
    <s v="Admin Tool"/>
    <s v="To provide an interface for Programs and TSG users to read/modify/delete administrative data and technical data relating to SOs, EAs, Builders, partners, as well as technical (h2K0 assessment data. This new tool will replace OMNIS, the legacy tool currently used, which can no longer be easily updated. The replacement of OMNIS will be in a phased implementation: the functionality will be replaced one piece at a time, and at the end, OMNIS will no longer be needed."/>
    <s v=""/>
    <x v="1"/>
    <s v=""/>
    <x v="36"/>
    <s v=""/>
    <s v=""/>
    <s v="APP-04258"/>
    <s v="In Production"/>
    <s v="cloud"/>
    <x v="1"/>
    <x v="106"/>
  </r>
  <r>
    <x v="2"/>
    <x v="52"/>
    <x v="5910"/>
    <s v="NRCan EBNS"/>
    <s v="The Government of Canada (GC) has adopted the Canada Revenue Agency (CRA) 9 digit Business Number as the standard identifier for business. The Business Number is linked to a business “tombstone” information, such information that is usually found on a business card, which can help validate a business and simplify its dealings with the government."/>
    <s v=""/>
    <x v="1"/>
    <s v=""/>
    <x v="36"/>
    <s v="Internal Services"/>
    <s v="Information Technology Services"/>
    <s v="APP-04260"/>
    <s v="In Production"/>
    <s v="web"/>
    <x v="1"/>
    <x v="2279"/>
  </r>
  <r>
    <x v="4"/>
    <x v="5"/>
    <x v="5911"/>
    <s v="Appspace"/>
    <s v=""/>
    <s v="Cisco"/>
    <x v="14"/>
    <s v="Cisco Digital Media Manager (CDMM)"/>
    <x v="36"/>
    <s v="Internal Services"/>
    <s v="Communications Services"/>
    <s v="APP-04262"/>
    <s v="In Production"/>
    <s v="web"/>
    <x v="0"/>
    <x v="106"/>
  </r>
  <r>
    <x v="9"/>
    <x v="79"/>
    <x v="5912"/>
    <s v="ePortal"/>
    <s v="ePortal provides a secure platform that allows NRCan to aggregate and share content using electronic services (eServices) with external clients and partners. In essence, ePortal acts as a gatekeeper and restricts access to the organization Line of Business applications which are protected resources._x000a__x000a_https://eservices.nrcan-rncan.gc.ca/web/epp-ppe/login-connexion/"/>
    <s v=""/>
    <x v="1"/>
    <s v=""/>
    <x v="36"/>
    <s v="Internal Services"/>
    <s v="Information Technology Services"/>
    <s v="APP-04272"/>
    <s v="In Production"/>
    <s v="web"/>
    <x v="0"/>
    <x v="577"/>
  </r>
  <r>
    <x v="4"/>
    <x v="5"/>
    <x v="5913"/>
    <s v="HEA"/>
    <s v="Energuide API to make data more available to OEE partners, making use of PaaS for service deployment (Azure app service) as well as managed database through CosmosDB. Also require experimental space to test other technologies offered by Azure."/>
    <s v=""/>
    <x v="1"/>
    <s v=""/>
    <x v="36"/>
    <s v=""/>
    <s v=""/>
    <s v="APP-04284"/>
    <s v="In Production"/>
    <s v="cloud"/>
    <x v="1"/>
    <x v="106"/>
  </r>
  <r>
    <x v="4"/>
    <x v="5"/>
    <x v="5914"/>
    <s v="NRCan OCMA"/>
    <s v=""/>
    <s v=""/>
    <x v="1"/>
    <s v=""/>
    <x v="36"/>
    <s v=""/>
    <s v=""/>
    <s v="APP-04290"/>
    <s v="In Production"/>
    <s v="mobile"/>
    <x v="1"/>
    <x v="106"/>
  </r>
  <r>
    <x v="4"/>
    <x v="5"/>
    <x v="5915"/>
    <s v="OpenSSH Server"/>
    <s v="OpenSSH server in DMZ to be used for PV System Performance, Cost and Durability North of the 60th Parallel"/>
    <s v=""/>
    <x v="1"/>
    <s v=""/>
    <x v="36"/>
    <s v=""/>
    <s v=""/>
    <s v="APP-04292"/>
    <s v="In Production"/>
    <s v="web"/>
    <x v="1"/>
    <x v="106"/>
  </r>
  <r>
    <x v="2"/>
    <x v="3"/>
    <x v="5916"/>
    <s v="ECR"/>
    <s v=""/>
    <s v=""/>
    <x v="1"/>
    <s v=""/>
    <x v="36"/>
    <s v="Internal Services"/>
    <s v="Human Resources Management Services"/>
    <s v="APP-04300"/>
    <s v="In Production"/>
    <s v="web"/>
    <x v="1"/>
    <x v="106"/>
  </r>
  <r>
    <x v="2"/>
    <x v="3"/>
    <x v="5"/>
    <s v="Nakisa"/>
    <s v="Organization chart software"/>
    <s v="Nakisa"/>
    <x v="14"/>
    <s v="Nakisa"/>
    <x v="36"/>
    <s v="Internal Services"/>
    <s v="Human Resources Management Services"/>
    <s v="APP-04303"/>
    <s v="In Production"/>
    <s v="web"/>
    <x v="0"/>
    <x v="99"/>
  </r>
  <r>
    <x v="2"/>
    <x v="2"/>
    <x v="5917"/>
    <s v="GFSARCH"/>
    <s v="To store historical GFS financial data/information produced while GFS was the department's financial system of record._x000a_To provide historical GFS financial data/information as required by the department to answer critical financial questions and/or to answer ATIP requests."/>
    <s v=""/>
    <x v="1"/>
    <s v=""/>
    <x v="36"/>
    <s v="Internal Services"/>
    <s v="Financial Management Services"/>
    <s v="APP-04305"/>
    <s v="In Production"/>
    <s v="web"/>
    <x v="1"/>
    <x v="545"/>
  </r>
  <r>
    <x v="4"/>
    <x v="5"/>
    <x v="5918"/>
    <s v="Joule Ctrix"/>
    <s v="Secure data transfer_x000a_JouleCtrix (RaspberryPi) on our network. It is not a software desktop or server, it is a tool that connects the building control panels, collects values and transfer raw data via a TLS tunnel. encrypted using standard ports for data transfer (TCP 443) externally where they will be processed and analyzed. We will be able to consult the results of these analyzes on a secure web page (https) and a user authentication."/>
    <s v="UCTrix"/>
    <x v="14"/>
    <s v="Joule Analytix Secure DATA Transport"/>
    <x v="36"/>
    <s v=""/>
    <s v=""/>
    <s v="APP-04313"/>
    <s v="In Production"/>
    <s v="mini_main_super"/>
    <x v="0"/>
    <x v="106"/>
  </r>
  <r>
    <x v="9"/>
    <x v="110"/>
    <x v="5919"/>
    <s v="GLFC-Door"/>
    <s v=""/>
    <s v=""/>
    <x v="1"/>
    <s v=""/>
    <x v="36"/>
    <s v="Internal Services"/>
    <s v="Real Property Services"/>
    <s v="APP-04342"/>
    <s v="In Production"/>
    <s v="desktop"/>
    <x v="0"/>
    <x v="106"/>
  </r>
  <r>
    <x v="0"/>
    <x v="0"/>
    <x v="2067"/>
    <s v="LIMS"/>
    <s v="A LIMS is a collection of tools designed to improve the overall performance of a laboratory and the quality of the analytical results. It assists the laboratory personel in the proper functioning of the laboratory, providing services to the scientific community and plays an important role in achieving Quality Management."/>
    <s v=""/>
    <x v="1"/>
    <s v=""/>
    <x v="36"/>
    <s v="Science Laboratory Network (SLN)"/>
    <s v="Information Management Services,Other"/>
    <s v="NRCan-NRCan_0256"/>
    <s v="In Production"/>
    <s v="rich"/>
    <x v="1"/>
    <x v="2280"/>
  </r>
  <r>
    <x v="2"/>
    <x v="22"/>
    <x v="5920"/>
    <s v="VidCruiter"/>
    <m/>
    <s v="VidCruiter"/>
    <x v="14"/>
    <s v="VidTracking and VidInterviewing"/>
    <x v="36"/>
    <s v="Internal Services"/>
    <s v="Human Resources Management Services"/>
    <s v="APP-04348"/>
    <s v="In Production"/>
    <s v="cloud"/>
    <x v="0"/>
    <x v="106"/>
  </r>
  <r>
    <x v="1"/>
    <x v="47"/>
    <x v="5921"/>
    <s v="LANDesk"/>
    <s v=""/>
    <s v="Ivanti"/>
    <x v="14"/>
    <s v="LanDesk"/>
    <x v="36"/>
    <s v="Internal Services"/>
    <s v="Information Technology Services"/>
    <s v="APP-04353"/>
    <s v="In Production"/>
    <s v="web"/>
    <x v="0"/>
    <x v="106"/>
  </r>
  <r>
    <x v="3"/>
    <x v="45"/>
    <x v="5922"/>
    <s v="OHS Inventory"/>
    <s v="MS Windows/Oracle database application for GSC Calgary building to track chemical inventory and storage locations"/>
    <s v=""/>
    <x v="1"/>
    <s v=""/>
    <x v="36"/>
    <s v="GSC Calgary"/>
    <s v="Information Management Services"/>
    <s v="APP-03678"/>
    <s v="In Production"/>
    <s v="desktop"/>
    <x v="1"/>
    <x v="106"/>
  </r>
  <r>
    <x v="5"/>
    <x v="14"/>
    <x v="5923"/>
    <s v="Gamma"/>
    <s v="Gamma is a radar processing software application"/>
    <s v="Other"/>
    <x v="1"/>
    <s v="Gamma Remote Sensing"/>
    <x v="36"/>
    <s v="PAA 3.2.1 Essential Geographic Information"/>
    <s v="Other"/>
    <s v="NRCan-NRCan_1582"/>
    <s v="In Production"/>
    <s v="desktop"/>
    <x v="0"/>
    <x v="86"/>
  </r>
  <r>
    <x v="2"/>
    <x v="52"/>
    <x v="5924"/>
    <s v="HOT2000 AST"/>
    <s v="Download of ERS software_x000a__x000a_http://198.103.48.154/hot2000/en/register.php_x000a__x000a_http://198.103.48.154/hot2000/en/login.php"/>
    <s v=""/>
    <x v="1"/>
    <s v=""/>
    <x v="36"/>
    <s v=""/>
    <s v="Information Technology Services"/>
    <s v="NRCan-NRCan_1583"/>
    <s v="In Production"/>
    <s v="web"/>
    <x v="1"/>
    <x v="86"/>
  </r>
  <r>
    <x v="5"/>
    <x v="100"/>
    <x v="5925"/>
    <s v="PCVue"/>
    <s v="SCADA system control"/>
    <s v="Other"/>
    <x v="1"/>
    <s v="Centris Technologies Inc."/>
    <x v="36"/>
    <s v=""/>
    <s v=""/>
    <s v="NRCan-NRCan_1585"/>
    <s v="In Production"/>
    <s v="desktop"/>
    <x v="0"/>
    <x v="2281"/>
  </r>
  <r>
    <x v="5"/>
    <x v="100"/>
    <x v="5926"/>
    <s v="Lutron"/>
    <s v="The application control the lights in the building"/>
    <s v="Other"/>
    <x v="1"/>
    <s v="Lutronic Electronics"/>
    <x v="36"/>
    <s v="PAA 2.2.3 Clean Energy Science and Technology"/>
    <s v="Real Property Services"/>
    <s v="NRCan-NRCan_1586"/>
    <s v="In Production"/>
    <s v="web"/>
    <x v="0"/>
    <x v="106"/>
  </r>
  <r>
    <x v="6"/>
    <x v="61"/>
    <x v="5927"/>
    <s v="SP2016"/>
    <m/>
    <s v="Microsoft_Corporation"/>
    <x v="1"/>
    <s v="and custom design"/>
    <x v="36"/>
    <s v="PAA 2.2.3 Clean Energy Science and Technology"/>
    <s v="Other"/>
    <s v="NRCan-NRCan_1587"/>
    <s v="In Production"/>
    <s v="web"/>
    <x v="0"/>
    <x v="86"/>
  </r>
  <r>
    <x v="5"/>
    <x v="91"/>
    <x v="5928"/>
    <s v="PASS"/>
    <m/>
    <s v=""/>
    <x v="1"/>
    <s v=""/>
    <x v="36"/>
    <s v="Landmass Information"/>
    <s v=""/>
    <s v="APP-03745"/>
    <s v="In Production"/>
    <s v="web"/>
    <x v="1"/>
    <x v="86"/>
  </r>
  <r>
    <x v="0"/>
    <x v="28"/>
    <x v="5929"/>
    <s v="ESRID"/>
    <s v="This directory contains ENERGY STAR rebates and incentives available in Canada. For other programs available in Canada._x000a__x000a_http://oee.nrcan.gc.ca/energy/products/energystar/why-buy/programs.cfm"/>
    <s v=""/>
    <x v="1"/>
    <s v=""/>
    <x v="36"/>
    <s v="ENERGY STAR"/>
    <s v="Information Management Services"/>
    <s v="APP-03748"/>
    <s v="In Production"/>
    <s v="web"/>
    <x v="1"/>
    <x v="2282"/>
  </r>
  <r>
    <x v="10"/>
    <x v="69"/>
    <x v="477"/>
    <s v="MSFT"/>
    <s v="COTS software to manage the secure transfer of files between applications (PeopleSoft, ATIP)"/>
    <s v="Windows"/>
    <x v="14"/>
    <s v="Secure File Transfer"/>
    <x v="36"/>
    <s v="Internal Services"/>
    <s v="Information Technology Services"/>
    <s v="APP-03778"/>
    <s v="In Production"/>
    <s v="web"/>
    <x v="0"/>
    <x v="106"/>
  </r>
  <r>
    <x v="6"/>
    <x v="67"/>
    <x v="5930"/>
    <s v="NRCan Web"/>
    <s v="Web cast software for broadcasting meetings"/>
    <s v=""/>
    <x v="14"/>
    <s v=""/>
    <x v="36"/>
    <s v="4.1 Internal Services"/>
    <s v="Information Technology Services"/>
    <s v="APP-03780"/>
    <s v="In Production"/>
    <s v="web"/>
    <x v="0"/>
    <x v="2283"/>
  </r>
  <r>
    <x v="4"/>
    <x v="5"/>
    <x v="5931"/>
    <s v="EVAFIDI"/>
    <s v=""/>
    <s v=""/>
    <x v="1"/>
    <s v=""/>
    <x v="36"/>
    <s v=""/>
    <s v=""/>
    <s v="APP-03785"/>
    <s v="InDevelopment"/>
    <s v="desktop"/>
    <x v="1"/>
    <x v="106"/>
  </r>
  <r>
    <x v="9"/>
    <x v="54"/>
    <x v="5932"/>
    <s v="RTID"/>
    <s v=""/>
    <s v=""/>
    <x v="14"/>
    <s v="Safran Morpho IntelliScreen Canada"/>
    <x v="36"/>
    <s v="Internal Services"/>
    <s v="Information Technology Services"/>
    <s v="APP-03787"/>
    <s v="In Production"/>
    <s v="rich"/>
    <x v="0"/>
    <x v="545"/>
  </r>
  <r>
    <x v="9"/>
    <x v="110"/>
    <x v="5933"/>
    <s v="USS"/>
    <s v="Security access control system and intrusion system and closed circuit video equipment"/>
    <s v=""/>
    <x v="14"/>
    <s v=""/>
    <x v="36"/>
    <s v="Internal Services"/>
    <s v="Information Technology Services"/>
    <s v="APP-03789"/>
    <s v="In Production"/>
    <s v="rich"/>
    <x v="0"/>
    <x v="2284"/>
  </r>
  <r>
    <x v="4"/>
    <x v="5"/>
    <x v="5934"/>
    <s v="FFRI"/>
    <s v="This is a stand-alone app for use in reclamation assessment in the Oil Sands region of Alberta. The app will be used by technicians, researchers and consultants in the field to collect data about forest floor (as an indicator of forest ecosystem recovery) and the app uses the collected to calcualte an idenx of recovery, and provide management recommendations."/>
    <s v=""/>
    <x v="1"/>
    <s v=""/>
    <x v="36"/>
    <s v=""/>
    <s v=""/>
    <s v="NRCan-NRCan_1596"/>
    <s v="In Production"/>
    <s v="mobile"/>
    <x v="1"/>
    <x v="106"/>
  </r>
  <r>
    <x v="0"/>
    <x v="88"/>
    <x v="2104"/>
    <s v=""/>
    <s v=""/>
    <s v=""/>
    <x v="1"/>
    <s v=""/>
    <x v="36"/>
    <s v="PAA 2.2.3 Clean Energy Science and Technology"/>
    <s v=""/>
    <s v="NRCan-NRCan_1597"/>
    <s v="In Production"/>
    <s v="rich"/>
    <x v="0"/>
    <x v="106"/>
  </r>
  <r>
    <x v="4"/>
    <x v="5"/>
    <x v="5935"/>
    <s v="NDTCB"/>
    <s v=""/>
    <s v=""/>
    <x v="1"/>
    <s v=""/>
    <x v="36"/>
    <s v="PAA 2.2.3 Clean Energy Science and Technology"/>
    <s v=""/>
    <s v="NRCan-NRCan_1598"/>
    <s v="In Production"/>
    <s v="web"/>
    <x v="1"/>
    <x v="106"/>
  </r>
  <r>
    <x v="2"/>
    <x v="52"/>
    <x v="5936"/>
    <s v="RFPIF"/>
    <s v="OERD Registration form for Green Infrastructure Phase II, Next Generation Clean Energy Infrastructure Program"/>
    <s v=""/>
    <x v="1"/>
    <s v=""/>
    <x v="36"/>
    <s v="PAA 2.2.3 Clean Energy Science and Technology"/>
    <s v="Information Technology Services,Management and Oversight Services"/>
    <s v="NRCan-NRCan_1599"/>
    <s v="In Production"/>
    <s v="web"/>
    <x v="1"/>
    <x v="86"/>
  </r>
  <r>
    <x v="0"/>
    <x v="42"/>
    <x v="5937"/>
    <s v=""/>
    <m/>
    <s v="Microsoft_Corporation"/>
    <x v="1"/>
    <s v="Dynamics CRM hosted by SCMS"/>
    <x v="36"/>
    <s v="PAA 2.2.3 Clean Energy Science and Technology"/>
    <s v="Information Management Services,Information Technology Services"/>
    <s v="NRCan-NRCan_1601"/>
    <s v="In Production"/>
    <s v="web"/>
    <x v="0"/>
    <x v="86"/>
  </r>
  <r>
    <x v="10"/>
    <x v="60"/>
    <x v="5938"/>
    <s v="MA CMMS"/>
    <s v="Computerized Maintenance Management System"/>
    <s v=""/>
    <x v="1"/>
    <s v="MA CMMS, Maintenance Assistant_x000a_Inc."/>
    <x v="36"/>
    <s v="PAA 2.2.3 Clean Energy Science and Technology"/>
    <s v="Other"/>
    <s v="NRCan-NRCan_1602"/>
    <s v="In Production"/>
    <s v="web"/>
    <x v="0"/>
    <x v="2285"/>
  </r>
  <r>
    <x v="3"/>
    <x v="4"/>
    <x v="5939"/>
    <s v="ACL"/>
    <s v="ACL data analytics is a data extraction and analysis software used for fraud detection &amp; prevention, and risk management."/>
    <s v="CCH"/>
    <x v="14"/>
    <s v="ACL"/>
    <x v="36"/>
    <s v="4.1 Internal Services"/>
    <s v="Financial Management Services"/>
    <s v="APP-03892"/>
    <s v="In Production"/>
    <s v="web"/>
    <x v="0"/>
    <x v="146"/>
  </r>
  <r>
    <x v="6"/>
    <x v="24"/>
    <x v="5940"/>
    <s v="ScrumWorks Pro"/>
    <s v="Bug Tracker &amp; Agile Planning Tool"/>
    <s v="Other"/>
    <x v="1"/>
    <s v="Danube Technologies Inc."/>
    <x v="37"/>
    <s v=""/>
    <s v="Information Technology Services"/>
    <s v="OCEO-1"/>
    <s v="In Production"/>
    <s v=""/>
    <x v="0"/>
    <x v="99"/>
  </r>
  <r>
    <x v="6"/>
    <x v="48"/>
    <x v="5941"/>
    <s v="Quest Message Stats"/>
    <s v="Tracks, analyzes and reports key messaging data"/>
    <s v="Other"/>
    <x v="1"/>
    <s v="Quest MessageStats"/>
    <x v="37"/>
    <s v=""/>
    <s v="Information Management Services"/>
    <s v="OCEO-10"/>
    <s v="In Production"/>
    <s v=""/>
    <x v="0"/>
    <x v="106"/>
  </r>
  <r>
    <x v="0"/>
    <x v="0"/>
    <x v="5942"/>
    <s v="HelpVisiion"/>
    <s v="Ticket Tracking Software"/>
    <s v="Other"/>
    <x v="1"/>
    <s v="Worklogic"/>
    <x v="37"/>
    <s v=""/>
    <s v="Information Management Services"/>
    <s v="OCEO-11"/>
    <s v="In Production"/>
    <s v=""/>
    <x v="0"/>
    <x v="2286"/>
  </r>
  <r>
    <x v="10"/>
    <x v="84"/>
    <x v="5943"/>
    <s v="Sonic MQ"/>
    <s v="Messaging Broker Software"/>
    <s v="Other"/>
    <x v="1"/>
    <s v="Progress Software SonicMQ"/>
    <x v="37"/>
    <s v=""/>
    <s v="Communications Services"/>
    <s v="OCEO-12"/>
    <s v="In Production"/>
    <s v=""/>
    <x v="0"/>
    <x v="106"/>
  </r>
  <r>
    <x v="7"/>
    <x v="26"/>
    <x v="5944"/>
    <s v="Shared File Servers"/>
    <s v="Share containing corporate files"/>
    <s v="Microsoft_Corporation"/>
    <x v="1"/>
    <s v=""/>
    <x v="37"/>
    <s v=""/>
    <s v="Information Technology Services"/>
    <s v="OCEO-13"/>
    <s v="In Production"/>
    <s v=""/>
    <x v="0"/>
    <x v="106"/>
  </r>
  <r>
    <x v="4"/>
    <x v="5"/>
    <x v="5945"/>
    <s v="ESRS-IP"/>
    <s v="EMC Secure Remote Support"/>
    <s v="Other"/>
    <x v="1"/>
    <s v="EMC ESRS-IP Policy Manager"/>
    <x v="37"/>
    <s v=""/>
    <s v="Information Technology Services"/>
    <s v="OCEO-14"/>
    <s v="In Production"/>
    <s v=""/>
    <x v="0"/>
    <x v="106"/>
  </r>
  <r>
    <x v="5"/>
    <x v="14"/>
    <x v="5946"/>
    <s v="NGDv2"/>
    <m/>
    <s v=""/>
    <x v="1"/>
    <s v=""/>
    <x v="37"/>
    <s v="Statistical Infrastructure"/>
    <s v="Other"/>
    <s v="OCEO-142986"/>
    <s v="In Production"/>
    <s v=""/>
    <x v="1"/>
    <x v="2287"/>
  </r>
  <r>
    <x v="5"/>
    <x v="14"/>
    <x v="5947"/>
    <s v="N/A"/>
    <m/>
    <s v=""/>
    <x v="1"/>
    <s v=""/>
    <x v="37"/>
    <s v="Statistical Infrastructure"/>
    <s v="Other"/>
    <s v="OCEO-142987"/>
    <s v="In Production"/>
    <s v=""/>
    <x v="1"/>
    <x v="2288"/>
  </r>
  <r>
    <x v="5"/>
    <x v="14"/>
    <x v="5948"/>
    <s v="AAU"/>
    <m/>
    <s v=""/>
    <x v="1"/>
    <s v=""/>
    <x v="37"/>
    <s v="Statistical Infrastructure"/>
    <s v="Other"/>
    <s v="OCEO-142988"/>
    <s v="In Production"/>
    <s v=""/>
    <x v="1"/>
    <x v="2289"/>
  </r>
  <r>
    <x v="5"/>
    <x v="14"/>
    <x v="5949"/>
    <s v="AIA"/>
    <m/>
    <s v=""/>
    <x v="1"/>
    <s v=""/>
    <x v="37"/>
    <s v="Statistical Infrastructure"/>
    <s v="Other"/>
    <s v="OCEO-142990"/>
    <s v="In Production"/>
    <s v=""/>
    <x v="1"/>
    <x v="2290"/>
  </r>
  <r>
    <x v="12"/>
    <x v="114"/>
    <x v="5950"/>
    <s v="SFTP"/>
    <s v="Secure FTP connectivity with PWGSC"/>
    <s v="Other"/>
    <x v="1"/>
    <s v="Secure FTP"/>
    <x v="37"/>
    <s v=""/>
    <s v="Information Technology Services"/>
    <s v="OCEO-15"/>
    <s v="In Production"/>
    <s v=""/>
    <x v="0"/>
    <x v="106"/>
  </r>
  <r>
    <x v="5"/>
    <x v="100"/>
    <x v="5951"/>
    <s v="Actuate"/>
    <s v="Analysis Software"/>
    <s v="Other"/>
    <x v="1"/>
    <s v="Open Text"/>
    <x v="37"/>
    <s v=""/>
    <s v="Financial Management Services"/>
    <s v="OCEO-16"/>
    <s v="In Production"/>
    <s v=""/>
    <x v="0"/>
    <x v="106"/>
  </r>
  <r>
    <x v="5"/>
    <x v="100"/>
    <x v="5952"/>
    <s v="Cognos Metrics Mft"/>
    <s v="Cognos BI Analysis"/>
    <s v="Other"/>
    <x v="1"/>
    <s v="Cognos BI (IBM)"/>
    <x v="37"/>
    <s v=""/>
    <s v="Other"/>
    <s v="OCEO-17"/>
    <s v="In Production"/>
    <s v=""/>
    <x v="0"/>
    <x v="146"/>
  </r>
  <r>
    <x v="4"/>
    <x v="5"/>
    <x v="5953"/>
    <s v="Identity Guard"/>
    <s v="Entrust Identity Guard"/>
    <s v="Other"/>
    <x v="1"/>
    <s v="Entrust - Identity Guard"/>
    <x v="37"/>
    <s v=""/>
    <s v="Information Technology Services"/>
    <s v="OCEO-18"/>
    <s v="In Production"/>
    <s v=""/>
    <x v="0"/>
    <x v="146"/>
  </r>
  <r>
    <x v="4"/>
    <x v="5"/>
    <x v="5954"/>
    <s v="ROTC Trng Server"/>
    <s v="ROTC Training Server"/>
    <s v="Other"/>
    <x v="1"/>
    <s v=""/>
    <x v="37"/>
    <s v=""/>
    <s v="Information Technology Services"/>
    <s v="OCEO-19"/>
    <s v="In Production"/>
    <s v=""/>
    <x v="0"/>
    <x v="146"/>
  </r>
  <r>
    <x v="11"/>
    <x v="119"/>
    <x v="5955"/>
    <s v="VisualSVN"/>
    <s v="Allows to install and manage a fully-functional Subversion server on Windows Platform"/>
    <s v="Other"/>
    <x v="1"/>
    <s v="VisualSVN"/>
    <x v="37"/>
    <s v=""/>
    <s v="Information Technology Services"/>
    <s v="OCEO-2"/>
    <s v="In Production"/>
    <s v=""/>
    <x v="0"/>
    <x v="99"/>
  </r>
  <r>
    <x v="4"/>
    <x v="5"/>
    <x v="1"/>
    <s v="Assyst"/>
    <s v="Ticket Tracking Software"/>
    <s v="Other"/>
    <x v="1"/>
    <s v="Axios - Assyst"/>
    <x v="37"/>
    <s v=""/>
    <s v="Information Technology Services"/>
    <s v="OCEO-20"/>
    <s v="In Production"/>
    <s v=""/>
    <x v="0"/>
    <x v="146"/>
  </r>
  <r>
    <x v="10"/>
    <x v="59"/>
    <x v="5956"/>
    <s v="OAS"/>
    <s v="Oracle Application Server Software"/>
    <s v="Microsoft_Corporation"/>
    <x v="1"/>
    <s v=""/>
    <x v="37"/>
    <s v=""/>
    <s v="Information Technology Services"/>
    <s v="OCEO-3"/>
    <s v="In Production"/>
    <s v=""/>
    <x v="0"/>
    <x v="106"/>
  </r>
  <r>
    <x v="3"/>
    <x v="92"/>
    <x v="2060"/>
    <s v="HRIS"/>
    <s v="Human Resources Information System"/>
    <s v="Other"/>
    <x v="1"/>
    <s v="PWGSC"/>
    <x v="37"/>
    <s v=""/>
    <s v="Human Resources Management Services"/>
    <s v="OCEO-4"/>
    <s v="In Production"/>
    <s v=""/>
    <x v="0"/>
    <x v="99"/>
  </r>
  <r>
    <x v="3"/>
    <x v="4"/>
    <x v="5957"/>
    <s v="CCMMercury"/>
    <s v="Correspondence Tracking Software"/>
    <s v="WorkDynamics_Technologies_Inc"/>
    <x v="0"/>
    <s v=""/>
    <x v="37"/>
    <s v=""/>
    <s v="Information Management Services"/>
    <s v="OCEO-5"/>
    <s v="In Production"/>
    <s v=""/>
    <x v="0"/>
    <x v="145"/>
  </r>
  <r>
    <x v="4"/>
    <x v="5"/>
    <x v="5958"/>
    <s v="OID"/>
    <s v="Object Identifier"/>
    <s v="Microsoft_Corporation"/>
    <x v="1"/>
    <s v=""/>
    <x v="37"/>
    <s v=""/>
    <s v="Other"/>
    <s v="OCEO-6"/>
    <s v="In Production"/>
    <s v=""/>
    <x v="0"/>
    <x v="106"/>
  </r>
  <r>
    <x v="12"/>
    <x v="120"/>
    <x v="5959"/>
    <s v="Terminal Server"/>
    <s v="Terminal Server"/>
    <s v="Microsoft_Corporation"/>
    <x v="1"/>
    <s v=""/>
    <x v="37"/>
    <s v=""/>
    <s v="Information Technology Services"/>
    <s v="OCEO-7"/>
    <s v="In Production"/>
    <s v=""/>
    <x v="0"/>
    <x v="99"/>
  </r>
  <r>
    <x v="12"/>
    <x v="120"/>
    <x v="5960"/>
    <s v="IBM Director"/>
    <s v="System Management Software"/>
    <s v="Other"/>
    <x v="1"/>
    <s v="IBM Director Server"/>
    <x v="37"/>
    <s v=""/>
    <s v="Information Technology Services"/>
    <s v="OCEO-8"/>
    <s v="In Production"/>
    <s v=""/>
    <x v="0"/>
    <x v="106"/>
  </r>
  <r>
    <x v="12"/>
    <x v="74"/>
    <x v="5961"/>
    <s v="Spark"/>
    <s v="Internal communication Chat Server"/>
    <s v="Other"/>
    <x v="1"/>
    <s v="Softonic"/>
    <x v="37"/>
    <s v=""/>
    <s v="Information Technology Services"/>
    <s v="OCEO-9"/>
    <s v="In Production"/>
    <s v=""/>
    <x v="0"/>
    <x v="106"/>
  </r>
  <r>
    <x v="4"/>
    <x v="5"/>
    <x v="2060"/>
    <s v="HRIS"/>
    <s v=""/>
    <s v=""/>
    <x v="1"/>
    <s v=""/>
    <x v="38"/>
    <s v=""/>
    <s v=""/>
    <s v="APP-01830"/>
    <s v="In Production"/>
    <s v=""/>
    <x v="1"/>
    <x v="106"/>
  </r>
  <r>
    <x v="4"/>
    <x v="5"/>
    <x v="5962"/>
    <s v=""/>
    <s v="OCOL's intranet"/>
    <s v=""/>
    <x v="1"/>
    <s v=""/>
    <x v="38"/>
    <s v=""/>
    <s v=""/>
    <s v="APP-01832"/>
    <s v="In Production"/>
    <s v=""/>
    <x v="1"/>
    <x v="106"/>
  </r>
  <r>
    <x v="4"/>
    <x v="5"/>
    <x v="5963"/>
    <s v="RSA"/>
    <s v="The RSA Server, used to assist in two-factor authentication."/>
    <s v=""/>
    <x v="103"/>
    <s v=""/>
    <x v="38"/>
    <s v=""/>
    <s v=""/>
    <s v="APP-01828"/>
    <s v="In Production"/>
    <s v=""/>
    <x v="0"/>
    <x v="106"/>
  </r>
  <r>
    <x v="4"/>
    <x v="5"/>
    <x v="5964"/>
    <s v="Intac"/>
    <m/>
    <s v="Microsoft"/>
    <x v="50"/>
    <s v="Microsoft CRM 4"/>
    <x v="39"/>
    <s v=""/>
    <s v=""/>
    <s v="APP-02333"/>
    <s v="In Production"/>
    <s v=""/>
    <x v="0"/>
    <x v="106"/>
  </r>
  <r>
    <x v="4"/>
    <x v="5"/>
    <x v="5965"/>
    <s v="Moss"/>
    <s v="Sharepoint 2007"/>
    <s v="Microsoft"/>
    <x v="49"/>
    <s v="Sharepointe 2007"/>
    <x v="39"/>
    <s v=""/>
    <s v=""/>
    <s v="APP-02338"/>
    <s v="In Production"/>
    <s v=""/>
    <x v="0"/>
    <x v="106"/>
  </r>
  <r>
    <x v="4"/>
    <x v="5"/>
    <x v="5966"/>
    <s v="SQL"/>
    <s v=""/>
    <s v="Microsoft"/>
    <x v="104"/>
    <s v="SQl Server Standard 2005 Sp3"/>
    <x v="39"/>
    <s v=""/>
    <s v=""/>
    <s v="APP-02341"/>
    <s v="In Production"/>
    <s v=""/>
    <x v="0"/>
    <x v="106"/>
  </r>
  <r>
    <x v="4"/>
    <x v="5"/>
    <x v="5967"/>
    <s v="Library"/>
    <s v=""/>
    <s v="Other"/>
    <x v="1"/>
    <s v="isys"/>
    <x v="40"/>
    <s v=""/>
    <s v=""/>
    <s v="OSFI-isysLib"/>
    <s v="In Production"/>
    <s v=""/>
    <x v="0"/>
    <x v="106"/>
  </r>
  <r>
    <x v="4"/>
    <x v="5"/>
    <x v="5968"/>
    <s v="BI Cognos 6"/>
    <s v=""/>
    <s v="Other"/>
    <x v="1"/>
    <s v="IBM, Cognos BI Suite 7.3"/>
    <x v="40"/>
    <s v=""/>
    <s v=""/>
    <s v="OSFI-135103"/>
    <s v="In Production"/>
    <s v=""/>
    <x v="0"/>
    <x v="106"/>
  </r>
  <r>
    <x v="4"/>
    <x v="5"/>
    <x v="5969"/>
    <s v="DOR"/>
    <s v=""/>
    <s v=""/>
    <x v="1"/>
    <s v=""/>
    <x v="40"/>
    <s v=""/>
    <s v=""/>
    <s v="OSFI-56401"/>
    <s v="In Production"/>
    <s v=""/>
    <x v="1"/>
    <x v="106"/>
  </r>
  <r>
    <x v="4"/>
    <x v="5"/>
    <x v="5970"/>
    <s v="BIAdmin"/>
    <s v=""/>
    <s v=""/>
    <x v="1"/>
    <s v=""/>
    <x v="40"/>
    <s v=""/>
    <s v=""/>
    <s v="OSFI-56402"/>
    <s v="In Production"/>
    <s v=""/>
    <x v="1"/>
    <x v="106"/>
  </r>
  <r>
    <x v="4"/>
    <x v="5"/>
    <x v="5971"/>
    <s v="OSFINet"/>
    <s v=""/>
    <s v=""/>
    <x v="1"/>
    <s v=""/>
    <x v="40"/>
    <s v=""/>
    <s v=""/>
    <s v="OSFI-56414"/>
    <s v="In Production"/>
    <s v=""/>
    <x v="1"/>
    <x v="106"/>
  </r>
  <r>
    <x v="4"/>
    <x v="5"/>
    <x v="5972"/>
    <s v="Infoport"/>
    <s v=""/>
    <s v=""/>
    <x v="1"/>
    <s v=""/>
    <x v="40"/>
    <s v=""/>
    <s v=""/>
    <s v="OSFI-56415"/>
    <s v="In Production"/>
    <s v=""/>
    <x v="1"/>
    <x v="106"/>
  </r>
  <r>
    <x v="4"/>
    <x v="5"/>
    <x v="5973"/>
    <s v="OSFIClassifieds"/>
    <s v=""/>
    <s v=""/>
    <x v="1"/>
    <s v=""/>
    <x v="40"/>
    <s v=""/>
    <s v=""/>
    <s v="OSFI-56416"/>
    <s v="In Production"/>
    <s v=""/>
    <x v="1"/>
    <x v="106"/>
  </r>
  <r>
    <x v="4"/>
    <x v="5"/>
    <x v="5974"/>
    <s v="OTRS"/>
    <s v=""/>
    <s v=""/>
    <x v="1"/>
    <s v=""/>
    <x v="40"/>
    <s v=""/>
    <s v=""/>
    <s v="OSFI-56417"/>
    <s v="In Production"/>
    <s v=""/>
    <x v="1"/>
    <x v="106"/>
  </r>
  <r>
    <x v="4"/>
    <x v="5"/>
    <x v="5975"/>
    <s v="THFIS"/>
    <s v=""/>
    <s v=""/>
    <x v="1"/>
    <s v=""/>
    <x v="40"/>
    <s v=""/>
    <s v=""/>
    <s v="OSFI-56427"/>
    <s v="In Production"/>
    <s v=""/>
    <x v="1"/>
    <x v="106"/>
  </r>
  <r>
    <x v="4"/>
    <x v="5"/>
    <x v="5976"/>
    <s v="RDS"/>
    <s v=""/>
    <s v=""/>
    <x v="1"/>
    <s v=""/>
    <x v="40"/>
    <s v=""/>
    <s v=""/>
    <s v="OSFI-56428"/>
    <s v="In Production"/>
    <s v=""/>
    <x v="1"/>
    <x v="106"/>
  </r>
  <r>
    <x v="4"/>
    <x v="5"/>
    <x v="475"/>
    <s v="RPS"/>
    <s v=""/>
    <s v=""/>
    <x v="1"/>
    <s v=""/>
    <x v="40"/>
    <s v=""/>
    <s v=""/>
    <s v="OSFI-56429"/>
    <s v="In Production"/>
    <s v=""/>
    <x v="1"/>
    <x v="106"/>
  </r>
  <r>
    <x v="4"/>
    <x v="5"/>
    <x v="5977"/>
    <s v="TRS"/>
    <s v=""/>
    <s v=""/>
    <x v="1"/>
    <s v=""/>
    <x v="40"/>
    <s v=""/>
    <s v=""/>
    <s v="OSFI-56430"/>
    <s v="In Production"/>
    <s v=""/>
    <x v="1"/>
    <x v="106"/>
  </r>
  <r>
    <x v="4"/>
    <x v="5"/>
    <x v="5978"/>
    <s v="Leave Online"/>
    <s v=""/>
    <s v=""/>
    <x v="1"/>
    <s v=""/>
    <x v="40"/>
    <s v=""/>
    <s v=""/>
    <s v="OSFI-56453"/>
    <s v="In Production"/>
    <s v=""/>
    <x v="1"/>
    <x v="106"/>
  </r>
  <r>
    <x v="4"/>
    <x v="5"/>
    <x v="5979"/>
    <s v="EDMS"/>
    <s v=""/>
    <s v="Other"/>
    <x v="1"/>
    <s v="OpenText, Livelink"/>
    <x v="40"/>
    <s v=""/>
    <s v=""/>
    <s v="OSFI-56461"/>
    <s v="In Production"/>
    <s v=""/>
    <x v="0"/>
    <x v="106"/>
  </r>
  <r>
    <x v="4"/>
    <x v="5"/>
    <x v="5980"/>
    <s v="CDS"/>
    <s v=""/>
    <s v="Other"/>
    <x v="1"/>
    <s v="Nakisa, Org Management"/>
    <x v="40"/>
    <s v=""/>
    <s v=""/>
    <s v="OSFI-56481"/>
    <s v="In Production"/>
    <s v=""/>
    <x v="0"/>
    <x v="106"/>
  </r>
  <r>
    <x v="4"/>
    <x v="5"/>
    <x v="5981"/>
    <s v="PBSA"/>
    <s v=""/>
    <s v=""/>
    <x v="1"/>
    <s v=""/>
    <x v="40"/>
    <s v=""/>
    <s v=""/>
    <s v="OSFI-56484"/>
    <s v="In Production"/>
    <s v=""/>
    <x v="1"/>
    <x v="106"/>
  </r>
  <r>
    <x v="4"/>
    <x v="5"/>
    <x v="5982"/>
    <s v="AUCLRE"/>
    <s v=""/>
    <s v=""/>
    <x v="1"/>
    <s v=""/>
    <x v="40"/>
    <s v=""/>
    <s v=""/>
    <s v="OSFI-56488"/>
    <s v="In Production"/>
    <s v=""/>
    <x v="1"/>
    <x v="106"/>
  </r>
  <r>
    <x v="4"/>
    <x v="5"/>
    <x v="5983"/>
    <s v="AFTR"/>
    <s v=""/>
    <s v=""/>
    <x v="1"/>
    <s v=""/>
    <x v="40"/>
    <s v=""/>
    <s v=""/>
    <s v="OSFI-56494"/>
    <s v="In Production"/>
    <s v=""/>
    <x v="1"/>
    <x v="106"/>
  </r>
  <r>
    <x v="4"/>
    <x v="5"/>
    <x v="5984"/>
    <s v="LEFP"/>
    <s v=""/>
    <s v=""/>
    <x v="1"/>
    <s v=""/>
    <x v="40"/>
    <s v=""/>
    <s v=""/>
    <s v="OSFI-56498"/>
    <s v="In Production"/>
    <s v=""/>
    <x v="1"/>
    <x v="106"/>
  </r>
  <r>
    <x v="4"/>
    <x v="5"/>
    <x v="5985"/>
    <s v="CSWS"/>
    <s v=""/>
    <s v=""/>
    <x v="1"/>
    <s v=""/>
    <x v="40"/>
    <s v=""/>
    <s v=""/>
    <s v="OSFI-56505"/>
    <s v="In Production"/>
    <s v=""/>
    <x v="1"/>
    <x v="106"/>
  </r>
  <r>
    <x v="4"/>
    <x v="5"/>
    <x v="5986"/>
    <s v="SRA"/>
    <s v=""/>
    <s v=""/>
    <x v="1"/>
    <s v=""/>
    <x v="40"/>
    <s v=""/>
    <s v=""/>
    <s v="OSFI-56507"/>
    <s v="In Production"/>
    <s v=""/>
    <x v="1"/>
    <x v="106"/>
  </r>
  <r>
    <x v="4"/>
    <x v="5"/>
    <x v="5987"/>
    <s v="ITSurvey"/>
    <s v=""/>
    <s v=""/>
    <x v="1"/>
    <s v=""/>
    <x v="40"/>
    <s v=""/>
    <s v=""/>
    <s v="OSFI-56512"/>
    <s v="In Production"/>
    <s v=""/>
    <x v="1"/>
    <x v="106"/>
  </r>
  <r>
    <x v="4"/>
    <x v="5"/>
    <x v="5988"/>
    <s v="DTB"/>
    <s v=""/>
    <s v=""/>
    <x v="1"/>
    <s v=""/>
    <x v="40"/>
    <s v=""/>
    <s v=""/>
    <s v="OSFI-56539"/>
    <s v="In Production"/>
    <s v=""/>
    <x v="1"/>
    <x v="106"/>
  </r>
  <r>
    <x v="4"/>
    <x v="5"/>
    <x v="5989"/>
    <s v="AFTR Compliance"/>
    <s v=""/>
    <s v=""/>
    <x v="1"/>
    <s v=""/>
    <x v="40"/>
    <s v=""/>
    <s v=""/>
    <s v="OSFI-84026"/>
    <s v="In Production"/>
    <s v=""/>
    <x v="1"/>
    <x v="106"/>
  </r>
  <r>
    <x v="4"/>
    <x v="5"/>
    <x v="5990"/>
    <s v="TIMS"/>
    <s v="Trail Information system which provides information about the trail status, difficulty, condition and geo location."/>
    <s v=""/>
    <x v="1"/>
    <s v=""/>
    <x v="41"/>
    <s v=""/>
    <s v=""/>
    <s v="APP-04123"/>
    <s v="InDevelopment"/>
    <s v="web"/>
    <x v="1"/>
    <x v="106"/>
  </r>
  <r>
    <x v="4"/>
    <x v="5"/>
    <x v="5991"/>
    <s v="IEMW"/>
    <s v=""/>
    <s v=""/>
    <x v="1"/>
    <s v=""/>
    <x v="41"/>
    <s v=""/>
    <s v=""/>
    <s v="APP-04125"/>
    <s v="InDevelopment"/>
    <s v="web"/>
    <x v="1"/>
    <x v="106"/>
  </r>
  <r>
    <x v="4"/>
    <x v="5"/>
    <x v="5992"/>
    <s v="IEM LE"/>
    <m/>
    <s v=""/>
    <x v="1"/>
    <s v=""/>
    <x v="41"/>
    <s v="PAEC"/>
    <s v=""/>
    <s v="APP-03306"/>
    <s v="In Production"/>
    <s v="web"/>
    <x v="1"/>
    <x v="86"/>
  </r>
  <r>
    <x v="0"/>
    <x v="16"/>
    <x v="5993"/>
    <s v="ATIP"/>
    <m/>
    <s v="Other"/>
    <x v="1"/>
    <s v="privasoft"/>
    <x v="41"/>
    <s v="CEO"/>
    <s v="Information Management Services"/>
    <s v="PC-201"/>
    <s v="In Production"/>
    <s v=""/>
    <x v="0"/>
    <x v="27"/>
  </r>
  <r>
    <x v="0"/>
    <x v="16"/>
    <x v="5957"/>
    <s v="CCM"/>
    <s v="COTS software from WorkDynamic Technologies. It's a workflow tracking application used to track and manage executive correspondence."/>
    <s v="WorkDynamics_Technologies_Inc"/>
    <x v="0"/>
    <s v=""/>
    <x v="41"/>
    <s v="CEO"/>
    <s v="Information Management Services"/>
    <s v="PC-202"/>
    <s v="In Production"/>
    <s v="web"/>
    <x v="0"/>
    <x v="27"/>
  </r>
  <r>
    <x v="2"/>
    <x v="2"/>
    <x v="5994"/>
    <s v="Star"/>
    <s v="Application reside at Agriculture, we are serviced by Canadian Heritage"/>
    <s v="Other"/>
    <x v="1"/>
    <s v="SAP"/>
    <x v="41"/>
    <s v="CFO"/>
    <s v="Financial Management Services"/>
    <s v="PC-203"/>
    <s v="In Production"/>
    <s v=""/>
    <x v="0"/>
    <x v="10"/>
  </r>
  <r>
    <x v="4"/>
    <x v="5"/>
    <x v="5995"/>
    <s v="SPER"/>
    <s v="The Parks Canada Stakeholder and Partner Engagement Registry (the Registry) is an information management tool accessible Agency-wide that holds records on current, planned and past partnering initiatives as well as information on Parks Canada‟s stakeholders and our relationships with them."/>
    <s v=""/>
    <x v="1"/>
    <s v=""/>
    <x v="41"/>
    <s v="ERVE"/>
    <s v="Communications Services"/>
    <s v="PC-205"/>
    <s v="In Production"/>
    <s v=""/>
    <x v="1"/>
    <x v="88"/>
  </r>
  <r>
    <x v="0"/>
    <x v="88"/>
    <x v="5996"/>
    <s v="AssetBank"/>
    <s v="Parks Photo collection"/>
    <s v="Other"/>
    <x v="1"/>
    <s v="Asset Bank"/>
    <x v="41"/>
    <s v="ERVE"/>
    <s v="Communications Services"/>
    <s v="PC-206"/>
    <s v="In Production"/>
    <s v="web"/>
    <x v="0"/>
    <x v="145"/>
  </r>
  <r>
    <x v="2"/>
    <x v="3"/>
    <x v="5"/>
    <s v="Nakisa"/>
    <s v="Org charting system (replaces Org Plus)"/>
    <s v="Other"/>
    <x v="1"/>
    <s v="Nakisa"/>
    <x v="41"/>
    <s v="Human Resources"/>
    <s v="Human Resources Management Services"/>
    <s v="PC-207"/>
    <s v="In Production"/>
    <s v="web"/>
    <x v="0"/>
    <x v="523"/>
  </r>
  <r>
    <x v="4"/>
    <x v="5"/>
    <x v="5997"/>
    <s v="ICE"/>
    <s v="This system was devoloped to provide information about National Protected Heritage Areas with regards to providing standards for sharing data, data gathering techniques and associating the standards with other NPHAs."/>
    <s v=""/>
    <x v="1"/>
    <s v=""/>
    <x v="41"/>
    <s v="Protected area Establishment &amp;Conservation Directorate"/>
    <s v="Other"/>
    <s v="PC-208"/>
    <s v="In Production"/>
    <s v="web"/>
    <x v="1"/>
    <x v="297"/>
  </r>
  <r>
    <x v="4"/>
    <x v="5"/>
    <x v="5998"/>
    <s v="PWARD"/>
    <s v="This web based system will allow Wardens and their supervisors to schedule their daily activities, coordinate training and monitor accreditation levels, manage materials and assets, as well as report on all of these features."/>
    <s v=""/>
    <x v="1"/>
    <s v=""/>
    <x v="41"/>
    <s v="Protected area Establishment &amp;Conservation Directorate"/>
    <s v="Other"/>
    <s v="PC-209"/>
    <s v="In Production"/>
    <s v=""/>
    <x v="1"/>
    <x v="88"/>
  </r>
  <r>
    <x v="4"/>
    <x v="5"/>
    <x v="5999"/>
    <s v="CAD"/>
    <s v=""/>
    <s v=""/>
    <x v="1"/>
    <s v=""/>
    <x v="41"/>
    <s v="Protected area Establishment &amp;Conservation Directorate"/>
    <s v="Other"/>
    <s v="PC-211"/>
    <s v="In Production"/>
    <s v="web"/>
    <x v="0"/>
    <x v="106"/>
  </r>
  <r>
    <x v="4"/>
    <x v="5"/>
    <x v="6000"/>
    <s v="POS"/>
    <s v="System that enables Agency-wide policy, standards, and procedures for collection of financial and visitor information"/>
    <s v="Other"/>
    <x v="1"/>
    <s v="Retail Management System"/>
    <x v="41"/>
    <s v="External Relations Visitors Experience"/>
    <s v="Financial Management Services,Information Management Services,Information Technology Services,Other"/>
    <s v="PC-212"/>
    <s v="In Production"/>
    <s v=""/>
    <x v="0"/>
    <x v="146"/>
  </r>
  <r>
    <x v="1"/>
    <x v="12"/>
    <x v="6001"/>
    <s v="OTRS"/>
    <s v="Case Management - Tracking System"/>
    <s v="Other"/>
    <x v="1"/>
    <s v="Open Technology Real Services"/>
    <x v="41"/>
    <s v="Internal Services"/>
    <s v="Information Technology Services,Management and Oversight Services"/>
    <s v="PC-213"/>
    <s v="In Production"/>
    <s v="web"/>
    <x v="0"/>
    <x v="145"/>
  </r>
  <r>
    <x v="0"/>
    <x v="0"/>
    <x v="6002"/>
    <s v="Sharepoint"/>
    <s v="Collaboration Platform"/>
    <s v="Microsoft_Corporation"/>
    <x v="15"/>
    <s v=""/>
    <x v="41"/>
    <s v="Internal Services"/>
    <s v="Information Management Services,Information Technology Services,Other"/>
    <s v="PC-214"/>
    <s v="In Production"/>
    <s v="web"/>
    <x v="0"/>
    <x v="145"/>
  </r>
  <r>
    <x v="4"/>
    <x v="5"/>
    <x v="6003"/>
    <s v="Scanpath"/>
    <m/>
    <s v=""/>
    <x v="1"/>
    <s v=""/>
    <x v="41"/>
    <s v=""/>
    <s v=""/>
    <s v="APP-03312"/>
    <s v="In Production"/>
    <s v="appliance"/>
    <x v="0"/>
    <x v="86"/>
  </r>
  <r>
    <x v="4"/>
    <x v="5"/>
    <x v="2011"/>
    <s v="Papercut"/>
    <s v="Application to manage and monitor MFD and Printers"/>
    <s v="Papercut"/>
    <x v="1"/>
    <s v=""/>
    <x v="41"/>
    <s v=""/>
    <s v=""/>
    <s v="APP-03310"/>
    <s v="In Production"/>
    <s v="web"/>
    <x v="0"/>
    <x v="86"/>
  </r>
  <r>
    <x v="4"/>
    <x v="5"/>
    <x v="6004"/>
    <s v="DFHD"/>
    <s v="DFHD is the register which will eventually hold all information on all Parks Canada operated National Parks, National Marine Conservation Area and National Historic Sites. This will ultimately replace all other existing database systems currently in use."/>
    <s v=""/>
    <x v="1"/>
    <s v=""/>
    <x v="41"/>
    <s v="Heritage Conservation"/>
    <s v="Other"/>
    <s v="PC-22"/>
    <s v="In Production"/>
    <s v=""/>
    <x v="1"/>
    <x v="297"/>
  </r>
  <r>
    <x v="4"/>
    <x v="5"/>
    <x v="6005"/>
    <s v="OTS"/>
    <s v="The Occurence Tracking System allows Park Wardens and administrators a way of keeping track of and reporting incidents in National Parks as legislated by law."/>
    <s v=""/>
    <x v="1"/>
    <s v=""/>
    <x v="41"/>
    <s v="Protected area Establishment &amp;Conservation Directorate"/>
    <s v="Other"/>
    <s v="PC-24"/>
    <s v="In Production"/>
    <s v="web"/>
    <x v="1"/>
    <x v="98"/>
  </r>
  <r>
    <x v="4"/>
    <x v="5"/>
    <x v="6006"/>
    <s v="AvalX"/>
    <s v="AvalX is the most modern public avalanche forecasting software available today.  It’s unique feature is that it provides both a software platform for avalanche forecasters to undertake a technical avalanche hazard analysis , and a public user interface that communicates the same message in a mostly graphical format, carefully designed to maximize comprehension.  Both models (technical and communication) facilitate the same message but for different target audiences (forecasters and public), each of who demand different methods of communication.  The warnings are more broadly distributed than ever before; available in html, mobile, xml and printable formats."/>
    <s v=""/>
    <x v="1"/>
    <s v=""/>
    <x v="41"/>
    <s v="Protected area Establishment &amp;Conservation Directorate"/>
    <s v="Other"/>
    <s v="PC-26"/>
    <s v="In Production"/>
    <s v="web"/>
    <x v="1"/>
    <x v="2291"/>
  </r>
  <r>
    <x v="4"/>
    <x v="5"/>
    <x v="6007"/>
    <s v="RPS"/>
    <s v="Online application form to allow researchers to apply for conducting research In National Parks."/>
    <s v=""/>
    <x v="1"/>
    <s v=""/>
    <x v="41"/>
    <s v="Protected area Establishment &amp;Conservation Directorate"/>
    <s v="Other"/>
    <s v="PC-29"/>
    <s v="In Production"/>
    <s v="web"/>
    <x v="1"/>
    <x v="98"/>
  </r>
  <r>
    <x v="4"/>
    <x v="5"/>
    <x v="6008"/>
    <s v="THR"/>
    <s v="This application is part of the Proactive Disclosure suite to provide information about Travel and Hospitality expenses for senior managers."/>
    <s v=""/>
    <x v="1"/>
    <s v=""/>
    <x v="41"/>
    <s v="CFO"/>
    <s v="Financial Management Services"/>
    <s v="PC-33"/>
    <s v="In Production"/>
    <s v="web"/>
    <x v="1"/>
    <x v="98"/>
  </r>
  <r>
    <x v="4"/>
    <x v="5"/>
    <x v="6009"/>
    <s v="CRHP"/>
    <s v="The CRHP application is a joint venture between all provinces and the federal government to list and record information regarding Historic Places in Canada at various levels of government."/>
    <s v=""/>
    <x v="1"/>
    <s v=""/>
    <x v="41"/>
    <s v="Heritage Conservation"/>
    <s v="Other"/>
    <s v="PC-39"/>
    <s v="In Production"/>
    <s v=""/>
    <x v="1"/>
    <x v="297"/>
  </r>
  <r>
    <x v="4"/>
    <x v="5"/>
    <x v="6010"/>
    <s v="PC-411"/>
    <s v="This application manages Parks Canada employee's personal information, used to populate the GEDS electronic directory, provide user roles to Parks Canada systems including the Leave Request System and other systems which they require access to. The directory can also contain contractor names._x000a_ _x000a_Employees can access and update their information online through the Intranet, provided that they are logged on as themselves. Information such as Name, Address and Phone numbers are available through the search tools."/>
    <s v=""/>
    <x v="1"/>
    <s v=""/>
    <x v="41"/>
    <s v=""/>
    <s v=""/>
    <s v="APP-03308"/>
    <s v="In Production"/>
    <s v="web"/>
    <x v="1"/>
    <x v="86"/>
  </r>
  <r>
    <x v="2"/>
    <x v="32"/>
    <x v="6011"/>
    <s v="AMS"/>
    <s v="The Asset Management System (AMS) is an important part of the Asset Management Framework and is a tool to facilitate the effective and efficient management of assets in support of the Parks Canada Agency business activities. AMS is a Web-based application that provides functions related to the management of built assets and fleet. Functions include inventory management; maintenance work planning and reporting; management of legislated and due diligence obligations; investment requirement identification; capital planning and reporting; and energy monitoring."/>
    <s v=""/>
    <x v="1"/>
    <s v=""/>
    <x v="41"/>
    <s v="Realty"/>
    <s v="Real Property Services"/>
    <s v="PC-5"/>
    <s v="In Production"/>
    <s v="web"/>
    <x v="1"/>
    <x v="98"/>
  </r>
  <r>
    <x v="4"/>
    <x v="5"/>
    <x v="6012"/>
    <s v="PGC"/>
    <s v="This application is part of the Proactive Disclosure suite to provide information about Grants and Contributions greater than $25,000."/>
    <s v=""/>
    <x v="1"/>
    <s v=""/>
    <x v="41"/>
    <s v="CFO"/>
    <s v="Financial Management Services"/>
    <s v="PC-50"/>
    <s v="In Production"/>
    <s v="web"/>
    <x v="1"/>
    <x v="98"/>
  </r>
  <r>
    <x v="2"/>
    <x v="3"/>
    <x v="6013"/>
    <s v="PS"/>
    <m/>
    <s v="Oracle_Canada_ULC"/>
    <x v="99"/>
    <s v=""/>
    <x v="41"/>
    <s v="Human Resources"/>
    <s v="Human Resources Management Services"/>
    <s v="PC-59"/>
    <s v="In Production"/>
    <s v=""/>
    <x v="0"/>
    <x v="92"/>
  </r>
  <r>
    <x v="4"/>
    <x v="5"/>
    <x v="6014"/>
    <s v="BOS"/>
    <s v="The Biotics application is an off the shelf application created by NatureServe. Parks uses certain tables from the application for SIPS and BOS.Parks Canada hosts the Biotics application but does not maintain any of the code."/>
    <s v=""/>
    <x v="1"/>
    <s v=""/>
    <x v="41"/>
    <s v="Protected area Establishment &amp;Conservation Directorate"/>
    <s v="Other"/>
    <s v="PC-60"/>
    <s v="In Production"/>
    <s v=""/>
    <x v="1"/>
    <x v="92"/>
  </r>
  <r>
    <x v="2"/>
    <x v="32"/>
    <x v="6015"/>
    <s v="LHS"/>
    <s v="Information about the leases and licenses related Parks Canada lands."/>
    <s v=""/>
    <x v="1"/>
    <s v=""/>
    <x v="41"/>
    <s v="Realty"/>
    <s v="Real Property Services"/>
    <s v="PC-62"/>
    <s v="In Production"/>
    <s v="web"/>
    <x v="1"/>
    <x v="10"/>
  </r>
  <r>
    <x v="2"/>
    <x v="32"/>
    <x v="6016"/>
    <s v="FLMS"/>
    <s v="The bank contains information on freehold lands to which Parks Canada has title and those lands, which it has disposed. The bank contains the names of the grantor, grantee, legal description, number and date of registration in the provincial system, and information on transactions."/>
    <s v=""/>
    <x v="1"/>
    <s v=""/>
    <x v="41"/>
    <s v="Realty"/>
    <s v="Real Property Services"/>
    <s v="PC-63"/>
    <s v="In Production"/>
    <s v="web"/>
    <x v="1"/>
    <x v="10"/>
  </r>
  <r>
    <x v="2"/>
    <x v="32"/>
    <x v="6017"/>
    <s v="LRS"/>
    <s v="Inventory of documents located on shelves in the Land Registry."/>
    <s v=""/>
    <x v="1"/>
    <s v=""/>
    <x v="41"/>
    <s v="Realty"/>
    <s v="Real Property Services"/>
    <s v="PC-64"/>
    <s v="In Production"/>
    <s v="web"/>
    <x v="1"/>
    <x v="10"/>
  </r>
  <r>
    <x v="4"/>
    <x v="5"/>
    <x v="6018"/>
    <s v="AIS"/>
    <s v="This application was created to record detailed information about artifacts in Park Canada's posession including photographs, works of art and books."/>
    <s v=""/>
    <x v="1"/>
    <s v=""/>
    <x v="41"/>
    <s v="Heritage Conservation"/>
    <s v="Other"/>
    <s v="PC-65"/>
    <s v="In Production"/>
    <s v="web"/>
    <x v="1"/>
    <x v="92"/>
  </r>
  <r>
    <x v="4"/>
    <x v="5"/>
    <x v="6019"/>
    <s v="Rcond"/>
    <s v="Displays current road conditions in National Parks. Available by going to participating National Park website."/>
    <s v=""/>
    <x v="1"/>
    <s v=""/>
    <x v="41"/>
    <s v="Protected area Establishment &amp;Conservation Directorate"/>
    <s v="Other"/>
    <s v="PC-70"/>
    <s v="In Production"/>
    <s v=""/>
    <x v="1"/>
    <x v="98"/>
  </r>
  <r>
    <x v="4"/>
    <x v="5"/>
    <x v="6020"/>
    <s v="TCOND"/>
    <s v="Trail report conditions in National Parks. This information is available by going to any participating National Park."/>
    <s v=""/>
    <x v="1"/>
    <s v=""/>
    <x v="41"/>
    <s v="Protected area Establishment &amp;Conservation Directorate"/>
    <s v="Other"/>
    <s v="PC-71"/>
    <s v="In Production"/>
    <s v=""/>
    <x v="1"/>
    <x v="98"/>
  </r>
  <r>
    <x v="4"/>
    <x v="5"/>
    <x v="6021"/>
    <s v="FireReport"/>
    <s v="This is the administration module for providing information on fire conditions in National Parks through FCOND on the internet."/>
    <s v=""/>
    <x v="1"/>
    <s v=""/>
    <x v="41"/>
    <s v="Protected area Establishment &amp;Conservation Directorate"/>
    <s v="Other"/>
    <s v="PC-86"/>
    <s v="In Production"/>
    <s v="web"/>
    <x v="1"/>
    <x v="98"/>
  </r>
  <r>
    <x v="4"/>
    <x v="5"/>
    <x v="6022"/>
    <s v="RRS"/>
    <s v="This is the administration module for the Trail and Road Conditions Report System for the Parks Canada's internet Road Report System (RCOND) and Trail Report System (TCOND)."/>
    <s v=""/>
    <x v="1"/>
    <s v=""/>
    <x v="41"/>
    <s v="Protected area Establishment &amp;Conservation Directorate"/>
    <s v="Other"/>
    <s v="PC-92"/>
    <s v="In Production"/>
    <s v=""/>
    <x v="1"/>
    <x v="98"/>
  </r>
  <r>
    <x v="4"/>
    <x v="5"/>
    <x v="6023"/>
    <s v="SRS"/>
    <s v="The Safety Report System (SRS) allows users who have password access, to create and administer Important Bulletin (SCOND) information used mainly in the mountain parks."/>
    <s v=""/>
    <x v="1"/>
    <s v=""/>
    <x v="41"/>
    <s v="Protected area Establishment &amp;Conservation Directorate"/>
    <s v="Other"/>
    <s v="PC-99"/>
    <s v="In Production"/>
    <s v=""/>
    <x v="1"/>
    <x v="98"/>
  </r>
  <r>
    <x v="1"/>
    <x v="1"/>
    <x v="6024"/>
    <s v="ACRT"/>
    <s v="Account Create Program used by Network Services to create domain and email accounts."/>
    <s v=""/>
    <x v="1"/>
    <s v=""/>
    <x v="42"/>
    <s v=""/>
    <s v="Information Technology Services"/>
    <s v="APP-01518"/>
    <s v="In Production"/>
    <s v="desktop"/>
    <x v="1"/>
    <x v="2292"/>
  </r>
  <r>
    <x v="0"/>
    <x v="16"/>
    <x v="5427"/>
    <s v="ACSPRO"/>
    <m/>
    <s v="Other"/>
    <x v="1"/>
    <s v="CSDC Access Pro"/>
    <x v="42"/>
    <s v="Internal Services"/>
    <s v="Information Management Services"/>
    <s v="PCO-ACSPRO"/>
    <s v="In Production"/>
    <s v="rich"/>
    <x v="0"/>
    <x v="2293"/>
  </r>
  <r>
    <x v="2"/>
    <x v="3"/>
    <x v="6025"/>
    <s v="ADTMS"/>
    <m/>
    <s v=""/>
    <x v="1"/>
    <s v=""/>
    <x v="42"/>
    <s v="Public service leadership and direction"/>
    <s v=""/>
    <s v="PCO-ADTMS"/>
    <s v="In Production"/>
    <s v="web"/>
    <x v="1"/>
    <x v="2294"/>
  </r>
  <r>
    <x v="2"/>
    <x v="32"/>
    <x v="5328"/>
    <s v="ArchiBUS"/>
    <m/>
    <s v="Archibus"/>
    <x v="1"/>
    <s v=""/>
    <x v="42"/>
    <s v="Internal Services"/>
    <s v=""/>
    <s v="PCO-ARCHIBUS"/>
    <s v="In Production"/>
    <s v="rich"/>
    <x v="0"/>
    <x v="2295"/>
  </r>
  <r>
    <x v="2"/>
    <x v="32"/>
    <x v="2406"/>
    <s v="AUTOCAD"/>
    <m/>
    <s v=""/>
    <x v="105"/>
    <s v=""/>
    <x v="42"/>
    <s v=""/>
    <s v="Materiel Services,Real Property Services"/>
    <s v="APP-01546"/>
    <s v="In Production"/>
    <s v="desktop"/>
    <x v="0"/>
    <x v="2296"/>
  </r>
  <r>
    <x v="0"/>
    <x v="8"/>
    <x v="6026"/>
    <s v="AVTS"/>
    <s v="The Audio Video Tape System (AVTS) is a menu-driven system of automated procedures to facilitate the collection, recording and retrieval of information related to Audio and Video Tapes."/>
    <s v=""/>
    <x v="1"/>
    <s v=""/>
    <x v="42"/>
    <s v="Internal Services"/>
    <s v="Information Management Services"/>
    <s v="PCO-AVTS"/>
    <s v="In Production"/>
    <s v="web"/>
    <x v="1"/>
    <x v="2297"/>
  </r>
  <r>
    <x v="0"/>
    <x v="8"/>
    <x v="6027"/>
    <s v="Blueprint2020"/>
    <s v="renamed to Destination2020 Wiki_x000a_http://dest2020.mediawiki.b.net/index.php?title=Main_Page"/>
    <s v=""/>
    <x v="1"/>
    <s v="MdaWiki"/>
    <x v="42"/>
    <s v=""/>
    <s v="Information Management Services,Information Technology Services"/>
    <s v="APP-01568"/>
    <s v="In Production"/>
    <s v="web"/>
    <x v="0"/>
    <x v="2298"/>
  </r>
  <r>
    <x v="2"/>
    <x v="20"/>
    <x v="6028"/>
    <s v="CABCON"/>
    <s v="The Legislation and House Planning/Counsel secretariat at PCO reviews ATIP requests (government-wide) that may contain cabinet confidences.  This tracking system provides a reporting tracking tool.  They process approximately 600 requests per year, with 100 or so active files.  The purpose of the CabCon application is to track these files, provide status, and volumetric reports."/>
    <s v=""/>
    <x v="1"/>
    <s v=""/>
    <x v="42"/>
    <s v="Cabinet and Cabinet Committee advice and support"/>
    <s v="Management and Oversight Services"/>
    <s v="PCO-CABCON"/>
    <s v="In Production"/>
    <s v="desktop"/>
    <x v="1"/>
    <x v="2299"/>
  </r>
  <r>
    <x v="2"/>
    <x v="20"/>
    <x v="6029"/>
    <s v="CAB39"/>
    <s v="Cabcon39 is a MS-Access application to track Section 39 Reviews and Searches for document production.  It is used by the Cabinet Confidences section."/>
    <s v=""/>
    <x v="1"/>
    <s v=""/>
    <x v="42"/>
    <s v="Cabinet and Cabinet Committee advice and support"/>
    <s v="Management and Oversight Services"/>
    <s v="PCO-CAB39"/>
    <s v="In Production"/>
    <s v="desktop"/>
    <x v="1"/>
    <x v="2300"/>
  </r>
  <r>
    <x v="0"/>
    <x v="43"/>
    <x v="6030"/>
    <s v="CANMIN"/>
    <s v="Guide to Canadian Ministries since Confederation. Internal data management web application"/>
    <s v=""/>
    <x v="1"/>
    <s v=""/>
    <x v="42"/>
    <s v="Internal Services"/>
    <s v="Information Management Services"/>
    <s v="PCO-CANMIN"/>
    <s v="In Production"/>
    <s v="web"/>
    <x v="1"/>
    <x v="2301"/>
  </r>
  <r>
    <x v="0"/>
    <x v="8"/>
    <x v="6031"/>
    <s v="CanMinWeb"/>
    <s v="Guide to Canadian Ministries since Confederation. External web site part of the PCO internet website"/>
    <s v=""/>
    <x v="1"/>
    <s v=""/>
    <x v="42"/>
    <s v=""/>
    <s v="Information Management Services,Information Technology Services"/>
    <s v="APP-01386"/>
    <s v="In Production"/>
    <s v="web"/>
    <x v="1"/>
    <x v="2302"/>
  </r>
  <r>
    <x v="6"/>
    <x v="33"/>
    <x v="6032"/>
    <s v="CCMS"/>
    <m/>
    <s v=""/>
    <x v="1"/>
    <s v=""/>
    <x v="42"/>
    <s v="Prime Minister and portfolio minister support and advice"/>
    <s v="Information Management Services"/>
    <s v="PCO-CCCMS"/>
    <s v="In Production"/>
    <s v="web"/>
    <x v="1"/>
    <x v="2303"/>
  </r>
  <r>
    <x v="0"/>
    <x v="13"/>
    <x v="6033"/>
    <s v="CIMSPLUS"/>
    <m/>
    <s v=""/>
    <x v="1"/>
    <s v=""/>
    <x v="42"/>
    <s v="Internal Services"/>
    <s v="Information Management Services"/>
    <s v="PCO-CIMSPLUS"/>
    <s v="In Production"/>
    <s v="rich"/>
    <x v="1"/>
    <x v="2304"/>
  </r>
  <r>
    <x v="0"/>
    <x v="42"/>
    <x v="6034"/>
    <s v="CORE"/>
    <m/>
    <s v=""/>
    <x v="1"/>
    <s v=""/>
    <x v="42"/>
    <s v=""/>
    <s v="Information Technology Services"/>
    <s v="APP-01178"/>
    <s v="In Production"/>
    <s v="web"/>
    <x v="1"/>
    <x v="2305"/>
  </r>
  <r>
    <x v="0"/>
    <x v="43"/>
    <x v="6035"/>
    <s v="DISCL-CS"/>
    <s v="Disclosure - Contracts &gt; $10,000"/>
    <s v=""/>
    <x v="1"/>
    <s v=""/>
    <x v="42"/>
    <s v="Internal Services"/>
    <s v="Communications Services"/>
    <s v="PCO-DISCL-CS"/>
    <s v="In Production"/>
    <s v=""/>
    <x v="1"/>
    <x v="2306"/>
  </r>
  <r>
    <x v="0"/>
    <x v="43"/>
    <x v="6036"/>
    <s v="DISCL-CS-Staging"/>
    <m/>
    <s v=""/>
    <x v="1"/>
    <s v=""/>
    <x v="42"/>
    <s v=""/>
    <s v="Communications Services"/>
    <s v="APP-01575"/>
    <s v="In Production"/>
    <s v="web"/>
    <x v="1"/>
    <x v="2306"/>
  </r>
  <r>
    <x v="0"/>
    <x v="43"/>
    <x v="6037"/>
    <s v="DISCL-GC"/>
    <s v="Disclosure - Grants and Contributions"/>
    <s v=""/>
    <x v="1"/>
    <s v=""/>
    <x v="42"/>
    <s v=""/>
    <s v="Communications Services"/>
    <s v="APP-01389"/>
    <s v="In Production"/>
    <s v="web"/>
    <x v="1"/>
    <x v="2306"/>
  </r>
  <r>
    <x v="0"/>
    <x v="43"/>
    <x v="6038"/>
    <s v="DISCL-TH"/>
    <s v="Disclosure - Travel and Hospitality"/>
    <s v=""/>
    <x v="1"/>
    <s v=""/>
    <x v="42"/>
    <s v=""/>
    <s v="Communications Services"/>
    <s v="APP-01392"/>
    <s v="In Production"/>
    <s v="web"/>
    <x v="1"/>
    <x v="2306"/>
  </r>
  <r>
    <x v="0"/>
    <x v="43"/>
    <x v="6039"/>
    <s v="DISCL-TH-Staging"/>
    <s v="Disclosure - Travel and Hospitality - Staging"/>
    <s v=""/>
    <x v="1"/>
    <s v=""/>
    <x v="42"/>
    <s v=""/>
    <s v="Communications Services"/>
    <s v="APP-01577"/>
    <s v="In Production"/>
    <s v="web"/>
    <x v="1"/>
    <x v="2306"/>
  </r>
  <r>
    <x v="0"/>
    <x v="43"/>
    <x v="6040"/>
    <s v="DMPortal"/>
    <s v="Portal for sharing information among deputy ministers"/>
    <s v=""/>
    <x v="1"/>
    <s v=""/>
    <x v="42"/>
    <s v=""/>
    <s v="Information Management Services,Information Technology Services"/>
    <s v="APP-01530"/>
    <s v="In Production"/>
    <s v="web"/>
    <x v="1"/>
    <x v="2306"/>
  </r>
  <r>
    <x v="0"/>
    <x v="13"/>
    <x v="6041"/>
    <s v="DOCUMENTUM"/>
    <m/>
    <s v="Other"/>
    <x v="1"/>
    <s v="ForeMost Documentum"/>
    <x v="42"/>
    <s v="Internal Services"/>
    <s v="Information Management Services"/>
    <s v="PCO-FOREMOST"/>
    <s v="In Production"/>
    <s v="rich"/>
    <x v="0"/>
    <x v="2307"/>
  </r>
  <r>
    <x v="0"/>
    <x v="43"/>
    <x v="2143"/>
    <s v="DRUPAL"/>
    <m/>
    <s v=""/>
    <x v="1"/>
    <s v=""/>
    <x v="42"/>
    <s v=""/>
    <s v=""/>
    <s v="APP-01206"/>
    <s v="In Production"/>
    <s v="web"/>
    <x v="1"/>
    <x v="2308"/>
  </r>
  <r>
    <x v="0"/>
    <x v="7"/>
    <x v="6042"/>
    <s v="InfoXpress"/>
    <m/>
    <s v="Other"/>
    <x v="1"/>
    <s v="OpenText Edocs and Documentum"/>
    <x v="42"/>
    <s v="Internal Services"/>
    <s v="Information Management Services"/>
    <s v="PCO-ERDM"/>
    <s v="In Production"/>
    <s v="rich"/>
    <x v="0"/>
    <x v="2309"/>
  </r>
  <r>
    <x v="10"/>
    <x v="69"/>
    <x v="6043"/>
    <s v="ESB"/>
    <m/>
    <s v="MuleSoft"/>
    <x v="14"/>
    <s v="Community Edition"/>
    <x v="42"/>
    <s v=""/>
    <s v="Information Technology Services"/>
    <s v="APP-02835"/>
    <s v="In Production"/>
    <s v="web"/>
    <x v="0"/>
    <x v="2310"/>
  </r>
  <r>
    <x v="9"/>
    <x v="5"/>
    <x v="6044"/>
    <s v="GENETEC"/>
    <s v="Video Surveillance System for PCO - 70+ camera's - 24 / 7 coverage - 30 day retention of video archive data - automatic failover to backup servers"/>
    <s v="Other"/>
    <x v="1"/>
    <s v="Genetec Omnicast"/>
    <x v="42"/>
    <s v="Internal Services"/>
    <s v="Information Technology Services"/>
    <s v="PCO-GENETEC"/>
    <s v="In Production"/>
    <s v="desktop"/>
    <x v="0"/>
    <x v="2311"/>
  </r>
  <r>
    <x v="2"/>
    <x v="20"/>
    <x v="6045"/>
    <s v="GREET"/>
    <s v="Used by the Correspondence Division of the Prime Minister's Office to receive requests (letter, telex, memorandum, telephone message, email, internet, and verbal) to send birthday and wedding anniversary greetings to individuals.  Most requests are from Ministers and Members of Parliament.  The remainder of requests are received from mail and/or telephone calls. In response to these requests, a congratulatory message is sent as a letter or certificate."/>
    <s v=""/>
    <x v="1"/>
    <s v=""/>
    <x v="42"/>
    <s v="Prime Minister and portfolio minister support and advice"/>
    <s v="Communications Services"/>
    <s v="PCO-GREET"/>
    <s v="In Production"/>
    <s v="desktop"/>
    <x v="1"/>
    <x v="2312"/>
  </r>
  <r>
    <x v="3"/>
    <x v="17"/>
    <x v="6046"/>
    <s v="Haver"/>
    <s v="Haver Analytics updates and manages historical time series data for macro strategy and research. The data offering ranges from daily market data to annual economic statistics."/>
    <s v="Haver DLX"/>
    <x v="14"/>
    <s v="Haver Analytics"/>
    <x v="42"/>
    <s v=""/>
    <s v="Information Management Services"/>
    <s v="APP-01427"/>
    <s v="In Production"/>
    <s v="desktop"/>
    <x v="0"/>
    <x v="146"/>
  </r>
  <r>
    <x v="2"/>
    <x v="20"/>
    <x v="6047"/>
    <s v="HDTS"/>
    <s v="The Hand Pick-up and Delivery Tracking System (HDTS) is an automated menu-driven system developed for the Mail, Messenger and Conference Services Secretariat.  The system permits the recording and retrieval of information related to envelopes/orders that are to be picked up from a specific location and delivered to another location."/>
    <s v=""/>
    <x v="1"/>
    <s v=""/>
    <x v="42"/>
    <s v="Internal Services"/>
    <s v="Materiel Services"/>
    <s v="PCO-HDTS"/>
    <s v="In Production"/>
    <s v="web"/>
    <x v="1"/>
    <x v="2313"/>
  </r>
  <r>
    <x v="0"/>
    <x v="43"/>
    <x v="6048"/>
    <s v="ICI"/>
    <s v=""/>
    <s v="TBS - Canadian Digital Service"/>
    <x v="14"/>
    <s v=""/>
    <x v="42"/>
    <s v="Impact Canada"/>
    <s v="Information Management Services,Information Technology Services"/>
    <s v="APP-04150"/>
    <s v="In Production"/>
    <s v="cloud"/>
    <x v="0"/>
    <x v="542"/>
  </r>
  <r>
    <x v="4"/>
    <x v="5"/>
    <x v="6049"/>
    <s v="ITSDProcedures"/>
    <s v="ITSD Procedures by Section"/>
    <s v=""/>
    <x v="1"/>
    <s v=""/>
    <x v="42"/>
    <s v=""/>
    <s v=""/>
    <s v="APP-01571"/>
    <s v="In Production"/>
    <s v=""/>
    <x v="0"/>
    <x v="99"/>
  </r>
  <r>
    <x v="0"/>
    <x v="8"/>
    <x v="57"/>
    <s v="ListServ"/>
    <s v="This is an electronic mailing list software application, allowing a sender to send one email to the list server, and then transparently sending it on to the addresses of the subscribers to the list."/>
    <s v=""/>
    <x v="14"/>
    <s v="ListServ"/>
    <x v="42"/>
    <s v="Internal Services"/>
    <s v="Communications Services"/>
    <s v="APP-01667"/>
    <s v="In Production"/>
    <s v="web"/>
    <x v="0"/>
    <x v="2314"/>
  </r>
  <r>
    <x v="0"/>
    <x v="43"/>
    <x v="6050"/>
    <s v="MdaWiki"/>
    <s v="The purpose of the PCO wiki is to offer a simple, efficient, web-based tool that can be used to encourage and facilitate collaboration on the development of documents. Feedback and changes can be viewed chronologically and changes can be easily tracked; updating documents using a wiki can be less cumbersome than using the track changes option in MS Word. The wiki is not to be used as an official document repository. _x000a__x000a_URLs: mediawiki.b.net, mediawiki.domain.cabnet"/>
    <s v=""/>
    <x v="14"/>
    <s v="MediaWiki"/>
    <x v="42"/>
    <s v=""/>
    <s v="Information Management Services"/>
    <s v="APP-01434"/>
    <s v="In Production"/>
    <s v=""/>
    <x v="0"/>
    <x v="145"/>
  </r>
  <r>
    <x v="0"/>
    <x v="42"/>
    <x v="6051"/>
    <s v="MEDPRTL"/>
    <s v="An internal website that enables users to view and search for newspaper stories, newswires stories, and Media Centre reports.  The Administrative site of the application allow Media Centre analysts to create reports and analysis."/>
    <s v=""/>
    <x v="1"/>
    <s v=""/>
    <x v="42"/>
    <s v=""/>
    <s v="Communications Services,Information Management Services,Information Technology Services"/>
    <s v="APP-01148"/>
    <s v="In Production"/>
    <s v="web"/>
    <x v="1"/>
    <x v="2315"/>
  </r>
  <r>
    <x v="2"/>
    <x v="10"/>
    <x v="6052"/>
    <s v="MMS"/>
    <s v="Material Management System used for tracking service requests to move equipment."/>
    <s v=""/>
    <x v="1"/>
    <s v=""/>
    <x v="42"/>
    <s v="Internal Services"/>
    <s v="Acquisition Services"/>
    <s v="PCO-MMS"/>
    <s v="In Production"/>
    <s v=""/>
    <x v="1"/>
    <x v="2316"/>
  </r>
  <r>
    <x v="0"/>
    <x v="43"/>
    <x v="6053"/>
    <s v="MoG"/>
    <m/>
    <s v=""/>
    <x v="14"/>
    <s v="MediaWiki"/>
    <x v="42"/>
    <s v=""/>
    <s v="Information Management Services"/>
    <s v="APP-01438"/>
    <s v="In Production"/>
    <s v="web"/>
    <x v="0"/>
    <x v="2317"/>
  </r>
  <r>
    <x v="9"/>
    <x v="50"/>
    <x v="6054"/>
    <s v="MXIAcc"/>
    <m/>
    <s v="Imation"/>
    <x v="14"/>
    <s v="Imation"/>
    <x v="42"/>
    <s v=""/>
    <s v=""/>
    <s v="APP-01544"/>
    <s v="In Production"/>
    <s v="rich"/>
    <x v="0"/>
    <x v="86"/>
  </r>
  <r>
    <x v="2"/>
    <x v="20"/>
    <x v="6055"/>
    <s v="OAG"/>
    <s v="Tracking system for the Auditor General Cabinet Confidences requests."/>
    <s v=""/>
    <x v="1"/>
    <s v=""/>
    <x v="42"/>
    <s v="Internal Services"/>
    <s v="Management and Oversight Services"/>
    <s v="PCO-OAG"/>
    <s v="In Production"/>
    <s v="rich"/>
    <x v="1"/>
    <x v="2316"/>
  </r>
  <r>
    <x v="3"/>
    <x v="46"/>
    <x v="6056"/>
    <s v="OICExport"/>
    <s v="The Orders In Council Indexing System (ORDICS) is a menu-driven system of automated procedures to facilitate collecting, recording and retrieving information related to Orders In Council and Treasury Board entries. This is a scheduled job to transfer published oics as an mdb access file in order for the OICImport tool to publish oics to the external oic public website"/>
    <s v=""/>
    <x v="1"/>
    <s v=""/>
    <x v="42"/>
    <s v="Order in Council"/>
    <s v="Other"/>
    <s v="APP-01158"/>
    <s v="In Production"/>
    <s v="web"/>
    <x v="1"/>
    <x v="2318"/>
  </r>
  <r>
    <x v="3"/>
    <x v="46"/>
    <x v="6057"/>
    <s v="OICIMPORT"/>
    <s v="The Orders In Council Indexing System (ORDICS) is a menu-driven system of automated procedures to facilitate collecting, recording and retrieving information related to Orders In Council and Treasury Board entries. This application extracts information from an access mdb file and uploads data to the public oic website on dmz"/>
    <s v=""/>
    <x v="1"/>
    <s v=""/>
    <x v="42"/>
    <s v=""/>
    <s v="Information Management Services"/>
    <s v="APP-01534"/>
    <s v="In Production"/>
    <s v="web"/>
    <x v="1"/>
    <x v="2319"/>
  </r>
  <r>
    <x v="0"/>
    <x v="7"/>
    <x v="6058"/>
    <s v="OICINTERNET"/>
    <s v="The Orders In Council Indexing System (ORDICS) is a menu-driven system of automated procedures to facilitate collecting, recording and retrieving information related to Orders In Council and Treasury Board entries. This is the website component for the public to view approved OiCs."/>
    <s v=""/>
    <x v="1"/>
    <s v=""/>
    <x v="42"/>
    <s v="Orders in Council"/>
    <s v="Other"/>
    <s v="APP-01154"/>
    <s v="In Production"/>
    <s v="web"/>
    <x v="1"/>
    <x v="145"/>
  </r>
  <r>
    <x v="1"/>
    <x v="12"/>
    <x v="6059"/>
    <s v="OTRS"/>
    <m/>
    <s v="Other"/>
    <x v="1"/>
    <s v="Open Technology Real Service - Help desk"/>
    <x v="42"/>
    <s v="Internal Services"/>
    <s v="Information Technology Services"/>
    <s v="PCO-OTRS"/>
    <s v="In Production"/>
    <s v="web"/>
    <x v="0"/>
    <x v="2320"/>
  </r>
  <r>
    <x v="2"/>
    <x v="20"/>
    <x v="6060"/>
    <s v="PARCA"/>
    <s v="An automated menu-driven system that helps the Leader of the Government in the House to track questions and petitions. It also updates the external site (https://parca.pco-bcp.gc.ca) for external users"/>
    <s v=""/>
    <x v="1"/>
    <s v=""/>
    <x v="42"/>
    <s v="Cabinet and Cabinet Committee advice and support"/>
    <s v="Management and Oversight Services"/>
    <s v="PCO-PARCA"/>
    <s v="In Production"/>
    <s v="web"/>
    <x v="1"/>
    <x v="2321"/>
  </r>
  <r>
    <x v="0"/>
    <x v="8"/>
    <x v="6061"/>
    <s v="PARCA Extranet"/>
    <s v="An automated menu-driven system that helps the Leader of the Government in the House to track questions and petitions at extranet site (https://parca.pco-bcp.gc.ca) for other government depts (external users to PCO)"/>
    <s v=""/>
    <x v="1"/>
    <s v=""/>
    <x v="42"/>
    <s v="Cabinet and Cabinet Committee advice and support"/>
    <s v="Management and Oversight Services"/>
    <s v="APP-01135"/>
    <s v="In Production"/>
    <s v="web"/>
    <x v="1"/>
    <x v="2322"/>
  </r>
  <r>
    <x v="9"/>
    <x v="5"/>
    <x v="6062"/>
    <s v="PCOACCTL"/>
    <s v="PCO Access Control software is installed at all guard workstations. A database of all PCO employees, PMO employees, and VIPs. Photos are retrieved from the DataCard application."/>
    <s v=""/>
    <x v="1"/>
    <s v=""/>
    <x v="42"/>
    <s v="Internal Services"/>
    <s v="Materiel Services"/>
    <s v="PCO-PCOACCTL"/>
    <s v="In Production"/>
    <s v="rich"/>
    <x v="1"/>
    <x v="2302"/>
  </r>
  <r>
    <x v="0"/>
    <x v="8"/>
    <x v="6063"/>
    <s v="PCOINTRA"/>
    <s v="PCO Intranet web site contains information on the departments working at PCO and links to other sites of the PCO Intranet and government Internet web sites.  The home page is the default that every user looks at when they open their browser."/>
    <s v=""/>
    <x v="1"/>
    <s v=""/>
    <x v="42"/>
    <s v=""/>
    <s v="Information Management Services"/>
    <s v="APP-01190"/>
    <s v="In Production"/>
    <s v="web"/>
    <x v="1"/>
    <x v="2323"/>
  </r>
  <r>
    <x v="0"/>
    <x v="8"/>
    <x v="6064"/>
    <s v="PCOPUBLI"/>
    <s v="Privy Council Office Publiservice web site contains information on Privy Council office.  This information is accessible from every government department that subscribes to Publiserver."/>
    <s v=""/>
    <x v="1"/>
    <s v=""/>
    <x v="42"/>
    <s v=""/>
    <s v="Information Management Services"/>
    <s v="APP-01418"/>
    <s v="In Production"/>
    <s v="web"/>
    <x v="1"/>
    <x v="2324"/>
  </r>
  <r>
    <x v="6"/>
    <x v="21"/>
    <x v="6065"/>
    <s v="PMMAIL"/>
    <m/>
    <s v=""/>
    <x v="1"/>
    <s v=""/>
    <x v="42"/>
    <s v="Prime Minister and portfolio minister support and advice"/>
    <s v="Communications Services"/>
    <s v="PCO-PMsEMail"/>
    <s v="In Production"/>
    <s v="rich"/>
    <x v="1"/>
    <x v="2325"/>
  </r>
  <r>
    <x v="0"/>
    <x v="43"/>
    <x v="6066"/>
    <s v="PMWEB"/>
    <s v="Prime Minister's Web Site contains information about the Prime Minister: Biography, Upcoming Events, Speeches, Press Release, Fact Sheet and other information.  This information is accessible by any Internet user."/>
    <s v=""/>
    <x v="1"/>
    <s v=""/>
    <x v="42"/>
    <s v=""/>
    <s v=""/>
    <s v="APP-01299"/>
    <s v="In Production"/>
    <s v="web"/>
    <x v="1"/>
    <x v="2326"/>
  </r>
  <r>
    <x v="0"/>
    <x v="16"/>
    <x v="6067"/>
    <s v="RINGTAIL"/>
    <m/>
    <s v="Other"/>
    <x v="1"/>
    <s v="FTI Ringtail Technology, Ringtail"/>
    <x v="42"/>
    <s v="Commissions of inquiry"/>
    <s v="Legal Services"/>
    <s v="PCO-RINGTAIL"/>
    <s v="In Production"/>
    <s v="web"/>
    <x v="0"/>
    <x v="2327"/>
  </r>
  <r>
    <x v="2"/>
    <x v="3"/>
    <x v="6068"/>
    <s v="SASS"/>
    <m/>
    <s v=""/>
    <x v="1"/>
    <s v=""/>
    <x v="42"/>
    <s v=""/>
    <s v=""/>
    <s v="APP-03703"/>
    <s v="In Production"/>
    <s v="web"/>
    <x v="1"/>
    <x v="2328"/>
  </r>
  <r>
    <x v="0"/>
    <x v="8"/>
    <x v="226"/>
    <s v="SharePoint"/>
    <m/>
    <s v=""/>
    <x v="15"/>
    <s v=""/>
    <x v="42"/>
    <s v=""/>
    <s v=""/>
    <s v="APP-04269"/>
    <s v="In Production"/>
    <s v="web"/>
    <x v="0"/>
    <x v="2329"/>
  </r>
  <r>
    <x v="2"/>
    <x v="2"/>
    <x v="6069"/>
    <s v="SIGN"/>
    <s v="Converts forms into an electronic format for easier distribution and reduces paper consumption. The specimen form describes the policy and procedures for delegating financial signing authorities."/>
    <s v=""/>
    <x v="1"/>
    <s v=""/>
    <x v="42"/>
    <s v="Internal Services"/>
    <s v="Financial Management Services"/>
    <s v="PCO-SIGN"/>
    <s v="In Production"/>
    <s v="web"/>
    <x v="1"/>
    <x v="2330"/>
  </r>
  <r>
    <x v="6"/>
    <x v="67"/>
    <x v="6070"/>
    <s v="SNAPSTRM"/>
    <s v="Recording Live television to Network for analysis, Requires SSL encryption"/>
    <s v="Other"/>
    <x v="1"/>
    <s v="SnapStream, TV Search"/>
    <x v="42"/>
    <s v="Internal Services"/>
    <s v="Communications Services"/>
    <s v="PCO-SNAPSTRM"/>
    <s v="In Production"/>
    <s v="appliance"/>
    <x v="0"/>
    <x v="2331"/>
  </r>
  <r>
    <x v="0"/>
    <x v="8"/>
    <x v="6071"/>
    <s v="SPAW"/>
    <s v="Application is hosted by third party; Postings of available positions for GiC appointments"/>
    <s v="CGI"/>
    <x v="14"/>
    <s v="Njoyn"/>
    <x v="42"/>
    <s v=""/>
    <s v="Information Management Services"/>
    <s v="APP-01512"/>
    <s v="In Production"/>
    <s v="cloud"/>
    <x v="0"/>
    <x v="2332"/>
  </r>
  <r>
    <x v="0"/>
    <x v="8"/>
    <x v="6072"/>
    <s v="SPTN"/>
    <m/>
    <s v=""/>
    <x v="1"/>
    <s v=""/>
    <x v="42"/>
    <s v="Internal Services"/>
    <s v="Human Resources Management Services"/>
    <s v="APP-01670"/>
    <s v="In Production"/>
    <s v="desktop"/>
    <x v="1"/>
    <x v="2333"/>
  </r>
  <r>
    <x v="6"/>
    <x v="61"/>
    <x v="6073"/>
    <s v="SWB"/>
    <s v="The P. M. Switchboard System (PMSWB) is a menu-driven system of automated procedures that collects, records and disseminates telephone directory-related information."/>
    <s v=""/>
    <x v="1"/>
    <s v=""/>
    <x v="42"/>
    <s v="Internal Services"/>
    <s v="Communications Services"/>
    <s v="PCO-SWB"/>
    <s v="In Production"/>
    <s v="web"/>
    <x v="1"/>
    <x v="2334"/>
  </r>
  <r>
    <x v="4"/>
    <x v="5"/>
    <x v="6074"/>
    <s v="SydPlus"/>
    <s v="A COTS library automation system designed to track and control the library collection.   It was developed by International Library Systems, British Columbia,  Canada. This consists of a client server application and a web application (WebOpac/NetOpac). The Client server application is used by the library staff to manage the collection while the web app is available to all of PCO &amp; PMO amd used to query the collection."/>
    <s v="SydneyPlus"/>
    <x v="1"/>
    <s v="SydneyPlus"/>
    <x v="42"/>
    <s v=""/>
    <s v=""/>
    <s v="APP-01509"/>
    <s v="In Production"/>
    <s v="cloud"/>
    <x v="0"/>
    <x v="145"/>
  </r>
  <r>
    <x v="0"/>
    <x v="8"/>
    <x v="6075"/>
    <s v="TCIS"/>
    <s v="The Taxi Chit Information System (TCIS) provides the finance department with an automated tool for tracking the allotment of taxi chits provided to individual and organizations within PCO. It also provides a means to allow them to reconcile the invoices against the returned chit books.  It includes separate archival and reporting sub-systems."/>
    <s v=""/>
    <x v="1"/>
    <s v=""/>
    <x v="42"/>
    <s v=""/>
    <s v="Information Management Services"/>
    <s v="APP-01394"/>
    <s v="In Production"/>
    <s v="desktop"/>
    <x v="1"/>
    <x v="2335"/>
  </r>
  <r>
    <x v="0"/>
    <x v="8"/>
    <x v="6076"/>
    <s v="TCIS - Archive"/>
    <s v="This is the archival application for TCIS"/>
    <s v=""/>
    <x v="1"/>
    <s v=""/>
    <x v="42"/>
    <s v=""/>
    <s v="Information Management Services"/>
    <s v="APP-01396"/>
    <s v="In Production"/>
    <s v="desktop"/>
    <x v="1"/>
    <x v="2335"/>
  </r>
  <r>
    <x v="0"/>
    <x v="8"/>
    <x v="6077"/>
    <s v="TCIS - Reports"/>
    <s v="This was developed by PCO.  It contains reports not found in the COTS TACSI system."/>
    <s v=""/>
    <x v="1"/>
    <s v=""/>
    <x v="42"/>
    <s v=""/>
    <s v="Information Management Services"/>
    <s v="APP-01398"/>
    <s v="In Production"/>
    <s v="desktop"/>
    <x v="1"/>
    <x v="2335"/>
  </r>
  <r>
    <x v="2"/>
    <x v="65"/>
    <x v="6078"/>
    <s v="T4"/>
    <m/>
    <s v=""/>
    <x v="1"/>
    <s v=""/>
    <x v="42"/>
    <s v="Internal Services"/>
    <s v=""/>
    <s v="PCO-T4APP"/>
    <s v="In Production"/>
    <s v="desktop"/>
    <x v="0"/>
    <x v="2336"/>
  </r>
  <r>
    <x v="0"/>
    <x v="43"/>
    <x v="6079"/>
    <s v="VSTS"/>
    <m/>
    <s v="Microsoft"/>
    <x v="1"/>
    <s v=""/>
    <x v="42"/>
    <s v=""/>
    <s v=""/>
    <s v="APP-01196"/>
    <s v="In Production"/>
    <s v="web"/>
    <x v="0"/>
    <x v="146"/>
  </r>
  <r>
    <x v="1"/>
    <x v="101"/>
    <x v="6079"/>
    <s v="VSTS"/>
    <m/>
    <s v=""/>
    <x v="1"/>
    <s v=""/>
    <x v="42"/>
    <s v=""/>
    <s v="Information Technology Services"/>
    <s v="APP-02840"/>
    <s v=""/>
    <s v="desktop"/>
    <x v="0"/>
    <x v="106"/>
  </r>
  <r>
    <x v="0"/>
    <x v="16"/>
    <x v="893"/>
    <s v="WEBCIMS"/>
    <m/>
    <s v="ANet_Solutions_Inc"/>
    <x v="27"/>
    <s v=""/>
    <x v="42"/>
    <s v="Internal Services"/>
    <s v="Information Management Services"/>
    <s v="PCO-WEBCIMS"/>
    <s v="In Production"/>
    <s v="rich"/>
    <x v="0"/>
    <x v="2337"/>
  </r>
  <r>
    <x v="0"/>
    <x v="43"/>
    <x v="6080"/>
    <s v="WrdPress"/>
    <s v="WordPress MU allows multiple blogs to be created and maintained at PCO. Blogs facilitate communications that allow for commenting by the community. WordPress MU also has a variety of plug-ins that encourage interactivity and engagement such as polls, event calendars and multimedia options."/>
    <s v=""/>
    <x v="14"/>
    <s v="MediaWiki"/>
    <x v="42"/>
    <s v=""/>
    <s v="Communications Services"/>
    <s v="APP-01442"/>
    <s v="In Production"/>
    <s v="web"/>
    <x v="0"/>
    <x v="2338"/>
  </r>
  <r>
    <x v="4"/>
    <x v="66"/>
    <x v="6081"/>
    <s v=""/>
    <s v="Database for partnership/stakeholder information (Mutual Aid Coordination Unit). &quot;Existing Database that is used within the CEPR team.   Database is currently empty and will be managed by our team, the Mutual Aid Coordination &amp; Stakeholder Engagement Unit.  AKA Partnership Database."/>
    <s v=""/>
    <x v="1"/>
    <s v=""/>
    <x v="43"/>
    <s v="PHAC - 1.3 Health Security"/>
    <s v="Information Management Services"/>
    <s v="PHAC-App2159"/>
    <s v="In Production"/>
    <s v="desktop"/>
    <x v="1"/>
    <x v="1497"/>
  </r>
  <r>
    <x v="4"/>
    <x v="66"/>
    <x v="6082"/>
    <s v=""/>
    <s v="&quot;Used to locate gene sequence in a database of resistance gene sequences. Can be used without login, but accounts can be created to save searches. Login feature for curators to be able to manage the NG-STAR database (Add/edit alleles and NG-STAR types) as well for an Administrator who can manage users as well (Add/edit/delete/deactivate/activate users).&quot;"/>
    <s v=""/>
    <x v="1"/>
    <s v=""/>
    <x v="43"/>
    <s v="PHAC - 1.2.1 Infectious Disease Prevention and Control"/>
    <s v="Information Technology Services"/>
    <s v="PHAC-App2210"/>
    <s v="In Production"/>
    <s v="web"/>
    <x v="1"/>
    <x v="1497"/>
  </r>
  <r>
    <x v="4"/>
    <x v="66"/>
    <x v="6083"/>
    <s v=""/>
    <m/>
    <s v=""/>
    <x v="1"/>
    <s v=""/>
    <x v="43"/>
    <s v="PHAC - 1.2.1 Infectious Disease Prevention and Control"/>
    <s v="Information Technology Services"/>
    <s v="PHAC-App2212"/>
    <s v="In Production"/>
    <s v="web"/>
    <x v="1"/>
    <x v="1500"/>
  </r>
  <r>
    <x v="4"/>
    <x v="66"/>
    <x v="6084"/>
    <s v="GPHIN4"/>
    <s v="The GPHIN system is a secure, Internet-based &quot;early warning&quot; system that gathers preliminary reports of public health significance in nine languages on a real-time, 24/7 basis.  This unique, multilingual system gathers and disseminates relevant information on disease outbreaks and other public health events by monitoring global media sources such as news wires and web sites. The information is filtered for relevancy by an automated process, and then analyzed by GPHIN staff."/>
    <s v=""/>
    <x v="1"/>
    <s v=""/>
    <x v="43"/>
    <s v="PHAC - 1.3 Health Security"/>
    <s v="Information Management Services,Information Technology Services"/>
    <s v="APP-03342"/>
    <s v="In Production"/>
    <s v="web"/>
    <x v="1"/>
    <x v="2339"/>
  </r>
  <r>
    <x v="4"/>
    <x v="66"/>
    <x v="6085"/>
    <s v=""/>
    <s v="CIHI data relating to congenital anomalies is used for analysis and reporting using this database. No data is uploaded to the CIHI site: https://www.cihi.ca/en. This is also the new data base for ZIKA data."/>
    <s v=""/>
    <x v="1"/>
    <s v=""/>
    <x v="43"/>
    <s v="PHAC - 1.2 Health Promotion and Disease Prevention"/>
    <s v="Other"/>
    <s v="PHAC-App2373"/>
    <s v="In Production"/>
    <s v="desktop"/>
    <x v="1"/>
    <x v="1497"/>
  </r>
  <r>
    <x v="4"/>
    <x v="66"/>
    <x v="6086"/>
    <s v=""/>
    <s v="Lotus Notes database for tracking Question Period notes"/>
    <s v=""/>
    <x v="1"/>
    <s v=""/>
    <x v="43"/>
    <s v="PHAC - Internal Services"/>
    <s v="Information Management Services"/>
    <s v="PHAC-App3145"/>
    <s v="In Production"/>
    <s v="web"/>
    <x v="1"/>
    <x v="1497"/>
  </r>
  <r>
    <x v="4"/>
    <x v="66"/>
    <x v="6087"/>
    <s v="CBPP"/>
    <s v="The Canadian Best Practices Portal for Health Promotion and Chronic Disease Prevention has served as a comprehensive entry point for an array of resources in the area of best practices interventions, including existing community-based interventions inventory for easier and informed access of published and unpublished sources regarding: effective and emerging best practices approaches (models/theories), methods, research evidence and practical experience. The Portal will contain news, catalogue of best practice systematic review sites and interventions accessible via a search engine, a discussion board and links to other sites."/>
    <s v=""/>
    <x v="1"/>
    <s v=""/>
    <x v="43"/>
    <s v="PHAC - 1.1.2 Public Health Information and Networks"/>
    <s v="Other"/>
    <s v="PHAC-1277"/>
    <s v="In Production"/>
    <s v="web"/>
    <x v="1"/>
    <x v="1497"/>
  </r>
  <r>
    <x v="4"/>
    <x v="66"/>
    <x v="6088"/>
    <s v="CNPHI"/>
    <m/>
    <s v=""/>
    <x v="1"/>
    <s v=""/>
    <x v="43"/>
    <s v="PHAC - 1.1 Public Health Infrastructure"/>
    <s v="Other"/>
    <s v="PHAC-1290"/>
    <s v="In Production"/>
    <s v="web"/>
    <x v="1"/>
    <x v="2340"/>
  </r>
  <r>
    <x v="4"/>
    <x v="66"/>
    <x v="6089"/>
    <s v="CYP-C"/>
    <s v="The Cancer in Young People in Canada (CYP-C) program is a national, population-based surveillance system studying all children and youth with cancer in Canada. CYP-C collects information on children and youth with cancer including treatments, complications, and outcomes. For this population, CYP-C aims to help us to better understand risk factors, improve outcomes, enhance the quality and accessibility of care, and reduce late effects."/>
    <s v=""/>
    <x v="1"/>
    <s v=""/>
    <x v="43"/>
    <s v="PHAC - 1.2 Health Promotion and Disease Prevention"/>
    <s v="Other"/>
    <s v="PHAC-1304"/>
    <s v="In Production"/>
    <s v="web"/>
    <x v="1"/>
    <x v="1500"/>
  </r>
  <r>
    <x v="4"/>
    <x v="66"/>
    <x v="6090"/>
    <s v="CEPRDRD"/>
    <s v="The Centre for Emergency Preparedness and Response (CEPR) Drug Rotation Database is used to track inventory of NESS pharmaceutical assets in an effective and meaningful manner, which could affect NESS ability to respond during a health emergency.   This database is mission critical to the operational status of NESS."/>
    <s v=""/>
    <x v="1"/>
    <s v=""/>
    <x v="43"/>
    <s v="PHAC - 1.3 Health Security"/>
    <s v="Acquisition Services,Materiel Services"/>
    <s v="PHAC-1324"/>
    <s v="In Production"/>
    <s v="web"/>
    <x v="1"/>
    <x v="1497"/>
  </r>
  <r>
    <x v="4"/>
    <x v="66"/>
    <x v="6091"/>
    <s v=""/>
    <s v="The Public Health Infobase is comprised of three main sections: Data Tools, Indicator Frameworks and Data Lab. The Data Tools help users visualize public health data through simple drop-down menus. Users can access geographic comparisons, trends, age distributions, and disaggregated data layered by socioeconomic and sociodemographic variables. The Indicator Frameworks are pan-Canadian resources that provide measures of chronic diseases, mental health, risk and protective factors and associated determinants. Combined with the Data Tools platform, each measure within a Framework can be visualized. In the Data Lab you will find a new way of discovering public health data, you will get the inside scoop on upcoming publications, and you will find the story"/>
    <s v=""/>
    <x v="1"/>
    <s v=""/>
    <x v="43"/>
    <s v="PHAC - 1.2 Health Promotion and Disease Prevention"/>
    <s v="Other"/>
    <s v="PHAC-1355"/>
    <s v="In Production"/>
    <s v="web"/>
    <x v="1"/>
    <x v="1501"/>
  </r>
  <r>
    <x v="4"/>
    <x v="66"/>
    <x v="6092"/>
    <s v="ATIP FLOW"/>
    <m/>
    <s v=""/>
    <x v="1"/>
    <s v=""/>
    <x v="43"/>
    <s v="HC - Internal Services 1: Management and Oversight Services"/>
    <s v="Information Management Services,Information Technology Services"/>
    <s v="APP-02624"/>
    <s v="In Production"/>
    <s v="web"/>
    <x v="1"/>
    <x v="1498"/>
  </r>
  <r>
    <x v="4"/>
    <x v="66"/>
    <x v="6093"/>
    <s v="GCS"/>
    <s v="&quot;G&amp;C Solicitations What are the capabilities of this database? - captures pertinent information on all G&amp;C solicitations from the NCR and the regions; - tracks the status of all solicitations from the planning stage to the recommendation for funding; - generates reports on G&amp;C solicitations. The G&amp;C Solicitations database is also used on a regular basis by the funding programs and by the Centre for Gs&amp;Cs, OCFO- for tracking purposes/monthly status reports on G&amp;C solicitations/FAFs/projects. These reports are derived from data taken from the G&amp;C Solicitations Database; they provide an overview of monthly activities for Gs&amp;Cs and are useful for MO, Senior Management, etc.&quot;"/>
    <s v=""/>
    <x v="1"/>
    <s v=""/>
    <x v="43"/>
    <s v="PHAC - Internal Services"/>
    <s v="Information Management Services"/>
    <s v="PHAC-1633"/>
    <s v="In Production"/>
    <s v="web"/>
    <x v="1"/>
    <x v="1497"/>
  </r>
  <r>
    <x v="4"/>
    <x v="66"/>
    <x v="6094"/>
    <s v="ESMIR"/>
    <m/>
    <s v=""/>
    <x v="1"/>
    <s v=""/>
    <x v="43"/>
    <s v="PHAC - 1.3 Health Security"/>
    <s v="Materiel Services"/>
    <s v="PHAC-1642"/>
    <s v="In Production"/>
    <s v="web"/>
    <x v="1"/>
    <x v="1500"/>
  </r>
  <r>
    <x v="4"/>
    <x v="66"/>
    <x v="6095"/>
    <s v="LIMS"/>
    <m/>
    <s v=""/>
    <x v="1"/>
    <s v=""/>
    <x v="43"/>
    <s v="PHAC - 1.2.1 Infectious Disease Prevention and Control"/>
    <s v="Information Management Services,Information Technology Services"/>
    <s v="PHAC-2064"/>
    <s v="In Production"/>
    <s v="web"/>
    <x v="1"/>
    <x v="2340"/>
  </r>
  <r>
    <x v="4"/>
    <x v="66"/>
    <x v="6096"/>
    <s v="LMS"/>
    <s v="Learning management platform that provides a portal for online EPR courses.  Initially, portal to house external facing EPP courses, but will accommodate internal oriented courses in future.  URL: https://training-formation.phac-aspc.gc.ca/"/>
    <s v=""/>
    <x v="1"/>
    <s v=""/>
    <x v="43"/>
    <s v="PHAC - 1.3.3 Biosecurity"/>
    <s v="Other"/>
    <s v="PHAC-2080"/>
    <s v="In Production"/>
    <s v="web"/>
    <x v="1"/>
    <x v="1518"/>
  </r>
  <r>
    <x v="4"/>
    <x v="66"/>
    <x v="6097"/>
    <s v="PSARP"/>
    <s v="This application is used for tracking and approval of publications in PHAC.  Authors submit publications for DG approval before sharing with audiences outside PHAC.  The application complies with and supports the implementation of PHAC Policy for the Publication of Scientific and Research Findings."/>
    <s v=""/>
    <x v="1"/>
    <s v=""/>
    <x v="43"/>
    <s v="PHAC - Internal Services"/>
    <s v="Other"/>
    <s v="PHAC-2102"/>
    <s v="In Production"/>
    <s v="web"/>
    <x v="1"/>
    <x v="1497"/>
  </r>
  <r>
    <x v="4"/>
    <x v="66"/>
    <x v="6098"/>
    <s v="iMYFPS"/>
    <s v="The application is a tool to maintain and monitor data for the reference level (Budget) and Treasury Board Submission (TBS).  Note: This tool will eventually be replaced by PEP."/>
    <s v=""/>
    <x v="1"/>
    <s v=""/>
    <x v="43"/>
    <s v="PHAC - Internal Services"/>
    <s v="Financial Management Services"/>
    <s v="PHAC-2245"/>
    <s v="In Production"/>
    <s v="web"/>
    <x v="1"/>
    <x v="1509"/>
  </r>
  <r>
    <x v="4"/>
    <x v="66"/>
    <x v="6099"/>
    <s v="PCFOPR"/>
    <s v="It's a Lotus Notes database application that was launched in February 2009 as a communication tool designed to share knowledge of results-based management products and processes, and retain corporate memory in an open, transparent, and sustainable way. The primary target audiences are members of the PHAC and HC Branch Planning Directors and Leads (BPDLs), but it's read-accessible to others, provided that we have someone's e-mail address either individually or as part of a group distribution list.   As an aside, it was originally named, &quot;PHAC CFO Planning and Reporting Database&quot; because it was created when my division was part of the OCFO and the scope was limited to just planning and reporting products and processes."/>
    <s v=""/>
    <x v="1"/>
    <s v=""/>
    <x v="43"/>
    <s v="PHAC - Internal Services"/>
    <s v="Information Management Services"/>
    <s v="PHAC-2429"/>
    <s v="In Production"/>
    <s v="web"/>
    <x v="1"/>
    <x v="1497"/>
  </r>
  <r>
    <x v="4"/>
    <x v="66"/>
    <x v="6100"/>
    <s v="Internet"/>
    <s v="Public Health Agency web site - public facing"/>
    <s v=""/>
    <x v="1"/>
    <s v=""/>
    <x v="43"/>
    <s v="HC - Internal Services 2: Communications Services"/>
    <s v="Communications Services,Information Management Services,Information Technology Services"/>
    <s v="HC-2474"/>
    <s v="In Production"/>
    <s v="web"/>
    <x v="1"/>
    <x v="1514"/>
  </r>
  <r>
    <x v="4"/>
    <x v="66"/>
    <x v="6101"/>
    <s v="PPDG&amp;C"/>
    <s v="Gs&amp;Cs Proactive Disclosure - Teamworks The Proactive Disclosure Grants and Contributions database is used on a regular basis to comply with Government of Canada Regulations, as it provides us with the fiscal year breakdowns of the contributions for G&amp;C projects."/>
    <s v=""/>
    <x v="1"/>
    <s v=""/>
    <x v="43"/>
    <s v="PHAC - Internal Services"/>
    <s v="Information Management Services"/>
    <s v="PHAC-2508"/>
    <s v="In Production"/>
    <s v="web"/>
    <x v="1"/>
    <x v="1497"/>
  </r>
  <r>
    <x v="4"/>
    <x v="66"/>
    <x v="6102"/>
    <s v="PHITS"/>
    <m/>
    <s v=""/>
    <x v="1"/>
    <s v=""/>
    <x v="43"/>
    <s v="PHAC - 1.3.2 Border Health Security"/>
    <s v="Information Management Services"/>
    <s v="APP-02694"/>
    <s v="In Production"/>
    <s v="web"/>
    <x v="1"/>
    <x v="86"/>
  </r>
  <r>
    <x v="4"/>
    <x v="66"/>
    <x v="6103"/>
    <s v="THAD"/>
    <m/>
    <s v=""/>
    <x v="1"/>
    <s v=""/>
    <x v="43"/>
    <s v="PHAC - 1.3 Health Security"/>
    <s v="Information Management Services,Information Technology Services"/>
    <s v="APP-02432"/>
    <s v="In Production"/>
    <s v="web"/>
    <x v="1"/>
    <x v="2341"/>
  </r>
  <r>
    <x v="4"/>
    <x v="66"/>
    <x v="6104"/>
    <s v="THOSSS"/>
    <m/>
    <s v=""/>
    <x v="1"/>
    <s v=""/>
    <x v="43"/>
    <s v="PHAC - 1.3.2 Border Health Security"/>
    <s v="Information Technology Services,Other"/>
    <s v="APP-02688"/>
    <s v="In Production"/>
    <s v="web"/>
    <x v="1"/>
    <x v="86"/>
  </r>
  <r>
    <x v="4"/>
    <x v="66"/>
    <x v="6105"/>
    <s v="AERO"/>
    <m/>
    <s v=""/>
    <x v="1"/>
    <s v=""/>
    <x v="43"/>
    <s v="PHAC - 1.1 Public Health Infrastructure"/>
    <s v="Human Resources Management Services,Information Management Services"/>
    <s v="APP-02506"/>
    <s v="In Production"/>
    <s v="web"/>
    <x v="1"/>
    <x v="2342"/>
  </r>
  <r>
    <x v="4"/>
    <x v="66"/>
    <x v="6106"/>
    <s v="IRIDDS"/>
    <s v="FluWatch is Canada's national surveillance system that monitors the spread of flu and flu-like illnesses on an on-going basis."/>
    <s v=""/>
    <x v="1"/>
    <s v=""/>
    <x v="43"/>
    <s v="PHAC - 1.2 Health Promotion and Disease Prevention"/>
    <s v="Other"/>
    <s v="PHAC-3080"/>
    <s v="In Production"/>
    <s v="web"/>
    <x v="1"/>
    <x v="1522"/>
  </r>
  <r>
    <x v="4"/>
    <x v="66"/>
    <x v="6107"/>
    <s v="STI Mobile"/>
    <s v="A mobile application designed to make the STI guidelines portable and accessible on any mobile devices."/>
    <s v=""/>
    <x v="1"/>
    <s v=""/>
    <x v="43"/>
    <s v="PHAC - 1.2 Health Promotion and Disease Prevention"/>
    <s v="Information Management Services"/>
    <s v="PHAC-3083"/>
    <s v="In Production"/>
    <s v="mobile"/>
    <x v="1"/>
    <x v="1497"/>
  </r>
  <r>
    <x v="4"/>
    <x v="66"/>
    <x v="6108"/>
    <s v="ICS"/>
    <s v="The ICS initiative is a population-based invasive bacterial disease surveillance network of countries with circumpolar regions/territories (United States, Canada, Greenland (Denmark), Iceland, Finland, Norway, Sweden, and Russia). Data on invasive disease caused by the following five organisms are collected: Streptococcus pneumoniae; Haemophilus influenzae; Group A Streptococcus; Group B Streptococcus; Neisseria meningitidis. Within Canada, 5 regions (Northwest Territories, Yukon, Nunavut, and the northern regions of Québec and Labrador) and a network of laboratories, including two references laboratories, the Laboratoire de santé publique du Québec and the National Microbiology Laboratory, participate in ICS. Canada, through the PHAC, has been a part"/>
    <s v=""/>
    <x v="1"/>
    <s v=""/>
    <x v="43"/>
    <s v="PHAC - 1.2.1 Infectious Disease Prevention and Control"/>
    <s v="Information Management Services"/>
    <s v="APP-02355"/>
    <s v="In Production"/>
    <s v="web"/>
    <x v="1"/>
    <x v="2343"/>
  </r>
  <r>
    <x v="4"/>
    <x v="66"/>
    <x v="6109"/>
    <s v="HPTA"/>
    <s v="This project exists as a development effort to support consultations and the implementation of the Human Pathogens and Toxins Act specifically the development of a regulatory framework. The Human Pathogens and Toxins Act contains prohibitions and requirements relating to the full range of laboratory activities. The purpose of this Act is to establish a safety and security regime to protect the health and safety of the public against the risks posed by human pathogens and toxins."/>
    <s v=""/>
    <x v="1"/>
    <s v=""/>
    <x v="43"/>
    <s v="PHAC - 1.3.3 Biosecurity"/>
    <s v="Other"/>
    <s v="PHAC-3085"/>
    <s v="In Production"/>
    <s v="web"/>
    <x v="1"/>
    <x v="2344"/>
  </r>
  <r>
    <x v="4"/>
    <x v="66"/>
    <x v="6110"/>
    <s v="iSTOP v3"/>
    <m/>
    <s v=""/>
    <x v="1"/>
    <s v=""/>
    <x v="43"/>
    <s v="PHAC - 1.3 Health Security"/>
    <s v="Information Management Services"/>
    <s v="APP-02358"/>
    <s v="In Production"/>
    <s v="web"/>
    <x v="1"/>
    <x v="2345"/>
  </r>
  <r>
    <x v="4"/>
    <x v="66"/>
    <x v="6111"/>
    <s v="DAMA"/>
    <s v="DAMA is an on-line application process for PHAC employees and contractors to access the Agency's centralized data holdings managed by the Data Coordination and Access Program (DCAP). This includes all requests for access to data (i.e., new requests, updates and annual renewals) as well as requests for removing access."/>
    <s v=""/>
    <x v="1"/>
    <s v=""/>
    <x v="43"/>
    <s v="PHAC - 1.1 Public Health Infrastructure"/>
    <s v="Other"/>
    <s v="PHAC-3099"/>
    <s v="In Production"/>
    <s v="web"/>
    <x v="1"/>
    <x v="1512"/>
  </r>
  <r>
    <x v="4"/>
    <x v="66"/>
    <x v="6112"/>
    <s v="PST"/>
    <s v="To support more accurate data based operational planning and project management, ESD is instituting a web-based electronic time recording system. It allows managers and analysts to quickly record, summarize and report on hours spent per activity. It is us"/>
    <s v=""/>
    <x v="1"/>
    <s v=""/>
    <x v="43"/>
    <s v="PHAC - Internal Services"/>
    <s v="Information Management Services"/>
    <s v="PHAC-3103"/>
    <s v="In Production"/>
    <s v="web"/>
    <x v="1"/>
    <x v="1502"/>
  </r>
  <r>
    <x v="4"/>
    <x v="66"/>
    <x v="6113"/>
    <s v="CTBRS"/>
    <s v="The Canadian Tuberculosis Reporting System (CTBRS) surveillance software is a web-based Intranet application that allows the Public Health Agency of Canada to gather and track tuberculosis surveillance information from a federal perspective.  The CTBRS repository stores and maintains surveillance data on tuberculosis in Canada dating back to the early 1920?s. Reports of new active and relapsed tuberculosis cases, including both case and treatment outcome data, come to the agency from each of the provinces and territories across Canada."/>
    <s v=""/>
    <x v="1"/>
    <s v=""/>
    <x v="43"/>
    <s v="PHAC - 1.1 Public Health Infrastructure"/>
    <s v="Information Management Services"/>
    <s v="PHAC-3114"/>
    <s v="In Production"/>
    <s v="web"/>
    <x v="1"/>
    <x v="1524"/>
  </r>
  <r>
    <x v="4"/>
    <x v="66"/>
    <x v="6114"/>
    <s v="CAEFISS"/>
    <m/>
    <s v=""/>
    <x v="1"/>
    <s v=""/>
    <x v="43"/>
    <s v="PHAC - 1.2 Health Promotion and Disease Prevention"/>
    <s v="Information Management Services"/>
    <s v="PHAC-3116"/>
    <s v="In Production"/>
    <s v="web"/>
    <x v="1"/>
    <x v="1524"/>
  </r>
  <r>
    <x v="4"/>
    <x v="66"/>
    <x v="6115"/>
    <s v="CANRISK"/>
    <s v="The Canadian Diabetes Risk Questionnaire-CANRISK-is a diabetes risk questionnaire intended to help Canadians identify their risk of pre-diabetes or type 2 diabetes. It is available on-line to the public.                                          CanRisk has 4 legal agreements in place that state we will keep the CanRisk application up and running"/>
    <s v=""/>
    <x v="1"/>
    <s v=""/>
    <x v="43"/>
    <s v="PHAC - 1.2 Health Promotion and Disease Prevention"/>
    <s v="Other"/>
    <s v="PHAC-3180"/>
    <s v="In Production"/>
    <s v="web"/>
    <x v="1"/>
    <x v="2346"/>
  </r>
  <r>
    <x v="4"/>
    <x v="66"/>
    <x v="6116"/>
    <s v="CPNP"/>
    <s v="The Canada Prenatal Nutrition Program (CPNP) funds community-based groups and coalitions to develop or enhance services that address the needs of prenatal and recently postpartum women facing challenging circum-stances that put their health, and the health of their infants, at-risk. The CPNP Directory is an online listing of project sites across Canada."/>
    <s v=""/>
    <x v="1"/>
    <s v=""/>
    <x v="43"/>
    <s v="PHAC - 1.1.2 Public Health Information and Networks"/>
    <s v="Other"/>
    <s v="PHAC-3182"/>
    <s v="In Production"/>
    <s v="web"/>
    <x v="1"/>
    <x v="2347"/>
  </r>
  <r>
    <x v="4"/>
    <x v="66"/>
    <x v="6117"/>
    <s v="CAPC"/>
    <s v="The Community Action Program for Children (CAPC) funds community-based groups and coalitions to develop and deliver comprehensive, culturally appropriate early intervention and prevention programs that promote the health and social development of vulnerable children (0–6 years) and their families who are facing challenging life circumstances. The CAPC Directory is an online listing of project sites across Canada."/>
    <s v=""/>
    <x v="1"/>
    <s v=""/>
    <x v="43"/>
    <s v="PHAC - 1.1.2 Public Health Information and Networks"/>
    <s v="Other"/>
    <s v="PHAC-3184"/>
    <s v="In Production"/>
    <s v="web"/>
    <x v="1"/>
    <x v="2347"/>
  </r>
  <r>
    <x v="4"/>
    <x v="66"/>
    <x v="6118"/>
    <s v="EBIC"/>
    <s v="This system will allow you to view data collected on various illnesses and their economic impact. PHP MySQL application._x000a__x000a_http://cost-illness.canada.ca/index.php"/>
    <s v=""/>
    <x v="1"/>
    <s v=""/>
    <x v="43"/>
    <s v="PHAC - 1.3 Health Security"/>
    <s v="Information Management Services"/>
    <s v="APP-02508"/>
    <s v="In Production"/>
    <s v="web"/>
    <x v="1"/>
    <x v="1498"/>
  </r>
  <r>
    <x v="4"/>
    <x v="66"/>
    <x v="6119"/>
    <s v="Stakeholder DB"/>
    <s v="According to CCDP's Preventing Chronic Disease Strategic Plan 2013-2016, mobilizing mult-sectoral actions to reduce common risk factors for chronic disease and enhance factors and conditions for healthier living is a priority for the Centre.   The Partnerships and Strategies Division is working with various organizations across the country to fulfill its mandate and has developed a Stakeholder Database to help manage ihundreds of contacts.  The Database is a web-based application that also allows staff to communicate with outside stakehodlers and to keep track of its communications.  All of the information stored in the Database has been found in the public domain.  The Division is currently pilot testing the application before it rolls it out througho"/>
    <s v=""/>
    <x v="1"/>
    <s v=""/>
    <x v="43"/>
    <s v="PHAC - 1.2.2 Conditions for Healthy Living"/>
    <s v="Other"/>
    <s v="PHAC-3193"/>
    <s v="In Production"/>
    <s v="web"/>
    <x v="1"/>
    <x v="1518"/>
  </r>
  <r>
    <x v="4"/>
    <x v="66"/>
    <x v="6120"/>
    <s v="THWCM"/>
    <s v="The Travel Health Web Content Management System (THWCM) allows the Travel Health Group to manage various travel health advisories, factsheets, notices and country information through a centralised system.  This data is the consumed via web services by travel.gc.ca"/>
    <s v=""/>
    <x v="1"/>
    <s v=""/>
    <x v="43"/>
    <s v="PHAC - 1.3.2 Border Health Security"/>
    <s v="Other"/>
    <s v="PHAC-3196"/>
    <s v="In Production"/>
    <s v="web"/>
    <x v="1"/>
    <x v="1518"/>
  </r>
  <r>
    <x v="4"/>
    <x v="66"/>
    <x v="6121"/>
    <s v="VIDS"/>
    <s v="VIDS is a national online database containing comprehensive information on all vaccines authorized for use in Canada. VIDS will have several key services, one being to support auto-population of immunization registries and / or other information systems using vaccine bar codes and the second to provide information to immunization providers at the point of service to improve risk management and access to quality information that may be required prior to or during an immunization related health event."/>
    <s v=""/>
    <x v="1"/>
    <s v=""/>
    <x v="43"/>
    <s v="PHAC - 1.2 Health Promotion and Disease Prevention"/>
    <s v="Information Management Services,Information Technology Services"/>
    <s v="PHAC-3198"/>
    <s v="In Production"/>
    <s v="web"/>
    <x v="1"/>
    <x v="1518"/>
  </r>
  <r>
    <x v="4"/>
    <x v="66"/>
    <x v="6122"/>
    <s v="EMS"/>
    <s v="The objective of the SharePoint site is to improve operational capability, to enable the immediate sharing and accessing of UNCLASSIFIED incident data and related information between the various Health Portfolio users, enables users to track events, disseminate information, issue notifications, and log actions taken and improve the situational awareness._x000a__x000a_This application is hosted on an NSERC instance of SharePoint and supported by IMSD."/>
    <s v=""/>
    <x v="1"/>
    <s v=""/>
    <x v="43"/>
    <s v="PHAC - 1.3.1 Emergency Preparedness and Response"/>
    <s v="Information Management Services,Information Technology Services"/>
    <s v="APP-02692"/>
    <s v="In Production"/>
    <s v="web"/>
    <x v="1"/>
    <x v="106"/>
  </r>
  <r>
    <x v="4"/>
    <x v="66"/>
    <x v="6123"/>
    <s v="DEXA"/>
    <m/>
    <s v=""/>
    <x v="1"/>
    <s v=""/>
    <x v="43"/>
    <s v="PHAC - 1.1 Public Health Infrastructure"/>
    <s v="Other"/>
    <s v="PHAC-3676"/>
    <s v="In Production"/>
    <s v="web"/>
    <x v="1"/>
    <x v="2348"/>
  </r>
  <r>
    <x v="4"/>
    <x v="66"/>
    <x v="6124"/>
    <s v="SAIS"/>
    <s v="Immunization Schedule Tool on http://healthycanadians.gc.ca/apps/schedule-calendrier/index-eng.php  Tool to determine what vaccines are given and when."/>
    <s v=""/>
    <x v="1"/>
    <s v=""/>
    <x v="43"/>
    <s v="PHAC - 1.2 Health Promotion and Disease Prevention"/>
    <s v="Information Management Services"/>
    <s v="PHAC-3678"/>
    <s v="In Production"/>
    <s v="web"/>
    <x v="1"/>
    <x v="2346"/>
  </r>
  <r>
    <x v="4"/>
    <x v="66"/>
    <x v="6125"/>
    <s v="CIQAP"/>
    <s v="Produces reports on how well the Lab performs in terms of test results;  Used nationally; Serves 45 sites • submit results every 2nd month  Proficiency Panels performed within Canada"/>
    <s v=""/>
    <x v="1"/>
    <s v=""/>
    <x v="43"/>
    <s v="PHAC - 1.2.1 Infectious Disease Prevention and Control"/>
    <s v="Information Technology Services"/>
    <s v="PHAC-3804"/>
    <s v="In Production"/>
    <s v="web"/>
    <x v="1"/>
    <x v="1501"/>
  </r>
  <r>
    <x v="4"/>
    <x v="66"/>
    <x v="6126"/>
    <s v=""/>
    <s v="HyDRA Web is a comparitive HIV genotyping web application for identifying HIV drug resistance from a next generation sequencing dataset. It can detect mutations down to a 1% cut-off using specific quality control, reference mapping and variant calling techniques. Bowtie2 is used for reference mapping as it is highly sensitive and specific and performed the best for our data. We have targeted the Illumina MiSEQ as our preferred sequencer, but we also support Roche 454. The main output of HyDRA is a drug resistance report which uses the Stanford SDRM 2009 list of mutations as well as the Stanford HIVDB mutations when reporting. Analyses are flexible within HyDRA Web as we allow the end user to adjust almost every parameter.  HyDRA Web was developed by th"/>
    <s v=""/>
    <x v="1"/>
    <s v=""/>
    <x v="43"/>
    <s v="PHAC - 1.2.1 Infectious Disease Prevention and Control"/>
    <s v="Information Management Services"/>
    <s v="PHAC-3809"/>
    <s v="In Production"/>
    <s v="web"/>
    <x v="1"/>
    <x v="1497"/>
  </r>
  <r>
    <x v="4"/>
    <x v="66"/>
    <x v="6127"/>
    <s v=""/>
    <s v="Application to allow users to access the current Pathogen Safety Data Sheets on their hand-held devices.  See http://www.phac-aspc.gc.ca/lab-bio/res/psds-ftss/index-eng.php. This is one of the most popular sites on the PHAC internet (top 10).  Mobile App."/>
    <s v=""/>
    <x v="1"/>
    <s v=""/>
    <x v="43"/>
    <s v="PHAC - 1.3.3 Biosecurity"/>
    <s v="Information Management Services"/>
    <s v="APP-02673"/>
    <s v="In Production"/>
    <s v="mobile"/>
    <x v="1"/>
    <x v="86"/>
  </r>
  <r>
    <x v="4"/>
    <x v="66"/>
    <x v="6128"/>
    <s v="PHECMS"/>
    <s v="&quot;Online application to manage critical emergency contact information that is required by the Health Portfolio Operations Center in the event of an emergency (activation)._x000a__x000a_https://health-portfolio-emergency-contacts.hc-sc.gc.ca/www/en/login&quot;"/>
    <s v=""/>
    <x v="1"/>
    <s v=""/>
    <x v="43"/>
    <s v="PHAC - 1.3.1 Emergency Preparedness and Response"/>
    <s v="Information Management Services"/>
    <s v="APP-02685"/>
    <s v="In Production"/>
    <s v="web"/>
    <x v="1"/>
    <x v="86"/>
  </r>
  <r>
    <x v="4"/>
    <x v="66"/>
    <x v="6129"/>
    <s v="CBSMA"/>
    <s v="This is a mobile electronic version of the published Canadian Biosafety Standards and Handbook."/>
    <s v=""/>
    <x v="1"/>
    <s v=""/>
    <x v="43"/>
    <s v="PHAC - 1.3.3 Biosecurity"/>
    <s v="Information Management Services"/>
    <s v="APP-02690"/>
    <s v="In Production"/>
    <s v="mobile"/>
    <x v="1"/>
    <x v="1497"/>
  </r>
  <r>
    <x v="4"/>
    <x v="66"/>
    <x v="6130"/>
    <s v=""/>
    <s v="Resolver Ballot includes questionnaires, analysis and formulas to support the design, development and facilitation of discussion-based tabletop exercises for various Health portfolio program areas and stakeholders.  The software collects data to be used in risk analysis and the establishment and implementation of a federal government lessons learned process (to track ongoing capability and response activities to aid in continuous improvement and performance management)."/>
    <s v=""/>
    <x v="1"/>
    <s v=""/>
    <x v="43"/>
    <s v="HC - Internal Services 7: Information Technology Services"/>
    <s v="Information Management Services"/>
    <s v="PHAC-5265"/>
    <s v="In Production"/>
    <s v="desktop"/>
    <x v="1"/>
    <x v="1497"/>
  </r>
  <r>
    <x v="4"/>
    <x v="66"/>
    <x v="6131"/>
    <s v="TM"/>
    <m/>
    <s v=""/>
    <x v="1"/>
    <s v=""/>
    <x v="43"/>
    <s v="PHAC - Internal Services"/>
    <s v="Other"/>
    <s v="PHAC-5888"/>
    <s v="In Production"/>
    <s v="web"/>
    <x v="1"/>
    <x v="1501"/>
  </r>
  <r>
    <x v="4"/>
    <x v="66"/>
    <x v="6132"/>
    <s v=""/>
    <s v="Web TimeSheet is an easy-to-use, web-based time tracking software also available in an ASP/SaaS (hosted) version. It helps with project management and work planning.  Application is hosted externally.  This will eventually be replaced by TeamMate."/>
    <s v=""/>
    <x v="1"/>
    <s v=""/>
    <x v="43"/>
    <s v="PHAC - Internal Services"/>
    <s v="Human Resources Management Services"/>
    <s v="PHAC-5889"/>
    <s v="In Production"/>
    <s v="cloud"/>
    <x v="1"/>
    <x v="1497"/>
  </r>
  <r>
    <x v="4"/>
    <x v="66"/>
    <x v="6133"/>
    <s v="Case"/>
    <s v="This application is already being used by the client. We cannot create an APF without a license key.  Client Ian Hoyte.  The client is already using this sw. July 31, 2015.  Approved by PWG 29-11-2016"/>
    <s v=""/>
    <x v="1"/>
    <s v=""/>
    <x v="43"/>
    <s v="PHAC - Internal Services"/>
    <s v="Information Management Services"/>
    <s v="PHAC-6000"/>
    <s v="In Production"/>
    <s v="desktop"/>
    <x v="1"/>
    <x v="1497"/>
  </r>
  <r>
    <x v="4"/>
    <x v="66"/>
    <x v="6134"/>
    <s v=""/>
    <m/>
    <s v=""/>
    <x v="1"/>
    <s v=""/>
    <x v="43"/>
    <s v="PHAC - 1.2.1 Infectious Disease Prevention and Control"/>
    <s v="Information Technology Services"/>
    <s v="PHAC-6101"/>
    <s v="In Production"/>
    <s v="desktop"/>
    <x v="1"/>
    <x v="1506"/>
  </r>
  <r>
    <x v="4"/>
    <x v="66"/>
    <x v="6135"/>
    <s v=""/>
    <s v="Inventory system for NESS"/>
    <s v=""/>
    <x v="1"/>
    <s v=""/>
    <x v="43"/>
    <s v="PHAC - 1.3.1 Emergency Preparedness and Response"/>
    <s v="Information Management Services"/>
    <s v="PHAC-6288"/>
    <s v="In Production"/>
    <s v="desktop"/>
    <x v="1"/>
    <x v="1497"/>
  </r>
  <r>
    <x v="4"/>
    <x v="66"/>
    <x v="6136"/>
    <s v=""/>
    <s v="An application that it used by a few areas within the Agency to access IMS data (pharma data, private sector), mainly PHE, within our Branch"/>
    <s v=""/>
    <x v="1"/>
    <s v=""/>
    <x v="43"/>
    <s v="PHAC - 1.1 Public Health Infrastructure"/>
    <s v="Information Management Services"/>
    <s v="PHAC-6427"/>
    <s v="In Production"/>
    <s v="web"/>
    <x v="1"/>
    <x v="1497"/>
  </r>
  <r>
    <x v="0"/>
    <x v="16"/>
    <x v="6137"/>
    <s v="APCM"/>
    <m/>
    <s v="Other"/>
    <x v="1"/>
    <s v="CSDC Systems"/>
    <x v="44"/>
    <s v="1.5 Internal Services"/>
    <s v="Information Management Services"/>
    <s v="PS-PSP-002"/>
    <s v="In Production"/>
    <s v="web"/>
    <x v="0"/>
    <x v="2349"/>
  </r>
  <r>
    <x v="3"/>
    <x v="46"/>
    <x v="6138"/>
    <s v="UMS"/>
    <s v="Application to allow updates of user information in active directory."/>
    <s v=""/>
    <x v="1"/>
    <s v=""/>
    <x v="44"/>
    <s v="1.5 Internal Services"/>
    <s v="Information Management Services"/>
    <s v="PS-PSP-005"/>
    <s v="In Production"/>
    <s v="web"/>
    <x v="1"/>
    <x v="2350"/>
  </r>
  <r>
    <x v="2"/>
    <x v="9"/>
    <x v="6139"/>
    <s v="APIMS"/>
    <m/>
    <s v=""/>
    <x v="1"/>
    <s v=""/>
    <x v="44"/>
    <s v="1.3 Countering Crime"/>
    <s v="Information Management Services"/>
    <s v="PS-PSP-006"/>
    <s v="In Production"/>
    <s v="rich"/>
    <x v="1"/>
    <x v="2351"/>
  </r>
  <r>
    <x v="2"/>
    <x v="10"/>
    <x v="6140"/>
    <s v="CableSolve"/>
    <m/>
    <s v="Other"/>
    <x v="1"/>
    <s v="Cormant"/>
    <x v="44"/>
    <s v="1.5 Internal Services"/>
    <s v="Materiel Services"/>
    <s v="PS-PSP-012"/>
    <s v="In Production"/>
    <s v="rich"/>
    <x v="0"/>
    <x v="2352"/>
  </r>
  <r>
    <x v="0"/>
    <x v="28"/>
    <x v="6141"/>
    <s v="eLibrary"/>
    <s v="Application on Public Safety public website to provide access to library resources."/>
    <s v=""/>
    <x v="1"/>
    <s v=""/>
    <x v="44"/>
    <s v="1.5 Internal Services"/>
    <s v="Information Management Services"/>
    <s v="PS-PSP-041"/>
    <s v="In Production"/>
    <s v="web"/>
    <x v="1"/>
    <x v="2353"/>
  </r>
  <r>
    <x v="2"/>
    <x v="6"/>
    <x v="6142"/>
    <s v="EOS"/>
    <m/>
    <s v="Other"/>
    <x v="1"/>
    <s v="EOS International"/>
    <x v="44"/>
    <s v="1.5 Internal Services"/>
    <s v="Information Management Services"/>
    <s v="PS-PSP-043"/>
    <s v="In Production"/>
    <s v="web"/>
    <x v="0"/>
    <x v="2349"/>
  </r>
  <r>
    <x v="0"/>
    <x v="28"/>
    <x v="6143"/>
    <s v="GPWEB"/>
    <s v="Public campaign that encourages Canadians to be prepared to cope on their own for at least the first 72 hours of an emergency, enabling first responders to focus on those in urgent need."/>
    <s v=""/>
    <x v="1"/>
    <s v=""/>
    <x v="44"/>
    <s v="1.4 Emergency Management"/>
    <s v="Communications Services"/>
    <s v="PS-PSP-054"/>
    <s v="In Production"/>
    <s v="web"/>
    <x v="1"/>
    <x v="2353"/>
  </r>
  <r>
    <x v="0"/>
    <x v="28"/>
    <x v="6144"/>
    <s v="IC"/>
    <s v="Intranet website."/>
    <s v=""/>
    <x v="1"/>
    <s v=""/>
    <x v="44"/>
    <s v="1.5 Internal Services"/>
    <s v="Communications Services"/>
    <s v="PS-PSP-061"/>
    <s v="In Production"/>
    <s v="web"/>
    <x v="1"/>
    <x v="2353"/>
  </r>
  <r>
    <x v="0"/>
    <x v="13"/>
    <x v="6145"/>
    <s v="iRIMS"/>
    <m/>
    <s v="Other"/>
    <x v="1"/>
    <s v="OpenText"/>
    <x v="44"/>
    <s v="1.5 Internal Services"/>
    <s v="Information Management Services"/>
    <s v="PS-PSP-068"/>
    <s v="In Production"/>
    <s v="rich"/>
    <x v="0"/>
    <x v="2354"/>
  </r>
  <r>
    <x v="2"/>
    <x v="20"/>
    <x v="6146"/>
    <s v="MIN-CCM-RPT"/>
    <m/>
    <s v=""/>
    <x v="1"/>
    <s v=""/>
    <x v="44"/>
    <s v="1.5 Internal Services"/>
    <s v="Information Management Services"/>
    <s v="PS-PSP-084"/>
    <s v="In Production"/>
    <s v="rich"/>
    <x v="1"/>
    <x v="2351"/>
  </r>
  <r>
    <x v="2"/>
    <x v="52"/>
    <x v="6147"/>
    <s v="NCPCMailingList"/>
    <m/>
    <s v=""/>
    <x v="1"/>
    <s v=""/>
    <x v="44"/>
    <s v="1.3 Countering Crime"/>
    <s v="Communications Services"/>
    <s v="PS-PSP-087"/>
    <s v="In Production"/>
    <s v="web"/>
    <x v="1"/>
    <x v="2353"/>
  </r>
  <r>
    <x v="0"/>
    <x v="19"/>
    <x v="6148"/>
    <s v="PSWEB-CSCCB-MAIL"/>
    <s v="Forms on Public Safety public website to subscribe/unsubscirbe to CSCCB Research Division mailing list."/>
    <s v=""/>
    <x v="1"/>
    <s v=""/>
    <x v="44"/>
    <s v="1.3 Countering Crime"/>
    <s v="Communications Services"/>
    <s v="PS-PSP-088"/>
    <s v="In Production"/>
    <s v="web"/>
    <x v="1"/>
    <x v="2353"/>
  </r>
  <r>
    <x v="0"/>
    <x v="28"/>
    <x v="6149"/>
    <s v="InfoMedia"/>
    <s v="Media-monitoring application (software-as-a-service) provided to other government organizations on cost-sharing basis."/>
    <s v=""/>
    <x v="1"/>
    <s v=""/>
    <x v="44"/>
    <s v="1.5 Internal Services"/>
    <s v="Communications Services"/>
    <s v="PS-PSP-091"/>
    <s v="In Production"/>
    <s v="web"/>
    <x v="1"/>
    <x v="2355"/>
  </r>
  <r>
    <x v="0"/>
    <x v="28"/>
    <x v="6150"/>
    <s v="PSWEB-PDCTS"/>
    <s v="Application on Public Safety public website to display proactive disclosure information (Contracts)"/>
    <s v=""/>
    <x v="1"/>
    <s v=""/>
    <x v="44"/>
    <s v="1.5 Internal Services"/>
    <s v="Communications Services"/>
    <s v="PS-PSP-099"/>
    <s v="In Production"/>
    <s v="web"/>
    <x v="1"/>
    <x v="2353"/>
  </r>
  <r>
    <x v="0"/>
    <x v="28"/>
    <x v="6151"/>
    <s v="PSWEB-PDGCTS"/>
    <s v="Application on Public Safety public website to display proactive disclosure information (Grants and Contributions)"/>
    <s v=""/>
    <x v="1"/>
    <s v=""/>
    <x v="44"/>
    <s v="1.5 Internal Services"/>
    <s v="Communications Services"/>
    <s v="PS-PSP-100"/>
    <s v="In Production"/>
    <s v="web"/>
    <x v="1"/>
    <x v="2353"/>
  </r>
  <r>
    <x v="0"/>
    <x v="28"/>
    <x v="6152"/>
    <s v="PSWEB-PDETS"/>
    <s v="Application on Public Safety public website to display proactive disclosure information (Travel &amp; Hospitality)"/>
    <s v=""/>
    <x v="1"/>
    <s v=""/>
    <x v="44"/>
    <s v="1.5 Internal Services"/>
    <s v="Communications Services"/>
    <s v="PS-PSP-101"/>
    <s v="In Production"/>
    <s v="web"/>
    <x v="1"/>
    <x v="2353"/>
  </r>
  <r>
    <x v="0"/>
    <x v="7"/>
    <x v="6153"/>
    <s v="RDIMS"/>
    <m/>
    <s v="Other"/>
    <x v="1"/>
    <s v="OpenText"/>
    <x v="44"/>
    <s v="1.5 Internal Services"/>
    <s v="Information Management Services"/>
    <s v="PS-PSP-104"/>
    <s v="In Production"/>
    <s v="rich"/>
    <x v="0"/>
    <x v="2354"/>
  </r>
  <r>
    <x v="0"/>
    <x v="16"/>
    <x v="6154"/>
    <s v="SEC-DB"/>
    <m/>
    <s v=""/>
    <x v="1"/>
    <s v=""/>
    <x v="44"/>
    <s v="1.5 Internal Services"/>
    <s v="Human Resources Management Services"/>
    <s v="PS-PSP-121"/>
    <s v="In Production"/>
    <s v="rich"/>
    <x v="1"/>
    <x v="2351"/>
  </r>
  <r>
    <x v="0"/>
    <x v="19"/>
    <x v="6155"/>
    <s v="SNAP"/>
    <m/>
    <s v="Other"/>
    <x v="1"/>
    <s v="Snap Surveys"/>
    <x v="44"/>
    <s v="1.5 Internal Services"/>
    <s v="Information Technology Services"/>
    <s v="PS-PSP-142"/>
    <s v="In Production"/>
    <s v="web"/>
    <x v="0"/>
    <x v="2356"/>
  </r>
  <r>
    <x v="0"/>
    <x v="0"/>
    <x v="6156"/>
    <s v="ccmExchange"/>
    <m/>
    <s v="WorkDynamics_Technologies_Inc"/>
    <x v="52"/>
    <s v=""/>
    <x v="44"/>
    <s v="1.5 Internal Services"/>
    <s v="Information Management Services"/>
    <s v="PS-PSP-191"/>
    <s v="In Production"/>
    <s v="rich"/>
    <x v="0"/>
    <x v="2352"/>
  </r>
  <r>
    <x v="0"/>
    <x v="16"/>
    <x v="6157"/>
    <s v="ITMS"/>
    <m/>
    <s v=""/>
    <x v="1"/>
    <s v=""/>
    <x v="44"/>
    <s v="1.5 Internal Services"/>
    <s v="Management and Oversight Services"/>
    <s v="PS-PSP-193"/>
    <s v="In Production"/>
    <s v="rich"/>
    <x v="1"/>
    <x v="2351"/>
  </r>
  <r>
    <x v="0"/>
    <x v="7"/>
    <x v="6158"/>
    <s v="MLMailroom"/>
    <m/>
    <s v="Other"/>
    <x v="1"/>
    <s v="Matrix Logic"/>
    <x v="44"/>
    <s v="1.5 Internal Services"/>
    <s v="Information Management Services"/>
    <s v="PS-PSP-196"/>
    <s v="In Production"/>
    <s v="rich"/>
    <x v="0"/>
    <x v="2354"/>
  </r>
  <r>
    <x v="0"/>
    <x v="28"/>
    <x v="6159"/>
    <s v="GCDD"/>
    <s v="Public facing web application to provide information on Canadian disasters with geospatial functionality"/>
    <s v=""/>
    <x v="1"/>
    <s v=""/>
    <x v="44"/>
    <s v="1.4 Emergency Management"/>
    <s v="Communications Services"/>
    <s v="PS-PSP-199"/>
    <s v="In Production"/>
    <s v="web"/>
    <x v="1"/>
    <x v="2357"/>
  </r>
  <r>
    <x v="0"/>
    <x v="28"/>
    <x v="6160"/>
    <s v="CSWEB"/>
    <s v="Public awareness campaign created to educate Canadians about Internet security and the simple steps they can take to protect themselves online."/>
    <s v=""/>
    <x v="1"/>
    <s v=""/>
    <x v="44"/>
    <s v="1.1 National Security"/>
    <s v="Communications Services"/>
    <s v="PS-PSP-205"/>
    <s v="In Production"/>
    <s v="web"/>
    <x v="1"/>
    <x v="2353"/>
  </r>
  <r>
    <x v="0"/>
    <x v="28"/>
    <x v="6161"/>
    <s v="PSWEB"/>
    <s v="Public website for Public Safety."/>
    <s v=""/>
    <x v="1"/>
    <s v=""/>
    <x v="44"/>
    <s v="1.5 Internal Services"/>
    <s v="Communications Services"/>
    <s v="PS-PSP-207"/>
    <s v="In Production"/>
    <s v="web"/>
    <x v="1"/>
    <x v="2353"/>
  </r>
  <r>
    <x v="2"/>
    <x v="9"/>
    <x v="6162"/>
    <s v="PSIMS"/>
    <m/>
    <s v=""/>
    <x v="1"/>
    <s v=""/>
    <x v="44"/>
    <s v="1.5 Internal Services"/>
    <s v="Financial Management Services"/>
    <s v="PS-PSP-220"/>
    <s v="In Production"/>
    <s v="web"/>
    <x v="1"/>
    <x v="2353"/>
  </r>
  <r>
    <x v="0"/>
    <x v="19"/>
    <x v="6163"/>
    <s v="eHR"/>
    <m/>
    <s v=""/>
    <x v="1"/>
    <s v=""/>
    <x v="44"/>
    <s v="1.5 Internal Services"/>
    <s v="Human Resources Management Services"/>
    <s v="PS-PSP-229"/>
    <s v="In Production"/>
    <s v="web"/>
    <x v="1"/>
    <x v="2353"/>
  </r>
  <r>
    <x v="0"/>
    <x v="19"/>
    <x v="6164"/>
    <s v="SCSM-SSP"/>
    <m/>
    <s v=""/>
    <x v="1"/>
    <s v=""/>
    <x v="44"/>
    <s v="1.5 Internal Services"/>
    <s v="Information Technology Services"/>
    <s v="PS-PSP-231"/>
    <s v="In Production"/>
    <s v="web"/>
    <x v="1"/>
    <x v="2358"/>
  </r>
  <r>
    <x v="0"/>
    <x v="28"/>
    <x v="6165"/>
    <s v="EconPolIndex"/>
    <s v="Public facing searchable catalog of policing initiatives."/>
    <s v=""/>
    <x v="1"/>
    <s v=""/>
    <x v="44"/>
    <s v="1.3 Countering Crime"/>
    <s v="Communications Services"/>
    <s v="PS-PSP-233"/>
    <s v="In Production"/>
    <s v="web"/>
    <x v="1"/>
    <x v="2353"/>
  </r>
  <r>
    <x v="0"/>
    <x v="7"/>
    <x v="6166"/>
    <s v="WDMS"/>
    <m/>
    <s v="Other"/>
    <x v="1"/>
    <s v="Matrix Logic"/>
    <x v="44"/>
    <s v="1.5 Internal Services"/>
    <s v="Information Management Services"/>
    <s v="PS-PSP-238"/>
    <s v="In Production"/>
    <s v="rich"/>
    <x v="0"/>
    <x v="2356"/>
  </r>
  <r>
    <x v="0"/>
    <x v="16"/>
    <x v="6167"/>
    <s v="SCSM"/>
    <m/>
    <s v="Microsoft_Corporation"/>
    <x v="1"/>
    <s v=""/>
    <x v="44"/>
    <s v="1.5 Internal Services"/>
    <s v="Information Technology Services"/>
    <s v="PS-PSP-239"/>
    <s v="In Production"/>
    <s v="rich"/>
    <x v="0"/>
    <x v="2354"/>
  </r>
  <r>
    <x v="3"/>
    <x v="31"/>
    <x v="542"/>
    <s v="IDEA"/>
    <s v="Data Analysis Tool for auditors to conduct sampling and analyses of data sets with information relating to staffing actions based on audit objectives and criteria all the while maintaining a non-editable log of the procedures performed. (IDEA is a computer-based file interrogation tool for use by auditors which analyzes data in many ways and allows extraction, sampling and manipulation of data in order to identify errors, problems, specific issues, and trends.)"/>
    <s v="Other"/>
    <x v="1"/>
    <s v="CaseWare IDEA Inc. (Idea 8)"/>
    <x v="45"/>
    <s v="1.3.0 Oversight of Integrity in Staffing and of Non-Partisanship"/>
    <s v="Other"/>
    <s v="PSC-102"/>
    <s v="In Production"/>
    <s v="desktop"/>
    <x v="0"/>
    <x v="106"/>
  </r>
  <r>
    <x v="3"/>
    <x v="31"/>
    <x v="6168"/>
    <s v="Impromptu"/>
    <s v="Desktop reporting tool used as stand alone tool. Also used as an integrated feature with TSRR, a web application. Multiple catalogs exist for various corporate applications. Reports can be authored by users: prebuilt &quot;canned reports&quot; located on the local SAN can also be run by the users.  ACL for each catalogue is also integrated within user Profiles according to Business needs."/>
    <s v="Other"/>
    <x v="1"/>
    <s v="IBM Canada Limited: IBM Cognos Impromptu Administrator 7.5 and IBM Cognos Impromptu User 7.5"/>
    <x v="45"/>
    <s v="2.1.0 Internal Services"/>
    <s v="Human Resources Management Services,Information Technology Services,Management and Oversight Services"/>
    <s v="PSC-106"/>
    <s v="In Production"/>
    <s v="rich"/>
    <x v="0"/>
    <x v="2359"/>
  </r>
  <r>
    <x v="0"/>
    <x v="16"/>
    <x v="6169"/>
    <s v="IMIS"/>
    <m/>
    <s v=""/>
    <x v="1"/>
    <s v=""/>
    <x v="45"/>
    <s v="1.3.0 Oversight of Integrity in Staffing and of Non-Partisanship"/>
    <s v="Other"/>
    <s v="PSC-113"/>
    <s v="In Production"/>
    <s v="web"/>
    <x v="1"/>
    <x v="2360"/>
  </r>
  <r>
    <x v="2"/>
    <x v="22"/>
    <x v="6170"/>
    <s v="OIT"/>
    <m/>
    <s v=""/>
    <x v="1"/>
    <s v=""/>
    <x v="45"/>
    <s v="1.2.0 Staffing Services and Assessment"/>
    <s v="Human Resources Management Services,Other"/>
    <s v="PSC-158"/>
    <s v="In Production"/>
    <s v="web"/>
    <x v="1"/>
    <x v="2360"/>
  </r>
  <r>
    <x v="2"/>
    <x v="22"/>
    <x v="6171"/>
    <s v="OOPS"/>
    <m/>
    <s v=""/>
    <x v="1"/>
    <s v=""/>
    <x v="45"/>
    <s v="1.2.0 Staffing Services and Assessment"/>
    <s v="Human Resources Management Services,Other"/>
    <s v="PSC-159"/>
    <s v="In Production"/>
    <s v="web"/>
    <x v="1"/>
    <x v="2361"/>
  </r>
  <r>
    <x v="6"/>
    <x v="33"/>
    <x v="6172"/>
    <s v="ORS"/>
    <s v="A small web-based database application on Intracom to host a dynamic online registration session. The purpose of creating the ORS - Online Registration System - is to offer to PSC employees and/or the public servant a possibility to register on their own to a workshop (project) or session at a specific date and time through the web sites."/>
    <s v=""/>
    <x v="1"/>
    <s v=""/>
    <x v="45"/>
    <s v="2.1.0 Internal Services"/>
    <s v="Communications Services,Human Resources Management Services,Information Management Services"/>
    <s v="PSC-161"/>
    <s v="In Production"/>
    <s v="web"/>
    <x v="1"/>
    <x v="2362"/>
  </r>
  <r>
    <x v="2"/>
    <x v="22"/>
    <x v="6173"/>
    <s v="OLTF"/>
    <m/>
    <s v=""/>
    <x v="1"/>
    <s v=""/>
    <x v="45"/>
    <s v="1.2.0 Staffing Services and Assessment"/>
    <s v="Human Resources Management Services,Other"/>
    <s v="PSC-162"/>
    <s v="In Production"/>
    <s v="web"/>
    <x v="1"/>
    <x v="2363"/>
  </r>
  <r>
    <x v="0"/>
    <x v="11"/>
    <x v="6174"/>
    <s v="ADS"/>
    <s v="ADS is an intranet application used to manage and share the corporate knowledge of DSAD among the team, in relation to the structure and composition of their data (SAS data sets), serving as a data dictionary."/>
    <s v=""/>
    <x v="1"/>
    <s v=""/>
    <x v="45"/>
    <s v="2.1.0 Internal Services"/>
    <s v="Information Management Services"/>
    <s v="PSC-17"/>
    <s v="In Production"/>
    <s v="web"/>
    <x v="1"/>
    <x v="2364"/>
  </r>
  <r>
    <x v="2"/>
    <x v="22"/>
    <x v="6175"/>
    <s v="PA Tool"/>
    <s v="Under the new PSEA which came into effect as of December 31, 2005, the PSC is now responsible for protecting the political impartiality of the public service.  This tool is intended to help the employee assess and make reasonable decisions about their involvement in political activities to determine whether a given political activity would impair or could be perceived by others as impairing an employee’s ability to perform his or her duties in a politically impartial manner."/>
    <s v=""/>
    <x v="1"/>
    <s v=""/>
    <x v="45"/>
    <s v="1.1.0 Staffing System Integrity and Political Impartiality"/>
    <s v="Other"/>
    <s v="PSC-177"/>
    <s v="In Production"/>
    <s v="web"/>
    <x v="1"/>
    <x v="2365"/>
  </r>
  <r>
    <x v="0"/>
    <x v="16"/>
    <x v="6176"/>
    <s v="PIMS"/>
    <m/>
    <s v=""/>
    <x v="1"/>
    <s v=""/>
    <x v="45"/>
    <s v="1.1.0 Staffing System Integrity and Political Impartiality"/>
    <s v="Human Resources Management Services,Management and Oversight Services,Other"/>
    <s v="PSC-179"/>
    <s v="In Production"/>
    <s v="web"/>
    <x v="1"/>
    <x v="2366"/>
  </r>
  <r>
    <x v="2"/>
    <x v="65"/>
    <x v="6177"/>
    <s v="PBHC"/>
    <s v="(formerly the Salary Management System (SMS)) is a management tool to help managers monitor, control, report and forecast salary costs.  This application was developed by Influatec and the company is now merged with FreeBalance Inc.  PBHC keeps track of past, current and future financial information applicable to a fiscal year.  The system also provides management reliable information for analysis and decision-making."/>
    <s v="Other"/>
    <x v="1"/>
    <s v="FreeBalance Inc.: PBHC"/>
    <x v="45"/>
    <s v="2.1.0 Internal Services"/>
    <s v="Financial Management Services,Management and Oversight Services"/>
    <s v="PSC-181"/>
    <s v="In Production"/>
    <s v="web"/>
    <x v="0"/>
    <x v="2367"/>
  </r>
  <r>
    <x v="0"/>
    <x v="28"/>
    <x v="6178"/>
    <s v="Phone directory"/>
    <s v="The PSC Telephone Directory is a VB application using an Oracle database to provides PSC employees with an electronic directory of the department’s employees.  The application also has facilities to allow searching by sub-groups, telephone numbers or adresses, as well as enabling emails to a sub-group."/>
    <s v=""/>
    <x v="1"/>
    <s v=""/>
    <x v="45"/>
    <s v="2.1.0 Internal Services"/>
    <s v="Information Management Services"/>
    <s v="PSC-185"/>
    <s v="In Production"/>
    <s v="desktop"/>
    <x v="1"/>
    <x v="2368"/>
  </r>
  <r>
    <x v="2"/>
    <x v="3"/>
    <x v="6179"/>
    <s v="PSRS"/>
    <m/>
    <s v=""/>
    <x v="1"/>
    <s v=""/>
    <x v="45"/>
    <s v="1.2.0 Staffing Services and Assessment"/>
    <s v="Human Resources Management Services,Information Management Services,Other"/>
    <s v="PSC-187"/>
    <s v="In Production"/>
    <s v="web"/>
    <x v="1"/>
    <x v="2369"/>
  </r>
  <r>
    <x v="2"/>
    <x v="52"/>
    <x v="6180"/>
    <s v="Remedy"/>
    <s v="Remedy is a COTS that has been customized by the PSC.  It is used extensively by the HelpDesk as a ticket tracking tool for all calls they receive.   Remedy uses an Oracle database."/>
    <s v="Other"/>
    <x v="1"/>
    <s v="BMC: Remedy Action request System"/>
    <x v="45"/>
    <s v="2.1.0 Internal Services"/>
    <s v="Human Resources Management Services,Information Technology Services,Other"/>
    <s v="PSC-196"/>
    <s v="In Production"/>
    <s v="rich"/>
    <x v="0"/>
    <x v="2370"/>
  </r>
  <r>
    <x v="3"/>
    <x v="31"/>
    <x v="6181"/>
    <s v="SAS"/>
    <s v="SAS Metadata Server and SAS-BI Viewer. The PSC BI Viewer is custom designed within SAS BI Platform and includes: a GC CLF compliant Web based user interface, that accesses PSC developed parameterized stored processes, via the Store Process Engine, which produces dynamically generated reports, such as the Department Profile."/>
    <s v="SAS_Institute_Canada_Inc"/>
    <x v="82"/>
    <s v=""/>
    <x v="45"/>
    <s v="1.3.0 Oversight of Integrity in Staffing and of Non-Partisanship"/>
    <s v="Information Management Services,Information Technology Services,Management and Oversight Services"/>
    <s v="PSC-208"/>
    <s v="In Production"/>
    <s v="web"/>
    <x v="0"/>
    <x v="2371"/>
  </r>
  <r>
    <x v="0"/>
    <x v="16"/>
    <x v="6182"/>
    <s v="ACIIS"/>
    <s v="This unilingual system is designed to track all candidates that come to the Centres for assessment by date, assessment centre, module, assessment results and who participated in the module.  It also maintains the list of Psychologists, Assessors, Visitors and Scorers."/>
    <s v=""/>
    <x v="1"/>
    <s v=""/>
    <x v="45"/>
    <s v="1.2.0 Staffing Services and Assessment"/>
    <s v="Other"/>
    <s v="PSC-21"/>
    <s v="In Production"/>
    <s v="web"/>
    <x v="1"/>
    <x v="1310"/>
  </r>
  <r>
    <x v="3"/>
    <x v="31"/>
    <x v="6183"/>
    <s v="SAS-CubesVw"/>
    <s v="The Statistical and Population Cubes are multi dimensional data bases that allow users to drill down into the data to derive at a desired location.  At this point they may print the report or send the data to a spread sheet ot file. (https://extranet5.psc-cfp.gc.ca/psc-stats/ )"/>
    <s v=""/>
    <x v="1"/>
    <s v=""/>
    <x v="45"/>
    <s v="1.3.0 Oversight of Integrity in Staffing and of Non-Partisanship"/>
    <s v="Human Resources Management Services,Information Management Services,Information Technology Services,Management and Oversight Services"/>
    <s v="PSC-213"/>
    <s v="In Production"/>
    <s v="web"/>
    <x v="1"/>
    <x v="2372"/>
  </r>
  <r>
    <x v="0"/>
    <x v="16"/>
    <x v="6184"/>
    <s v="ATIP"/>
    <s v="This case management system, containing confidential data, serves as an agent between users, departments, involved parties, and requestors.  The redaction portion is electronic redaction software that provides the ATIP officer the features needed to manage an audit process."/>
    <s v="Other"/>
    <x v="1"/>
    <s v="CSDC Systems inc./Privasoft: AccessPro Case Management and Redaction"/>
    <x v="45"/>
    <s v="2.1.0 Internal Services"/>
    <s v="Information Management Services"/>
    <s v="PSC-22"/>
    <s v="In Production"/>
    <s v="rich"/>
    <x v="0"/>
    <x v="2373"/>
  </r>
  <r>
    <x v="2"/>
    <x v="22"/>
    <x v="6185"/>
    <s v="SLE-SS(RF)"/>
    <s v="This web-based application allows SLE test coordinators in other departments to request dates for Reading, Writing or Oral Proficiency testing for their employees.  It channels the requests to the appropriate Regional Office via e-mail, and permits PSC officers to assign dates to the requested tests.  This system is also used to produce reports for statistics purposes."/>
    <s v=""/>
    <x v="1"/>
    <s v=""/>
    <x v="45"/>
    <s v="1.2.0 Staffing Services and Assessment"/>
    <s v="Human Resources Management Services,Other"/>
    <s v="PSC-220"/>
    <s v="In Production"/>
    <s v="web"/>
    <x v="1"/>
    <x v="2374"/>
  </r>
  <r>
    <x v="5"/>
    <x v="25"/>
    <x v="6186"/>
    <s v="SPSS"/>
    <s v="A software package used for statistical analysis"/>
    <s v="Other"/>
    <x v="1"/>
    <s v="(IBM Canada Limited) IBM SPSS Statistics Base (and other SPSS modules)"/>
    <x v="45"/>
    <s v="1.2.0 Staffing Services and Assessment"/>
    <s v="Communications Services,Human Resources Management Services,Legal Services,Management and Oversight Services,Other"/>
    <s v="PSC-224"/>
    <s v="In Production"/>
    <s v="desktop"/>
    <x v="0"/>
    <x v="106"/>
  </r>
  <r>
    <x v="0"/>
    <x v="85"/>
    <x v="2374"/>
    <s v="Teleform"/>
    <s v="This software package uses the ICR (Intelligent Character Recognition) technology. TSRR and ACIIS all use the ICR scanning as a means for data entry into their databases.  Data is captured through the ICR scanning."/>
    <s v="Other"/>
    <x v="1"/>
    <s v="MultiCIM technologies : TeleForm (Cardiff Software)"/>
    <x v="45"/>
    <s v="1.2.0 Staffing Services and Assessment"/>
    <s v="Human Resources Management Services,Other"/>
    <s v="PSC-232"/>
    <s v="In Production"/>
    <s v="web"/>
    <x v="0"/>
    <x v="2375"/>
  </r>
  <r>
    <x v="2"/>
    <x v="10"/>
    <x v="6187"/>
    <s v="TICS"/>
    <s v="This unilingual application manages test inventories for the Personnel Psychology Centre.  The PSC provides government departments and agencies with access to a variety of tests, available in English and French.  The test inventory contains all the materials associated with each test, including copies of the test itself.  Each copy of the protected test material is assigned a unique control number.  The distribution and subsequent return of each individual copy is carefully monitored and recorded by this application.  The system has the ability to automatically send reminder e-mails to clients who are late in returning test materials.  Bar coding has now been implemented in TICS to better control the test inventory."/>
    <s v=""/>
    <x v="1"/>
    <s v=""/>
    <x v="45"/>
    <s v="1.2.0 Staffing Services and Assessment"/>
    <s v="Human Resources Management Services,Other"/>
    <s v="PSC-234"/>
    <s v="In Production"/>
    <s v="web"/>
    <x v="1"/>
    <x v="2376"/>
  </r>
  <r>
    <x v="2"/>
    <x v="22"/>
    <x v="6188"/>
    <s v="TRST"/>
    <m/>
    <s v=""/>
    <x v="1"/>
    <s v=""/>
    <x v="45"/>
    <s v="1.2.0 Staffing Services and Assessment"/>
    <s v="Human Resources Management Services,Other"/>
    <s v="PSC-235"/>
    <s v="In Production"/>
    <s v="web"/>
    <x v="1"/>
    <x v="2377"/>
  </r>
  <r>
    <x v="2"/>
    <x v="22"/>
    <x v="6189"/>
    <s v="TSRR"/>
    <m/>
    <s v=""/>
    <x v="1"/>
    <s v=""/>
    <x v="45"/>
    <s v="1.2.0 Staffing Services and Assessment"/>
    <s v="Human Resources Management Services,Other"/>
    <s v="PSC-237"/>
    <s v="In Production"/>
    <s v="web"/>
    <x v="1"/>
    <x v="2378"/>
  </r>
  <r>
    <x v="2"/>
    <x v="10"/>
    <x v="6190"/>
    <s v="Basset"/>
    <s v="Inventory module operated by the Administration Services Division and used by Accounting Operations Division for depreciation calculations."/>
    <s v="SageData_Solutions_Inc"/>
    <x v="67"/>
    <s v=""/>
    <x v="45"/>
    <s v="2.1.0 Internal Services"/>
    <s v="Acquisition Services,Financial Management Services,Information Management Services,Management and Oversight Services,Materiel Services"/>
    <s v="PSC-25"/>
    <s v="In Production"/>
    <s v="rich"/>
    <x v="0"/>
    <x v="2379"/>
  </r>
  <r>
    <x v="0"/>
    <x v="16"/>
    <x v="6191"/>
    <s v="DtA"/>
    <m/>
    <s v=""/>
    <x v="1"/>
    <s v=""/>
    <x v="45"/>
    <s v="1.2.0 Staffing Services and Assessment"/>
    <s v="Human Resources Management Services,Other"/>
    <s v="PSC-278"/>
    <s v="In Production"/>
    <s v="web"/>
    <x v="1"/>
    <x v="2380"/>
  </r>
  <r>
    <x v="6"/>
    <x v="24"/>
    <x v="97"/>
    <s v="Bugzilla"/>
    <s v="Bugzilla is a bug- or issue-tracking system."/>
    <s v=""/>
    <x v="1"/>
    <s v=""/>
    <x v="45"/>
    <s v="2.1.0 Internal Services"/>
    <s v="Information Management Services"/>
    <s v="PSC-28"/>
    <s v="In Production"/>
    <s v="web"/>
    <x v="1"/>
    <x v="2381"/>
  </r>
  <r>
    <x v="8"/>
    <x v="38"/>
    <x v="6192"/>
    <s v="MS-VSS"/>
    <s v="Microsoft Visual SourceSafe (VSS) is a source control software package oriented towards small software development projects."/>
    <s v="Microsoft_Corporation"/>
    <x v="1"/>
    <s v="Microsoft: Visual SourceSafe 6.0c"/>
    <x v="45"/>
    <s v="2.1.0 Internal Services"/>
    <s v="Information Technology Services"/>
    <s v="PSC-285"/>
    <s v="In Production"/>
    <s v="desktop"/>
    <x v="0"/>
    <x v="2382"/>
  </r>
  <r>
    <x v="5"/>
    <x v="25"/>
    <x v="6193"/>
    <s v="Vovici"/>
    <s v="Enterprise Feefback management web-tool and survey development tool."/>
    <s v="Other"/>
    <x v="1"/>
    <s v="Verint: Product name is VOVICI"/>
    <x v="45"/>
    <s v="2.1.0 Internal Services"/>
    <s v="Communications Services,Human Resources Management Services,Information Management Services,Information Technology Services,Management and Oversight Services"/>
    <s v="PSC-292"/>
    <s v="In Production"/>
    <s v="web"/>
    <x v="0"/>
    <x v="2383"/>
  </r>
  <r>
    <x v="2"/>
    <x v="2"/>
    <x v="6194"/>
    <s v="RMS"/>
    <s v="In-house financial web-based application used to track and invoice PSC services provided on a cost-recovery basis"/>
    <s v=""/>
    <x v="1"/>
    <s v=""/>
    <x v="45"/>
    <s v="2.1.0 Internal Services"/>
    <s v="Financial Management Services,Management and Oversight Services"/>
    <s v="PSC-295"/>
    <s v="In Production"/>
    <s v="web"/>
    <x v="1"/>
    <x v="2384"/>
  </r>
  <r>
    <x v="2"/>
    <x v="2"/>
    <x v="6195"/>
    <s v="CCM"/>
    <s v="Cash Control (CC) is an automated system control point of cash limits set by the Financial Management division. It’s purpose is to control the expenditures entered into FreeBalance do not exceed branch level appropriation limits."/>
    <s v=""/>
    <x v="1"/>
    <s v=""/>
    <x v="45"/>
    <s v="2.1.0 Internal Services"/>
    <s v="Financial Management Services"/>
    <s v="PSC-30"/>
    <s v="In Production"/>
    <s v="rich"/>
    <x v="1"/>
    <x v="2385"/>
  </r>
  <r>
    <x v="2"/>
    <x v="52"/>
    <x v="6196"/>
    <s v="Versatile Express"/>
    <s v="IMO Paper Records Management/Barcode/Label System"/>
    <s v="Other"/>
    <x v="1"/>
    <s v="Zasio: Versatile Express"/>
    <x v="45"/>
    <s v="2.1.0 Internal Services"/>
    <s v="Information Management Services,Information Technology Services"/>
    <s v="PSC-302"/>
    <s v="In Production"/>
    <s v="rich"/>
    <x v="0"/>
    <x v="2386"/>
  </r>
  <r>
    <x v="6"/>
    <x v="24"/>
    <x v="6197"/>
    <s v="Clarity"/>
    <s v="CA Clarity Project Portfolio Manager is an integrated suite of modules that allows your organization to seamlessly manage its services, projects, products, people and financials."/>
    <s v="CA_Technologies"/>
    <x v="1"/>
    <s v="Clarity"/>
    <x v="45"/>
    <s v="2.1.0 Internal Services"/>
    <s v="Information Management Services,Information Technology Services,Management and Oversight Services"/>
    <s v="PSC-308"/>
    <s v="In Production"/>
    <s v="web"/>
    <x v="0"/>
    <x v="2387"/>
  </r>
  <r>
    <x v="12"/>
    <x v="114"/>
    <x v="6198"/>
    <s v="GroupShare"/>
    <s v="Automatic Network Folder Encryption"/>
    <s v="Other"/>
    <x v="1"/>
    <s v="Entrust Product: Entrust Entelligence Group Share for Windows Folders"/>
    <x v="45"/>
    <s v="2.1.0 Internal Services"/>
    <s v="Human Resources Management Services,Information Management Services"/>
    <s v="PSC-314"/>
    <s v="In Production"/>
    <s v="rich"/>
    <x v="0"/>
    <x v="2388"/>
  </r>
  <r>
    <x v="2"/>
    <x v="52"/>
    <x v="6199"/>
    <s v="RDIMS"/>
    <m/>
    <s v="Other"/>
    <x v="1"/>
    <s v="SLA between PSC/PWGSC (SSC) for GCDOCS-RDIMS (OpenText software)"/>
    <x v="45"/>
    <s v="2.1.0 Internal Services"/>
    <s v="Information Management Services,Information Technology Services"/>
    <s v="PSC-324"/>
    <s v="In Production"/>
    <s v="rich"/>
    <x v="0"/>
    <x v="2389"/>
  </r>
  <r>
    <x v="0"/>
    <x v="16"/>
    <x v="125"/>
    <s v="Teammate"/>
    <s v="Teammate is an audit management software system, providing an integrated paperless strategy for managing audits."/>
    <s v="Other"/>
    <x v="1"/>
    <s v="Wolters Kluwer: name of Software &quot;TeamMate&quot;"/>
    <x v="45"/>
    <s v="1.3.0 Oversight of Integrity in Staffing and of Non-Partisanship"/>
    <s v="Other"/>
    <s v="PSC-345"/>
    <s v="In Production"/>
    <s v="rich"/>
    <x v="0"/>
    <x v="2390"/>
  </r>
  <r>
    <x v="2"/>
    <x v="20"/>
    <x v="6200"/>
    <s v="DDNT"/>
    <s v="Direct Deposit Notification Tool. A process that is monitored by one to two employees."/>
    <s v="Other"/>
    <x v="1"/>
    <s v="Freebalance Inc: SPS Email"/>
    <x v="45"/>
    <s v="2.1.0 Internal Services"/>
    <s v="Communications Services,Financial Management Services,Information Management Services"/>
    <s v="PSC-350"/>
    <s v="In Production"/>
    <s v="web"/>
    <x v="0"/>
    <x v="2391"/>
  </r>
  <r>
    <x v="0"/>
    <x v="28"/>
    <x v="6201"/>
    <s v="Keepass"/>
    <s v="Password Managment System used by DBAs, Developpers and Middleware to securely manage their inventory of Passwords. Encryption is used."/>
    <s v="Other"/>
    <x v="1"/>
    <s v="Open Source : http://keepass.info/news/n110712_2.16.html"/>
    <x v="45"/>
    <s v="2.1.0 Internal Services"/>
    <s v="Information Technology Services"/>
    <s v="PSC-357"/>
    <s v="In Production"/>
    <s v="desktop"/>
    <x v="0"/>
    <x v="2392"/>
  </r>
  <r>
    <x v="0"/>
    <x v="43"/>
    <x v="6080"/>
    <s v="WordPress"/>
    <s v="WordPress is a blogging platform that powers intravox, enabling dynamic sites such as the Update at the PSC site, enabling web services such as the Photo Gallery and Events Calendar, and allowing for rapid deploymnet of special web sites for specific projects."/>
    <s v="Other"/>
    <x v="1"/>
    <s v="Open Source"/>
    <x v="45"/>
    <s v="2.1.0 Internal Services"/>
    <s v="Communications Services"/>
    <s v="PSC-369"/>
    <s v="In Production"/>
    <s v="web"/>
    <x v="0"/>
    <x v="2393"/>
  </r>
  <r>
    <x v="0"/>
    <x v="0"/>
    <x v="6050"/>
    <s v="Mediawiki"/>
    <s v="Mediawiki is the wiki platform that powers the PSC's wiki site, allowing small groups to develop web content for their own purposes."/>
    <s v="Other"/>
    <x v="1"/>
    <s v="Open Source"/>
    <x v="45"/>
    <s v="2.1.0 Internal Services"/>
    <s v="Communications Services"/>
    <s v="PSC-371"/>
    <s v="In Production"/>
    <s v="web"/>
    <x v="0"/>
    <x v="2393"/>
  </r>
  <r>
    <x v="0"/>
    <x v="28"/>
    <x v="4388"/>
    <s v="Piwik"/>
    <s v="Piwik is a web analytics platform, used to provide statistics about the usage of the PSC's web sites."/>
    <s v="Other"/>
    <x v="1"/>
    <s v="Open Source"/>
    <x v="45"/>
    <s v="2.1.0 Internal Services"/>
    <s v="Communications Services"/>
    <s v="PSC-373"/>
    <s v="In Production"/>
    <s v="web"/>
    <x v="0"/>
    <x v="2393"/>
  </r>
  <r>
    <x v="0"/>
    <x v="16"/>
    <x v="6202"/>
    <s v="SAT - OVD"/>
    <s v="The Staffing Audit Tool (SAT) is a Microsoft Access database application designed and developed by the staff of the PSC’s Audit Directorate of the Audit and Data Services Branch.  The database stores the results of compliance examination of appointments to and within the federal public service."/>
    <s v=""/>
    <x v="1"/>
    <s v=""/>
    <x v="45"/>
    <s v="1.3.0 Oversight of Integrity in Staffing and of Non-Partisanship"/>
    <s v="Other"/>
    <s v="PSC-376"/>
    <s v="In Production"/>
    <s v="desktop"/>
    <x v="1"/>
    <x v="2394"/>
  </r>
  <r>
    <x v="2"/>
    <x v="22"/>
    <x v="6203"/>
    <s v="SRS"/>
    <m/>
    <s v=""/>
    <x v="1"/>
    <s v=""/>
    <x v="45"/>
    <s v="1.2.0 Staffing Services and Assessment"/>
    <s v="Human Resources Management Services"/>
    <s v="APP-04132"/>
    <s v="In Production"/>
    <s v="web"/>
    <x v="1"/>
    <x v="2369"/>
  </r>
  <r>
    <x v="2"/>
    <x v="22"/>
    <x v="6204"/>
    <s v="SWS"/>
    <m/>
    <s v=""/>
    <x v="1"/>
    <s v=""/>
    <x v="45"/>
    <s v="1.2.0 Staffing Services and Assessment"/>
    <s v="Human Resources Management Services"/>
    <s v="APP-04136"/>
    <s v="In Production"/>
    <s v="web"/>
    <x v="1"/>
    <x v="2395"/>
  </r>
  <r>
    <x v="2"/>
    <x v="2"/>
    <x v="6205"/>
    <s v="CMS"/>
    <s v="CMS manages PSC contracts for Professional Services. From a single system, users are able to manage contracts and related amendments, add, modify and close obligations related to contracts, and generate contract documents. Users of the CMS system include PSC managers, the Contract Review Board (CRB) and any PSC employees who are involved in preparing contracts."/>
    <s v=""/>
    <x v="1"/>
    <s v=""/>
    <x v="45"/>
    <s v="2.1.0 Internal Services"/>
    <s v="Acquisition Services,Financial Management Services,Other"/>
    <s v="PSC-45"/>
    <s v="In Production"/>
    <s v="rich"/>
    <x v="1"/>
    <x v="2385"/>
  </r>
  <r>
    <x v="2"/>
    <x v="41"/>
    <x v="6206"/>
    <s v="CMS Reporting"/>
    <s v="This system allows the Administration Division to generate reports on professional services contracts. Data information is pulled from two applications: CMS for contracting information and FreeBalance for expenditures."/>
    <s v=""/>
    <x v="1"/>
    <s v=""/>
    <x v="45"/>
    <s v="2.1.0 Internal Services"/>
    <s v="Financial Management Services,Management and Oversight Services,Other"/>
    <s v="PSC-46"/>
    <s v="In Production"/>
    <s v="rich"/>
    <x v="1"/>
    <x v="2396"/>
  </r>
  <r>
    <x v="0"/>
    <x v="28"/>
    <x v="6207"/>
    <s v="COOP"/>
    <s v="COOP provides information to interested parties on which educational institutions participate in the COOP program and which of their programs are eligible."/>
    <s v=""/>
    <x v="1"/>
    <s v=""/>
    <x v="45"/>
    <s v="1.2.0 Staffing Services and Assessment"/>
    <s v="Other"/>
    <s v="PSC-48"/>
    <s v="In Production"/>
    <s v="web"/>
    <x v="1"/>
    <x v="2374"/>
  </r>
  <r>
    <x v="0"/>
    <x v="0"/>
    <x v="6208"/>
    <s v="CCM Mercury"/>
    <s v="This COTS is used by Executive correspondence officers for the purpose of tracking correspondence.  CCM is now a corporate tool that is used in all directorates to track both Blue Dockets (those started in the president’s office) and Regular correspondence."/>
    <s v="WorkDynamics_Technologies_Inc"/>
    <x v="0"/>
    <s v=""/>
    <x v="45"/>
    <s v="2.1.0 Internal Services"/>
    <s v="Communications Services"/>
    <s v="PSC-49"/>
    <s v="In Production"/>
    <s v="rich"/>
    <x v="0"/>
    <x v="2397"/>
  </r>
  <r>
    <x v="2"/>
    <x v="41"/>
    <x v="6209"/>
    <s v="EFS"/>
    <m/>
    <s v=""/>
    <x v="1"/>
    <s v=""/>
    <x v="45"/>
    <s v="2.1.0 Internal Services"/>
    <s v="Financial Management Services,Human Resources Management Services,Management and Oversight Services,Materiel Services,Travel and Other Administrative Services"/>
    <s v="PSC-60"/>
    <s v="In Production"/>
    <s v="rich"/>
    <x v="1"/>
    <x v="2385"/>
  </r>
  <r>
    <x v="6"/>
    <x v="24"/>
    <x v="6210"/>
    <s v="EZ-Time"/>
    <s v="EZ-Time is an in-house developed (MS-Access) time tracking system.  It provides users and managers with the ability to manage time and effort spend on work, at both the project and sub-project levels.  It is used by CMB, SASB and ADSB."/>
    <s v=""/>
    <x v="1"/>
    <s v=""/>
    <x v="45"/>
    <s v="2.1.0 Internal Services"/>
    <s v="Information Management Services"/>
    <s v="PSC-68"/>
    <s v="In Production"/>
    <s v="rich"/>
    <x v="1"/>
    <x v="1310"/>
  </r>
  <r>
    <x v="2"/>
    <x v="2"/>
    <x v="6211"/>
    <s v="FRS"/>
    <s v="This system complements FreeBalance Financials reporting capabilities by providing month-end reports.  FRS is used to produce financial reports for all FRS users at the PSC.  The information is drawn from copies of the FreeBalance database."/>
    <s v=""/>
    <x v="1"/>
    <s v=""/>
    <x v="45"/>
    <s v="2.1.0 Internal Services"/>
    <s v="Financial Management Services"/>
    <s v="PSC-71"/>
    <s v="In Production"/>
    <s v="rich"/>
    <x v="1"/>
    <x v="2385"/>
  </r>
  <r>
    <x v="2"/>
    <x v="2"/>
    <x v="6212"/>
    <s v="FSA"/>
    <s v="Financial Signing Authority (FSA) is a system developed to provide electronic signature capabilities for PSC employees that have received delegated financial signing authority.  This application permits the verification of expenditures initiation and obligation authorisation used in the following FAIS applications: EFS, CMS, FreeBalance purchase requisitions."/>
    <s v=""/>
    <x v="1"/>
    <s v=""/>
    <x v="45"/>
    <s v="2.1.0 Internal Services"/>
    <s v="Financial Management Services"/>
    <s v="PSC-76"/>
    <s v="In Production"/>
    <s v="rich"/>
    <x v="1"/>
    <x v="2385"/>
  </r>
  <r>
    <x v="2"/>
    <x v="2"/>
    <x v="4694"/>
    <s v="FBF"/>
    <m/>
    <s v="Other"/>
    <x v="1"/>
    <s v="FreeBalance Inc. (FreeBalance Fiancial)"/>
    <x v="45"/>
    <s v="2.1.0 Internal Services"/>
    <s v="Financial Management Services"/>
    <s v="PSC-80"/>
    <s v="In Production"/>
    <s v="rich"/>
    <x v="0"/>
    <x v="2398"/>
  </r>
  <r>
    <x v="4"/>
    <x v="5"/>
    <x v="6213"/>
    <s v="ACRDS"/>
    <s v="ACRDS is the web directory that provides an on-line directory to list approved government rates and information for Accommodation and Passenger Vehicle Rentals. It is used by GoC employees, RCMP and Armed Forces personnel to search for accommodation and car rental rates and information for official business purposes."/>
    <s v=""/>
    <x v="1"/>
    <s v=""/>
    <x v="46"/>
    <s v="Acquisitions"/>
    <s v="Other"/>
    <s v="PSPC-OMIS00000001"/>
    <s v="In Production"/>
    <s v="web"/>
    <x v="1"/>
    <x v="2399"/>
  </r>
  <r>
    <x v="4"/>
    <x v="5"/>
    <x v="6214"/>
    <s v="ACRRS"/>
    <s v="ACRRS is a repository system for processing and managing Offer Information from Accommodation and Car Rental Service Providers. It also generates the database for ACRDS."/>
    <s v=""/>
    <x v="1"/>
    <s v=""/>
    <x v="46"/>
    <s v="Acquisitions"/>
    <s v="Other"/>
    <s v="PSPC-OMIS00000002"/>
    <s v="In Production"/>
    <s v="rich"/>
    <x v="1"/>
    <x v="2399"/>
  </r>
  <r>
    <x v="4"/>
    <x v="5"/>
    <x v="6215"/>
    <s v="AIS"/>
    <s v="A data warehouse or repository of (historical) information on procurement documents issued by Acquisitions Branch.  It is a subset of information that is created and maintained by ABE (Automated Buyer Environment)"/>
    <s v=""/>
    <x v="1"/>
    <s v=""/>
    <x v="46"/>
    <s v="Acquisitions"/>
    <s v="Other"/>
    <s v="PSPC-OMIS00000003"/>
    <s v="In Production"/>
    <s v="mini_main_super"/>
    <x v="1"/>
    <x v="2399"/>
  </r>
  <r>
    <x v="4"/>
    <x v="5"/>
    <x v="6216"/>
    <s v="AC-CAT"/>
    <s v="The Air Charter Services Catalogue System consolidates, for the convenience of Identified Users, all relevant information contained in the National Master Standing Offer (NMSO) for the domestic and some international Air Charter Services. It provides Identified Users on GENET with the Terms and Conditions of the NMSO, Search features by Rotary Wing, Fixed Wing and Carrier, Forms, print Catalogue and Carriers’ contact information, published rates, prices and services.   There is also an administrative module for NMSO database management which is accessible by the end users (Standing Offer Authorities) at PWGSC."/>
    <s v=""/>
    <x v="1"/>
    <s v=""/>
    <x v="46"/>
    <s v="Acquisitions"/>
    <s v="Other"/>
    <s v="PSPC-OMIS00000005"/>
    <s v="In Production"/>
    <s v="web"/>
    <x v="1"/>
    <x v="2399"/>
  </r>
  <r>
    <x v="4"/>
    <x v="5"/>
    <x v="6217"/>
    <s v="ACS-Online"/>
    <m/>
    <s v=""/>
    <x v="1"/>
    <s v=""/>
    <x v="46"/>
    <s v="Acquisitions"/>
    <s v="Other"/>
    <s v="PSPC-OMIS00000006"/>
    <s v="In Production"/>
    <s v="web"/>
    <x v="1"/>
    <x v="2399"/>
  </r>
  <r>
    <x v="4"/>
    <x v="5"/>
    <x v="6218"/>
    <s v="CEBS"/>
    <s v="A system used by Car Rental suppliers to prepare offer information for submission, as well as to managing and importing offer information to the repository."/>
    <s v=""/>
    <x v="1"/>
    <s v=""/>
    <x v="46"/>
    <s v="Acquisitions"/>
    <s v="Other"/>
    <s v="PSPC-OMIS00000017"/>
    <s v="In Production"/>
    <s v="rich"/>
    <x v="1"/>
    <x v="2399"/>
  </r>
  <r>
    <x v="4"/>
    <x v="5"/>
    <x v="6219"/>
    <s v="GC Surplus"/>
    <s v="Crown Assets Distribution Directorate (CADD), Compliance and Asset Management Sector, within Science Informatics and Professional Services Sector (SIPSS), in the department of Public Works and Government Services Canada, dispose of moveable federal government surplus materiel through 6 regional Crown Assets Distribution Centres (CADC) offices across Canada and its Headquarters, through direct sales and in some cases, through contracts with service providers. Sale methods include tenders, public sales and auctions.  CADD owns 3 systems in 2 environments to fulfill their mandate.   • ROS/Item Client System (WebRics) – Web site hosted at RAD International (Service Provider).  This application is needed to allow Other Government Departments (OGD) record"/>
    <s v=""/>
    <x v="1"/>
    <s v=""/>
    <x v="46"/>
    <s v="Acquisitions"/>
    <s v="Other"/>
    <s v="PSPC-OMIS00000018"/>
    <s v="In Production"/>
    <s v="web"/>
    <x v="1"/>
    <x v="2399"/>
  </r>
  <r>
    <x v="4"/>
    <x v="5"/>
    <x v="6220"/>
    <s v="CRS"/>
    <s v="CRS supports and automates activities related to the relocation of employees, move information, communications with van lines and departmental contacts, invoicing and billing through Sigma interface."/>
    <s v=""/>
    <x v="1"/>
    <s v=""/>
    <x v="46"/>
    <s v="Acquisitions"/>
    <s v="Other"/>
    <s v="PSPC-OMIS00000019"/>
    <s v="In Production"/>
    <s v="web"/>
    <x v="1"/>
    <x v="2399"/>
  </r>
  <r>
    <x v="4"/>
    <x v="5"/>
    <x v="6221"/>
    <s v="CRIS"/>
    <s v="A system containing common reference and domain information that is required by many ACQB systems such as code and reporting tables and milestone descriptions."/>
    <s v=""/>
    <x v="1"/>
    <s v=""/>
    <x v="46"/>
    <s v="Acquisitions"/>
    <s v="Other"/>
    <s v="PSPC-OMIS00000022"/>
    <s v="In Production"/>
    <s v="rich"/>
    <x v="1"/>
    <x v="2399"/>
  </r>
  <r>
    <x v="4"/>
    <x v="5"/>
    <x v="6222"/>
    <s v="GALILEO"/>
    <s v="Galileo is a web-based Requisition and Workload Management Tool, used to enable the PWGSC  Acquisitions staff to efficiently and effectively manage the requisition process. It has been deployed to PWGSC Western, Pacific and Ontario, Quebec and NCR [Summer / Fall 2015 Deployment] Regions Acquisitions staff."/>
    <s v=""/>
    <x v="1"/>
    <s v=""/>
    <x v="46"/>
    <s v="Acquisitions"/>
    <s v="Other"/>
    <s v="PSPC-OMIS00000025"/>
    <s v="In Production"/>
    <s v="web"/>
    <x v="1"/>
    <x v="2399"/>
  </r>
  <r>
    <x v="4"/>
    <x v="5"/>
    <x v="6223"/>
    <s v="CFSA"/>
    <m/>
    <s v=""/>
    <x v="1"/>
    <s v=""/>
    <x v="46"/>
    <s v="Federal Pay &amp; Pension Administration"/>
    <s v="Other"/>
    <s v="PSPC-OMIS00000026"/>
    <s v="In Production"/>
    <s v="mini_main_super"/>
    <x v="1"/>
    <x v="2399"/>
  </r>
  <r>
    <x v="4"/>
    <x v="5"/>
    <x v="6224"/>
    <s v="CENINDX"/>
    <m/>
    <s v=""/>
    <x v="1"/>
    <s v=""/>
    <x v="46"/>
    <s v="Federal Pay &amp; Pension Administration"/>
    <s v="Other"/>
    <s v="PSPC-OMIS00000027"/>
    <s v="In Production"/>
    <s v="mini_main_super"/>
    <x v="1"/>
    <x v="2399"/>
  </r>
  <r>
    <x v="4"/>
    <x v="5"/>
    <x v="6225"/>
    <s v="CASS2000"/>
    <m/>
    <s v=""/>
    <x v="1"/>
    <s v=""/>
    <x v="46"/>
    <s v="Acquisitions"/>
    <s v="Other"/>
    <s v="PSPC-OMIS00000029"/>
    <s v="In Production"/>
    <s v="rich"/>
    <x v="1"/>
    <x v="2399"/>
  </r>
  <r>
    <x v="4"/>
    <x v="5"/>
    <x v="6226"/>
    <s v="CIS"/>
    <s v="Database of government receiving and invoicing addresses by department."/>
    <s v=""/>
    <x v="1"/>
    <s v=""/>
    <x v="46"/>
    <s v="Acquisitions"/>
    <s v="Other"/>
    <s v="PSPC-OMIS00000030"/>
    <s v="In Production"/>
    <s v="rich"/>
    <x v="1"/>
    <x v="2399"/>
  </r>
  <r>
    <x v="4"/>
    <x v="5"/>
    <x v="6227"/>
    <s v="EPPS"/>
    <s v="The Electronic Petroleum Procurement System (EPPS) is designed to assist procurement with serving  client departments involving the delivery of fuel at approximately 4,000 product specific locations across Canada. EPPS supports the procurement of fuel valued at between $350 million and $500 million dollars annually. Is purpose is to obtain petroleum products at the best possible price. EPPS consolidates by items within a file and also by zone, product and delivery method."/>
    <s v=""/>
    <x v="1"/>
    <s v=""/>
    <x v="46"/>
    <s v="Acquisitions"/>
    <s v="Other"/>
    <s v="PSPC-OMIS00000033"/>
    <s v="In Production"/>
    <s v="web"/>
    <x v="1"/>
    <x v="2399"/>
  </r>
  <r>
    <x v="4"/>
    <x v="5"/>
    <x v="6228"/>
    <s v="EPUSUITE"/>
    <s v="E-Purchasing allows users to electronically fill in an order and electronicaly send it it to vendors. The system auto-completes vendor and destination addresses. Also, e-Purchasing can be configured for authority control forcing an approval manager to review and accept an order before it is sent out to vendors. The system automatically validates against Standing Offers before processing. There are 3 different modules which make up E-Purchasing: E-Purchasing Web, Transac and Sage."/>
    <s v=""/>
    <x v="1"/>
    <s v=""/>
    <x v="46"/>
    <s v="Acquisitions"/>
    <s v="Other"/>
    <s v="PSPC-OMIS00000034"/>
    <s v="In Production"/>
    <s v="web"/>
    <x v="1"/>
    <x v="2399"/>
  </r>
  <r>
    <x v="4"/>
    <x v="5"/>
    <x v="6229"/>
    <s v="SPMIS"/>
    <m/>
    <s v=""/>
    <x v="1"/>
    <s v=""/>
    <x v="46"/>
    <s v="Acquisitions"/>
    <s v="Other"/>
    <s v="PSPC-OMIS00000049"/>
    <s v="In Production"/>
    <s v="rich"/>
    <x v="1"/>
    <x v="2399"/>
  </r>
  <r>
    <x v="4"/>
    <x v="5"/>
    <x v="6230"/>
    <s v="SOI"/>
    <s v="This application is designed to communicate the availability of standing offers and supply arrangements to client departments and agencies, and to assist users with their procurement activities by allowing them to determine if a standing offer exists that meets their requirements. It contains the complete list of PWGSC generated Standing Offers.  SOI supports procurement activities by allowing users in PWGSC and OGDs to determine if a standing offer exists that meets their requirements."/>
    <s v=""/>
    <x v="1"/>
    <s v=""/>
    <x v="46"/>
    <s v="Acquisitions"/>
    <s v="Other"/>
    <s v="PSPC-OMIS00000055"/>
    <s v="In Production"/>
    <s v="web"/>
    <x v="1"/>
    <x v="2399"/>
  </r>
  <r>
    <x v="4"/>
    <x v="5"/>
    <x v="6231"/>
    <s v="SRI"/>
    <s v="The Supplier Registration Information (SRI) system is a database of businesses interested in selling to the federal government. By registering in SRI, users make their information widely available to federal government buyers who can use it to identify potential suppliers for the goods and services they buy."/>
    <s v=""/>
    <x v="1"/>
    <s v=""/>
    <x v="46"/>
    <s v="Acquisitions"/>
    <s v="Other"/>
    <s v="PSPC-OMIS00000057"/>
    <s v="In Production"/>
    <s v="web"/>
    <x v="1"/>
    <x v="2399"/>
  </r>
  <r>
    <x v="4"/>
    <x v="5"/>
    <x v="6232"/>
    <s v="VIM"/>
    <s v="An application that receives and manages vendor information and product code cross reference information that is used for vendor rotation and sourcing purposes."/>
    <s v=""/>
    <x v="1"/>
    <s v=""/>
    <x v="46"/>
    <s v="Acquisitions"/>
    <s v="Other"/>
    <s v="PSPC-OMIS00000063"/>
    <s v="In Production"/>
    <s v="rich"/>
    <x v="1"/>
    <x v="2399"/>
  </r>
  <r>
    <x v="4"/>
    <x v="5"/>
    <x v="6233"/>
    <s v="GCSCI"/>
    <s v="Crown Assets Distribution Directorate (CADD), Compliance and Asset Management Sector, within Science Informatics and Professional Services Sector (SIPSS), in the department of Public Works and Government Services Canada, dispose of moveable federal government surplus materiel through 6 regional Crown Assets Distribution Centres (CADC) offices across Canada and its Headquarters, through direct sales and in some cases, through contracts with service providers. Sale methods include tenders, public sales and auctions.  CADD owns 2 Web based systems to fulfill their mandate.   • Crown Assets Distribution (CAD) Web site hosted at RAD International.  This application allows the general public to subscribe to e-mail notification and to view materiel availabl"/>
    <s v=""/>
    <x v="1"/>
    <s v=""/>
    <x v="46"/>
    <s v="Acquisitions"/>
    <s v="Other"/>
    <s v="PSPC-OMIS00000064"/>
    <s v="In Production"/>
    <s v="web"/>
    <x v="1"/>
    <x v="2399"/>
  </r>
  <r>
    <x v="4"/>
    <x v="5"/>
    <x v="6234"/>
    <s v="ACA"/>
    <m/>
    <s v=""/>
    <x v="1"/>
    <s v=""/>
    <x v="46"/>
    <s v="Federal Pay &amp; Pension Administration"/>
    <s v="Other"/>
    <s v="PSPC-OMIS00000066"/>
    <s v="In Production"/>
    <s v="web"/>
    <x v="1"/>
    <x v="2399"/>
  </r>
  <r>
    <x v="4"/>
    <x v="5"/>
    <x v="6235"/>
    <s v="ARDB"/>
    <m/>
    <s v=""/>
    <x v="1"/>
    <s v=""/>
    <x v="46"/>
    <s v="Federal Pay &amp; Pension Administration"/>
    <s v="Other"/>
    <s v="PSPC-OMIS00000068"/>
    <s v="In Production"/>
    <s v="rich"/>
    <x v="1"/>
    <x v="2399"/>
  </r>
  <r>
    <x v="4"/>
    <x v="5"/>
    <x v="6236"/>
    <s v="CCSDB"/>
    <m/>
    <s v=""/>
    <x v="1"/>
    <s v=""/>
    <x v="46"/>
    <s v="Federal Pay &amp; Pension Administration"/>
    <s v="Other"/>
    <s v="PSPC-OMIS00000070"/>
    <s v="In Production"/>
    <s v="web"/>
    <x v="1"/>
    <x v="2399"/>
  </r>
  <r>
    <x v="4"/>
    <x v="5"/>
    <x v="6237"/>
    <s v="CONT"/>
    <m/>
    <s v=""/>
    <x v="1"/>
    <s v=""/>
    <x v="46"/>
    <s v="Federal Pay &amp; Pension Administration"/>
    <s v="Other"/>
    <s v="PSPC-OMIS00000071"/>
    <s v="In Production"/>
    <s v="mini_main_super"/>
    <x v="1"/>
    <x v="2399"/>
  </r>
  <r>
    <x v="4"/>
    <x v="5"/>
    <x v="6238"/>
    <s v="GTON"/>
    <m/>
    <s v=""/>
    <x v="1"/>
    <s v=""/>
    <x v="46"/>
    <s v="Federal Pay &amp; Pension Administration"/>
    <s v="Other"/>
    <s v="PSPC-OMIS00000074"/>
    <s v="In Production"/>
    <s v="web"/>
    <x v="1"/>
    <x v="2399"/>
  </r>
  <r>
    <x v="4"/>
    <x v="5"/>
    <x v="6239"/>
    <s v="IURMS"/>
    <m/>
    <s v=""/>
    <x v="1"/>
    <s v=""/>
    <x v="46"/>
    <s v="Federal Pay &amp; Pension Administration"/>
    <s v="Other"/>
    <s v="PSPC-OMIS00000076"/>
    <s v="In Production"/>
    <s v="rich"/>
    <x v="1"/>
    <x v="2399"/>
  </r>
  <r>
    <x v="4"/>
    <x v="5"/>
    <x v="6240"/>
    <s v="JUDGES"/>
    <m/>
    <s v=""/>
    <x v="1"/>
    <s v=""/>
    <x v="46"/>
    <s v="Federal Pay &amp; Pension Administration"/>
    <s v="Other"/>
    <s v="PSPC-OMIS00000079"/>
    <s v="In Production"/>
    <s v="mini_main_super"/>
    <x v="1"/>
    <x v="2399"/>
  </r>
  <r>
    <x v="4"/>
    <x v="5"/>
    <x v="6241"/>
    <s v="MPRA"/>
    <m/>
    <s v=""/>
    <x v="1"/>
    <s v=""/>
    <x v="46"/>
    <s v="Federal Pay &amp; Pension Administration"/>
    <s v="Other"/>
    <s v="PSPC-OMIS00000080"/>
    <s v="In Production"/>
    <s v="desktop"/>
    <x v="1"/>
    <x v="2399"/>
  </r>
  <r>
    <x v="4"/>
    <x v="5"/>
    <x v="6242"/>
    <s v="PSW"/>
    <m/>
    <s v=""/>
    <x v="1"/>
    <s v=""/>
    <x v="46"/>
    <s v="Federal Pay &amp; Pension Administration"/>
    <s v="Other"/>
    <s v="PSPC-OMIS00000084"/>
    <s v="In Production"/>
    <s v="web"/>
    <x v="1"/>
    <x v="2399"/>
  </r>
  <r>
    <x v="4"/>
    <x v="5"/>
    <x v="6243"/>
    <s v="PTA"/>
    <m/>
    <s v=""/>
    <x v="1"/>
    <s v=""/>
    <x v="46"/>
    <s v="Federal Pay &amp; Pension Administration"/>
    <s v="Other"/>
    <s v="PSPC-OMIS00000088"/>
    <s v="In Production"/>
    <s v="desktop"/>
    <x v="1"/>
    <x v="2400"/>
  </r>
  <r>
    <x v="4"/>
    <x v="5"/>
    <x v="6244"/>
    <s v="PTS"/>
    <m/>
    <s v=""/>
    <x v="1"/>
    <s v=""/>
    <x v="46"/>
    <s v="Federal Pay &amp; Pension Administration"/>
    <s v="Other"/>
    <s v="PSPC-OMIS00000089"/>
    <s v="In Production"/>
    <s v="rich"/>
    <x v="1"/>
    <x v="2399"/>
  </r>
  <r>
    <x v="4"/>
    <x v="5"/>
    <x v="6245"/>
    <s v="DPP"/>
    <s v="Allows DFO/PWGSC staff to share images &amp; project info related to DFO Small Craft Harbours portfolio. This application is on the GC Intranet and serves multiple departments.  BVA 2015-16:  INTERDEPARTMENTAL USE - SC-Net Portal through which OGD and PWGSC users can exchange shared documents."/>
    <s v=""/>
    <x v="1"/>
    <s v=""/>
    <x v="46"/>
    <s v="Accommodation and Real Property Services"/>
    <s v="Other"/>
    <s v="PSPC-OMIS00000091"/>
    <s v="In Production"/>
    <s v="web"/>
    <x v="1"/>
    <x v="2399"/>
  </r>
  <r>
    <x v="4"/>
    <x v="5"/>
    <x v="6246"/>
    <s v="PRR"/>
    <s v="Registration of new personnel - notifies all relevant parties (Safety &amp; Security, HR, ITS, etc) of a new employee – enforces policies. See http://breakers-brisants.pwgsc-tpsgc.gc.ca/eng/node/4343 for a complete description.  BVA 2015-16:  Tool to facilitate on-boarding and departure of staff and the subsequent workflows that have to occur to assign/relinquish a workspace, IT assets, security clearance, HR and pay records, etc. (STONG POTENTIAL FOR BROADER DEPARTMENTAL USE)"/>
    <s v=""/>
    <x v="1"/>
    <s v=""/>
    <x v="46"/>
    <s v="Internal Services"/>
    <s v="Information Management Services"/>
    <s v="PSPC-OMIS00000093"/>
    <s v="In Production"/>
    <s v="web"/>
    <x v="1"/>
    <x v="2399"/>
  </r>
  <r>
    <x v="4"/>
    <x v="5"/>
    <x v="6247"/>
    <s v="PSHCP (PC)"/>
    <m/>
    <s v=""/>
    <x v="1"/>
    <s v=""/>
    <x v="46"/>
    <s v="Federal Pay &amp; Pension Administration"/>
    <s v="Other"/>
    <s v="PSPC-OMIS00000098"/>
    <s v="In Production"/>
    <s v="desktop"/>
    <x v="1"/>
    <x v="2399"/>
  </r>
  <r>
    <x v="4"/>
    <x v="5"/>
    <x v="475"/>
    <s v="RPS"/>
    <m/>
    <s v=""/>
    <x v="1"/>
    <s v=""/>
    <x v="46"/>
    <s v="Federal Pay &amp; Pension Administration"/>
    <s v="Other"/>
    <s v="PSPC-OMIS00000100"/>
    <s v="In Production"/>
    <s v="mini_main_super"/>
    <x v="1"/>
    <x v="2399"/>
  </r>
  <r>
    <x v="4"/>
    <x v="5"/>
    <x v="6248"/>
    <s v="PRoW"/>
    <m/>
    <s v=""/>
    <x v="1"/>
    <s v=""/>
    <x v="46"/>
    <s v="Federal Pay &amp; Pension Administration"/>
    <s v="Other"/>
    <s v="PSPC-OMIS00000101"/>
    <s v="In Production"/>
    <s v="web"/>
    <x v="1"/>
    <x v="2399"/>
  </r>
  <r>
    <x v="4"/>
    <x v="5"/>
    <x v="6249"/>
    <s v="RETOS"/>
    <s v="ReTOS (The reTaken on Strength application calculates Superannuation Arrears, Disability Insurance(DI), Long Term Disability Insurance (LTD), Supplemenatry Death Benefit Arrears(SDB) for employees covered by the Public Service Superannuation Act who have been or will be absent on Leave without Pay."/>
    <s v=""/>
    <x v="1"/>
    <s v=""/>
    <x v="46"/>
    <s v="Federal Pay &amp; Pension Administration"/>
    <s v="Other"/>
    <s v="PSPC-OMIS00000104"/>
    <s v="In Production"/>
    <s v="desktop"/>
    <x v="1"/>
    <x v="2399"/>
  </r>
  <r>
    <x v="4"/>
    <x v="5"/>
    <x v="6250"/>
    <s v="SMIRS"/>
    <m/>
    <s v=""/>
    <x v="1"/>
    <s v=""/>
    <x v="46"/>
    <s v="Federal Pay &amp; Pension Administration"/>
    <s v="Other"/>
    <s v="PSPC-OMIS00000108"/>
    <s v="In Production"/>
    <s v="mini_main_super"/>
    <x v="1"/>
    <x v="2399"/>
  </r>
  <r>
    <x v="4"/>
    <x v="5"/>
    <x v="6251"/>
    <s v="TV"/>
    <s v="Transfer Value (TV) is a PC based application that calculates the value of the current employee's pension benefit at the time of termination.  This application provides an interface for an OSFI module calculation.  This was to be decommissioned with Release 3.0 of Pen Mod, however the functinality is still required by the client and it will not be decommissioned in the foreseeable future."/>
    <s v=""/>
    <x v="1"/>
    <s v=""/>
    <x v="46"/>
    <s v="Federal Pay &amp; Pension Administration"/>
    <s v="Other"/>
    <s v="PSPC-OMIS00000111"/>
    <s v="In Production"/>
    <s v="desktop"/>
    <x v="1"/>
    <x v="2399"/>
  </r>
  <r>
    <x v="4"/>
    <x v="5"/>
    <x v="6252"/>
    <s v="ADEToolset"/>
    <s v="It is a set of small applications/tools/softwares use by developers to support application development."/>
    <s v=""/>
    <x v="1"/>
    <s v=""/>
    <x v="46"/>
    <s v=""/>
    <s v=""/>
    <s v="PSPC-OMIS00000112"/>
    <s v="In Production"/>
    <s v="mini_main_super"/>
    <x v="1"/>
    <x v="2400"/>
  </r>
  <r>
    <x v="4"/>
    <x v="5"/>
    <x v="473"/>
    <s v="CFMRS"/>
    <m/>
    <s v=""/>
    <x v="1"/>
    <s v=""/>
    <x v="46"/>
    <s v="Receiver General for Canada"/>
    <s v="Other"/>
    <s v="PSPC-OMIS00000116"/>
    <s v="In Production"/>
    <s v="mini_main_super"/>
    <x v="1"/>
    <x v="2399"/>
  </r>
  <r>
    <x v="4"/>
    <x v="5"/>
    <x v="471"/>
    <s v="CSM"/>
    <m/>
    <s v=""/>
    <x v="1"/>
    <s v=""/>
    <x v="46"/>
    <s v="Receiver General for Canada"/>
    <s v="Other"/>
    <s v="PSPC-OMIS00000117"/>
    <s v="In Production"/>
    <s v="mini_main_super"/>
    <x v="1"/>
    <x v="2399"/>
  </r>
  <r>
    <x v="4"/>
    <x v="5"/>
    <x v="6253"/>
    <s v="CDFS"/>
    <m/>
    <s v=""/>
    <x v="1"/>
    <s v=""/>
    <x v="46"/>
    <s v="Receiver General for Canada"/>
    <s v="Other"/>
    <s v="PSPC-OMIS00000120"/>
    <s v="In Production"/>
    <s v="mini_main_super"/>
    <x v="1"/>
    <x v="2399"/>
  </r>
  <r>
    <x v="4"/>
    <x v="5"/>
    <x v="6254"/>
    <s v="DDIS"/>
    <s v="Once a week, the Financial Institution File (FIF) is downloaded from the Canadian Payment Association.  The FIF file is decrypted and uploaded to the mainframe MVS2. On the mainframe the file, which has a record for each Financial Number and Branch Number, is loaded to the DDIS database on MVS2 and MVSB. Sequential files are also copied on MVS1. DDIS uses this data to identify the Direct Clearer for a given FI (Financial Institution) Branch number. Each record also contains the Address. DDIS provides enquiry function by Address, FI and FI Branch.  SPS uses DDIS to validate and identify the direct clearer for a given FI Branch.  Other applications use it to verify the existence of a given FI Branch."/>
    <s v=""/>
    <x v="1"/>
    <s v=""/>
    <x v="46"/>
    <s v="Receiver General for Canada"/>
    <s v="Other"/>
    <s v="PSPC-OMIS00000122"/>
    <s v="In Production"/>
    <s v="mini_main_super"/>
    <x v="1"/>
    <x v="2399"/>
  </r>
  <r>
    <x v="4"/>
    <x v="5"/>
    <x v="6255"/>
    <s v="GUS"/>
    <m/>
    <s v=""/>
    <x v="1"/>
    <s v=""/>
    <x v="46"/>
    <s v="Receiver General for Canada"/>
    <s v="Other"/>
    <s v="PSPC-OMIS00000126"/>
    <s v="In Production"/>
    <s v="mini_main_super"/>
    <x v="1"/>
    <x v="2399"/>
  </r>
  <r>
    <x v="4"/>
    <x v="5"/>
    <x v="6256"/>
    <s v="GBS"/>
    <s v="The Government Banking System (GBS) supports the Public Works and Government Services Canada (PWGSC) mandate to perform the treasury functions of the Receiver General.  The GBS provides revenue collection services to government departments and agencies. Receipts collected by departments and agencies amount to approximately $416 billion a year.  Cash inflows to the Consolidated Revenue Fund in 2009-2010 were approximately $1.082 trillion, with cash outflows of $1.102 trillion.   Fees paid by the Receiver General for banking services in 2009-2010 amounted to approximately $42.2 million.  Over 100 departments and agencies generate revenues for deposit into the Consolidated Revenue Fund.  The GBS also facilitates the establishment and management of arr"/>
    <s v=""/>
    <x v="1"/>
    <s v=""/>
    <x v="46"/>
    <s v="Receiver General for Canada"/>
    <s v="Other"/>
    <s v="PSPC-OMIS00000129"/>
    <s v="In Production"/>
    <s v="mini_main_super"/>
    <x v="1"/>
    <x v="2399"/>
  </r>
  <r>
    <x v="4"/>
    <x v="5"/>
    <x v="6257"/>
    <s v="MRM"/>
    <m/>
    <s v=""/>
    <x v="1"/>
    <s v=""/>
    <x v="46"/>
    <s v=""/>
    <s v=""/>
    <s v="PSPC-OMIS00000131"/>
    <s v="In Production"/>
    <s v="mini_main_super"/>
    <x v="1"/>
    <x v="2399"/>
  </r>
  <r>
    <x v="4"/>
    <x v="5"/>
    <x v="6258"/>
    <s v="PCA"/>
    <m/>
    <s v=""/>
    <x v="1"/>
    <s v=""/>
    <x v="46"/>
    <s v=""/>
    <s v=""/>
    <s v="PSPC-OMIS00000135"/>
    <s v="In Production"/>
    <s v="web"/>
    <x v="0"/>
    <x v="2399"/>
  </r>
  <r>
    <x v="4"/>
    <x v="5"/>
    <x v="6259"/>
    <s v="PCR2P"/>
    <m/>
    <s v=""/>
    <x v="1"/>
    <s v=""/>
    <x v="46"/>
    <s v=""/>
    <s v=""/>
    <s v="PSPC-OMIS00000136"/>
    <s v="In Production"/>
    <s v="rich"/>
    <x v="0"/>
    <x v="2399"/>
  </r>
  <r>
    <x v="4"/>
    <x v="5"/>
    <x v="474"/>
    <s v="PAPS"/>
    <m/>
    <s v=""/>
    <x v="1"/>
    <s v=""/>
    <x v="46"/>
    <s v="Receiver General for Canada"/>
    <s v="Other"/>
    <s v="PSPC-OMIS00000138"/>
    <s v="In Production"/>
    <s v="mini_main_super"/>
    <x v="1"/>
    <x v="2399"/>
  </r>
  <r>
    <x v="4"/>
    <x v="5"/>
    <x v="472"/>
    <s v="SPS"/>
    <m/>
    <s v=""/>
    <x v="1"/>
    <s v=""/>
    <x v="46"/>
    <s v="Receiver General for Canada"/>
    <s v="Other"/>
    <s v="PSPC-OMIS00000144"/>
    <s v="In Production"/>
    <s v="mini_main_super"/>
    <x v="1"/>
    <x v="2399"/>
  </r>
  <r>
    <x v="4"/>
    <x v="66"/>
    <x v="6260"/>
    <s v="AFDMS"/>
    <s v="AFDMS is the repository of data that is delivered to PWGSC as part of the Alternative Forms of Delivery (AFD) contracts with private sector contractors. The data that is electronically submitted by each contractor, enables PWGSC to monitor the contracts, perform data and trend analysis, and facilitate requirements for reporting to parliament. AFDMS is the central point of reference for all business groups to accessAFD information."/>
    <s v=""/>
    <x v="1"/>
    <s v=""/>
    <x v="46"/>
    <s v="Accommodation and Real Property Services"/>
    <s v="Other"/>
    <s v="PSPC-OMIS00000152"/>
    <s v="In Production"/>
    <s v="rich"/>
    <x v="1"/>
    <x v="2399"/>
  </r>
  <r>
    <x v="4"/>
    <x v="5"/>
    <x v="6261"/>
    <s v="BI Tools"/>
    <s v="Business Intelligence Tools is an environment in which business users receive data that is reliable, consistent, understandable, easily manipulated and timely. This environment currently utilizes Cognos 10.1, which is a commercial-off-the-shelf Business Intelligence toolset from IBM.  BI Tools provides a centralized solution for report creation and distribution within Real Property Branch (RPB) and to other branches within PWGSC."/>
    <s v=""/>
    <x v="1"/>
    <s v=""/>
    <x v="46"/>
    <s v=""/>
    <s v=""/>
    <s v="PSPC-OMIS00000153"/>
    <s v="In Production"/>
    <s v="web"/>
    <x v="0"/>
    <x v="2399"/>
  </r>
  <r>
    <x v="4"/>
    <x v="5"/>
    <x v="6262"/>
    <s v="FISREP"/>
    <s v="FISREP is a reporting database that takes national and regional data gathered in WinFIS and generates reports based on a client's criteria. It provides information related to planning, assets, occupants, vacancies, and tenants."/>
    <s v=""/>
    <x v="1"/>
    <s v=""/>
    <x v="46"/>
    <s v=""/>
    <s v=""/>
    <s v="PSPC-OMIS00000157"/>
    <s v="In Production"/>
    <s v="rich"/>
    <x v="1"/>
    <x v="2399"/>
  </r>
  <r>
    <x v="4"/>
    <x v="5"/>
    <x v="6263"/>
    <s v="IFTS"/>
    <s v="The Issue and Fault Tracking System (IFTS) application is used to ensure faults and issues are recorded and tracked from reporting to resolution, by client applications and groups."/>
    <s v=""/>
    <x v="1"/>
    <s v=""/>
    <x v="46"/>
    <s v="Accommodation and Real Property Services"/>
    <s v="Other"/>
    <s v="PSPC-OMIS00000161"/>
    <s v="In Production"/>
    <s v="rich"/>
    <x v="1"/>
    <x v="2399"/>
  </r>
  <r>
    <x v="4"/>
    <x v="5"/>
    <x v="6264"/>
    <s v="LGIS"/>
    <s v="The Land and Geographic Information System (LGIS), a national web based application, is used by the Real Property Branch (RPB) for the collection and maintenance of PWGSC land ownership records. LGIS provides a framework for an integrated workflow for creating, updating and managing a property base and manages property ownership, extents and property rights that may impact the acquisition, ongoing use and possible disposal of the assets."/>
    <s v=""/>
    <x v="1"/>
    <s v=""/>
    <x v="46"/>
    <s v="Accommodation and Real Property Services"/>
    <s v="Other"/>
    <s v="PSPC-OMIS00000162"/>
    <s v="In Production"/>
    <s v="web"/>
    <x v="1"/>
    <x v="2399"/>
  </r>
  <r>
    <x v="4"/>
    <x v="5"/>
    <x v="6265"/>
    <s v="PILT"/>
    <s v="The PS/SP is a Windows-based client-server software application designed to support the activities of the PILT Program. It was developed in-house by Government Telecommunications and Informatics Services (GTIS) staff and put into national operation in the six regional offices in the fall of 1999."/>
    <s v=""/>
    <x v="1"/>
    <s v=""/>
    <x v="46"/>
    <s v="Accommodation and Real Property Services"/>
    <s v="Other"/>
    <s v="PSPC-OMIS00000167"/>
    <s v="In Production"/>
    <s v="rich"/>
    <x v="1"/>
    <x v="2401"/>
  </r>
  <r>
    <x v="4"/>
    <x v="5"/>
    <x v="6266"/>
    <s v="PBMS-H"/>
    <s v="PBMS is an innovative application that allows RPB employees at all levels to conduct their project activities from the planning stage through to completion. It is made up of eight modules:  Rent-Based Billing  Process Monitor  Maintain Code Tables  BMP - Building Management Plan  Workplan Monitoring - CC Directory  Workplan Monitoring - RC Budget  Performance Measurement  BMP Reports  The latest and most up-to-date information on PBMS can be found on this website (under Information Exchange).  We hope you will find the information contained on this website helpful in using PBMS to its full potential."/>
    <s v=""/>
    <x v="1"/>
    <s v=""/>
    <x v="46"/>
    <s v="Accommodation and Real Property Services"/>
    <s v="Other"/>
    <s v="PSPC-OMIS00000168"/>
    <s v="In Production"/>
    <s v="rich"/>
    <x v="1"/>
    <x v="2399"/>
  </r>
  <r>
    <x v="4"/>
    <x v="5"/>
    <x v="6267"/>
    <s v="NPS"/>
    <s v="Project tracking system related to property acquisition, disposal, and consulting. Planned decommission date may change depending on the availability and functionality of the NOVUS ERP"/>
    <s v=""/>
    <x v="1"/>
    <s v=""/>
    <x v="46"/>
    <s v="Accommodation and Real Property Services"/>
    <s v="Other"/>
    <s v="PSPC-OMIS00000169"/>
    <s v="In Production"/>
    <s v="web"/>
    <x v="1"/>
    <x v="2401"/>
  </r>
  <r>
    <x v="4"/>
    <x v="5"/>
    <x v="6268"/>
    <s v="REOL"/>
    <m/>
    <s v=""/>
    <x v="1"/>
    <s v=""/>
    <x v="46"/>
    <s v="Accommodation and Real Property Services"/>
    <s v="Other"/>
    <s v="PSPC-OMIS00000170"/>
    <s v="In Production"/>
    <s v="web"/>
    <x v="1"/>
    <x v="2399"/>
  </r>
  <r>
    <x v="4"/>
    <x v="5"/>
    <x v="6269"/>
    <s v="RPMS"/>
    <s v="The Real Property Management System (RPMS) is an integrated set of custom software modules supporting a broad range of professional and technical services associated with real property management at the national level.  Business functions supported include: Advisory and Facilities Management (AFM), Alternate Forms of Delivery (AFD), and Enviornmental &amp; Sustainable Development (ESD), which represent the embedded expertise of property management in the federal government. Greater than a dozen Real Property Branch (RPB) business lines use the system operationally.  A DotNet-based module was introduced in FY2013-2014 is the RPMS_SA (Standalone), a portable version for use as a failover solution by the NSCC.  In FY 2014-2015, a DotNet-based module was produ"/>
    <s v=""/>
    <x v="1"/>
    <s v=""/>
    <x v="46"/>
    <s v="Accommodation and Real Property Services"/>
    <s v="Other"/>
    <s v="PSPC-OMIS00000171"/>
    <s v="In Production"/>
    <s v="rich"/>
    <x v="1"/>
    <x v="2399"/>
  </r>
  <r>
    <x v="4"/>
    <x v="5"/>
    <x v="6270"/>
    <s v="CORP"/>
    <s v="CORP is a database schema. The schema is accessed by almost all RP applications.    The CORP schema is populated by:  1. DFRP Load - this is a feed of federal Real Property data from the Treasury Board (Perl, PLSQL) 2. Applications: &quot;Maintain Person&quot; and &quot;Maintain Accounts&quot; - updates a subset of tables in the CORP database.   RP CORP  umbrella for ‘common’ activities implemented on behalf of other CIOB applications:    1. Methods for moving data (consolidation, replication and copy – Pro*C code).   This includes C code that dynamically builds trigger, function and cursor code  2. Schema Copy - PLSQL code"/>
    <s v=""/>
    <x v="1"/>
    <s v=""/>
    <x v="46"/>
    <s v=""/>
    <s v=""/>
    <s v="PSPC-OMIS00000172"/>
    <s v="In Production"/>
    <s v="desktop"/>
    <x v="1"/>
    <x v="2399"/>
  </r>
  <r>
    <x v="4"/>
    <x v="5"/>
    <x v="6271"/>
    <s v="MCMS"/>
    <s v="System to manage ministerial correspondance using a COTS"/>
    <s v="WorkDynamics_Technologies_Inc"/>
    <x v="0"/>
    <s v=""/>
    <x v="46"/>
    <s v="Specialized Programs and Services"/>
    <s v="Other"/>
    <s v="PSPC-OMIS00000182"/>
    <s v="In Production"/>
    <s v="rich"/>
    <x v="0"/>
    <x v="2399"/>
  </r>
  <r>
    <x v="4"/>
    <x v="5"/>
    <x v="6272"/>
    <s v="CGDRS"/>
    <m/>
    <s v=""/>
    <x v="1"/>
    <s v=""/>
    <x v="46"/>
    <s v="Integrity Programs and Services"/>
    <s v="Other"/>
    <s v="PSPC-OMIS00000191"/>
    <s v="In Production"/>
    <s v="rich"/>
    <x v="1"/>
    <x v="2399"/>
  </r>
  <r>
    <x v="4"/>
    <x v="5"/>
    <x v="6273"/>
    <s v="DISIS"/>
    <m/>
    <s v=""/>
    <x v="1"/>
    <s v=""/>
    <x v="46"/>
    <s v="Integrity Programs and Services"/>
    <s v="Other"/>
    <s v="PSPC-OMIS00000197"/>
    <s v="In Production"/>
    <s v="rich"/>
    <x v="1"/>
    <x v="2399"/>
  </r>
  <r>
    <x v="4"/>
    <x v="5"/>
    <x v="6274"/>
    <s v="DDS"/>
    <s v="DDS is a web application that serves as the integrated electronic directory of employees and organizations at PSPC and is accessible from the department's intranet site. The information from DDS is provided to the Government Employee Directory System (GEDS) on a weekly basis. A primary function of this application is to enable mail delivery within the department.  DDS has two components:  * Public component - open to all PSPC employees to search and view contact information, organizational hierarchy and presents other links. * Admin component - where employees, DDS administrators and DDS contacts can update the contact information and organizational hierarchy."/>
    <s v=""/>
    <x v="1"/>
    <s v=""/>
    <x v="46"/>
    <s v="Internal Services"/>
    <s v="Human Resources Management Services"/>
    <s v="PSPC-OMIS00000198"/>
    <s v="In Production"/>
    <s v="web"/>
    <x v="1"/>
    <x v="2399"/>
  </r>
  <r>
    <x v="4"/>
    <x v="5"/>
    <x v="444"/>
    <s v="ELF"/>
    <s v="Application providing electronic fillable to users."/>
    <s v=""/>
    <x v="1"/>
    <s v=""/>
    <x v="46"/>
    <s v="Internal Services"/>
    <s v="Information Management Services"/>
    <s v="PSPC-OMIS00000202"/>
    <s v="In Production"/>
    <s v="web"/>
    <x v="1"/>
    <x v="2399"/>
  </r>
  <r>
    <x v="4"/>
    <x v="5"/>
    <x v="6275"/>
    <s v="E-DRM"/>
    <s v="E-DRM is the GoC document and record management system used to store and classify enterprise records."/>
    <s v="Other"/>
    <x v="14"/>
    <s v="OpenText eDOCS"/>
    <x v="46"/>
    <s v="Internal Services"/>
    <s v="Legal Services"/>
    <s v="PSPC-OMIS00000203"/>
    <s v="In Production"/>
    <s v="web"/>
    <x v="0"/>
    <x v="2399"/>
  </r>
  <r>
    <x v="4"/>
    <x v="5"/>
    <x v="6276"/>
    <s v="FICS"/>
    <s v="Application used to keep track of different forms."/>
    <s v=""/>
    <x v="1"/>
    <s v=""/>
    <x v="46"/>
    <s v="Internal Services"/>
    <s v="Information Management Services"/>
    <s v="PSPC-OMIS00000205"/>
    <s v="In Production"/>
    <s v="rich"/>
    <x v="1"/>
    <x v="2399"/>
  </r>
  <r>
    <x v="4"/>
    <x v="5"/>
    <x v="2151"/>
    <s v="Laserfiche"/>
    <m/>
    <s v="Other"/>
    <x v="14"/>
    <s v="Laserfiche"/>
    <x v="46"/>
    <s v="Internal Services"/>
    <s v="Legal Services"/>
    <s v="PSPC-OMIS00000213"/>
    <s v="In Production"/>
    <s v="rich"/>
    <x v="0"/>
    <x v="2399"/>
  </r>
  <r>
    <x v="4"/>
    <x v="5"/>
    <x v="6277"/>
    <s v="PSDCA"/>
    <m/>
    <s v=""/>
    <x v="1"/>
    <s v=""/>
    <x v="46"/>
    <s v="Integrity Programs and Services"/>
    <s v="Other"/>
    <s v="PSPC-OMIS00000218"/>
    <s v="In Production"/>
    <s v="rich"/>
    <x v="1"/>
    <x v="2399"/>
  </r>
  <r>
    <x v="4"/>
    <x v="5"/>
    <x v="6278"/>
    <s v="WINORG"/>
    <s v="WINORG enables users to view only the information on positions and incumbents.  Allows HR to produce an Org. Chart or information about position and incumbents for specific Branches."/>
    <s v=""/>
    <x v="1"/>
    <s v=""/>
    <x v="46"/>
    <s v="Internal Services"/>
    <s v="Human Resources Management Services"/>
    <s v="PSPC-OMIS00000226"/>
    <s v="In Production"/>
    <s v="web"/>
    <x v="1"/>
    <x v="2399"/>
  </r>
  <r>
    <x v="4"/>
    <x v="5"/>
    <x v="6279"/>
    <s v="GAZETTE"/>
    <s v="The Canada Gazette is the official newspaper of the Government of Canada and has been published regularly by the Queen’s Printer since 1841. Until 2014, it was possible to have access to a paper copy of the Canada Gazette, but on April 1 of that same year, it was decided to discontinue the printing of the paper copy. Since then, only the electronic version is published.   The Canada Gazette includes new statutes and regulations, proposed regulations, decisions of administrative boards and an assortment of government notices. Private sector notices which are required by statute to be published to inform the public also appear in the Canada Gazette."/>
    <s v=""/>
    <x v="1"/>
    <s v=""/>
    <x v="46"/>
    <s v=""/>
    <s v=""/>
    <s v="PSPC-OMIS00000233"/>
    <s v="In Production"/>
    <s v="web"/>
    <x v="1"/>
    <x v="2399"/>
  </r>
  <r>
    <x v="4"/>
    <x v="5"/>
    <x v="6280"/>
    <s v="NSCC"/>
    <s v="The NSCC records property maintenance requests placed by federal employees, and dispatches these requests to qualified personnel on location. Acting as the liaison between clients and building maintenance personnel, the NSCC strives to ensure the smooth operation of facility and building maintenance.The eRequest application allows for a web-based method for clients to efficiently submit requests via the GC Intranet resulting in costs savings for the call center."/>
    <s v=""/>
    <x v="1"/>
    <s v=""/>
    <x v="46"/>
    <s v=""/>
    <s v=""/>
    <s v="PSPC-OMIS00000240"/>
    <s v="In Production"/>
    <s v="web"/>
    <x v="1"/>
    <x v="2399"/>
  </r>
  <r>
    <x v="4"/>
    <x v="5"/>
    <x v="6281"/>
    <s v="EGD Billing"/>
    <s v="Billing application used to record charges and invoices for clients of the Esquimalt Graving Dock."/>
    <s v=""/>
    <x v="1"/>
    <s v=""/>
    <x v="46"/>
    <s v="Accommodation and Real Property Services"/>
    <s v="Other"/>
    <s v="PSPC-OMIS00000243"/>
    <s v="In Production"/>
    <s v="web"/>
    <x v="1"/>
    <x v="2401"/>
  </r>
  <r>
    <x v="4"/>
    <x v="5"/>
    <x v="6282"/>
    <s v="EGD Booking"/>
    <s v="Booking application used by clients of the Esquimalt Graving Dock to reserve space at the docks."/>
    <s v=""/>
    <x v="1"/>
    <s v=""/>
    <x v="46"/>
    <s v="Accommodation and Real Property Services"/>
    <s v="Other"/>
    <s v="PSPC-OMIS00000244"/>
    <s v="In Production"/>
    <s v="web"/>
    <x v="1"/>
    <x v="2401"/>
  </r>
  <r>
    <x v="4"/>
    <x v="5"/>
    <x v="6283"/>
    <s v="HR OCR"/>
    <s v="Online Calendar Registration.  Allows staff to book training."/>
    <s v=""/>
    <x v="1"/>
    <s v=""/>
    <x v="46"/>
    <s v="Internal Services"/>
    <s v="Human Resources Management Services"/>
    <s v="PSPC-OMIS00000246"/>
    <s v="In Production"/>
    <s v="web"/>
    <x v="1"/>
    <x v="2401"/>
  </r>
  <r>
    <x v="4"/>
    <x v="5"/>
    <x v="6284"/>
    <s v="Netstats"/>
    <s v="stats for sites"/>
    <s v=""/>
    <x v="1"/>
    <s v=""/>
    <x v="46"/>
    <s v=""/>
    <s v=""/>
    <s v="PSPC-OMIS00000249"/>
    <s v="In Production"/>
    <s v="web"/>
    <x v="1"/>
    <x v="2401"/>
  </r>
  <r>
    <x v="4"/>
    <x v="5"/>
    <x v="6285"/>
    <s v="Pac Intra"/>
    <s v="Pacific Region’s intranet site"/>
    <s v=""/>
    <x v="1"/>
    <s v=""/>
    <x v="46"/>
    <s v="Internal Services"/>
    <s v="Communications Services"/>
    <s v="PSPC-OMIS00000251"/>
    <s v="In Production"/>
    <s v="web"/>
    <x v="1"/>
    <x v="2401"/>
  </r>
  <r>
    <x v="4"/>
    <x v="5"/>
    <x v="6286"/>
    <s v="IIS"/>
    <s v="IIS is an on-line ordering system used by Translation Bureau clients to obtain translation and linguistique services.  It is used by the Bureau employees to manage and keep track of orders.  It is also used to manage workload allocation, work time and billing."/>
    <s v=""/>
    <x v="1"/>
    <s v=""/>
    <x v="46"/>
    <s v="Linguistic Management Services"/>
    <s v="Other"/>
    <s v="PSPC-OMIS00000262"/>
    <s v="In Production"/>
    <s v="web"/>
    <x v="1"/>
    <x v="2399"/>
  </r>
  <r>
    <x v="4"/>
    <x v="5"/>
    <x v="6287"/>
    <s v="CCIS"/>
    <m/>
    <s v=""/>
    <x v="1"/>
    <s v=""/>
    <x v="46"/>
    <s v="Federal Pay &amp; Pension Administration"/>
    <s v="Other"/>
    <s v="PSPC-OMIS00000269"/>
    <s v="In Production"/>
    <s v="web"/>
    <x v="1"/>
    <x v="2401"/>
  </r>
  <r>
    <x v="4"/>
    <x v="5"/>
    <x v="6288"/>
    <s v="PCSS"/>
    <m/>
    <s v=""/>
    <x v="1"/>
    <s v=""/>
    <x v="46"/>
    <s v=""/>
    <s v=""/>
    <s v="PSPC-OMIS00000273"/>
    <s v="In Production"/>
    <s v="desktop"/>
    <x v="0"/>
    <x v="2402"/>
  </r>
  <r>
    <x v="4"/>
    <x v="5"/>
    <x v="6289"/>
    <s v="POCS"/>
    <s v="POCS is an in-house desktop application that supports the 2 regional production centers located in Quebec City and Winnipeg. It tracks tombstone data  consisting of client, product, due date, form to use, quantity to print, cheque form usage, etc.  related to print requests, insertion and distribution."/>
    <s v=""/>
    <x v="1"/>
    <s v=""/>
    <x v="46"/>
    <s v="Internal Services"/>
    <s v="Information Technology Services"/>
    <s v="PSPC-OMIS00000274"/>
    <s v="In Production"/>
    <s v="rich"/>
    <x v="1"/>
    <x v="2399"/>
  </r>
  <r>
    <x v="4"/>
    <x v="5"/>
    <x v="6290"/>
    <s v="SIMS"/>
    <s v="Système de gestion des appels d'offres et des contrats de pige en traduction. Facilite la présélection, la sélection de fournisseurs; facilite le suivi des contrats; sert à l'évaluation des prestations des fournisseurs."/>
    <s v=""/>
    <x v="1"/>
    <s v=""/>
    <x v="46"/>
    <s v="Linguistic Management Services"/>
    <s v="Other"/>
    <s v="PSPC-OMIS00000277"/>
    <s v="In Production"/>
    <s v="desktop"/>
    <x v="1"/>
    <x v="2399"/>
  </r>
  <r>
    <x v="4"/>
    <x v="5"/>
    <x v="6291"/>
    <s v="SAFS"/>
    <s v="Logiciel de gestion de la relation-client. Comptabiliser, suivre l'évolution des ventes du Bureau. Enregistrer des plaintes et autres rétroactions. Enregistrer de l'information sur les appels d'offre de traduction de la plupart des ministères."/>
    <s v=""/>
    <x v="1"/>
    <s v=""/>
    <x v="46"/>
    <s v="Linguistic Management Services"/>
    <s v="Other"/>
    <s v="PSPC-OMIS00000279"/>
    <s v="In Production"/>
    <s v="desktop"/>
    <x v="1"/>
    <x v="2401"/>
  </r>
  <r>
    <x v="4"/>
    <x v="5"/>
    <x v="6292"/>
    <s v="T+"/>
    <s v="The Government of Canada's terminology and linguistic data bank"/>
    <s v=""/>
    <x v="1"/>
    <s v=""/>
    <x v="46"/>
    <s v="Linguistic Management Services"/>
    <s v="Other"/>
    <s v="PSPC-OMIS00000283"/>
    <s v="In Production"/>
    <s v="web"/>
    <x v="1"/>
    <x v="2399"/>
  </r>
  <r>
    <x v="4"/>
    <x v="5"/>
    <x v="6293"/>
    <s v="RMS"/>
    <s v="Resouce Management Application for Acquisitions Branch"/>
    <s v=""/>
    <x v="1"/>
    <s v=""/>
    <x v="46"/>
    <s v="Acquisitions"/>
    <s v="Other"/>
    <s v="PSPC-OMIS00000287"/>
    <s v="In Production"/>
    <s v="web"/>
    <x v="1"/>
    <x v="2399"/>
  </r>
  <r>
    <x v="4"/>
    <x v="5"/>
    <x v="6294"/>
    <s v="BRU"/>
    <s v="System  - controlling and processing solicitations , for NCR use only  - identifies bids received against received solicitations.  This is part of the GETS/Merx Service provided by MediaGrif and should be recorded as a single service."/>
    <s v=""/>
    <x v="1"/>
    <s v=""/>
    <x v="46"/>
    <s v=""/>
    <s v=""/>
    <s v="PSPC-OMIS00000288"/>
    <s v="In Production"/>
    <s v="cloud"/>
    <x v="0"/>
    <x v="106"/>
  </r>
  <r>
    <x v="4"/>
    <x v="5"/>
    <x v="6295"/>
    <s v="PCSD"/>
    <s v="TBD"/>
    <s v=""/>
    <x v="1"/>
    <s v=""/>
    <x v="46"/>
    <s v=""/>
    <s v=""/>
    <s v="PSPC-OMIS00000289"/>
    <s v="In Production"/>
    <s v=""/>
    <x v="1"/>
    <x v="2400"/>
  </r>
  <r>
    <x v="4"/>
    <x v="5"/>
    <x v="6296"/>
    <s v="EBOOKSTORE"/>
    <s v="A Web-enabled application for the GoC publications content management: to administer the catalogue data of GoC publications (hard-copy and electronic), search for GoC publications and provide an electronic storefront for customer ordering"/>
    <s v=""/>
    <x v="1"/>
    <s v=""/>
    <x v="46"/>
    <s v="Specialized Programs and Services"/>
    <s v="Other"/>
    <s v="PSPC-OMIS00000291"/>
    <s v="In Production"/>
    <s v="web"/>
    <x v="1"/>
    <x v="2399"/>
  </r>
  <r>
    <x v="4"/>
    <x v="5"/>
    <x v="6297"/>
    <s v="OPROMA"/>
    <s v="The OPROMA is a Commercial of the Shelf (COTS) web-based tool used for project collaboration tool, allowing authorized team members and managers to share the vital file system, in order to update project information, schedule activities and share general project information."/>
    <s v=""/>
    <x v="1"/>
    <s v=""/>
    <x v="46"/>
    <s v=""/>
    <s v=""/>
    <s v="PSPC-OMIS00000295"/>
    <s v="In Production"/>
    <s v="cloud"/>
    <x v="0"/>
    <x v="86"/>
  </r>
  <r>
    <x v="4"/>
    <x v="5"/>
    <x v="6298"/>
    <s v="CPBN"/>
    <m/>
    <s v=""/>
    <x v="1"/>
    <s v=""/>
    <x v="46"/>
    <s v="Accommodation and Real Property Services"/>
    <s v="Other"/>
    <s v="PSPC-OMIS00000296"/>
    <s v="In Production"/>
    <s v="rich"/>
    <x v="1"/>
    <x v="2400"/>
  </r>
  <r>
    <x v="4"/>
    <x v="5"/>
    <x v="6299"/>
    <s v="LP"/>
    <s v="Le Programme des baux est une base de données qui sert à faire la planification et la gestion des baux de Travaux Publics et Services gouvernementaux Canada dans la province de Québec. Il contient, en autre, un inventaire des locaux loués par TPSGC, ainsi que les coûts de location."/>
    <s v=""/>
    <x v="1"/>
    <s v=""/>
    <x v="46"/>
    <s v="Internal Services"/>
    <s v="Management and Oversight Services"/>
    <s v="PSPC-OMIS00000301"/>
    <s v="In Production"/>
    <s v="rich"/>
    <x v="1"/>
    <x v="2399"/>
  </r>
  <r>
    <x v="4"/>
    <x v="5"/>
    <x v="6300"/>
    <s v="CRRS"/>
    <s v="Le Système de réservation de salle est une application Web permettant de réserver, à l’aide d’un fureteur, n’importe quelle salle de réunion dans les édifices de Travaux Publics et Services Gouvernementaux Canada à Montréal et à Québec. Il contient également un babillard électronique, un forum et un gestionnaire de tâches."/>
    <s v=""/>
    <x v="1"/>
    <s v=""/>
    <x v="46"/>
    <s v="Internal Services"/>
    <s v="Travel and Other Administrative Services"/>
    <s v="PSPC-OMIS00000303"/>
    <s v="In Production"/>
    <s v="web"/>
    <x v="1"/>
    <x v="2399"/>
  </r>
  <r>
    <x v="4"/>
    <x v="5"/>
    <x v="6301"/>
    <s v="SDN"/>
    <s v="Logiciel qui achemine des fichiers audio (qui sont produits par un logiciel commercial) vers la répartition.  Cette application n'est PAS sur le réseau de TPSGC.  Elle est installée sur le réseau de la Chambre des communes."/>
    <s v=""/>
    <x v="1"/>
    <s v=""/>
    <x v="46"/>
    <s v="Linguistic Management Services"/>
    <s v="Other"/>
    <s v="PSPC-OMIS00000334"/>
    <s v="In Production"/>
    <s v="desktop"/>
    <x v="1"/>
    <x v="2400"/>
  </r>
  <r>
    <x v="4"/>
    <x v="5"/>
    <x v="6302"/>
    <s v="LIR"/>
    <s v="The Land Information Registry (LIR) is a repository for land-related documents relating to currently and formerly owned Federal properties.  It was created to facilitate conversion of paper-based land information to an electronic format.   The LIR supports the business of the Real Property directorate by:  • Providing a ‘one-stop shopping’ repository for site title information and related documents • Reducing duplication (cannot be eliminated completely) • Reducing time (effort) required to perform a title search • Aligning with the Land and Geographic Information System (LGIS) and Directory of Federal Real Property (DFRP)  BVA 15-16:  The Land Information Registry (LIR) is a repository for land-related information relating to currently-owned an"/>
    <s v=""/>
    <x v="1"/>
    <s v=""/>
    <x v="46"/>
    <s v="Accommodation and Real Property Services"/>
    <s v="Other"/>
    <s v="PSPC-OMIS00000350"/>
    <s v="In Production"/>
    <s v="web"/>
    <x v="1"/>
    <x v="2399"/>
  </r>
  <r>
    <x v="4"/>
    <x v="5"/>
    <x v="6303"/>
    <s v="RPR"/>
    <s v="Maintains appraisal, market survey and parking survey information for PWGSC managed buildings and lands.  BVA 15-16: CORPORATE APP administered on behalf of the Chief Appraiser of Canada by the Valuation team of the Atlantic Region."/>
    <s v=""/>
    <x v="1"/>
    <s v=""/>
    <x v="46"/>
    <s v="Accommodation and Real Property Services"/>
    <s v="Other"/>
    <s v="PSPC-OMIS00000357"/>
    <s v="In Production"/>
    <s v="web"/>
    <x v="1"/>
    <x v="2399"/>
  </r>
  <r>
    <x v="4"/>
    <x v="5"/>
    <x v="6304"/>
    <s v="QMS"/>
    <s v="A web-based reporting tool to support Quality Management. Planned decommission date may change depending on the availability and functionality of the NOVUS ERP"/>
    <s v=""/>
    <x v="1"/>
    <s v=""/>
    <x v="46"/>
    <s v="Internal Services"/>
    <s v="Real Property Services"/>
    <s v="PSPC-OMIS00000362"/>
    <s v="In Production"/>
    <s v="web"/>
    <x v="1"/>
    <x v="2401"/>
  </r>
  <r>
    <x v="4"/>
    <x v="5"/>
    <x v="6305"/>
    <s v="LMS"/>
    <s v="Maintains Ontario Region and Western Region's historical repository of lease contract elements not contained in NOVUS.  Examples of the details include issued estoppels, sub-contracts, options, early termination, release of parking, legal decisions, project team data, caveat and sub-agreement/tenant improvement project information for PWGSC buildings, property and contracts.  Support was transferred from Western Region OMIS00017363 to OMIS00017360 (RIO - Ontario) for the 2013/ 14 Fiscal Year."/>
    <s v=""/>
    <x v="1"/>
    <s v=""/>
    <x v="46"/>
    <s v="Accommodation and Real Property Services"/>
    <s v="Other"/>
    <s v="PSPC-OMIS00000369"/>
    <s v="In Production"/>
    <s v="web"/>
    <x v="1"/>
    <x v="2399"/>
  </r>
  <r>
    <x v="4"/>
    <x v="5"/>
    <x v="6306"/>
    <s v="WR CMS"/>
    <s v="This CMS has been configured to facilitate regional communications/collaboration in PWGSC Western Region.  It is used to disseminate information and integrates a wide variety of business/productivity tools.  Access to information and tools is managed via user roles contained in the system."/>
    <s v="Other"/>
    <x v="14"/>
    <s v="DotNetNuke"/>
    <x v="46"/>
    <s v="Internal Services"/>
    <s v="Communications Services"/>
    <s v="PSPC-OMIS00000373"/>
    <s v="In Production"/>
    <s v="web"/>
    <x v="0"/>
    <x v="2399"/>
  </r>
  <r>
    <x v="4"/>
    <x v="5"/>
    <x v="6307"/>
    <s v="Breakers"/>
    <s v="Atlantic Regional intranet presence – Communication web-site for Atlantic Region; It is a Content Management System (CMS) that is essentially a central repository of regional administrative information. It also notifies regional employees of upcoming events and procedure changes, and is used in place of mass emails to the region."/>
    <s v="Other"/>
    <x v="14"/>
    <s v="Drupal"/>
    <x v="46"/>
    <s v="Internal Services"/>
    <s v="Communications Services"/>
    <s v="PSPC-OMIS00000374"/>
    <s v="In Production"/>
    <s v="web"/>
    <x v="0"/>
    <x v="2399"/>
  </r>
  <r>
    <x v="4"/>
    <x v="5"/>
    <x v="6308"/>
    <s v="ORION"/>
    <s v="Communications Web Portal and Tools Modules for PWGSC Ontario Region.   Contains modules that provide specific business functions to support regional activities.   For example Fleet Reservations modules faciliates the efficient management of crown vehicles for PWGSC regional business.   All the modules use a common library to deliver its application functionality."/>
    <s v=""/>
    <x v="1"/>
    <s v=""/>
    <x v="46"/>
    <s v="Internal Services"/>
    <s v="Communications Services"/>
    <s v="PSPC-OMIS00000389"/>
    <s v="In Production"/>
    <s v="web"/>
    <x v="1"/>
    <x v="2399"/>
  </r>
  <r>
    <x v="4"/>
    <x v="5"/>
    <x v="6309"/>
    <s v="THS"/>
    <s v="Temporary Help Services - is the national application to manage regional supplier information for Ontario, Western, Pacific and Atlantic Regions.    It functions as a supplier pricing update/review application for temporary help services for PWGSC and OGD clients.  Allows suppliers of temporary help the option for viewing current catalogue rates.  Allows updating of company information and changing of quoted rates from its self-serve internet-facing front-end.   On the GC Intranet area, OGD clients are able to view a catalogue of accepted rates and issue callups.  On the PWGSC Intranet area, PWGSC Acquisition teams are able to process the evaluation of rates and perform other administrative functions."/>
    <s v=""/>
    <x v="1"/>
    <s v=""/>
    <x v="46"/>
    <s v="Acquisitions"/>
    <s v="Other"/>
    <s v="PSPC-OMIS00000390"/>
    <s v="In Production"/>
    <s v="web"/>
    <x v="1"/>
    <x v="2399"/>
  </r>
  <r>
    <x v="4"/>
    <x v="5"/>
    <x v="6310"/>
    <s v="ILS V-SMART"/>
    <s v="The Integrated library system (ILS ) V-Smart is a COTS product purchased by the Library .  The system is designed to support traditional library functions such as acquisitions, cataloguing, circulation and client searching of materials contained within collections.  It also supports the creation, storage and searching of bibliographic information using coding patterns derived from international cataloguing standards, allowing the importation of information about books, periodical etc. .  Material availability and the information can be viewed in the online public access catalogue (BiblioWeb 2.0)."/>
    <s v="Other"/>
    <x v="14"/>
    <s v="Infor, V-Smart"/>
    <x v="46"/>
    <s v="Internal Services"/>
    <s v="Information Management Services"/>
    <s v="PSPC-OMIS00000392"/>
    <s v="In Production"/>
    <s v="web"/>
    <x v="0"/>
    <x v="2399"/>
  </r>
  <r>
    <x v="4"/>
    <x v="5"/>
    <x v="6311"/>
    <s v="ROE"/>
    <m/>
    <s v=""/>
    <x v="1"/>
    <s v=""/>
    <x v="46"/>
    <s v="Federal Pay &amp; Pension Administration"/>
    <s v="Other"/>
    <s v="PSPC-OMIS00000393"/>
    <s v="In Production"/>
    <s v="web"/>
    <x v="1"/>
    <x v="2399"/>
  </r>
  <r>
    <x v="4"/>
    <x v="5"/>
    <x v="6312"/>
    <s v="RTA"/>
    <m/>
    <s v=""/>
    <x v="1"/>
    <s v=""/>
    <x v="46"/>
    <s v="Federal Pay &amp; Pension Administration"/>
    <s v="Other"/>
    <s v="PSPC-OMIS00000394"/>
    <s v="In Production"/>
    <s v="desktop"/>
    <x v="1"/>
    <x v="2399"/>
  </r>
  <r>
    <x v="4"/>
    <x v="5"/>
    <x v="6313"/>
    <s v="CAFM Archibus"/>
    <s v="CAFM Archibus is a customized version of the Commercial-Off-The-Shelf product Archibus/FM for Windows.  It consists of the following application modules, each focusing on a specific area of facilities and infrastructure management: Space Management, Real Property and Lease Management, Strategic Master Planning, Furniture and Equipment Management, Design Management, Telecommunications and Cable Management.  One of the key features of Archibus/FM is the 'Overlay for AutoCAD' functionality which provides a data link between the AutoDesk AutoCAD drawing and the AFM database.  Another is the flexible, customizable user interface designed to allow end users to both enter data and create custom or canned reports.    Note: CAFM Archibus has a relationship w"/>
    <s v="Other"/>
    <x v="14"/>
    <s v="Archibus, Archibus"/>
    <x v="46"/>
    <s v="Accommodation and Real Property Services"/>
    <s v="Other"/>
    <s v="PSPC-OMIS00000401"/>
    <s v="In Production"/>
    <s v="rich"/>
    <x v="0"/>
    <x v="2399"/>
  </r>
  <r>
    <x v="4"/>
    <x v="5"/>
    <x v="6314"/>
    <s v="CAFM - MRR"/>
    <s v="The Meeting Room Reservation (MRR) system is a customized web based application developed to manage the booking of meeting rooms in the Archibus database schema.  It is based on the Archibus F/M COTS product Boardroom Booking module with features such as searching for available meeting rooms and searching for rooms with specific amenities or capacity.  The application is deployed on SCNet and is currently in use for the PWGSC Corporate portfolio in the National Capital Region."/>
    <s v=""/>
    <x v="1"/>
    <s v=""/>
    <x v="46"/>
    <s v="Accommodation and Real Property Services"/>
    <s v="Other"/>
    <s v="PSPC-OMIS00000402"/>
    <s v="In Production"/>
    <s v="web"/>
    <x v="1"/>
    <x v="2399"/>
  </r>
  <r>
    <x v="4"/>
    <x v="5"/>
    <x v="6315"/>
    <s v="AC"/>
    <m/>
    <s v=""/>
    <x v="1"/>
    <s v=""/>
    <x v="46"/>
    <s v="Federal Pay &amp; Pension Administration"/>
    <s v="Other"/>
    <s v="PSPC-OMIS00000405"/>
    <s v="In Production"/>
    <s v="desktop"/>
    <x v="1"/>
    <x v="2400"/>
  </r>
  <r>
    <x v="4"/>
    <x v="5"/>
    <x v="6316"/>
    <s v="CoVo"/>
    <s v="Permet aux employés de TPSGC et des autres ministères fédéraux, de la région du Québec, de faire des arrangements pour du covoiturage d’affaire."/>
    <s v=""/>
    <x v="1"/>
    <s v=""/>
    <x v="46"/>
    <s v="Internal Services"/>
    <s v="Travel and Other Administrative Services"/>
    <s v="PSPC-OMIS00000463"/>
    <s v="In Production"/>
    <s v="web"/>
    <x v="1"/>
    <x v="2399"/>
  </r>
  <r>
    <x v="4"/>
    <x v="5"/>
    <x v="6317"/>
    <s v="EPBS-PC"/>
    <m/>
    <s v=""/>
    <x v="1"/>
    <s v=""/>
    <x v="46"/>
    <s v="Federal Pay &amp; Pension Administration"/>
    <s v="Other"/>
    <s v="PSPC-OMIS00000492"/>
    <s v="In Production"/>
    <s v="rich"/>
    <x v="1"/>
    <x v="2399"/>
  </r>
  <r>
    <x v="4"/>
    <x v="5"/>
    <x v="6318"/>
    <s v="ESL"/>
    <s v="Tracks environmental services projects across the Atlantic Region.  BVA 15-16:  CORPORATE - Environmental Compliance Management Ledger.  National Corporate app, administered by the Atlantic Region."/>
    <s v=""/>
    <x v="1"/>
    <s v=""/>
    <x v="46"/>
    <s v="Accommodation and Real Property Services"/>
    <s v="Other"/>
    <s v="PSPC-OMIS00000496"/>
    <s v="In Production"/>
    <s v="web"/>
    <x v="1"/>
    <x v="2399"/>
  </r>
  <r>
    <x v="4"/>
    <x v="5"/>
    <x v="6319"/>
    <s v="FISO"/>
    <m/>
    <s v=""/>
    <x v="1"/>
    <s v=""/>
    <x v="46"/>
    <s v="Integrity Programs and Services"/>
    <s v="Other"/>
    <s v="PSPC-OMIS00000500"/>
    <s v="In Production"/>
    <s v="web"/>
    <x v="1"/>
    <x v="2399"/>
  </r>
  <r>
    <x v="4"/>
    <x v="5"/>
    <x v="6320"/>
    <s v="GEDIS+"/>
    <m/>
    <s v=""/>
    <x v="1"/>
    <s v=""/>
    <x v="46"/>
    <s v=""/>
    <s v=""/>
    <s v="PSPC-OMIS00000508"/>
    <s v="In Production"/>
    <s v="cloud"/>
    <x v="0"/>
    <x v="2399"/>
  </r>
  <r>
    <x v="4"/>
    <x v="5"/>
    <x v="6310"/>
    <s v="V-Smart"/>
    <s v="Catalogue en ligne de bibliothèque soutenant le personnel du Bureau (traducteurs, terminologues, gestionnaires, soutien) dans l'accomplissement de leur travail."/>
    <s v="Other"/>
    <x v="14"/>
    <s v="Infor, Integrated Library System"/>
    <x v="46"/>
    <s v="Linguistic Management Services"/>
    <s v="Other"/>
    <s v="PSPC-OMIS00000525"/>
    <s v="In Production"/>
    <s v="web"/>
    <x v="0"/>
    <x v="2399"/>
  </r>
  <r>
    <x v="4"/>
    <x v="5"/>
    <x v="6321"/>
    <s v="PCR"/>
    <s v="This system was used to view payments and reconcile payments. PCR was replaced by CRCD Option 1; however, since Government of Canada cheques have no expiry date, the PCR database contains information on unredeemed payments. From time to time, the CRC Directorate still uses the online screen to view older payment information."/>
    <s v=""/>
    <x v="1"/>
    <s v=""/>
    <x v="46"/>
    <s v="Federal Pay &amp; Pension Administration"/>
    <s v="Other"/>
    <s v="PSPC-OMIS00000559"/>
    <s v="In Production"/>
    <s v="mini_main_super"/>
    <x v="1"/>
    <x v="2399"/>
  </r>
  <r>
    <x v="4"/>
    <x v="5"/>
    <x v="6322"/>
    <s v="PHC"/>
    <s v="Service transferring images from the ADT 2 camera's servers to PHC server.  Images posted on the Treasure to Explore PWGSC Web site."/>
    <s v=""/>
    <x v="1"/>
    <s v=""/>
    <x v="46"/>
    <s v="Accommodation and Real Property Services"/>
    <s v="Other"/>
    <s v="PSPC-OMIS00000563"/>
    <s v="In Production"/>
    <s v="web"/>
    <x v="1"/>
    <x v="2400"/>
  </r>
  <r>
    <x v="4"/>
    <x v="5"/>
    <x v="6323"/>
    <s v="PSDCA CB"/>
    <m/>
    <s v=""/>
    <x v="1"/>
    <s v=""/>
    <x v="46"/>
    <s v="Integrity Programs and Services"/>
    <s v="Other"/>
    <s v="PSPC-OMIS00000572"/>
    <s v="In Production"/>
    <s v="desktop"/>
    <x v="1"/>
    <x v="2400"/>
  </r>
  <r>
    <x v="4"/>
    <x v="5"/>
    <x v="6324"/>
    <s v="PSDCA Mail"/>
    <m/>
    <s v=""/>
    <x v="1"/>
    <s v=""/>
    <x v="46"/>
    <s v="Integrity Programs and Services"/>
    <s v="Other"/>
    <s v="PSPC-OMIS00000573"/>
    <s v="In Production"/>
    <s v="desktop"/>
    <x v="1"/>
    <x v="86"/>
  </r>
  <r>
    <x v="4"/>
    <x v="5"/>
    <x v="6325"/>
    <s v="PSPA"/>
    <m/>
    <s v=""/>
    <x v="1"/>
    <s v=""/>
    <x v="46"/>
    <s v="Federal Pay &amp; Pension Administration"/>
    <s v="Other"/>
    <s v="PSPC-OMIS00000574"/>
    <s v="In Production"/>
    <s v="web"/>
    <x v="1"/>
    <x v="2400"/>
  </r>
  <r>
    <x v="4"/>
    <x v="5"/>
    <x v="6326"/>
    <s v="SIGMA SAP ERP"/>
    <s v="PWGSC's financial management and materiel management system"/>
    <s v="Other"/>
    <x v="14"/>
    <s v="SAP"/>
    <x v="46"/>
    <s v="Internal Services"/>
    <s v="Financial Management Services"/>
    <s v="PSPC-OMIS00000597"/>
    <s v="In Production"/>
    <s v="rich"/>
    <x v="0"/>
    <x v="2399"/>
  </r>
  <r>
    <x v="4"/>
    <x v="5"/>
    <x v="6327"/>
    <s v="SRBA"/>
    <m/>
    <s v=""/>
    <x v="1"/>
    <s v=""/>
    <x v="46"/>
    <s v="Federal Pay &amp; Pension Administration"/>
    <s v="Other"/>
    <s v="PSPC-OMIS00000603"/>
    <s v="In Production"/>
    <s v="web"/>
    <x v="1"/>
    <x v="2399"/>
  </r>
  <r>
    <x v="4"/>
    <x v="5"/>
    <x v="6328"/>
    <s v="BI Audit"/>
    <s v="The Decision Support Portal (DSP) Audit application provides report and portal usage, trends, and history of the user communities. This includes: - Monitoring availability of the product during the business workday - Troubleshooting and resolving infrastructure and product issues - Monitoring product performance"/>
    <s v=""/>
    <x v="1"/>
    <s v=""/>
    <x v="46"/>
    <s v=""/>
    <s v=""/>
    <s v="PSPC-OMIS00000645"/>
    <s v="In Production"/>
    <s v="web"/>
    <x v="0"/>
    <x v="2399"/>
  </r>
  <r>
    <x v="4"/>
    <x v="5"/>
    <x v="6309"/>
    <s v="THS"/>
    <s v="THS Online System supports the provision of Temporary Help Services (THS) for the Government of Canada in the National Capital Region (NCR) only.  It is an automated purchasing tool, which enables pre-qualified Suppliers to access the THS Online System and input reduced rates for THS, and allows federal government departments and agencies in the NCR to assess and identify potential suppliers and issue call-ups online. The THS Online System is comprised of three main elements:  a Supplier Module, a Client Module and a Maintenance Module (for the use of THS administrators only). Temporary help services are services that are provided by the employees of temporary help firms. Clients can use the THS Online System when a public servant is absent for a perio"/>
    <s v=""/>
    <x v="1"/>
    <s v=""/>
    <x v="46"/>
    <s v="Acquisitions"/>
    <s v="Other"/>
    <s v="PSPC-OMIS00000651"/>
    <s v="In Production"/>
    <s v="web"/>
    <x v="1"/>
    <x v="2399"/>
  </r>
  <r>
    <x v="4"/>
    <x v="5"/>
    <x v="6329"/>
    <s v="NCADD"/>
    <s v="National Computer Assisted Drafting and Design (NCADD) is a suite of COTS products from Autodesk supported by Solution Design / ITS-RP&amp;HR&amp;R as Bucket 2 and used by Real Property Facilities Management Services, Geomatics Service Directorate across Canada."/>
    <s v=""/>
    <x v="1"/>
    <s v=""/>
    <x v="46"/>
    <s v=""/>
    <s v=""/>
    <s v="PSPC-OMIS00000658"/>
    <s v="In Production"/>
    <s v="rich"/>
    <x v="0"/>
    <x v="2400"/>
  </r>
  <r>
    <x v="4"/>
    <x v="5"/>
    <x v="6330"/>
    <s v="PBMS"/>
    <s v="PBMS is an innovative application that allows RPB employees at all levels to conduct their project activities from the planning stage through to completion. It is made up of eight modules:  Rent-Based Billing  Process Monitor  Maintain Code Tables  BMP - Building Management Plan  Workplan Monitoring - CC Directory  Workplan Monitoring - RC Budget  Performance Measurement  BMP Reports  The latest and most up-to-date information on PBMS can be found on this website (under Information Exchange).  We hope you will find the information contained on this website helpful in using PBMS to its full potential."/>
    <s v=""/>
    <x v="1"/>
    <s v=""/>
    <x v="46"/>
    <s v="Accommodation and Real Property Services"/>
    <s v="Other"/>
    <s v="PSPC-OMIS00000660"/>
    <s v="In Production"/>
    <s v="rich"/>
    <x v="1"/>
    <x v="2399"/>
  </r>
  <r>
    <x v="4"/>
    <x v="5"/>
    <x v="6331"/>
    <s v="SELECT"/>
    <m/>
    <s v=""/>
    <x v="1"/>
    <s v=""/>
    <x v="46"/>
    <s v="Acquisitions"/>
    <s v="Other"/>
    <s v="PSPC-OMIS00000662"/>
    <s v="In Production"/>
    <s v="web"/>
    <x v="1"/>
    <x v="2399"/>
  </r>
  <r>
    <x v="4"/>
    <x v="5"/>
    <x v="6332"/>
    <s v="SIGMA SAP SM"/>
    <s v="This tool is being use by the system administration team and the service management team. It provides wide range of functionality from DB, server monitoring to change management tool."/>
    <s v="Other"/>
    <x v="14"/>
    <s v="SAP"/>
    <x v="46"/>
    <s v="Internal Services"/>
    <s v="Information Technology Services"/>
    <s v="PSPC-OMIS00000663"/>
    <s v="In Production"/>
    <s v="rich"/>
    <x v="0"/>
    <x v="2399"/>
  </r>
  <r>
    <x v="4"/>
    <x v="5"/>
    <x v="6333"/>
    <s v="SIGMA SOA"/>
    <s v="Enterprise Service Bus. Oracle product"/>
    <s v="Other"/>
    <x v="14"/>
    <s v="SAP"/>
    <x v="46"/>
    <s v="Internal Services"/>
    <s v="Information Technology Services"/>
    <s v="PSPC-OMIS00000664"/>
    <s v="In Production"/>
    <s v="rich"/>
    <x v="0"/>
    <x v="2399"/>
  </r>
  <r>
    <x v="4"/>
    <x v="5"/>
    <x v="6334"/>
    <s v="SPENDCUBE"/>
    <m/>
    <s v=""/>
    <x v="1"/>
    <s v=""/>
    <x v="46"/>
    <s v="Acquisitions"/>
    <s v="Other"/>
    <s v="PSPC-OMIS00000665"/>
    <s v="In Production"/>
    <s v="rich"/>
    <x v="1"/>
    <x v="2399"/>
  </r>
  <r>
    <x v="4"/>
    <x v="5"/>
    <x v="6335"/>
    <s v="TECH2"/>
    <s v="Tech2 is a suite of software tools designed specifically for PWGSC to improve the management of office space in crown-owned, leased and leased-purchased federal office buildings and facilities. This is done by creating, updating and distributing to the PWGSC Real Property community the spatial data derived from the measurement of floor areas in our federal buildings. The suite comprises the following two modules:  SpARX is an AutoCAD ARX module that is instrumental in creating building floor plans that contain business information.    SpaceAUDIT is a graphical space management tool that works in conjunction with WinFIS (the National Facilities Inventory System) to create, maintain and distribute building floor plans that display and report on curr"/>
    <s v="Other"/>
    <x v="14"/>
    <s v="Microlight, Tech2"/>
    <x v="46"/>
    <s v="Accommodation and Real Property Services"/>
    <s v="Other"/>
    <s v="PSPC-OMIS00000666"/>
    <s v="In Production"/>
    <s v="rich"/>
    <x v="0"/>
    <x v="2400"/>
  </r>
  <r>
    <x v="4"/>
    <x v="5"/>
    <x v="6336"/>
    <s v="DC"/>
    <s v="Application to calculate deficiencies. Windows based application that stores no data.  It is a Visual Foxpro application.  It has been packaged and is available via the OSSRO requests to be installed on the notebook."/>
    <s v=""/>
    <x v="1"/>
    <s v=""/>
    <x v="46"/>
    <s v="Federal Pay &amp; Pension Administration"/>
    <s v="Other"/>
    <s v="PSPC-OMIS00000669"/>
    <s v="In Production"/>
    <s v="desktop"/>
    <x v="1"/>
    <x v="2399"/>
  </r>
  <r>
    <x v="4"/>
    <x v="5"/>
    <x v="6337"/>
    <s v="PBDA-PC"/>
    <m/>
    <s v=""/>
    <x v="1"/>
    <s v=""/>
    <x v="46"/>
    <s v="Federal Pay &amp; Pension Administration"/>
    <s v="Other"/>
    <s v="PSPC-OMIS00000670"/>
    <s v="In Production"/>
    <s v="desktop"/>
    <x v="1"/>
    <x v="2400"/>
  </r>
  <r>
    <x v="4"/>
    <x v="5"/>
    <x v="6338"/>
    <s v="SSDBS"/>
    <m/>
    <s v=""/>
    <x v="1"/>
    <s v=""/>
    <x v="46"/>
    <s v="Federal Pay &amp; Pension Administration"/>
    <s v="Other"/>
    <s v="PSPC-OMIS00000671"/>
    <s v="In Production"/>
    <s v="web"/>
    <x v="1"/>
    <x v="2399"/>
  </r>
  <r>
    <x v="4"/>
    <x v="5"/>
    <x v="6339"/>
    <s v="OMIS-CQ"/>
    <s v="The Operational Management Information Services (OMIS) is a state-based system developed to support Public Services and Procurement Canada (PSPC) service delivery processes for all OMIS records within the Enterprise Application Environment. Data is moved through various states of approval for changes to be applied.  The OMIS system enables the recording, aggregation and reporting of application Configuration Item (CI) data, and the interrelationships between these CIs in support of operational requirements OMIS is using elements such as IBM Rational ClearQuest and Oracle database technologies. It has been developed and supported by the Productivity Tools Competency Centre.  For reporting, Microsoft Reporting Services is used and the development is d"/>
    <s v="Other"/>
    <x v="14"/>
    <s v="IBM, ClearQuest"/>
    <x v="46"/>
    <s v="Internal Services"/>
    <s v="Information Technology Services"/>
    <s v="PSPC-OMIS00000677"/>
    <s v="In Production"/>
    <s v="web"/>
    <x v="0"/>
    <x v="2399"/>
  </r>
  <r>
    <x v="4"/>
    <x v="5"/>
    <x v="6340"/>
    <s v="PSHCP Web"/>
    <m/>
    <s v=""/>
    <x v="1"/>
    <s v=""/>
    <x v="46"/>
    <s v="Federal Pay &amp; Pension Administration"/>
    <s v="Other"/>
    <s v="PSPC-OMIS00000679"/>
    <s v="In Production"/>
    <s v="web"/>
    <x v="1"/>
    <x v="2399"/>
  </r>
  <r>
    <x v="4"/>
    <x v="5"/>
    <x v="6341"/>
    <s v="PS"/>
    <m/>
    <s v=""/>
    <x v="1"/>
    <s v=""/>
    <x v="46"/>
    <s v="Federal Pay &amp; Pension Administration"/>
    <s v="Other"/>
    <s v="PSPC-OMIS00000680"/>
    <s v="In Production"/>
    <s v="web"/>
    <x v="1"/>
    <x v="2399"/>
  </r>
  <r>
    <x v="4"/>
    <x v="5"/>
    <x v="6342"/>
    <s v="SELECT"/>
    <m/>
    <s v=""/>
    <x v="1"/>
    <s v=""/>
    <x v="46"/>
    <s v="Acquisitions"/>
    <s v="Other"/>
    <s v="PSPC-OMIS00000702"/>
    <s v="In Production"/>
    <s v="web"/>
    <x v="1"/>
    <x v="2399"/>
  </r>
  <r>
    <x v="4"/>
    <x v="5"/>
    <x v="6343"/>
    <s v="SELECT"/>
    <m/>
    <s v=""/>
    <x v="1"/>
    <s v=""/>
    <x v="46"/>
    <s v="Acquisitions"/>
    <s v="Other"/>
    <s v="PSPC-OMIS00000703"/>
    <s v="In Production"/>
    <s v="rich"/>
    <x v="1"/>
    <x v="2399"/>
  </r>
  <r>
    <x v="4"/>
    <x v="5"/>
    <x v="6344"/>
    <s v="SELECT"/>
    <m/>
    <s v=""/>
    <x v="1"/>
    <s v=""/>
    <x v="46"/>
    <s v="Acquisitions"/>
    <s v="Other"/>
    <s v="PSPC-OMIS00000704"/>
    <s v="In Production"/>
    <s v="web"/>
    <x v="1"/>
    <x v="2399"/>
  </r>
  <r>
    <x v="4"/>
    <x v="5"/>
    <x v="6345"/>
    <s v="NMCN"/>
    <s v="National extranet site for managers to come together as a community, get information and share experiences."/>
    <s v=""/>
    <x v="1"/>
    <s v=""/>
    <x v="46"/>
    <s v="Linguistic Management Services"/>
    <s v="Other"/>
    <s v="PSPC-OMIS00000714"/>
    <s v="In Production"/>
    <s v="web"/>
    <x v="1"/>
    <x v="2401"/>
  </r>
  <r>
    <x v="4"/>
    <x v="5"/>
    <x v="6346"/>
    <s v="NoHA"/>
    <s v="Manage Northern Housing Portfolio (forecasting, invoice details, budgeting, client interface etc)."/>
    <s v=""/>
    <x v="1"/>
    <s v=""/>
    <x v="46"/>
    <s v="Internal Services"/>
    <s v="Real Property Services"/>
    <s v="PSPC-OMIS00000721"/>
    <s v="In Production"/>
    <s v="web"/>
    <x v="1"/>
    <x v="2399"/>
  </r>
  <r>
    <x v="4"/>
    <x v="5"/>
    <x v="6347"/>
    <s v="OASREP"/>
    <s v="OASREP provides users with &quot;one-stop shopping&quot; for OAS reports. The preformatted national and regional reports in OASREP are drawn from TADS/OIS and WinFIS/FISREP, the source applications that focus on your business information requirements."/>
    <s v=""/>
    <x v="1"/>
    <s v=""/>
    <x v="46"/>
    <s v=""/>
    <s v=""/>
    <s v="PSPC-OMIS00000723"/>
    <s v="In Production"/>
    <s v="rich"/>
    <x v="1"/>
    <x v="2399"/>
  </r>
  <r>
    <x v="4"/>
    <x v="5"/>
    <x v="6348"/>
    <s v="CSP"/>
    <s v="This application is used to record the information on confined spaces as assessed by the Head of Construction and Maintenance Safety.  BVA 15-16:  Include notes on inspection details, any follow-on actions as a result of inspections, etc.  STRONG POTENTIAL FOR BROADER DEPARTMENTAL USE."/>
    <s v=""/>
    <x v="1"/>
    <s v=""/>
    <x v="46"/>
    <s v="Internal Services"/>
    <s v="Legal Services"/>
    <s v="PSPC-OMIS00000726"/>
    <s v="In Production"/>
    <s v="web"/>
    <x v="1"/>
    <x v="2399"/>
  </r>
  <r>
    <x v="4"/>
    <x v="5"/>
    <x v="6349"/>
    <s v="SCIP"/>
    <s v="This application tracks information related to the inspections performed on equipment such as boilers and pressure vessels of various types for various government departments.  BVA 15-16:  Captures inspection data (including historical data) on boilers and pressure vessels (dates and types of inspections) and to provide financial coding for Bus Mgt group to process invoices for the inspections. (STRONG POTENTIAL FOR DEPARTMENTAL USE)"/>
    <s v=""/>
    <x v="1"/>
    <s v=""/>
    <x v="46"/>
    <s v="Accommodation and Real Property Services"/>
    <s v="Other"/>
    <s v="PSPC-OMIS00000727"/>
    <s v="In Production"/>
    <s v="web"/>
    <x v="1"/>
    <x v="2399"/>
  </r>
  <r>
    <x v="4"/>
    <x v="5"/>
    <x v="6350"/>
    <s v="OPOCMS"/>
    <m/>
    <s v="Oracle_Canada_ULC"/>
    <x v="1"/>
    <s v="Forms"/>
    <x v="46"/>
    <s v="Procurement Ombudsman"/>
    <s v="Other"/>
    <s v="PSPC-OMIS00000732"/>
    <s v="In Production"/>
    <s v="web"/>
    <x v="0"/>
    <x v="2399"/>
  </r>
  <r>
    <x v="4"/>
    <x v="5"/>
    <x v="6351"/>
    <s v="MA"/>
    <s v="Maintain Accounts is used to set up a user profile for every person who is authorized to use the following  RP applications:  PS/SP, IFTS, MCT, WinFIS, AFDMS, TADS/OIS, OASRep, PBMS, PBMS Historical  The user profile contains name and address information about each user and also contains all the appropriate access rights and privileges for the user to run an application."/>
    <s v=""/>
    <x v="1"/>
    <s v=""/>
    <x v="46"/>
    <s v="Accommodation and Real Property Services"/>
    <s v="Other"/>
    <s v="PSPC-OMIS00000735"/>
    <s v="In Production"/>
    <s v="rich"/>
    <x v="1"/>
    <x v="2399"/>
  </r>
  <r>
    <x v="4"/>
    <x v="5"/>
    <x v="6352"/>
    <s v="CMSPW"/>
    <s v="Authentication and database instance direction for RPB OLTP PowerBuilder applications."/>
    <s v=""/>
    <x v="1"/>
    <s v=""/>
    <x v="46"/>
    <s v=""/>
    <s v=""/>
    <s v="PSPC-OMIS00000736"/>
    <s v="In Production"/>
    <s v="desktop"/>
    <x v="1"/>
    <x v="2399"/>
  </r>
  <r>
    <x v="4"/>
    <x v="5"/>
    <x v="6353"/>
    <s v="OLISS"/>
    <s v="Common application for: - ISS Call Centre personnel to assist end callers - allow PWGSC users to electronically complete security requirements checklist required for contracting/procurement - to apply online for a security clearance with PWGSC.  It is used by both employees and contractors who are procured through PWGSC - PWGSC and some other Government department Unit Security Officers to view security clearance levels and the status of applications for security clearances"/>
    <s v=""/>
    <x v="1"/>
    <s v=""/>
    <x v="46"/>
    <s v=""/>
    <s v=""/>
    <s v="PSPC-OMIS00000762"/>
    <s v="In Production"/>
    <s v="web"/>
    <x v="1"/>
    <x v="2399"/>
  </r>
  <r>
    <x v="4"/>
    <x v="5"/>
    <x v="6354"/>
    <s v="CPI"/>
    <s v="This application is a repository of all the cultural property in and around crown-owned buildings in the custody of Real Property Systems."/>
    <s v=""/>
    <x v="1"/>
    <s v=""/>
    <x v="46"/>
    <s v="Accommodation and Real Property Services"/>
    <s v="Other"/>
    <s v="PSPC-OMIS00000797"/>
    <s v="In Production"/>
    <s v="web"/>
    <x v="1"/>
    <x v="2399"/>
  </r>
  <r>
    <x v="4"/>
    <x v="5"/>
    <x v="6355"/>
    <s v="RPBDOCCTR (Current)"/>
    <s v="This site, which combines the former RPS Documentation Centre site and the new RPS Policy Network, is the branch’s focal point for transferring policy, technical and marketing information to PWGSC personnel."/>
    <s v=""/>
    <x v="1"/>
    <s v=""/>
    <x v="46"/>
    <s v="Accommodation and Real Property Services"/>
    <s v="Other"/>
    <s v="PSPC-OMIS00000807"/>
    <s v="In Production"/>
    <s v="web"/>
    <x v="1"/>
    <x v="2399"/>
  </r>
  <r>
    <x v="4"/>
    <x v="5"/>
    <x v="6356"/>
    <s v="FC"/>
    <s v="The application is a repository of GoC and PWGSC forms for the many business and authorization processes. The forms are searchable and they are available in multiple formats (XFT, PDF and Word docs). The client uses the admin interface to update the repository, add new forms and remove existing forms."/>
    <s v=""/>
    <x v="1"/>
    <s v=""/>
    <x v="46"/>
    <s v="Internal Services"/>
    <s v="Legal Services"/>
    <s v="PSPC-OMIS00000871"/>
    <s v="In Production"/>
    <s v="web"/>
    <x v="1"/>
    <x v="2399"/>
  </r>
  <r>
    <x v="4"/>
    <x v="5"/>
    <x v="6357"/>
    <s v="CAL"/>
    <s v="This application displays a list of courses that are being offered to employees. They are grouped by discipline and displayed on the monthly calendar. There is also a page with links to learning-oriented sites. The client manages the list of courses and all the associated details through the administrative module."/>
    <s v=""/>
    <x v="1"/>
    <s v=""/>
    <x v="46"/>
    <s v="Accommodation and Real Property Services"/>
    <s v="Other"/>
    <s v="PSPC-OMIS00000882"/>
    <s v="In Production"/>
    <s v="web"/>
    <x v="1"/>
    <x v="2399"/>
  </r>
  <r>
    <x v="4"/>
    <x v="5"/>
    <x v="6358"/>
    <s v="Express Staffing"/>
    <s v="Web Portal for submission of forms for Staffing actions (Casual, Students, Terms, etc) to HR Advisors for processing."/>
    <s v=""/>
    <x v="1"/>
    <s v=""/>
    <x v="46"/>
    <s v="Internal Services"/>
    <s v="Human Resources Management Services"/>
    <s v="PSPC-OMIS00000912"/>
    <s v="In Production"/>
    <s v="web"/>
    <x v="1"/>
    <x v="2400"/>
  </r>
  <r>
    <x v="4"/>
    <x v="5"/>
    <x v="6359"/>
    <s v="SSOEAA"/>
    <m/>
    <s v=""/>
    <x v="1"/>
    <s v=""/>
    <x v="46"/>
    <s v="Receiver General for Canada"/>
    <s v="Other"/>
    <s v="PSPC-OMIS00000916"/>
    <s v="In Production"/>
    <s v="mini_main_super"/>
    <x v="1"/>
    <x v="2399"/>
  </r>
  <r>
    <x v="4"/>
    <x v="5"/>
    <x v="6360"/>
    <s v="CE-GCPMP-CQ"/>
    <s v="Defect Tracking, Change Management, Task Management and Decision Management Process implemented in Rational ClearQuest to support the GCPMP project."/>
    <s v="Other"/>
    <x v="14"/>
    <s v="IBM, ClearQuest"/>
    <x v="46"/>
    <s v="Internal Services"/>
    <s v="Information Technology Services"/>
    <s v="PSPC-OMIS00000923"/>
    <s v="In Production"/>
    <s v="web"/>
    <x v="0"/>
    <x v="2399"/>
  </r>
  <r>
    <x v="4"/>
    <x v="5"/>
    <x v="6361"/>
    <s v="CE-GCPMP-RP"/>
    <s v="Requirements Management solution implemented in Rational RequisitePro to manage RFP, Functional Specifications, Use Cases, Business Processes, Releases and Release Components requirements."/>
    <s v=""/>
    <x v="1"/>
    <s v=""/>
    <x v="46"/>
    <s v=""/>
    <s v=""/>
    <s v="PSPC-OMIS00000924"/>
    <s v="In Production"/>
    <s v=""/>
    <x v="0"/>
    <x v="2399"/>
  </r>
  <r>
    <x v="4"/>
    <x v="5"/>
    <x v="6362"/>
    <s v="ABE"/>
    <s v="A customized business application system used by GoC buyers to create all documents required for government contracting purposes and associated reporting requirements"/>
    <s v=""/>
    <x v="1"/>
    <s v=""/>
    <x v="46"/>
    <s v="Acquisitions"/>
    <s v="Other"/>
    <s v="PSPC-OMIS00000962"/>
    <s v="In Production"/>
    <s v="rich"/>
    <x v="1"/>
    <x v="2399"/>
  </r>
  <r>
    <x v="4"/>
    <x v="5"/>
    <x v="6363"/>
    <s v="RPFTS"/>
    <s v="To track important information and dates related to procurement for each requisition in the directorate."/>
    <s v=""/>
    <x v="1"/>
    <s v=""/>
    <x v="46"/>
    <s v="Acquisitions"/>
    <s v="Other"/>
    <s v="PSPC-OMIS00000970"/>
    <s v="In Production"/>
    <s v="rich"/>
    <x v="1"/>
    <x v="2401"/>
  </r>
  <r>
    <x v="4"/>
    <x v="5"/>
    <x v="6364"/>
    <s v="REOLR"/>
    <s v="The Real Estate Online (REO) application provides Real Property Branch with enhanced support for activities related to the disposal of Federal Government Real Property on behalf of custodial departments and supports Treasury Board's overall management mandate. It is a web-based application used to manage federal government real property disposals. REO supports Real Estate Services professionals involved in disposing of surplus federal property."/>
    <s v=""/>
    <x v="1"/>
    <s v=""/>
    <x v="46"/>
    <s v=""/>
    <s v=""/>
    <s v="PSPC-OMIS00000977"/>
    <s v="In Production"/>
    <s v="web"/>
    <x v="0"/>
    <x v="2399"/>
  </r>
  <r>
    <x v="4"/>
    <x v="5"/>
    <x v="6365"/>
    <s v="FRD"/>
    <s v="Application that automates a process to notify the public about water levels for the French River and Lake Nippising area.  Includes web page and RSS updating."/>
    <s v=""/>
    <x v="1"/>
    <s v=""/>
    <x v="46"/>
    <s v=""/>
    <s v=""/>
    <s v="PSPC-OMIS00000979"/>
    <s v="In Production"/>
    <s v="web"/>
    <x v="1"/>
    <x v="2399"/>
  </r>
  <r>
    <x v="4"/>
    <x v="5"/>
    <x v="6366"/>
    <s v="GCLP"/>
    <s v="Il faut renommer le Product Type de Web Site à Application; autrement, puisqu’il est traité comme un «Web Site», il ne tombe plus sous le radar de notre gestionnaire."/>
    <s v=""/>
    <x v="1"/>
    <s v=""/>
    <x v="46"/>
    <s v=""/>
    <s v=""/>
    <s v="PSPC-OMIS00000980"/>
    <s v="In Production"/>
    <s v="web"/>
    <x v="1"/>
    <x v="2399"/>
  </r>
  <r>
    <x v="4"/>
    <x v="5"/>
    <x v="6367"/>
    <s v="T6"/>
    <s v="BTB’s terminological database set up by the terminologists to create and modify terminological records and associated data."/>
    <s v=""/>
    <x v="1"/>
    <s v=""/>
    <x v="46"/>
    <s v="Linguistic Management Services"/>
    <s v="Other"/>
    <s v="PSPC-OMIS00000983"/>
    <s v="In Production"/>
    <s v="web"/>
    <x v="1"/>
    <x v="2399"/>
  </r>
  <r>
    <x v="4"/>
    <x v="5"/>
    <x v="6368"/>
    <s v="CE-RISM-CQ"/>
    <s v="ClearQuest system designed to track SRs with ITSS."/>
    <s v="Other"/>
    <x v="14"/>
    <s v="IBM, ClearQuest"/>
    <x v="46"/>
    <s v="Internal Services"/>
    <s v="Information Technology Services"/>
    <s v="PSPC-OMIS00000986"/>
    <s v="In Production"/>
    <s v="web"/>
    <x v="0"/>
    <x v="2399"/>
  </r>
  <r>
    <x v="4"/>
    <x v="5"/>
    <x v="6369"/>
    <s v="CPSS"/>
    <s v="Centralized Professional Services System (CPSS) is a searchable database of companies that have pre-qualified to do business with the federal government. CPSS provides an easy way to manage general company information (e.g.: name, address, contacts, commodities, etc.) and to identify sources of supply for professional services.   Services and Technology Acquisition Management Sector (STAMS) is responsible for the implementation and management of a variety of Professional Services including the following commodities:  • Learning Services • Solution Based Informatics Professional Services (SBIPS)  • Professional Audits Support Services Supply Arrangement (PASS SA) • Task and Solutions Professional Services (TSPS)  These commodities were initially"/>
    <s v=""/>
    <x v="1"/>
    <s v=""/>
    <x v="46"/>
    <s v="Acquisitions"/>
    <s v="Other"/>
    <s v="PSPC-OMIS00000989"/>
    <s v="In Production"/>
    <s v="web"/>
    <x v="1"/>
    <x v="2399"/>
  </r>
  <r>
    <x v="4"/>
    <x v="5"/>
    <x v="6370"/>
    <s v="Infowiki"/>
    <s v="The tool Wiki is being for knowledge management and as an internal collaboration."/>
    <s v=""/>
    <x v="1"/>
    <s v=""/>
    <x v="46"/>
    <s v=""/>
    <s v=""/>
    <s v="PSPC-OMIS00000990"/>
    <s v="In Production"/>
    <s v="web"/>
    <x v="0"/>
    <x v="2399"/>
  </r>
  <r>
    <x v="4"/>
    <x v="5"/>
    <x v="6371"/>
    <s v="NLKN"/>
    <s v="Web portal in support of the National Laboratory Knowledge Network Program"/>
    <s v=""/>
    <x v="1"/>
    <s v=""/>
    <x v="46"/>
    <s v="Accommodation and Real Property Services"/>
    <s v="Other"/>
    <s v="PSPC-OMIS00000996"/>
    <s v="In Production"/>
    <s v="web"/>
    <x v="1"/>
    <x v="2399"/>
  </r>
  <r>
    <x v="4"/>
    <x v="5"/>
    <x v="6372"/>
    <s v="Tax Slips"/>
    <m/>
    <s v=""/>
    <x v="1"/>
    <s v=""/>
    <x v="46"/>
    <s v="Federal Pay &amp; Pension Administration"/>
    <s v="Other"/>
    <s v="PSPC-OMIS00001031"/>
    <s v="In Production"/>
    <s v="web"/>
    <x v="1"/>
    <x v="2399"/>
  </r>
  <r>
    <x v="4"/>
    <x v="5"/>
    <x v="6373"/>
    <s v="CCR"/>
    <s v="Pension Fund Accounting (PFA) used the reports the reconciliation of Cancelled cheques:  The data is stored in 12 xml data files.  The reports are html and are generated using xslt.  They reside on the Web server."/>
    <s v=""/>
    <x v="1"/>
    <s v=""/>
    <x v="46"/>
    <s v="Federal Pay &amp; Pension Administration"/>
    <s v="Other"/>
    <s v="PSPC-OMIS00001032"/>
    <s v="In Production"/>
    <s v="web"/>
    <x v="1"/>
    <x v="2400"/>
  </r>
  <r>
    <x v="4"/>
    <x v="5"/>
    <x v="6374"/>
    <s v="DP"/>
    <s v="application to manage the list of PSPC desktop procedures."/>
    <s v=""/>
    <x v="1"/>
    <s v=""/>
    <x v="46"/>
    <s v="Federal Pay &amp; Pension Administration"/>
    <s v="Other"/>
    <s v="PSPC-OMIS00001033"/>
    <s v="In Production"/>
    <s v="web"/>
    <x v="1"/>
    <x v="2400"/>
  </r>
  <r>
    <x v="4"/>
    <x v="5"/>
    <x v="5406"/>
    <s v="RGBB"/>
    <m/>
    <s v=""/>
    <x v="1"/>
    <s v=""/>
    <x v="46"/>
    <s v=""/>
    <s v=""/>
    <s v="PSPC-OMIS00001038"/>
    <s v="In Production"/>
    <s v=""/>
    <x v="0"/>
    <x v="2403"/>
  </r>
  <r>
    <x v="4"/>
    <x v="5"/>
    <x v="6375"/>
    <s v="LSRT"/>
    <s v="This application is used to capture client requests for legal services for acquisitions or disposal transactions. The request types are currently limited to Real property transactions but could be expanded to allow others.  BVA 15-16:  legal services in-take (ensuring organisation and completeness of the in-take process) and enables self-serve tracking of legal cases (by clients) once submitted.  (POTENTIAL FOR BROADER DEPARTMENTAL USE)"/>
    <s v=""/>
    <x v="1"/>
    <s v=""/>
    <x v="46"/>
    <s v="Internal Services"/>
    <s v="Legal Services"/>
    <s v="PSPC-OMIS00001040"/>
    <s v="In Production"/>
    <s v="web"/>
    <x v="1"/>
    <x v="2399"/>
  </r>
  <r>
    <x v="4"/>
    <x v="5"/>
    <x v="6376"/>
    <s v="IMS"/>
    <s v="This is an issue tracking system that is generic in nature and can be used to track any type of request. Clients have the flexibility to create forms and capture data based on their own unique requirements.  BVA 15-16:  Environmental Issues Mgt and Communication Tracker:  Mgt of environmental regulatory non-compliances that are identified out of the ESL (also referred to as the Environmental Compliance Tracker)"/>
    <s v=""/>
    <x v="1"/>
    <s v=""/>
    <x v="46"/>
    <s v="Internal Services"/>
    <s v="Real Property Services"/>
    <s v="PSPC-OMIS00001041"/>
    <s v="In Production"/>
    <s v="web"/>
    <x v="1"/>
    <x v="2399"/>
  </r>
  <r>
    <x v="4"/>
    <x v="5"/>
    <x v="6377"/>
    <s v="Devco Sharepoint"/>
    <s v="Document collaboration tool for 'CBDC' project stakeholders."/>
    <s v=""/>
    <x v="1"/>
    <s v=""/>
    <x v="46"/>
    <s v=""/>
    <s v=""/>
    <s v="PSPC-OMIS00001047"/>
    <s v="In Production"/>
    <s v="rich"/>
    <x v="0"/>
    <x v="2401"/>
  </r>
  <r>
    <x v="4"/>
    <x v="5"/>
    <x v="6378"/>
    <s v="Confederation Bridge GIS"/>
    <s v="Web-based GIS for Project Team members."/>
    <s v=""/>
    <x v="1"/>
    <s v=""/>
    <x v="46"/>
    <s v=""/>
    <s v=""/>
    <s v="PSPC-OMIS00001050"/>
    <s v="In Production"/>
    <s v="rich"/>
    <x v="0"/>
    <x v="2400"/>
  </r>
  <r>
    <x v="4"/>
    <x v="5"/>
    <x v="6379"/>
    <s v="Geo-Portal - CEAA, CSAP"/>
    <s v="Web-based GIS for PWGSC Environmental Services"/>
    <s v=""/>
    <x v="1"/>
    <s v=""/>
    <x v="46"/>
    <s v=""/>
    <s v=""/>
    <s v="PSPC-OMIS00001051"/>
    <s v="In Production"/>
    <s v="rich"/>
    <x v="0"/>
    <x v="2400"/>
  </r>
  <r>
    <x v="4"/>
    <x v="5"/>
    <x v="6380"/>
    <s v="Harbour Management GIS"/>
    <s v="GIS for Transport Canada"/>
    <s v=""/>
    <x v="1"/>
    <s v=""/>
    <x v="46"/>
    <s v=""/>
    <s v=""/>
    <s v="PSPC-OMIS00001052"/>
    <s v="In Production"/>
    <s v="desktop"/>
    <x v="0"/>
    <x v="2399"/>
  </r>
  <r>
    <x v="4"/>
    <x v="5"/>
    <x v="6381"/>
    <s v="PWGSC ATL AutoCAD Tools"/>
    <s v="CAD Standards Productivity Tool is described as a COTS module to AutoCAD which provides a library of TitleBlocks, Symbols and Graphics and a user interface to access the function library.  It also provides a tool to assess drawings for adherence to PWGSC CADD Standards.  This is an Add-on to the AutoCAD software (cannot be run independent of AutoCAD).  This is upgraded annually based upon new releases / implementations of AutoCAD."/>
    <s v=""/>
    <x v="1"/>
    <s v=""/>
    <x v="46"/>
    <s v=""/>
    <s v=""/>
    <s v="PSPC-OMIS00001053"/>
    <s v="In Production"/>
    <s v="rich"/>
    <x v="0"/>
    <x v="2400"/>
  </r>
  <r>
    <x v="4"/>
    <x v="5"/>
    <x v="6382"/>
    <s v="VAULT"/>
    <s v="This application is used to store any development artifacts, but it has been designed specifically for the purpose of managing source code."/>
    <s v=""/>
    <x v="1"/>
    <s v=""/>
    <x v="46"/>
    <s v=""/>
    <s v=""/>
    <s v="PSPC-OMIS00001054"/>
    <s v="In Production"/>
    <s v="web"/>
    <x v="0"/>
    <x v="2400"/>
  </r>
  <r>
    <x v="4"/>
    <x v="5"/>
    <x v="6383"/>
    <s v="BaS"/>
    <s v="Buyandsell.gc.ca, is the Government of Canada procurement website, it makes the experience of Canadian Businesses and Government Procurment professionals trying to find out more about doing business with the Government simple, fast and efficient."/>
    <s v=""/>
    <x v="1"/>
    <s v=""/>
    <x v="46"/>
    <s v="Acquisitions"/>
    <s v="Other"/>
    <s v="PSPC-OMIS00001055"/>
    <s v="In Production"/>
    <s v="web"/>
    <x v="1"/>
    <x v="2400"/>
  </r>
  <r>
    <x v="4"/>
    <x v="5"/>
    <x v="6384"/>
    <s v="SRCT"/>
    <s v="A web-based reporting tool that uses SIGMA extracts for enhanced reporting purposes. Planned decommission date could change depending on the availability and functionality of the BI Tools suite and NOVUS ERP"/>
    <s v=""/>
    <x v="1"/>
    <s v=""/>
    <x v="46"/>
    <s v="Accommodation and Real Property Services"/>
    <s v="Other"/>
    <s v="PSPC-OMIS00001057"/>
    <s v="In Production"/>
    <s v="web"/>
    <x v="1"/>
    <x v="2401"/>
  </r>
  <r>
    <x v="4"/>
    <x v="5"/>
    <x v="6385"/>
    <s v="WR-EDM"/>
    <s v="AutoDesk Vault Web client for OGD clients     Technical contact in the Western region is Kory Webb.  Updated URL, Infrastructure, DB information, Web Server version provided on October 27th, 2016."/>
    <s v="Other"/>
    <x v="14"/>
    <s v="Autodesk"/>
    <x v="46"/>
    <s v="Accommodation and Real Property Services"/>
    <s v="Other"/>
    <s v="PSPC-OMIS00001062"/>
    <s v="In Production"/>
    <s v="web"/>
    <x v="0"/>
    <x v="2399"/>
  </r>
  <r>
    <x v="4"/>
    <x v="5"/>
    <x v="6386"/>
    <s v="RPDD"/>
    <s v="Application pour le dimensionnement de la tuyauterie de réfrigération"/>
    <s v=""/>
    <x v="1"/>
    <s v=""/>
    <x v="46"/>
    <s v=""/>
    <s v=""/>
    <s v="PSPC-OMIS00001065"/>
    <s v="In Production"/>
    <s v="desktop"/>
    <x v="0"/>
    <x v="2403"/>
  </r>
  <r>
    <x v="4"/>
    <x v="5"/>
    <x v="6387"/>
    <s v="LDD"/>
    <s v="Logiciel permettant de : faire de la Modélisation 3D des données bathymétriques, importer et exporter des données, effectuer des calculs de volume"/>
    <s v=""/>
    <x v="1"/>
    <s v=""/>
    <x v="46"/>
    <s v=""/>
    <s v=""/>
    <s v="PSPC-OMIS00001075"/>
    <s v="In Production"/>
    <s v="desktop"/>
    <x v="0"/>
    <x v="2403"/>
  </r>
  <r>
    <x v="4"/>
    <x v="5"/>
    <x v="6388"/>
    <s v="Geodeq"/>
    <s v="Logiciel permettant d'obtenir des données de base qui sont utilisées pour rattacher les levés hydrographiques au système géodésique Québécois."/>
    <s v=""/>
    <x v="1"/>
    <s v=""/>
    <x v="46"/>
    <s v=""/>
    <s v=""/>
    <s v="PSPC-OMIS00001076"/>
    <s v="In Production"/>
    <s v="desktop"/>
    <x v="0"/>
    <x v="2404"/>
  </r>
  <r>
    <x v="4"/>
    <x v="5"/>
    <x v="6389"/>
    <s v="N4"/>
    <s v="Système de sécurisé pour le PCO (plan de continuité des opérations)"/>
    <s v="Other"/>
    <x v="14"/>
    <s v="IXTROM Groupe inc. -  iXSGIU (Système de gestion et d'information d'urgence) http://www.ixtrom.com/fr_ca/prod_category.html"/>
    <x v="46"/>
    <s v="Internal Services"/>
    <s v="Legal Services"/>
    <s v="PSPC-OMIS00001077"/>
    <s v="In Production"/>
    <s v="cloud"/>
    <x v="0"/>
    <x v="2400"/>
  </r>
  <r>
    <x v="4"/>
    <x v="5"/>
    <x v="6390"/>
    <s v="Summit Pro"/>
    <s v="Unknown."/>
    <s v=""/>
    <x v="1"/>
    <s v=""/>
    <x v="46"/>
    <s v=""/>
    <s v=""/>
    <s v="PSPC-OMIS00001080"/>
    <s v="In Production"/>
    <s v=""/>
    <x v="0"/>
    <x v="2404"/>
  </r>
  <r>
    <x v="4"/>
    <x v="5"/>
    <x v="6391"/>
    <s v="BLOG"/>
    <s v="Le Blogue de la DGR permet d’accroître le dialogue entre la DGR et les employés de TPSGC de la Région du Québec pour obtenir les idées des employés et mieux véhiculer l’information tout en attirant leur intérêt sur les enjeux et les éléments majeurs du ministère (en référence au point 16 de la Politique de communication du gouvernement du Canada traitant des communications internes).  Le blogue se caractérise par les fonctions suivantes qui sont faites ou reçues de façon autonome par la DGR ou le Secteur des communications, sans passer par la DGSIT :  o nombre de visites de la page d’accueil du blogue et sur chacun des billets et tableau de statistiques de lecture par jour/mois  o possibilité d’approuver la publication des commentaires ou que ceu"/>
    <s v="Other"/>
    <x v="14"/>
    <s v="Wordpress.org - WordPress v2.9.2 http://wordpress.org/about/"/>
    <x v="46"/>
    <s v="Internal Services"/>
    <s v="Communications Services"/>
    <s v="PSPC-OMIS00001086"/>
    <s v="In Production"/>
    <s v="web"/>
    <x v="0"/>
    <x v="2399"/>
  </r>
  <r>
    <x v="4"/>
    <x v="5"/>
    <x v="6392"/>
    <s v="GIG"/>
    <m/>
    <s v=""/>
    <x v="1"/>
    <s v=""/>
    <x v="46"/>
    <s v="Specialized Programs and Services"/>
    <s v="Other"/>
    <s v="PSPC-OMIS00001091"/>
    <s v="In Production"/>
    <s v="rich"/>
    <x v="1"/>
    <x v="2399"/>
  </r>
  <r>
    <x v="4"/>
    <x v="5"/>
    <x v="6393"/>
    <s v="TTR-FAMG"/>
    <s v="Employees submit timesheets that are imported to produce reports and invoices related to the work done on specific client files."/>
    <s v=""/>
    <x v="1"/>
    <s v=""/>
    <x v="46"/>
    <s v=""/>
    <s v=""/>
    <s v="PSPC-OMIS00001093"/>
    <s v="In Production"/>
    <s v="desktop"/>
    <x v="0"/>
    <x v="2403"/>
  </r>
  <r>
    <x v="4"/>
    <x v="5"/>
    <x v="6394"/>
    <s v="SMS"/>
    <s v="The Security Monitoring System -  security system comprising of various components such computer hardware, software, closed circuit cameras,  video monitors, switches  as well as security access and control devices that is installed throughout the NCA on various assets to protect the assets against entry by unauthorized personnel, sabotage and\or vandalism.  The system also safeguards employees as well as information contained within the assets. It also safeguards  Assets being protected include buildings within the downtown core that are occupied by Parliamentary Precinct personnel, PPB’s main warehouse and storage facility located on Pink Road in Gatineau as well as several Central Heating and Cooling Plants and associated tunnels that are managed b"/>
    <s v=""/>
    <x v="1"/>
    <s v=""/>
    <x v="46"/>
    <s v=""/>
    <s v=""/>
    <s v="PSPC-OMIS00001095"/>
    <s v="In Production"/>
    <s v=""/>
    <x v="0"/>
    <x v="2404"/>
  </r>
  <r>
    <x v="4"/>
    <x v="5"/>
    <x v="6395"/>
    <s v="REOL-Public"/>
    <s v="The Real Estate Online (REO) application provides Real Property Branch with enhanced support for activities related to the disposal of Federal Government Real Property on behalf of custodial departments and supports Treasury Board's overall management mandate. It is a web-based application used to manage federal government real property disposals. REO supports Real Estate Services professionals involved in disposing of surplus federal property."/>
    <s v=""/>
    <x v="1"/>
    <s v=""/>
    <x v="46"/>
    <s v=""/>
    <s v=""/>
    <s v="PSPC-OMIS00001106"/>
    <s v="In Production"/>
    <s v="web"/>
    <x v="1"/>
    <x v="2399"/>
  </r>
  <r>
    <x v="4"/>
    <x v="5"/>
    <x v="6396"/>
    <s v="REOL-PC"/>
    <s v="The Real Estate Online (REO) application provides Real Property Branch with enhanced support for activities related to the disposal of Federal Government Real Property on behalf of custodial departments and supports Treasury Board's overall management mandate. It is a web-based application used to manage federal government real property disposals. REO supports Real Estate Services professionals involved in disposing of surplus federal property."/>
    <s v=""/>
    <x v="1"/>
    <s v=""/>
    <x v="46"/>
    <s v=""/>
    <s v=""/>
    <s v="PSPC-OMIS00001107"/>
    <s v="In Production"/>
    <s v="web"/>
    <x v="1"/>
    <x v="2399"/>
  </r>
  <r>
    <x v="4"/>
    <x v="5"/>
    <x v="6397"/>
    <s v="ECRMS"/>
    <s v="Meeting Room Reservation System for the GoC Conference Centre at 2 Rideaju St., Ottawa, Ontario. The purpose of this application is to reserve rooms for conferences through the Events and Conference Management group in NCA Ops."/>
    <s v="Other"/>
    <x v="14"/>
    <s v="Newmarket Group/Delphi"/>
    <x v="46"/>
    <s v="Accommodation and Real Property Services"/>
    <s v="Other"/>
    <s v="PSPC-OMIS00001113"/>
    <s v="In Production"/>
    <s v="rich"/>
    <x v="0"/>
    <x v="2401"/>
  </r>
  <r>
    <x v="4"/>
    <x v="5"/>
    <x v="6398"/>
    <s v="DAMS"/>
    <s v="Water Level Readings Retrieves data from modems that are connected to monitoring stations at several dams.  The data loaded in the Water Reading Database (MSACCESS 2000) from a modem 7 days/week on an off PWGSC network PC.  The data collection can also be done from BCP laptop or PWGSC office laptop in case of failure of the off network PC.  FORTRAN applications run against the Access data to create text files so external users can FTP the files.  RPB approached CIOB to take over support of this product, reference: REQIN-322.  The client is working on developing the on developing the end to end business requirements without an RA"/>
    <s v=""/>
    <x v="1"/>
    <s v=""/>
    <x v="46"/>
    <s v=""/>
    <s v=""/>
    <s v="PSPC-OMIS00001114"/>
    <s v="In Production"/>
    <s v=""/>
    <x v="1"/>
    <x v="2400"/>
  </r>
  <r>
    <x v="4"/>
    <x v="5"/>
    <x v="6399"/>
    <s v="Dams"/>
    <s v="Database that contains inspection dates and name of inspector for PWGSC dams for policy compliance"/>
    <s v=""/>
    <x v="1"/>
    <s v=""/>
    <x v="46"/>
    <s v=""/>
    <s v=""/>
    <s v="PSPC-OMIS00001115"/>
    <s v="In Production"/>
    <s v="desktop"/>
    <x v="1"/>
    <x v="2403"/>
  </r>
  <r>
    <x v="4"/>
    <x v="5"/>
    <x v="6400"/>
    <s v="RRT"/>
    <s v="The Records Request Tracker (RRT) application was created in 2010, for the Information Management Branch, Atlantic region (however this application is used by multiple regions). The application provides a centralized place for requesters to access file request forms. These forms can be customized to each Directorate so only the relevant information is presented. The RRT also allow classifiers to work on outstanding requests from a different city, therefore reducing the overall workload."/>
    <s v=""/>
    <x v="1"/>
    <s v=""/>
    <x v="46"/>
    <s v="Internal Services"/>
    <s v="Information Management Services"/>
    <s v="PSPC-OMIS00001117"/>
    <s v="In Production"/>
    <s v="web"/>
    <x v="1"/>
    <x v="2399"/>
  </r>
  <r>
    <x v="4"/>
    <x v="5"/>
    <x v="6401"/>
    <s v="PFRT"/>
    <s v="The Project Fee Request Tracker (PFRT) enables you to:  submit a new fee request to see the fee requests made for this fiscal year by all users in the Atlantic Region to check the status of any fee request to filter all the requests to generate a custom report which can be exported to Excel."/>
    <s v=""/>
    <x v="1"/>
    <s v=""/>
    <x v="46"/>
    <s v="Accommodation and Real Property Services"/>
    <s v="Other"/>
    <s v="PSPC-OMIS00001118"/>
    <s v="In Production"/>
    <s v="web"/>
    <x v="1"/>
    <x v="2399"/>
  </r>
  <r>
    <x v="4"/>
    <x v="5"/>
    <x v="6402"/>
    <s v="AEFTS"/>
    <s v="System to manage audit and evaluation files."/>
    <s v="WorkDynamics_Technologies_Inc"/>
    <x v="0"/>
    <s v=""/>
    <x v="46"/>
    <s v="Internal Services"/>
    <s v="Information Management Services"/>
    <s v="PSPC-OMIS00001120"/>
    <s v="In Production"/>
    <s v="rich"/>
    <x v="0"/>
    <x v="2399"/>
  </r>
  <r>
    <x v="4"/>
    <x v="5"/>
    <x v="6403"/>
    <s v="SDP"/>
    <s v="ManageEngine ServiceDesk Plus is a comprehensive help desk and asset management software that provides help desk agents and IT managers an integrated console to monitor and maintain the assets and IT requests generated from the users of the IT resources in an organization. The IT help desk plays an important part in the provision of IT Services. It is very often the first contact the users have in their use of IT Services when something does not work as expected. The IT help desk is a single point of contact for end-users who need help. Without this, an organization could certainly face losses due to inefficiencies. The two main focuses of the ManageEngine ServiceDesk Plus are IT Request tracking and Asset Management. Using the following modul"/>
    <s v=""/>
    <x v="1"/>
    <s v=""/>
    <x v="46"/>
    <s v=""/>
    <s v=""/>
    <s v="PSPC-OMIS00001122"/>
    <s v="In Production"/>
    <s v="web"/>
    <x v="0"/>
    <x v="2399"/>
  </r>
  <r>
    <x v="4"/>
    <x v="5"/>
    <x v="6404"/>
    <s v="ClientONT"/>
    <s v="Part of the Communications Portal for OGD clients that PWGSC works with in Ontario Region.  Goal is to improve client service, by promoting events offered by PWGSC to OGD's."/>
    <s v=""/>
    <x v="1"/>
    <s v=""/>
    <x v="46"/>
    <s v=""/>
    <s v=""/>
    <s v="PSPC-OMIS00001134"/>
    <s v="In Production"/>
    <s v="web"/>
    <x v="1"/>
    <x v="2399"/>
  </r>
  <r>
    <x v="4"/>
    <x v="5"/>
    <x v="4421"/>
    <s v="APCM"/>
    <m/>
    <s v="Other"/>
    <x v="14"/>
    <s v="Privasoft - AccessPro Case Management"/>
    <x v="46"/>
    <s v="Internal Services"/>
    <s v="Legal Services"/>
    <s v="PSPC-OMIS00005075"/>
    <s v="In Production"/>
    <s v="web"/>
    <x v="0"/>
    <x v="2399"/>
  </r>
  <r>
    <x v="4"/>
    <x v="5"/>
    <x v="6405"/>
    <s v="APR"/>
    <m/>
    <s v="Other"/>
    <x v="14"/>
    <s v="Privasoft - AccessPro Redaction"/>
    <x v="46"/>
    <s v="Internal Services"/>
    <s v="Legal Services"/>
    <s v="PSPC-OMIS00005078"/>
    <s v="In Production"/>
    <s v="rich"/>
    <x v="0"/>
    <x v="2399"/>
  </r>
  <r>
    <x v="4"/>
    <x v="5"/>
    <x v="6406"/>
    <s v="OFOR"/>
    <s v="Formulaires workflow développés inclus: Libération du dernier chèque; Mouvement des employés; Registre des plaintes en SST; Formulaire d`arrivée; Formulaires de départ"/>
    <s v=""/>
    <x v="1"/>
    <s v=""/>
    <x v="46"/>
    <s v=""/>
    <s v=""/>
    <s v="PSPC-OMIS00005133"/>
    <s v="In Production"/>
    <s v="rich"/>
    <x v="0"/>
    <x v="86"/>
  </r>
  <r>
    <x v="4"/>
    <x v="5"/>
    <x v="6407"/>
    <s v="GBS"/>
    <s v="L'application géo-bâtiments permet de consulter des données associées aux immeubles de Travaux publics et Services gouvernementaux Canada (TPSGC) et à certains immeubles gérés par TPSGC pour le compte d’autres ministères fédéraux (AMF) dans la région du Québec.  Il s’agit de la première version de l’application (v1.0). Celle-ci est développée par les Services géomatiques immobiliers (SGI) en collaboration avec la Direction générale des services d’infotechnologie (DGSIT) pour le compte de la Direction générale des biens immobiliers (DGBI).  La limite de propriété et l'emprise au sol des immeubles proviennent de documents d'arpentage produits par les Services géomatiques immobiliers. Les fonds de cartes proviennent de Google Maps. Comme ceux-ci sont"/>
    <s v=""/>
    <x v="1"/>
    <s v=""/>
    <x v="46"/>
    <s v="Accommodation and Real Property Services"/>
    <s v="Other"/>
    <s v="PSPC-OMIS00005136"/>
    <s v="In Production"/>
    <s v="web"/>
    <x v="1"/>
    <x v="2399"/>
  </r>
  <r>
    <x v="4"/>
    <x v="5"/>
    <x v="6408"/>
    <s v="ENTRE NOUS"/>
    <s v="Site intranet de la région de Québec"/>
    <s v=""/>
    <x v="1"/>
    <s v=""/>
    <x v="46"/>
    <s v=""/>
    <s v=""/>
    <s v="PSPC-OMIS00005141"/>
    <s v="In Production"/>
    <s v="web"/>
    <x v="1"/>
    <x v="2399"/>
  </r>
  <r>
    <x v="4"/>
    <x v="5"/>
    <x v="6409"/>
    <s v="SDAT"/>
    <s v="The Sustainable Development (SD) Analysis Tool is an internet application (wizard) that enables project managers to better understand and identify the environmental, social and economic aspects that may directly or indirectly, positively or negatively, impact on the efficiency of a remediation project.  It helps to facilitate a identify the strengths and weaknesses of different environmental technologies."/>
    <s v=""/>
    <x v="1"/>
    <s v=""/>
    <x v="46"/>
    <s v=""/>
    <s v=""/>
    <s v="PSPC-OMIS00005168"/>
    <s v="In Production"/>
    <s v="web"/>
    <x v="1"/>
    <x v="2399"/>
  </r>
  <r>
    <x v="4"/>
    <x v="5"/>
    <x v="6410"/>
    <s v="WQTS"/>
    <s v="Le système de suivi de la qualité de l’eau potable,  assure la conservation des résultats d’échantillonnage de l’eau potable et la capacité d’analyser les résultats et d’en faire rapport aux différents ministères clients dont TPSGC. En vertu de la Loi, les résultats d’analyse doivent être conservés et accessibles pour une durée de cinq (5) ans."/>
    <s v=""/>
    <x v="1"/>
    <s v=""/>
    <x v="46"/>
    <s v=""/>
    <s v=""/>
    <s v="PSPC-OMIS00005169"/>
    <s v="In Production"/>
    <s v="web"/>
    <x v="1"/>
    <x v="2399"/>
  </r>
  <r>
    <x v="4"/>
    <x v="5"/>
    <x v="6411"/>
    <s v="SIGMA SAP BI"/>
    <s v="BI is a two year project that will place access to the information contained in SIGMA at your finger tips. As a reporting solution, BI complements SIGMA's transactional functionality by quickly and efficiently generating standard and custom reports from a single version of truth to support strategic decision-making across our department. Other advantages include: less manual data manipulation, cross-modular views of information and, custom built reports. March 31, 2011 marked the first major release of the BI solution. This release established the foundation upon which the BI Solution will continue to develop over the next two years."/>
    <s v="Other"/>
    <x v="14"/>
    <s v="SAP"/>
    <x v="46"/>
    <s v="Internal Services"/>
    <s v="Information Technology Services"/>
    <s v="PSPC-OMIS00005178"/>
    <s v="In Production"/>
    <s v="rich"/>
    <x v="0"/>
    <x v="2399"/>
  </r>
  <r>
    <x v="4"/>
    <x v="5"/>
    <x v="6412"/>
    <s v="CE-PAYMOD-CHANGE-CQ"/>
    <s v="This solution was developed to provide the Pay Modernization Project Management Office with a means by which they would manage PMO change."/>
    <s v="Other"/>
    <x v="14"/>
    <s v="IBM, ClearQuest"/>
    <x v="46"/>
    <s v="Internal Services"/>
    <s v="Information Technology Services"/>
    <s v="PSPC-OMIS00005235"/>
    <s v="In Production"/>
    <s v="web"/>
    <x v="0"/>
    <x v="2399"/>
  </r>
  <r>
    <x v="4"/>
    <x v="5"/>
    <x v="6413"/>
    <s v="CE-GCPMP-CC"/>
    <s v="This is an IBM Rational ClearCase repository for source control."/>
    <s v=""/>
    <x v="1"/>
    <s v=""/>
    <x v="46"/>
    <s v=""/>
    <s v=""/>
    <s v="PSPC-OMIS00005290"/>
    <s v="In Production"/>
    <s v=""/>
    <x v="0"/>
    <x v="2399"/>
  </r>
  <r>
    <x v="4"/>
    <x v="5"/>
    <x v="6414"/>
    <s v="CE-LGIS-RTC"/>
    <s v="Rational Team Concert to support the ITS RP LGIS development team."/>
    <s v=""/>
    <x v="1"/>
    <s v=""/>
    <x v="46"/>
    <s v=""/>
    <s v=""/>
    <s v="PSPC-OMIS00005313"/>
    <s v="In Production"/>
    <s v="web"/>
    <x v="0"/>
    <x v="2399"/>
  </r>
  <r>
    <x v="4"/>
    <x v="5"/>
    <x v="6415"/>
    <s v="CGPWeb"/>
    <m/>
    <s v=""/>
    <x v="1"/>
    <s v=""/>
    <x v="46"/>
    <s v="Integrity Programs and Services"/>
    <s v="Other"/>
    <s v="PSPC-OMIS00005390"/>
    <s v="In Production"/>
    <s v="web"/>
    <x v="1"/>
    <x v="2399"/>
  </r>
  <r>
    <x v="4"/>
    <x v="5"/>
    <x v="6416"/>
    <s v="DW-ITSR"/>
    <s v="Cognos 8 application that generates report on HR information. This is the new platform for all future HRB reporting capabilities.  Part of the HRRS Suite.  Human Resources Reporting System is an initiative to group all HR data elements from HRMS, LIMS, ITS &amp; HR Tracking in the data-warehouse."/>
    <s v="Other"/>
    <x v="14"/>
    <s v="IBM Cognos, Cognos 10.1.1"/>
    <x v="46"/>
    <s v="Internal Services"/>
    <s v="Human Resources Management Services"/>
    <s v="PSPC-OMIS00005404"/>
    <s v="In Production"/>
    <s v="web"/>
    <x v="0"/>
    <x v="2399"/>
  </r>
  <r>
    <x v="4"/>
    <x v="5"/>
    <x v="6417"/>
    <s v="DW-Bilan"/>
    <m/>
    <s v="Other"/>
    <x v="14"/>
    <s v="IBM Cognos, Cognos 10.1.1"/>
    <x v="46"/>
    <s v="Internal Services"/>
    <s v="Human Resources Management Services"/>
    <s v="PSPC-OMIS00005405"/>
    <s v="In Production"/>
    <s v="web"/>
    <x v="0"/>
    <x v="2399"/>
  </r>
  <r>
    <x v="4"/>
    <x v="5"/>
    <x v="6418"/>
    <s v="DW-CTRPTS"/>
    <s v="Cognos 8 application that generates report on HR information. This is the new platform for all future HRB reporting capabilities.  Part of the HRRS Suite.  Human Resources Reporting System is an initiative to group all HR data elements from HRMS, LIMS, ITS &amp; HR Tracking in the data-warehouse."/>
    <s v="Other"/>
    <x v="14"/>
    <s v="IBM Cognos, Cognos 10.1.1"/>
    <x v="46"/>
    <s v="Internal Services"/>
    <s v="Human Resources Management Services"/>
    <s v="PSPC-OMIS00005406"/>
    <s v="In Production"/>
    <s v="web"/>
    <x v="0"/>
    <x v="2399"/>
  </r>
  <r>
    <x v="4"/>
    <x v="5"/>
    <x v="6419"/>
    <s v="SI"/>
    <m/>
    <s v="Oracle_Canada_ULC"/>
    <x v="1"/>
    <s v="Oracle / Siebel"/>
    <x v="46"/>
    <s v="Federal Pay &amp; Pension Administration"/>
    <s v="Other"/>
    <s v="PSPC-OMIS00005420"/>
    <s v="In Production"/>
    <s v="web"/>
    <x v="0"/>
    <x v="2399"/>
  </r>
  <r>
    <x v="4"/>
    <x v="5"/>
    <x v="6420"/>
    <s v="Penfax"/>
    <m/>
    <s v="Other"/>
    <x v="14"/>
    <s v="JEA+L33"/>
    <x v="46"/>
    <s v="Federal Pay &amp; Pension Administration"/>
    <s v="Other"/>
    <s v="PSPC-OMIS00005421"/>
    <s v="In Production"/>
    <s v="web"/>
    <x v="0"/>
    <x v="2399"/>
  </r>
  <r>
    <x v="4"/>
    <x v="5"/>
    <x v="6421"/>
    <s v="Genesys"/>
    <m/>
    <s v="Other"/>
    <x v="14"/>
    <s v="Genesys"/>
    <x v="46"/>
    <s v="Federal Pay &amp; Pension Administration"/>
    <s v="Other"/>
    <s v="PSPC-OMIS00005422"/>
    <s v="In Production"/>
    <s v="rich"/>
    <x v="0"/>
    <x v="2399"/>
  </r>
  <r>
    <x v="4"/>
    <x v="5"/>
    <x v="4325"/>
    <s v="IDM"/>
    <m/>
    <s v="Oracle_Canada_ULC"/>
    <x v="106"/>
    <s v=""/>
    <x v="46"/>
    <s v="Federal Pay &amp; Pension Administration"/>
    <s v="Other"/>
    <s v="PSPC-OMIS00005423"/>
    <s v="In Production"/>
    <s v="rich"/>
    <x v="0"/>
    <x v="2399"/>
  </r>
  <r>
    <x v="4"/>
    <x v="5"/>
    <x v="6422"/>
    <s v="IB"/>
    <m/>
    <s v="Oracle_Canada_ULC"/>
    <x v="1"/>
    <s v="Oracle Integration Broker"/>
    <x v="46"/>
    <s v="Federal Pay &amp; Pension Administration"/>
    <s v="Other"/>
    <s v="PSPC-OMIS00005424"/>
    <s v="In Production"/>
    <s v="rich"/>
    <x v="0"/>
    <x v="2399"/>
  </r>
  <r>
    <x v="4"/>
    <x v="5"/>
    <x v="2130"/>
    <s v="BI"/>
    <m/>
    <s v="Oracle_Canada_ULC"/>
    <x v="107"/>
    <s v=""/>
    <x v="46"/>
    <s v="Federal Pay &amp; Pension Administration"/>
    <s v="Other"/>
    <s v="PSPC-OMIS00005425"/>
    <s v="In Production"/>
    <s v="web"/>
    <x v="0"/>
    <x v="2399"/>
  </r>
  <r>
    <x v="4"/>
    <x v="5"/>
    <x v="6423"/>
    <s v="CV"/>
    <m/>
    <s v=""/>
    <x v="1"/>
    <s v=""/>
    <x v="46"/>
    <s v=""/>
    <s v=""/>
    <s v="PSPC-OMIS00005446"/>
    <s v="In Production"/>
    <s v="web"/>
    <x v="0"/>
    <x v="2399"/>
  </r>
  <r>
    <x v="4"/>
    <x v="5"/>
    <x v="6424"/>
    <s v="EPPS WEB"/>
    <s v="EPPS Web is the name for the programmatic code behind the National Fuel Procurement Program web site.  The code generates dynamic elements that allow the site to display requested text and documents by way of a connection to the EPPS database."/>
    <s v=""/>
    <x v="1"/>
    <s v=""/>
    <x v="46"/>
    <s v=""/>
    <s v=""/>
    <s v="PSPC-OMIS00005450"/>
    <s v="In Production"/>
    <s v="web"/>
    <x v="1"/>
    <x v="2399"/>
  </r>
  <r>
    <x v="4"/>
    <x v="5"/>
    <x v="6425"/>
    <s v="FISRH"/>
    <s v="FISREP is a reporting database that takes national and regional data gathered in WinFIS and generates reports based on a client's criteria. It provides information related to planning, assets, occupants, vacancies, and tenants.  FISRH is historical FISREP information."/>
    <s v=""/>
    <x v="1"/>
    <s v=""/>
    <x v="46"/>
    <s v=""/>
    <s v=""/>
    <s v="PSPC-OMIS00005563"/>
    <s v="In Production"/>
    <s v="desktop"/>
    <x v="1"/>
    <x v="2399"/>
  </r>
  <r>
    <x v="4"/>
    <x v="5"/>
    <x v="6426"/>
    <s v="PSE"/>
    <s v="Pacific Region's extranet presence. Application also features a couple of applications that help clients estimate their project requirements (Timeline Tool)"/>
    <s v="Other"/>
    <x v="14"/>
    <s v="Drupal"/>
    <x v="46"/>
    <s v="Internal Services"/>
    <s v="Communications Services"/>
    <s v="PSPC-OMIS00005980"/>
    <s v="In Production"/>
    <s v="web"/>
    <x v="0"/>
    <x v="2401"/>
  </r>
  <r>
    <x v="4"/>
    <x v="5"/>
    <x v="6427"/>
    <s v="Portal"/>
    <m/>
    <s v="Oracle_Canada_ULC"/>
    <x v="1"/>
    <s v="Oracle / Web Portal"/>
    <x v="46"/>
    <s v="Federal Pay &amp; Pension Administration"/>
    <s v="Other"/>
    <s v="PSPC-OMIS00006281"/>
    <s v="In Production"/>
    <s v="web"/>
    <x v="0"/>
    <x v="2399"/>
  </r>
  <r>
    <x v="4"/>
    <x v="5"/>
    <x v="6428"/>
    <s v="ESF"/>
    <s v="Web Framework for Environmental Services integrated as a module of the Western Intranet CMS. Consolidated access to environmental information including sustainable development strategy."/>
    <s v=""/>
    <x v="1"/>
    <s v=""/>
    <x v="46"/>
    <s v=""/>
    <s v=""/>
    <s v="PSPC-OMIS00006844"/>
    <s v="In Production"/>
    <s v="web"/>
    <x v="0"/>
    <x v="2399"/>
  </r>
  <r>
    <x v="4"/>
    <x v="5"/>
    <x v="6429"/>
    <s v="CE-GCPMP-RQM"/>
    <s v="Software Quality Management solution implemented in Rational Quality Manager to optimize project quality with a shared test management environment."/>
    <s v=""/>
    <x v="1"/>
    <s v=""/>
    <x v="46"/>
    <s v=""/>
    <s v=""/>
    <s v="PSPC-OMIS00006876"/>
    <s v="In Production"/>
    <s v=""/>
    <x v="0"/>
    <x v="2399"/>
  </r>
  <r>
    <x v="4"/>
    <x v="5"/>
    <x v="6430"/>
    <s v="ONTCAL"/>
    <s v="Event Registration Calendar for regional training, corporate events, and other learning and PWGSC events in Ontario Region."/>
    <s v=""/>
    <x v="1"/>
    <s v=""/>
    <x v="46"/>
    <s v=""/>
    <s v=""/>
    <s v="PSPC-OMIS00007488"/>
    <s v="In Production"/>
    <s v="web"/>
    <x v="1"/>
    <x v="2399"/>
  </r>
  <r>
    <x v="4"/>
    <x v="5"/>
    <x v="6431"/>
    <s v="FLRES"/>
    <s v="This application is a Fleet reservation system is for use by Corporate Services to track corporate fleet of crown cars in Ontario Region.  It facilitates an efficient and cost-effective distribution of vehicles for government business and ties into the financial process to charge back to Real Property Project budgets."/>
    <s v=""/>
    <x v="1"/>
    <s v=""/>
    <x v="46"/>
    <s v=""/>
    <s v=""/>
    <s v="PSPC-OMIS00007490"/>
    <s v="In Production"/>
    <s v="web"/>
    <x v="1"/>
    <x v="2399"/>
  </r>
  <r>
    <x v="4"/>
    <x v="5"/>
    <x v="6432"/>
    <s v="BSRES"/>
    <s v="Building Space reservation system handles all Ontario Region's building space reservation requirements including special business process that HRB, the RDG office, CIOB and CSSMC - Corporate Services utilizes (approvals, right of refusals, videoconference and technical coordination etc.)."/>
    <s v=""/>
    <x v="1"/>
    <s v=""/>
    <x v="46"/>
    <s v=""/>
    <s v=""/>
    <s v="PSPC-OMIS00007491"/>
    <s v="In Production"/>
    <s v="web"/>
    <x v="1"/>
    <x v="2399"/>
  </r>
  <r>
    <x v="4"/>
    <x v="5"/>
    <x v="6433"/>
    <s v="AV"/>
    <s v="Bid evaluation spreadsheet for audio video equipment"/>
    <s v=""/>
    <x v="1"/>
    <s v=""/>
    <x v="46"/>
    <s v=""/>
    <s v=""/>
    <s v="PSPC-OMIS00007560"/>
    <s v="In Production"/>
    <s v="desktop"/>
    <x v="1"/>
    <x v="2403"/>
  </r>
  <r>
    <x v="4"/>
    <x v="5"/>
    <x v="6434"/>
    <s v="OERS"/>
    <s v="The Office of Small and Medium Enterprises (OSME) – Ontario Region offers awareness seminars to individual businesses and groups concerning the federal procurement system.   It also develops or takes part in business tradeshow events and conferences as part of its core mandate. The OSME Event Registration System (OERS) facilitates the delivery of these seminars and events by displaying them as offerings for online registration and promotion to the public."/>
    <s v=""/>
    <x v="1"/>
    <s v=""/>
    <x v="46"/>
    <s v="Acquisitions"/>
    <s v="Other"/>
    <s v="PSPC-OMIS00011353"/>
    <s v="In Production"/>
    <s v="web"/>
    <x v="1"/>
    <x v="2399"/>
  </r>
  <r>
    <x v="4"/>
    <x v="5"/>
    <x v="6435"/>
    <s v="UTIL"/>
    <s v="Tech2 Utility is a support tool to performance maintenance on application support files."/>
    <s v=""/>
    <x v="1"/>
    <s v=""/>
    <x v="46"/>
    <s v=""/>
    <s v=""/>
    <s v="PSPC-OMIS00011470"/>
    <s v="In Production"/>
    <s v="rich"/>
    <x v="0"/>
    <x v="2400"/>
  </r>
  <r>
    <x v="4"/>
    <x v="5"/>
    <x v="6436"/>
    <s v="IM"/>
    <s v="Solution de messagerie instantannée. / Instant messaging solution. Spark is an Open Source, cross-platform IM client optimized for businesses and organizations. It features built-in support for group chat, telephony integration, and strong security. It also offers a great end-user experience with features like in-line spell checking, group chat room bookmarks, and tabbed conversations."/>
    <s v=""/>
    <x v="1"/>
    <s v=""/>
    <x v="46"/>
    <s v=""/>
    <s v=""/>
    <s v="PSPC-OMIS00011488"/>
    <s v="In Production"/>
    <s v="web"/>
    <x v="0"/>
    <x v="2399"/>
  </r>
  <r>
    <x v="4"/>
    <x v="5"/>
    <x v="6437"/>
    <s v="CLONT-Web"/>
    <s v="OGD portal to PWGSC services in Ontario Region.  Features a newsletter, static and dynamic content.  It also contains the National Service Call Center sub-ste that is a high volume reporting tool for OGD clients to submit building issues via E-Request."/>
    <s v=""/>
    <x v="1"/>
    <s v=""/>
    <x v="46"/>
    <s v=""/>
    <s v=""/>
    <s v="PSPC-OMIS00013862"/>
    <s v="In Production"/>
    <s v="web"/>
    <x v="0"/>
    <x v="2399"/>
  </r>
  <r>
    <x v="4"/>
    <x v="5"/>
    <x v="6438"/>
    <s v="CMT"/>
    <m/>
    <s v="Other"/>
    <x v="14"/>
    <s v="IBM, ClearQuest"/>
    <x v="46"/>
    <s v="Federal Pay &amp; Pension Administration"/>
    <s v="Other"/>
    <s v="PSPC-OMIS00014231"/>
    <s v="In Production"/>
    <s v="web"/>
    <x v="0"/>
    <x v="2399"/>
  </r>
  <r>
    <x v="4"/>
    <x v="5"/>
    <x v="2765"/>
    <s v="Phoenix"/>
    <m/>
    <s v=""/>
    <x v="1"/>
    <s v=""/>
    <x v="46"/>
    <s v=""/>
    <s v=""/>
    <s v="PSPC-OMIS00015659"/>
    <s v="In Production"/>
    <s v="web"/>
    <x v="0"/>
    <x v="2399"/>
  </r>
  <r>
    <x v="4"/>
    <x v="5"/>
    <x v="6439"/>
    <s v="SIGMA SAP PO"/>
    <s v="SAP Portal. This is a new Production Environment to be used ONLY by BI/BW Technical and Functional Teams, at least for now. &quot;The Entreprise Portal (PO) is required to support the BusinessObjects (BO) system by providing a gateway to the various BO presentation tools.&quot;"/>
    <s v=""/>
    <x v="1"/>
    <s v=""/>
    <x v="46"/>
    <s v=""/>
    <s v=""/>
    <s v="PSPC-OMIS00016565"/>
    <s v="In Production"/>
    <s v="rich"/>
    <x v="0"/>
    <x v="2399"/>
  </r>
  <r>
    <x v="4"/>
    <x v="5"/>
    <x v="6440"/>
    <s v="SIGMA SAP BO"/>
    <s v="SAP Business Objects. This is a new SAP Application to be used ONLY by BI/BW Technical and Functional Teams, at least for now. &quot;BusinessObjects (BO) includes several presentation tools, or reporting applications, layered over the Business Intelligence (BI) system currently in production.  This platform will support the rollout of Dashboards and Enhance Reporting component of the overall BI Solution and will encompas at least three main applications, with other integration tools and applications.  First, Crystal Dashboard will enable visual representation of key reporting measures and/or indicators such as Key Performance Indicators.  Second, Crystal Reports will allow the creation of highly formatted, professional reports to meet specific reporting ne"/>
    <s v="Other"/>
    <x v="14"/>
    <s v="SAP"/>
    <x v="46"/>
    <s v="Internal Services"/>
    <s v="Information Technology Services"/>
    <s v="PSPC-OMIS00016566"/>
    <s v="In Production"/>
    <s v="rich"/>
    <x v="0"/>
    <x v="2399"/>
  </r>
  <r>
    <x v="4"/>
    <x v="5"/>
    <x v="6441"/>
    <s v="RISO"/>
    <s v="A tool for Environmental Services Ontario Region that manages Regional standing offers, allows for tracking the rotation of suppliers, maintains year-to-date values and facilitates the call-up process."/>
    <s v=""/>
    <x v="1"/>
    <s v=""/>
    <x v="46"/>
    <s v="Accommodation and Real Property Services"/>
    <s v="Other"/>
    <s v="PSPC-OMIS00016626"/>
    <s v="In Production"/>
    <s v="web"/>
    <x v="1"/>
    <x v="2399"/>
  </r>
  <r>
    <x v="4"/>
    <x v="5"/>
    <x v="6442"/>
    <s v="AdMIS 2.0"/>
    <s v="Advertising Management Information System (AdMIS 2.0) is the re-design of the AdMIS Web Application that enables authorized users:   - to forward details of their advertising campaigns and public notices including their production and media placement expenses to PWGSC (actual expenditures are used in the production of the advertising annual reports)   - to fully document important details throughout the life cycle of each advertising campaign   - to view details of other GC advertising campaigns and public notices.   - to generate their &quot;Actual Expenditures for the Annual Report GC Advertising Activities&quot;."/>
    <s v=""/>
    <x v="1"/>
    <s v=""/>
    <x v="46"/>
    <s v="Specialized Programs and Services"/>
    <s v="Other"/>
    <s v="PSPC-OMIS00017104"/>
    <s v="In Production"/>
    <s v="web"/>
    <x v="1"/>
    <x v="2399"/>
  </r>
  <r>
    <x v="4"/>
    <x v="5"/>
    <x v="6443"/>
    <s v="EPP"/>
    <m/>
    <s v=""/>
    <x v="1"/>
    <s v=""/>
    <x v="46"/>
    <s v=""/>
    <s v=""/>
    <s v="PSPC-OMIS00017146"/>
    <s v="In Production"/>
    <s v="mini_main_super"/>
    <x v="1"/>
    <x v="2399"/>
  </r>
  <r>
    <x v="4"/>
    <x v="5"/>
    <x v="6444"/>
    <s v="RIMS2"/>
    <s v="The Research Information Management System is owned and operated by PWGSC, INTEGRATED SERVICES BRANCH, PUBLIC OPINION RESEARCH AND ADVERTISING COORDINATION, and Public Opinion Research Directorate. The Research Information Management System is the system used by the Government of Canada as an online tool that lets departments and agencies electronically submit details of new research projects to advisors in the Public Opinion Research Directorate at PWGSC."/>
    <s v=""/>
    <x v="1"/>
    <s v=""/>
    <x v="46"/>
    <s v="Specialized Programs and Services"/>
    <s v="Other"/>
    <s v="PSPC-OMIS00017714"/>
    <s v="In Production"/>
    <s v="web"/>
    <x v="1"/>
    <x v="2399"/>
  </r>
  <r>
    <x v="4"/>
    <x v="5"/>
    <x v="6445"/>
    <s v="RPMS_SA"/>
    <s v="The &quot;Real Property Management System _Stand Alone&quot; application allows the National Service Call Centre (NSCC) users to access the critical building information in a standalone environment in case of emergency and disconnected from the core RPMS application."/>
    <s v=""/>
    <x v="1"/>
    <s v=""/>
    <x v="46"/>
    <s v=""/>
    <s v=""/>
    <s v="PSPC-OMIS00017803"/>
    <s v="In Production"/>
    <s v="desktop"/>
    <x v="1"/>
    <x v="2399"/>
  </r>
  <r>
    <x v="4"/>
    <x v="5"/>
    <x v="6446"/>
    <s v="AMSS"/>
    <m/>
    <s v=""/>
    <x v="1"/>
    <s v=""/>
    <x v="46"/>
    <s v=""/>
    <s v=""/>
    <s v="PSPC-OMIS00017850"/>
    <s v="In Production"/>
    <s v="mini_main_super"/>
    <x v="0"/>
    <x v="2399"/>
  </r>
  <r>
    <x v="4"/>
    <x v="5"/>
    <x v="6447"/>
    <s v="SASC"/>
    <s v="This application was completed in 2014 but was never released to production and is currently not planned to be. To be released, it would need to be reinitiated through the PSA; it would require work since it is likely outdated, also it uses Active Directory for user authentication which is not desired by SSC prod.  This tool was designed to assist in developing a working high level estimate for new fit-ups in compliance with the Fit-up Standards guidelines as well as the new Workplace 2.0 space metrics.  Note that the Space Calculator tool available in production today is a spreadsheet accessible from GCPedia and is not related to this OMIS entry. Link to GCPedia: http://www.gcpedia.gc.ca/wiki/Workplace_2.0/Policy#Strategies_and_Policies_Group Li"/>
    <s v=""/>
    <x v="1"/>
    <s v=""/>
    <x v="46"/>
    <s v=""/>
    <s v=""/>
    <s v="PSPC-OMIS00018085"/>
    <s v="In Production"/>
    <s v="web"/>
    <x v="1"/>
    <x v="2399"/>
  </r>
  <r>
    <x v="4"/>
    <x v="5"/>
    <x v="6448"/>
    <s v="AVDEPTH"/>
    <s v="The Department of Fisheries and Ocean (DFO) has worked closely with Public Works and Government Services Canada (PWGSC) over 25 years to provide the sounding information of the water ways for the Vancouver region. The information provided from this service has been important for the safety of ships using the various ports within Metro Vancouver. Organizations such as the Port of Vancouver and the Coast Guards use the information to safely guide vessels throughout the Burrard inlet and Fraser river waterways.  In support to provide more accurate data of the metro Vancouver water ways, the DFO and PWGSC team is committed to modernizing the AVADEPTH site by integrating the bathymetric data set from the CARIS Bathymetric Database service."/>
    <s v=""/>
    <x v="1"/>
    <s v=""/>
    <x v="46"/>
    <s v=""/>
    <s v=""/>
    <s v="PSPC-OMIS00018129"/>
    <s v="In Production"/>
    <s v="web"/>
    <x v="1"/>
    <x v="2399"/>
  </r>
  <r>
    <x v="4"/>
    <x v="5"/>
    <x v="6449"/>
    <s v="HRHR"/>
    <m/>
    <s v=""/>
    <x v="1"/>
    <s v=""/>
    <x v="46"/>
    <s v=""/>
    <s v=""/>
    <s v="PSPC-OMIS00018236"/>
    <s v="In Production"/>
    <s v="web"/>
    <x v="0"/>
    <x v="2399"/>
  </r>
  <r>
    <x v="4"/>
    <x v="5"/>
    <x v="6450"/>
    <s v="WPSS_Tool"/>
    <s v="The WPSS Standalone Validation Tool provides web developers and quality assurance testers the ability to perform a number of web site and web page validation tasks at one time.   The Standalone Validation Tool can be used if the site being validated is an application that contains a login or the site being validated is on a secure LAN that the automated validation tools cannot access.  Tested on desktops with OS:  Windows XP, Windows 7, Linux."/>
    <s v=""/>
    <x v="1"/>
    <s v=""/>
    <x v="46"/>
    <s v="Internal Services"/>
    <s v="Information Technology Services"/>
    <s v="PSPC-OMIS00018535"/>
    <s v="In Production"/>
    <s v="desktop"/>
    <x v="1"/>
    <x v="2400"/>
  </r>
  <r>
    <x v="4"/>
    <x v="5"/>
    <x v="4459"/>
    <s v="RTID"/>
    <m/>
    <s v=""/>
    <x v="1"/>
    <s v="Excellium"/>
    <x v="46"/>
    <s v="Integrity Programs and Services"/>
    <s v="Other"/>
    <s v="PSPC-OMIS00018561"/>
    <s v="In Production"/>
    <s v="web"/>
    <x v="0"/>
    <x v="2401"/>
  </r>
  <r>
    <x v="4"/>
    <x v="5"/>
    <x v="6451"/>
    <s v="NCA-GSE"/>
    <s v="The NCA Geo Spatial Environment (NCA-GES) consists of a COTS client called ArcGIS which connects to a back-end SQL Server database and license server.  This environment is used to evaluate geographic information systems for working with maps and geographic information."/>
    <s v=""/>
    <x v="1"/>
    <s v=""/>
    <x v="46"/>
    <s v=""/>
    <s v=""/>
    <s v="PSPC-OMIS00018582"/>
    <s v="In Production"/>
    <s v="rich"/>
    <x v="0"/>
    <x v="2399"/>
  </r>
  <r>
    <x v="4"/>
    <x v="5"/>
    <x v="6452"/>
    <s v="ITSC"/>
    <s v="In support of the Shared Services Initiative, the Integrated Service Desk Project (ISD) was initiated to align and integrate SM&amp;D Service Desk services. All Service Desks are virtually working together as a single entity, providing seamless service to end users across the country.  The IT Service Centre Web site was developed as part of the ISD project to provide an entry point for seamless service delivery within and between end user support service groups.  This application is accessible by all PWGSC end users and has an icon on each user desktop for ease of access. There are many self-help tool available including:  •displays wait times for the service desk •enables users to map to network printers •provides how-to documentation for Bucket 1"/>
    <s v=""/>
    <x v="1"/>
    <s v=""/>
    <x v="46"/>
    <s v=""/>
    <s v=""/>
    <s v="PSPC-OMIS00018625"/>
    <s v="In Production"/>
    <s v="web"/>
    <x v="1"/>
    <x v="2399"/>
  </r>
  <r>
    <x v="4"/>
    <x v="5"/>
    <x v="6453"/>
    <s v="Editor"/>
    <s v="Application permettant aux traducteurs de traduire un document découpé en segments présentés côte à côte (langue source – langue cible)."/>
    <s v=""/>
    <x v="1"/>
    <s v=""/>
    <x v="46"/>
    <s v=""/>
    <s v=""/>
    <s v="PSPC-OMIS00019133"/>
    <s v="In Production"/>
    <s v="web"/>
    <x v="1"/>
    <x v="2399"/>
  </r>
  <r>
    <x v="4"/>
    <x v="5"/>
    <x v="6454"/>
    <s v="Analyzer"/>
    <s v="T0 follow"/>
    <s v=""/>
    <x v="1"/>
    <s v=""/>
    <x v="46"/>
    <s v=""/>
    <s v=""/>
    <s v="PSPC-OMIS00019134"/>
    <s v="In Production"/>
    <s v="web"/>
    <x v="1"/>
    <x v="2399"/>
  </r>
  <r>
    <x v="4"/>
    <x v="5"/>
    <x v="6455"/>
    <s v="Bitexte"/>
    <s v="To follow"/>
    <s v=""/>
    <x v="1"/>
    <s v=""/>
    <x v="46"/>
    <s v=""/>
    <s v=""/>
    <s v="PSPC-OMIS00019136"/>
    <s v="In Production"/>
    <s v="web"/>
    <x v="1"/>
    <x v="2399"/>
  </r>
  <r>
    <x v="4"/>
    <x v="5"/>
    <x v="2817"/>
    <s v="MultiTrans"/>
    <s v="To follow"/>
    <s v=""/>
    <x v="1"/>
    <s v=""/>
    <x v="46"/>
    <s v=""/>
    <s v=""/>
    <s v="PSPC-OMIS00019137"/>
    <s v="In Production"/>
    <s v="rich"/>
    <x v="0"/>
    <x v="2400"/>
  </r>
  <r>
    <x v="4"/>
    <x v="5"/>
    <x v="6456"/>
    <s v="SB"/>
    <s v="Displays on every Workstation and Notebooks, every 28 days, a Security Banner, which every employee should read.  This banner remains on the screen until the employee click on the &quot;I Acknowledge&quot; button.  The banner contains the current departmental policies on the use of the PWGSC network."/>
    <s v=""/>
    <x v="1"/>
    <s v=""/>
    <x v="46"/>
    <s v=""/>
    <s v=""/>
    <s v="PSPC-OMIS00019150"/>
    <s v="In Production"/>
    <s v="desktop"/>
    <x v="1"/>
    <x v="86"/>
  </r>
  <r>
    <x v="4"/>
    <x v="5"/>
    <x v="6457"/>
    <s v="Transfer"/>
    <s v="Transfert est une application utilisée pour alimenter le MégaCorpus et pour archiver les documents (BioCorpus)."/>
    <s v=""/>
    <x v="1"/>
    <s v=""/>
    <x v="46"/>
    <s v=""/>
    <s v=""/>
    <s v="PSPC-OMIS00019155"/>
    <s v="In Production"/>
    <s v="desktop"/>
    <x v="1"/>
    <x v="2401"/>
  </r>
  <r>
    <x v="4"/>
    <x v="5"/>
    <x v="6458"/>
    <s v="PSLA"/>
    <s v="A work function formerly performed by the Canadian Mortgage and Housing Corporation that  PWGSC is considering taking over for OGD clients. It is the process of evaluating rent on government owned properties, which has a variety of factors that roll into the equation which is used to derive a rent value. Some examples are location, comparables, history, upgrades etc.   The system to manage this new business function was handed over to PWGSC from CMHC and AMITOS Atlantic was asked to convert it to a modern solution. The system was formerly a LOTUS Approach database and we will rewrite it to the .NET (asp.net, C#) platform for the client.   BVA 15-16:  INTERDEPARTMENTAL STANDARD - system to help departments determine appropriate rental fees for their"/>
    <s v=""/>
    <x v="1"/>
    <s v=""/>
    <x v="46"/>
    <s v=""/>
    <s v=""/>
    <s v="PSPC-OMIS00019161"/>
    <s v="In Production"/>
    <s v="web"/>
    <x v="1"/>
    <x v="2399"/>
  </r>
  <r>
    <x v="4"/>
    <x v="5"/>
    <x v="6459"/>
    <s v="ECT"/>
    <s v="The ECT is an electronic environmental assessment questionnaire and it auto feeds the IMS, which will be outstanding issues (non-compliances) related to the anwsers while doing the environmental assessment questionnaire ."/>
    <s v=""/>
    <x v="1"/>
    <s v=""/>
    <x v="46"/>
    <s v=""/>
    <s v=""/>
    <s v="PSPC-OMIS00019163"/>
    <s v="In Production"/>
    <s v="web"/>
    <x v="1"/>
    <x v="2399"/>
  </r>
  <r>
    <x v="4"/>
    <x v="5"/>
    <x v="6460"/>
    <s v="PeJIRA"/>
    <s v="JIRA is the tracker for planning and executing projects or processes. It allows teams  to capture and organize issues, assign work, and follow team activity."/>
    <s v=""/>
    <x v="1"/>
    <s v=""/>
    <x v="46"/>
    <s v=""/>
    <s v=""/>
    <s v="PSPC-OMIS00019203"/>
    <s v="In Production"/>
    <s v="web"/>
    <x v="0"/>
    <x v="2399"/>
  </r>
  <r>
    <x v="4"/>
    <x v="5"/>
    <x v="6461"/>
    <s v="PeBAMBOO"/>
    <s v="Bamboo supports builds in any programming language using any build tool, including Ant, Maven, make, and any command line tools. Build notifications can be customized based on the type of event, and received via email, instant message, RSS, or pop-up windows in Eclipse-based IDEs and IntelliJ IDEA.  Bamboo is a continuous integration server from Atlassian, the makers of JIRA, Confluence and Crowd.  Bamboo provides automated build management of software, including automated testing and deployments.  https://www.atlassian.com/software/bamboo"/>
    <s v=""/>
    <x v="1"/>
    <s v=""/>
    <x v="46"/>
    <s v=""/>
    <s v=""/>
    <s v="PSPC-OMIS00019206"/>
    <s v="In Production"/>
    <s v="web"/>
    <x v="0"/>
    <x v="2399"/>
  </r>
  <r>
    <x v="4"/>
    <x v="5"/>
    <x v="6462"/>
    <s v="PeFISHEYE"/>
    <s v="FishEye provides a read-only window into a team's Vault code repository. Provides many features around code: visualize and report on activity, integrate source with JIRA issues, and search for commits, files, revisions, or people.   https://www.atlassian.com/software/fisheye/overview"/>
    <s v=""/>
    <x v="1"/>
    <s v=""/>
    <x v="46"/>
    <s v=""/>
    <s v=""/>
    <s v="PSPC-OMIS00019207"/>
    <s v="In Production"/>
    <s v="web"/>
    <x v="0"/>
    <x v="2399"/>
  </r>
  <r>
    <x v="4"/>
    <x v="5"/>
    <x v="6463"/>
    <s v="SoMC"/>
    <s v="A web-based tool on the intranet that allows users to easily build a Statement of Merit"/>
    <s v=""/>
    <x v="1"/>
    <s v=""/>
    <x v="46"/>
    <s v=""/>
    <s v=""/>
    <s v="PSPC-OMIS00019527"/>
    <s v="In Production"/>
    <s v="web"/>
    <x v="1"/>
    <x v="2399"/>
  </r>
  <r>
    <x v="4"/>
    <x v="5"/>
    <x v="125"/>
    <s v="TMate"/>
    <s v="TeamMate is a COTS that will eventually replace some of the LOTUS NOTES functionalities. Client is Director Miranda Shepherd, Office of Audit and Evalutaion, DOB."/>
    <s v=""/>
    <x v="1"/>
    <s v=""/>
    <x v="46"/>
    <s v=""/>
    <s v=""/>
    <s v="PSPC-OMIS00019544"/>
    <s v="In Production"/>
    <s v="web"/>
    <x v="0"/>
    <x v="2402"/>
  </r>
  <r>
    <x v="4"/>
    <x v="5"/>
    <x v="6464"/>
    <s v="ICMS"/>
    <s v="This solution is a common PWGSC tool for change and release management for those clients and service providers who have not adopted a change and release management system within an ERP solution.  This is a Clearquest solution. It was developed by implementing the Enterprise Change Management process. The stakeholders of the initial release comprises of ABCB and AM&amp;ITOS. The intention is to expand the solution to the rest of the PWGSC. This system facilitates the integration of CAB's between the IT service provider and the business client.   ICMS extracts some product information from OMIS as well as release information. The product and release record must reside in OMIS to be able to create and manage change requests."/>
    <s v=""/>
    <x v="1"/>
    <s v=""/>
    <x v="46"/>
    <s v=""/>
    <s v=""/>
    <s v="PSPC-OMIS00019554"/>
    <s v="In Production"/>
    <s v="web"/>
    <x v="0"/>
    <x v="2399"/>
  </r>
  <r>
    <x v="4"/>
    <x v="5"/>
    <x v="6465"/>
    <s v="IDS"/>
    <m/>
    <s v=""/>
    <x v="1"/>
    <s v=""/>
    <x v="46"/>
    <s v=""/>
    <s v=""/>
    <s v="PSPC-OMIS00019567"/>
    <s v="In Production"/>
    <s v="web"/>
    <x v="1"/>
    <x v="2399"/>
  </r>
  <r>
    <x v="4"/>
    <x v="5"/>
    <x v="6466"/>
    <s v="myDune"/>
    <s v="The intranet site will ultimately become the Communications Hub for the Pension Centre – an integral tool in the Pension Centre day-to-day operations, with a variety of options for employees to effectively share and access all information related to the workplace."/>
    <s v=""/>
    <x v="1"/>
    <s v=""/>
    <x v="46"/>
    <s v=""/>
    <s v=""/>
    <s v="PSPC-OMIS00019672"/>
    <s v="In Production"/>
    <s v="web"/>
    <x v="0"/>
    <x v="2399"/>
  </r>
  <r>
    <x v="4"/>
    <x v="5"/>
    <x v="6467"/>
    <s v="BAS - TMA"/>
    <m/>
    <s v=""/>
    <x v="1"/>
    <s v=""/>
    <x v="46"/>
    <s v=""/>
    <s v=""/>
    <s v="PSPC-OMIS00019678"/>
    <s v="In Production"/>
    <s v="web"/>
    <x v="1"/>
    <x v="2400"/>
  </r>
  <r>
    <x v="4"/>
    <x v="5"/>
    <x v="6468"/>
    <s v="GCACC"/>
    <m/>
    <s v=""/>
    <x v="1"/>
    <s v=""/>
    <x v="46"/>
    <s v=""/>
    <s v=""/>
    <s v="PSPC-OMIS00019680"/>
    <s v="In Production"/>
    <s v="web"/>
    <x v="1"/>
    <x v="86"/>
  </r>
  <r>
    <x v="4"/>
    <x v="5"/>
    <x v="6469"/>
    <s v="BAS - WIKI"/>
    <s v="To come"/>
    <s v=""/>
    <x v="1"/>
    <s v=""/>
    <x v="46"/>
    <s v=""/>
    <s v=""/>
    <s v="PSPC-OMIS00019681"/>
    <s v="In Production"/>
    <s v="web"/>
    <x v="0"/>
    <x v="2400"/>
  </r>
  <r>
    <x v="4"/>
    <x v="5"/>
    <x v="6470"/>
    <s v="BAS - DEENProject"/>
    <s v="This is a web-based project management and issue tracking tool used for the Buy and Sell applications."/>
    <s v=""/>
    <x v="1"/>
    <s v=""/>
    <x v="46"/>
    <s v=""/>
    <s v=""/>
    <s v="PSPC-OMIS00019682"/>
    <s v="In Production"/>
    <s v="web"/>
    <x v="0"/>
    <x v="2400"/>
  </r>
  <r>
    <x v="4"/>
    <x v="5"/>
    <x v="6471"/>
    <s v="BAS-P"/>
    <s v="Puppet is an open-source software configuration management tool to manage deployments for Buy and Sell."/>
    <s v=""/>
    <x v="1"/>
    <s v=""/>
    <x v="46"/>
    <s v=""/>
    <s v=""/>
    <s v="PSPC-OMIS00019895"/>
    <s v="In Production"/>
    <s v=""/>
    <x v="0"/>
    <x v="2403"/>
  </r>
  <r>
    <x v="4"/>
    <x v="5"/>
    <x v="6472"/>
    <s v="SIGMA SAP CPS"/>
    <s v="Job Scheduling"/>
    <s v=""/>
    <x v="1"/>
    <s v=""/>
    <x v="46"/>
    <s v=""/>
    <s v=""/>
    <s v="PSPC-OMIS00019915"/>
    <s v="In Production"/>
    <s v="rich"/>
    <x v="0"/>
    <x v="2404"/>
  </r>
  <r>
    <x v="4"/>
    <x v="5"/>
    <x v="6473"/>
    <s v="SIGMA HP QC"/>
    <s v="Test Management Tool to support development and testing of all SIGMA systems"/>
    <s v=""/>
    <x v="1"/>
    <s v=""/>
    <x v="46"/>
    <s v=""/>
    <s v=""/>
    <s v="PSPC-OMIS00019933"/>
    <s v="In Production"/>
    <s v="web"/>
    <x v="0"/>
    <x v="2399"/>
  </r>
  <r>
    <x v="4"/>
    <x v="5"/>
    <x v="6474"/>
    <s v="SIGMA UPERFORM"/>
    <s v="UPerform is a tool provided by RWD. Content development tool for the creation of documents, simulations, and eLearning courses in SIGMA"/>
    <s v=""/>
    <x v="1"/>
    <s v=""/>
    <x v="46"/>
    <s v=""/>
    <s v=""/>
    <s v="PSPC-OMIS00019937"/>
    <s v="In Production"/>
    <s v=""/>
    <x v="0"/>
    <x v="2399"/>
  </r>
  <r>
    <x v="4"/>
    <x v="5"/>
    <x v="6475"/>
    <s v="PTR"/>
    <s v="This  Web application is used by the client (PWGSC/ABCB) , and CIOB/ISS/NPP to receive and track test request submitted to the production centre.  this application enable the users to define the requirement for the RG cheques test (print and/or insertion)"/>
    <s v=""/>
    <x v="1"/>
    <s v=""/>
    <x v="46"/>
    <s v=""/>
    <s v=""/>
    <s v="PSPC-OMIS00020031"/>
    <s v="In Production"/>
    <s v="web"/>
    <x v="1"/>
    <x v="2399"/>
  </r>
  <r>
    <x v="4"/>
    <x v="5"/>
    <x v="6476"/>
    <s v="WRGT"/>
    <s v="Tool that has some custom configuration for the collection, analysis, storage and management of spatial data."/>
    <s v=""/>
    <x v="1"/>
    <s v=""/>
    <x v="46"/>
    <s v=""/>
    <s v=""/>
    <s v="PSPC-OMIS00020225"/>
    <s v="In Production"/>
    <s v="rich"/>
    <x v="0"/>
    <x v="2399"/>
  </r>
  <r>
    <x v="4"/>
    <x v="5"/>
    <x v="6477"/>
    <s v="SMISR"/>
    <m/>
    <s v=""/>
    <x v="1"/>
    <s v=""/>
    <x v="46"/>
    <s v=""/>
    <s v=""/>
    <s v="PSPC-OMIS00020500"/>
    <s v="In Production"/>
    <s v="web"/>
    <x v="0"/>
    <x v="2399"/>
  </r>
  <r>
    <x v="4"/>
    <x v="5"/>
    <x v="6478"/>
    <s v="DILMS"/>
    <s v="The LifeCycle Manager is a tool to check the integrity of shipments made by a customer on the amount of documents and the condition of the receipt thereof. It is, among other things, the relationship between the sending and receiving of customer documents and a treatment center (Matane and Winnipeg). It ensures compliance with the time limits specified by the predetermined business rules in the service agreement. Its primary role is to ensure compliance of evidence by a chain of custody. It consists of audits containing information of each of the actions taken by users on documents, and at all stages of the process.  https://dilms.pspc.gc.ca = Prod https://dilms-test.pspc.gc.ca = Test https://dilms-dev.pspc.gc.ca = Dev  Requirements : https://gcd"/>
    <s v=""/>
    <x v="1"/>
    <s v=""/>
    <x v="46"/>
    <s v=""/>
    <s v=""/>
    <s v="PSPC-OMIS00020989"/>
    <s v="In Production"/>
    <s v="web"/>
    <x v="1"/>
    <x v="2399"/>
  </r>
  <r>
    <x v="4"/>
    <x v="5"/>
    <x v="6479"/>
    <s v="MY GCHR"/>
    <m/>
    <s v=""/>
    <x v="1"/>
    <s v=""/>
    <x v="46"/>
    <s v=""/>
    <s v=""/>
    <s v="PSPC-OMIS00021062"/>
    <s v="In Production"/>
    <s v="web"/>
    <x v="0"/>
    <x v="2399"/>
  </r>
  <r>
    <x v="4"/>
    <x v="5"/>
    <x v="6480"/>
    <s v="UPK"/>
    <s v="UPK is a tool that is used by training developers to create detailed, step-by-step procedures accompanied by screen shots for performing each business process. It uses discrete recording techniques to capture each action the user is executing, and allows additional information to be recorded as needed."/>
    <s v=""/>
    <x v="1"/>
    <s v=""/>
    <x v="46"/>
    <s v=""/>
    <s v=""/>
    <s v="PSPC-OMIS00021087"/>
    <s v="In Production"/>
    <s v="rich"/>
    <x v="0"/>
    <x v="2404"/>
  </r>
  <r>
    <x v="4"/>
    <x v="5"/>
    <x v="6481"/>
    <s v="GCDOCS-PSPC"/>
    <m/>
    <s v=""/>
    <x v="1"/>
    <s v=""/>
    <x v="46"/>
    <s v=""/>
    <s v=""/>
    <s v="PSPC-OMIS00021182"/>
    <s v="In Production"/>
    <s v=""/>
    <x v="0"/>
    <x v="2399"/>
  </r>
  <r>
    <x v="4"/>
    <x v="5"/>
    <x v="4388"/>
    <s v="Piwik"/>
    <s v="This implementation of Piwik is the corporate installation for Corporate Communications. It will be tracking between 200 and 300 web assets. There is an accompanying Infowiki page located here: http://infowiki.tpsgc-pwgsc.gc.ca/display/PP/Piwik+Web+Analytics+@+PWGSC+Home"/>
    <s v=""/>
    <x v="1"/>
    <s v=""/>
    <x v="46"/>
    <s v=""/>
    <s v=""/>
    <s v="PSPC-OMIS00021216"/>
    <s v="In Production"/>
    <s v=""/>
    <x v="0"/>
    <x v="2399"/>
  </r>
  <r>
    <x v="4"/>
    <x v="5"/>
    <x v="6482"/>
    <s v="RQI"/>
    <s v="A tool used by CAU group to identify the buyer for a given requisition."/>
    <s v=""/>
    <x v="1"/>
    <s v=""/>
    <x v="46"/>
    <s v=""/>
    <s v=""/>
    <s v="PSPC-OMIS00021329"/>
    <s v="In Production"/>
    <s v="rich"/>
    <x v="1"/>
    <x v="2399"/>
  </r>
  <r>
    <x v="4"/>
    <x v="5"/>
    <x v="6483"/>
    <s v="LC"/>
    <s v="PWGSC is migrating from the current Integrated Training System (ITS) to the CSPS instance of Saba Enterprise Learning Management System (LMS) 6.1.  This Commercial Off The Shelf (COTS) enterprise Integrated Learning Management System (ILMS) provides PWGSC with a single application for end-to-end management of employee learning and an integrated back office for learning content management, delivery, analytics, and reporting which complies with TBS requirements. The migration plan calls for: • the ITS to be decommissioned once the ILMS is commissioned, and • the associated Course Browser to be upgraded.  The upgrades include a new look and feel, additional functionality and linkage to the new I-LMS database. Once migration is complete, PWGSC learner"/>
    <s v=""/>
    <x v="1"/>
    <s v=""/>
    <x v="46"/>
    <s v=""/>
    <s v=""/>
    <s v="PSPC-OMIS00021330"/>
    <s v="In Production"/>
    <s v="web"/>
    <x v="1"/>
    <x v="2399"/>
  </r>
  <r>
    <x v="4"/>
    <x v="5"/>
    <x v="6484"/>
    <s v="CAPS_TDE"/>
    <s v="This is an Oracle database schema containing a group of tables and stored procedures.  Its function is to transform / prepare outbound data from NOVUS for transmission and consumption by VFA.facility, the new capital asset planning system (CAPS) solution: VFA.facility.  This schema is expected to reside within the Oracle instance of the AFDMS. At this date (2014-11-18) an SR is active for the creation of the CAPS_ETL schema by SSC is in process."/>
    <s v=""/>
    <x v="1"/>
    <s v=""/>
    <x v="46"/>
    <s v=""/>
    <s v=""/>
    <s v="PSPC-OMIS00021335"/>
    <s v="In Production"/>
    <s v="web"/>
    <x v="1"/>
    <x v="2404"/>
  </r>
  <r>
    <x v="4"/>
    <x v="5"/>
    <x v="6485"/>
    <s v="CAPS_SAAS"/>
    <s v="This is a Web-based 'software-as-a-service' (SaaS) solution for the capital asset planning system (CAPS) requirements of RPB.  As such, we do not have specific technical details of the internal architecture or design of the system.  This back-end solution is currently owned &amp; provided by VFA Canada Inc. (VFA Inc.), recently (2014-11-17) bought out by Accruent."/>
    <s v=""/>
    <x v="1"/>
    <s v=""/>
    <x v="46"/>
    <s v=""/>
    <s v=""/>
    <s v="PSPC-OMIS00021336"/>
    <s v="In Production"/>
    <s v="cloud"/>
    <x v="0"/>
    <x v="86"/>
  </r>
  <r>
    <x v="4"/>
    <x v="5"/>
    <x v="6486"/>
    <s v="TMS"/>
    <s v="A new service for Government of Canada (GC) employees to Rate shop the National Master Standing Offer Courier &amp; Freight rates and execute shipments on-line via the Transportation Management System (TMS). This new on-line service allows you to rate shop, ship, track and manage your daily shipments from a single interface."/>
    <s v=""/>
    <x v="1"/>
    <s v=""/>
    <x v="46"/>
    <s v=""/>
    <s v=""/>
    <s v="PSPC-OMIS00021385"/>
    <s v="In Production"/>
    <s v="cloud"/>
    <x v="0"/>
    <x v="2404"/>
  </r>
  <r>
    <x v="4"/>
    <x v="5"/>
    <x v="6487"/>
    <s v="HRRSPS"/>
    <s v="HRRSPS is a Business Intelligence Reporting Application for HRB that runs on an Oracle database which links to a Cognos BI Reporting infrastructure. Data originates from the PeopleSoft application located in the Borden Data Centre."/>
    <s v=""/>
    <x v="1"/>
    <s v=""/>
    <x v="46"/>
    <s v=""/>
    <s v=""/>
    <s v="PSPC-OMIS00021404"/>
    <s v="In Production"/>
    <s v="web"/>
    <x v="0"/>
    <x v="2399"/>
  </r>
  <r>
    <x v="4"/>
    <x v="5"/>
    <x v="6488"/>
    <s v="HRISCBO"/>
    <m/>
    <s v=""/>
    <x v="1"/>
    <s v=""/>
    <x v="46"/>
    <s v=""/>
    <s v=""/>
    <s v="PSPC-OMIS00021425"/>
    <s v="In Production"/>
    <s v="web"/>
    <x v="1"/>
    <x v="2399"/>
  </r>
  <r>
    <x v="4"/>
    <x v="5"/>
    <x v="6489"/>
    <s v="ESEQ"/>
    <s v="Used by Cape Breton Operations to store and report on Minewater sampling results."/>
    <s v=""/>
    <x v="1"/>
    <s v=""/>
    <x v="46"/>
    <s v=""/>
    <s v=""/>
    <s v="PSPC-OMIS00021507"/>
    <s v="In Production"/>
    <s v="rich"/>
    <x v="0"/>
    <x v="2399"/>
  </r>
  <r>
    <x v="4"/>
    <x v="5"/>
    <x v="6490"/>
    <s v="O-FDS"/>
    <s v="This online service enables authorized users from federal departments to access facility data managed by PWGSC Ontario Region on behalf of other federal departments including Correctional Services. The information accessible through this service includes digital drawings and other facility data for buildings."/>
    <s v=""/>
    <x v="1"/>
    <s v=""/>
    <x v="46"/>
    <s v=""/>
    <s v=""/>
    <s v="PSPC-OMIS00021526"/>
    <s v="In Production"/>
    <s v="web"/>
    <x v="1"/>
    <x v="2399"/>
  </r>
  <r>
    <x v="4"/>
    <x v="5"/>
    <x v="6491"/>
    <s v="SRIS"/>
    <s v="This is a Batch (CRON) job process executing Unix scripts, secure file transfer protocol, PL/SQL and Oracle commands to Extract and Load NOVUS Outbound files into the Novus Interface Database used to generate views accessed by the AFDMS, CAPS_ETL and LGIS systems. The Outbound files represent legacy WinFIS information converted into SAP data structured by Architecture Objects. In return, Inbound files are generated by separate processes in providing NOVUS with AFDMS service provider information such as O&amp;U Cost Planning, Project Cost Planning and AFD Projects."/>
    <s v=""/>
    <x v="1"/>
    <s v=""/>
    <x v="46"/>
    <s v=""/>
    <s v=""/>
    <s v="PSPC-OMIS00021527"/>
    <s v="In Production"/>
    <s v="desktop"/>
    <x v="1"/>
    <x v="2399"/>
  </r>
  <r>
    <x v="4"/>
    <x v="5"/>
    <x v="6492"/>
    <s v="PTIR"/>
    <s v="This application is used to report issues at the Pension Centre regarding issues on Seibel and Penfax to application management or HQ, depending on the issue."/>
    <s v=""/>
    <x v="1"/>
    <s v=""/>
    <x v="46"/>
    <s v=""/>
    <s v=""/>
    <s v="PSPC-OMIS00021545"/>
    <s v="In Production"/>
    <s v="web"/>
    <x v="1"/>
    <x v="2402"/>
  </r>
  <r>
    <x v="4"/>
    <x v="5"/>
    <x v="6493"/>
    <s v="DTP CRF"/>
    <s v="This is an application used to request changes to desktop procedures used at the Pension Centre by end users."/>
    <s v=""/>
    <x v="1"/>
    <s v=""/>
    <x v="46"/>
    <s v=""/>
    <s v=""/>
    <s v="PSPC-OMIS00021547"/>
    <s v="In Production"/>
    <s v="web"/>
    <x v="1"/>
    <x v="2402"/>
  </r>
  <r>
    <x v="4"/>
    <x v="5"/>
    <x v="6494"/>
    <s v="ns-ws"/>
    <s v="The Web Toolbox contains a series of tools and resources which enable the PSPC Web community to quickly verify various aspects of their web sites. The Web Toolbox is used by the Web Management Working Group to help inventory and manage PWGSC web sites. It is also used as a starting point for the Quality Assurance Reports, Quality Assurance Tools and Validation tools.  The Open Government section of the Web Toolbox enable the PSPC Open Government community view reports on various aspect of the their Open Data and Open Information.  It is also used as a starting point for the Quality Assurance Reports, Quality Assurance Tools and Validation tools."/>
    <s v=""/>
    <x v="1"/>
    <s v=""/>
    <x v="46"/>
    <s v=""/>
    <s v=""/>
    <s v="PSPC-OMIS00021549"/>
    <s v="In Production"/>
    <s v="web"/>
    <x v="1"/>
    <x v="2399"/>
  </r>
  <r>
    <x v="4"/>
    <x v="5"/>
    <x v="6495"/>
    <s v="FME"/>
    <s v="FME Server is a proprietary commercial tool for spatial data transformation and translation. It works in conjunction with FME Desktop, to run workspaces created in FME Desktop. It enables the extraction of metadata from many file formats, as well as the transformation of metadata following the ISO19139 standard, as required by the Treasury Board’s Standard on Geospatial Data.  It is currently deployed in a development environment, along with a floating licence server.  The licence server is currently used by Production PWGSC workstations which have FME Desktop installed.  FME Desktop is Bucket 2 COTS.  It is an integrated collection of Spatial Extract/Transform/Load tools for data transformation and data translation."/>
    <s v=""/>
    <x v="1"/>
    <s v=""/>
    <x v="46"/>
    <s v=""/>
    <s v=""/>
    <s v="PSPC-OMIS00021600"/>
    <s v="In Production"/>
    <s v="web"/>
    <x v="0"/>
    <x v="2399"/>
  </r>
  <r>
    <x v="4"/>
    <x v="5"/>
    <x v="6496"/>
    <s v="DIPS-DTP-CAP"/>
    <s v="Le portail des applications STIN-DIPS consiste à être une seule et unique application qui regroupera toutes les applications clientes STIN-DIPS. Cette application serait la seule à être empaquetée. Grâce à cette application, les utilisateurs seraient en mesure de naviguer à travers les différents ministères, projets et files de travail disponibles de chacune des applications disponibles. La gestion du portail sera effectuée de façon dynamique grâce à un fichier XML qui contiendra les détails de la configuration. De cette façon, il sera possible de modifier, d’ajouter ainsi que de supprimer des applications sans nécessiter de recompilation en évitant par la même occasion une mise à jour de l’empaquetage du portail."/>
    <s v=""/>
    <x v="1"/>
    <s v=""/>
    <x v="46"/>
    <s v=""/>
    <s v=""/>
    <s v="PSPC-OMIS00021614"/>
    <s v="In Production"/>
    <s v="rich"/>
    <x v="1"/>
    <x v="2399"/>
  </r>
  <r>
    <x v="4"/>
    <x v="5"/>
    <x v="6497"/>
    <s v="MI-PRO"/>
    <s v="The License Server handles requests for Pitney Bowes Software product licenses. The licenses will be distributable, concurrent, or borrowed. The License Server Utility is an application that comes with the License Server. It enables you to configure the License Server and monitor the use of product licenses at your organization.  The licence server is currently used by Production PWGSC workstations which have MapInfo Professional 12.5 installed.  MapInfo Professional 12.5 is is currently packaged for PWGSC Windows 7 notebooks (32 &amp; 64 bit)."/>
    <s v=""/>
    <x v="1"/>
    <s v=""/>
    <x v="46"/>
    <s v=""/>
    <s v=""/>
    <s v="PSPC-OMIS00021643"/>
    <s v="In Production"/>
    <s v="rich"/>
    <x v="0"/>
    <x v="2400"/>
  </r>
  <r>
    <x v="4"/>
    <x v="5"/>
    <x v="6498"/>
    <s v="TM Builder"/>
    <s v="Tool that allows the users to create temporary translation memories."/>
    <s v=""/>
    <x v="1"/>
    <s v=""/>
    <x v="46"/>
    <s v=""/>
    <s v=""/>
    <s v="PSPC-OMIS00021795"/>
    <s v="In Production"/>
    <s v="web"/>
    <x v="1"/>
    <x v="2404"/>
  </r>
  <r>
    <x v="4"/>
    <x v="5"/>
    <x v="6499"/>
    <s v="Portage 1"/>
    <s v="This is a machine translation engine provided by the NRC.  It is used by the Translation Bureau employees on the Extranet."/>
    <s v=""/>
    <x v="1"/>
    <s v=""/>
    <x v="46"/>
    <s v=""/>
    <s v=""/>
    <s v="PSPC-OMIS00021796"/>
    <s v="In Production"/>
    <s v="web"/>
    <x v="0"/>
    <x v="2400"/>
  </r>
  <r>
    <x v="4"/>
    <x v="5"/>
    <x v="6500"/>
    <s v="Portage 2"/>
    <s v="Portage II is the newer version of the machine translation engine provided by the NRC.  The version will be offered to all public servants."/>
    <s v=""/>
    <x v="1"/>
    <s v=""/>
    <x v="46"/>
    <s v=""/>
    <s v=""/>
    <s v="PSPC-OMIS00021797"/>
    <s v="In Production"/>
    <s v=""/>
    <x v="0"/>
    <x v="2400"/>
  </r>
  <r>
    <x v="4"/>
    <x v="5"/>
    <x v="6501"/>
    <s v="Meteo"/>
    <s v="Translation System developped by PWGSC for EC."/>
    <s v=""/>
    <x v="1"/>
    <s v=""/>
    <x v="46"/>
    <s v=""/>
    <s v=""/>
    <s v="PSPC-OMIS00021798"/>
    <s v="In Production"/>
    <s v=""/>
    <x v="1"/>
    <x v="2399"/>
  </r>
  <r>
    <x v="4"/>
    <x v="5"/>
    <x v="6502"/>
    <s v="CanGEOportal"/>
    <s v="PWGSC Ontario Region Engineering Assets GeoPortal PWGSC Engineering Assets Portal, hosted as part of www.canadageoportal.com, by leveraging the Ontario government's IO Customer GeoPortal. It enables authorized users to post and access Engineering Asset information through the mapping / GIS (GeoViewer), document management (DocumentViewer), and database query (DataViewer) tools.  PWGSC - Port Hope Area Initiative (PHAI) Collaborative Portal The Collaborative Portal leverages the core GeoPortal tools as well as customly developed environmental applications built to specifically support the capture, manipulation and management of project information. These applications:  Allow authorized users to access project content and post new information Allo"/>
    <s v=""/>
    <x v="1"/>
    <s v=""/>
    <x v="46"/>
    <s v=""/>
    <s v=""/>
    <s v="PSPC-OMIS00021811"/>
    <s v="In Production"/>
    <s v="cloud"/>
    <x v="0"/>
    <x v="2403"/>
  </r>
  <r>
    <x v="4"/>
    <x v="5"/>
    <x v="6503"/>
    <s v="OPOSCFRM"/>
    <m/>
    <s v=""/>
    <x v="1"/>
    <s v=""/>
    <x v="46"/>
    <s v=""/>
    <s v=""/>
    <s v="PSPC-OMIS00021858"/>
    <s v="In Production"/>
    <s v="web"/>
    <x v="1"/>
    <x v="2402"/>
  </r>
  <r>
    <x v="4"/>
    <x v="5"/>
    <x v="6504"/>
    <s v="CPT"/>
    <s v="Business Background In the Food Services industry, PWGSC has a standard 1100 individual food items that can be procured (ex: cased of apples, crates of meat etc).  This is often used by DND and Correctional Services (ie: organisations that have institutional kitchens to feed inmates and/or military members, etc).  Currently the process in use allows each of the vendors providing these 1100 categories of food products to lock in a price for a predetermined period of time.  The risk to the vendor in this is that food pricing is a volatile market and they don’t wish to limit themselves to too low a price in case the cost goes up in the near future.  So PWGSC often receives bids with some degree of a buffer included in the prices.  The current limitation p"/>
    <s v=""/>
    <x v="1"/>
    <s v=""/>
    <x v="46"/>
    <s v=""/>
    <s v=""/>
    <s v="PSPC-OMIS00021916"/>
    <s v="In Production"/>
    <s v="web"/>
    <x v="1"/>
    <x v="2399"/>
  </r>
  <r>
    <x v="4"/>
    <x v="5"/>
    <x v="6505"/>
    <s v="OHS"/>
    <s v="Occupational Health and Safety Application is used to compile, support and monitor information and documents required by the following OHSD teams. Serves a total of 82 users across Canada. It is installed Locally on 6 Regional Servers (NCA counting as a region). Distributed as follows:   # of Users Region      7  Atlantic      8  Quebec    50  NCA     4  Ontario     7  Western     6  Pacific"/>
    <s v=""/>
    <x v="1"/>
    <s v=""/>
    <x v="46"/>
    <s v=""/>
    <s v=""/>
    <s v="PSPC-OMIS00021939"/>
    <s v="In Production"/>
    <s v="rich"/>
    <x v="1"/>
    <x v="2399"/>
  </r>
  <r>
    <x v="4"/>
    <x v="5"/>
    <x v="6506"/>
    <s v="Bamboo"/>
    <s v="Atlassian bamboo product to build and deploy most of the BTB in-house applications.  Migrate to CIOB bamboo in 2015-2016."/>
    <s v=""/>
    <x v="1"/>
    <s v=""/>
    <x v="46"/>
    <s v=""/>
    <s v=""/>
    <s v="PSPC-OMIS00021946"/>
    <s v="In Production"/>
    <s v=""/>
    <x v="0"/>
    <x v="2399"/>
  </r>
  <r>
    <x v="4"/>
    <x v="5"/>
    <x v="6507"/>
    <s v="Nexus"/>
    <s v="Centralized package management service to allow bamboo to deploy any version of any application in any environment . It is also tightly used with maven for package dependencies to be able to download all dependencies from a centralized source."/>
    <s v=""/>
    <x v="1"/>
    <s v=""/>
    <x v="46"/>
    <s v=""/>
    <s v=""/>
    <s v="PSPC-OMIS00021949"/>
    <s v="In Production"/>
    <s v=""/>
    <x v="0"/>
    <x v="2400"/>
  </r>
  <r>
    <x v="4"/>
    <x v="5"/>
    <x v="6508"/>
    <s v="Nagios"/>
    <s v="Monitoring tool for applications group windows and linux servers. Monitors the health , disk space , memory usage , etc. Of a server and monitors statuses of web sites."/>
    <s v=""/>
    <x v="1"/>
    <s v=""/>
    <x v="46"/>
    <s v=""/>
    <s v=""/>
    <s v="PSPC-OMIS00021950"/>
    <s v="In Production"/>
    <s v=""/>
    <x v="0"/>
    <x v="2400"/>
  </r>
  <r>
    <x v="4"/>
    <x v="5"/>
    <x v="6509"/>
    <s v="LDAP"/>
    <s v="Centralized authentication and authorization system for many applications group software . It is used by bamboo for authentication/notifications, linux servers (authe) , cvs (authe,autho).  Waiting for SSC to have a migration plan."/>
    <s v=""/>
    <x v="1"/>
    <s v=""/>
    <x v="46"/>
    <s v=""/>
    <s v=""/>
    <s v="PSPC-OMIS00021953"/>
    <s v="In Production"/>
    <s v="rich"/>
    <x v="0"/>
    <x v="2400"/>
  </r>
  <r>
    <x v="4"/>
    <x v="5"/>
    <x v="6510"/>
    <s v="CE-RRC-ISB"/>
    <s v="The Jazz environment to support requirements management for the IFMS project."/>
    <s v=""/>
    <x v="1"/>
    <s v=""/>
    <x v="46"/>
    <s v=""/>
    <s v=""/>
    <s v="PSPC-OMIS00021960"/>
    <s v="In Production"/>
    <s v="web"/>
    <x v="0"/>
    <x v="2399"/>
  </r>
  <r>
    <x v="4"/>
    <x v="5"/>
    <x v="6511"/>
    <s v="OMIS-MRS-RPT"/>
    <s v="OMIS Reports is coupled with the OMIS application (OMIS00000677).  OMIS Reports performs the report generating function which is a capability that is not currently built into the OMIS solution. The operational level reports created are generated from the OMIS database of PSPC application portfolio information. These reports are used by senior management, the OMIS business team and APM."/>
    <s v=""/>
    <x v="1"/>
    <s v=""/>
    <x v="46"/>
    <s v=""/>
    <s v=""/>
    <s v="PSPC-OMIS00021971"/>
    <s v="In Production"/>
    <s v="web"/>
    <x v="0"/>
    <x v="2400"/>
  </r>
  <r>
    <x v="4"/>
    <x v="5"/>
    <x v="6512"/>
    <s v="LIA"/>
    <m/>
    <s v=""/>
    <x v="1"/>
    <s v=""/>
    <x v="46"/>
    <s v=""/>
    <s v=""/>
    <s v="PSPC-OMIS00022029"/>
    <s v="In Production"/>
    <s v="mini_main_super"/>
    <x v="1"/>
    <x v="2399"/>
  </r>
  <r>
    <x v="4"/>
    <x v="5"/>
    <x v="6513"/>
    <s v="PenBen"/>
    <s v="The Pension Benefit Calculator (unSecure) is a application that allows employees to enter information that will  assists the employee to determine their pension benefits at a future date.  The calculator is a unsecure self service tool available to the public on the internet to generate &quot;what if&quot; scenario's as to their future pension benefits.  This calculator estimates what your yearly and monthly pension would be based solely on the information that you enter: your Date of Joining the Plan, your estimated Termination Date and the Average Salary of your 5 consecutive years of highest paid service."/>
    <s v=""/>
    <x v="1"/>
    <s v=""/>
    <x v="46"/>
    <s v=""/>
    <s v=""/>
    <s v="PSPC-OMIS00022035"/>
    <s v="In Production"/>
    <s v="web"/>
    <x v="1"/>
    <x v="2399"/>
  </r>
  <r>
    <x v="4"/>
    <x v="5"/>
    <x v="6514"/>
    <s v="MDA-DTP-CAP"/>
    <s v="Following DTP Initiative, SSC packeging release delay wasn't acceptable.  So, we had to develop our own release application.  The MAT-CRCD-MDA-DTP Client Applications Portal is a shelf, that include all RG's application."/>
    <s v=""/>
    <x v="1"/>
    <s v=""/>
    <x v="46"/>
    <s v=""/>
    <s v=""/>
    <s v="PSPC-OMIS00022036"/>
    <s v="In Production"/>
    <s v="rich"/>
    <x v="1"/>
    <x v="2400"/>
  </r>
  <r>
    <x v="4"/>
    <x v="5"/>
    <x v="6515"/>
    <s v="PSDCP Web"/>
    <s v="The Public Service Dental Care Plan (PSDCP) is a new web application that will be accessible through CWA.  It is another aspect of the Insurance business line.  It is currently in the planning/analysis phase with the development planned to start early summer 2015.  It will be needed by the client after the RPS conversion to Phoenix; after December 2015.  The Insurance/Dental information is currently located within the 'Contributor' pension legacy systems.  With Phoenix coming in 2015, the RPS-paid employees information will be transferred in Phoenix, and the non-RPS employees (ie crown, separate employers) will be added to the new Insurance/Dental application being created under CWA."/>
    <s v=""/>
    <x v="1"/>
    <s v=""/>
    <x v="46"/>
    <s v=""/>
    <s v=""/>
    <s v="PSPC-OMIS00022054"/>
    <s v="In Production"/>
    <s v="web"/>
    <x v="1"/>
    <x v="2399"/>
  </r>
  <r>
    <x v="4"/>
    <x v="5"/>
    <x v="6516"/>
    <s v="SOR XML"/>
    <s v="The SOR XML tool will provide the capability to create, amend and/or cancel SOR/tax slips, to create a pdf version of all tax slips, and generate an XML file that will be transmitted to CRA and Revenu Québec  (MRQ) electronically. This tool will contain both CRA and RQ SOR/tax slips forms (T4, T4A, NR4, T5, R1, R2, R3) for the past 7 years."/>
    <s v=""/>
    <x v="1"/>
    <s v=""/>
    <x v="46"/>
    <s v=""/>
    <s v=""/>
    <s v="PSPC-OMIS00022055"/>
    <s v="In Production"/>
    <s v="web"/>
    <x v="1"/>
    <x v="2399"/>
  </r>
  <r>
    <x v="4"/>
    <x v="5"/>
    <x v="6517"/>
    <s v="DND Calculator"/>
    <s v="This non-secure internet based web application will provide DND/CFSA Reservist with the ability to"/>
    <s v=""/>
    <x v="1"/>
    <s v=""/>
    <x v="46"/>
    <s v=""/>
    <s v=""/>
    <s v="PSPC-OMIS00022057"/>
    <s v="In Production"/>
    <s v="web"/>
    <x v="1"/>
    <x v="2399"/>
  </r>
  <r>
    <x v="4"/>
    <x v="5"/>
    <x v="6518"/>
    <s v="BTB BI"/>
    <s v="BI Reporting Application for Translation Bureau using Cognos BI Tools."/>
    <s v=""/>
    <x v="1"/>
    <s v=""/>
    <x v="46"/>
    <s v=""/>
    <s v=""/>
    <s v="PSPC-OMIS00022091"/>
    <s v="In Production"/>
    <s v="web"/>
    <x v="0"/>
    <x v="2399"/>
  </r>
  <r>
    <x v="4"/>
    <x v="5"/>
    <x v="6519"/>
    <s v="Mega"/>
    <s v="Facilitative tool to assist translators to translate more effectively and in a shorter period of time."/>
    <s v=""/>
    <x v="1"/>
    <s v=""/>
    <x v="46"/>
    <s v=""/>
    <s v=""/>
    <s v="PSPC-OMIS00022962"/>
    <s v="In Production"/>
    <s v="rich"/>
    <x v="0"/>
    <x v="2399"/>
  </r>
  <r>
    <x v="4"/>
    <x v="5"/>
    <x v="6520"/>
    <s v="CE-Compense2-RTC"/>
    <s v="Productivity Tools: Compense Rational Team Concert.  This product is being used to track Bugs for the partner's application."/>
    <s v=""/>
    <x v="1"/>
    <s v=""/>
    <x v="46"/>
    <s v=""/>
    <s v=""/>
    <s v="PSPC-OMIS00022976"/>
    <s v="In Production"/>
    <s v="web"/>
    <x v="0"/>
    <x v="2399"/>
  </r>
  <r>
    <x v="4"/>
    <x v="5"/>
    <x v="6521"/>
    <s v="DCT"/>
    <s v="Data Capture tool for GCPENS."/>
    <s v=""/>
    <x v="1"/>
    <s v=""/>
    <x v="46"/>
    <s v=""/>
    <s v=""/>
    <s v="PSPC-OMIS00023136"/>
    <s v="In Production"/>
    <s v=""/>
    <x v="0"/>
    <x v="2399"/>
  </r>
  <r>
    <x v="4"/>
    <x v="5"/>
    <x v="6522"/>
    <s v="ITPPM"/>
    <s v="ITPPM is the PSPC instance of the COTS called CA PPM; it is a management software that includes integrated modules for a full management of IT portfolio investments (projects, applications, services)"/>
    <s v=""/>
    <x v="1"/>
    <s v=""/>
    <x v="46"/>
    <s v=""/>
    <s v=""/>
    <s v="PSPC-OMIS00023480"/>
    <s v="In Production"/>
    <s v="web"/>
    <x v="0"/>
    <x v="2399"/>
  </r>
  <r>
    <x v="4"/>
    <x v="5"/>
    <x v="6523"/>
    <s v="TBSub"/>
    <s v="This solution built in MsAccess 2013 is a temporary solution in order to replace the previous client solution with Outlook 2007 (current Outlook 2007 is not compliant with Outlook 2013).   The MsAccess 2013 solution will then be migrated to a long term solution."/>
    <s v=""/>
    <x v="1"/>
    <s v=""/>
    <x v="46"/>
    <s v=""/>
    <s v=""/>
    <s v="PSPC-OMIS00023530"/>
    <s v="In Production"/>
    <s v="desktop"/>
    <x v="1"/>
    <x v="2400"/>
  </r>
  <r>
    <x v="4"/>
    <x v="5"/>
    <x v="6524"/>
    <s v="CGIDS"/>
    <s v="The CGIDS_SIDGC is a set of scripts that automate tedious and repeatable task to help speed up the production of the Gazette publications in Adobe InDesign.  Adobe InDesign provide a library called ExtendScript that allows programmers to make call to all components of the software using JavaScript."/>
    <s v=""/>
    <x v="1"/>
    <s v=""/>
    <x v="46"/>
    <s v=""/>
    <s v=""/>
    <s v="PSPC-OMIS00023538"/>
    <s v="In Production"/>
    <s v="desktop"/>
    <x v="1"/>
    <x v="2403"/>
  </r>
  <r>
    <x v="4"/>
    <x v="5"/>
    <x v="6525"/>
    <s v="CGW"/>
    <s v="A wiki for internal users at the Canada Gazette. Information source for editors (knowledge base - references - training)"/>
    <s v=""/>
    <x v="1"/>
    <s v=""/>
    <x v="46"/>
    <s v=""/>
    <s v=""/>
    <s v="PSPC-OMIS00023540"/>
    <s v="In Production"/>
    <s v="web"/>
    <x v="1"/>
    <x v="2400"/>
  </r>
  <r>
    <x v="4"/>
    <x v="5"/>
    <x v="6526"/>
    <s v="WM - Elog"/>
    <s v="Electronic logbook to keep track of the workload of each publication."/>
    <s v=""/>
    <x v="1"/>
    <s v=""/>
    <x v="46"/>
    <s v=""/>
    <s v=""/>
    <s v="PSPC-OMIS00023542"/>
    <s v="In Production"/>
    <s v="web"/>
    <x v="0"/>
    <x v="86"/>
  </r>
  <r>
    <x v="4"/>
    <x v="5"/>
    <x v="6527"/>
    <s v="EODS"/>
    <s v="EODS Application developed to facilitate on-boarding and departure of staff and the subsequent workflows that have to occur to assign/relinquish a workspace, IT assets, security clearance, HR and pay records, etc. The Employee Onboarding and Departure can assist with this by ensuring that IM staff are notified of all moves, hires and departures and accounts are adjusted accordingly."/>
    <s v=""/>
    <x v="1"/>
    <s v=""/>
    <x v="46"/>
    <s v=""/>
    <s v=""/>
    <s v="PSPC-OMIS00023700"/>
    <s v="In Production"/>
    <s v="web"/>
    <x v="1"/>
    <x v="2399"/>
  </r>
  <r>
    <x v="4"/>
    <x v="5"/>
    <x v="6528"/>
    <s v="EPS"/>
    <s v=". The European Procurement System is an application used by the Koblenz office to conduct procurement in Germany under European rules."/>
    <s v=""/>
    <x v="1"/>
    <s v=""/>
    <x v="46"/>
    <s v=""/>
    <s v=""/>
    <s v="PSPC-OMIS00023940"/>
    <s v="In Production"/>
    <s v="rich"/>
    <x v="1"/>
    <x v="2399"/>
  </r>
  <r>
    <x v="4"/>
    <x v="5"/>
    <x v="4694"/>
    <s v="FB"/>
    <s v="FreeBalance provides financial and human resource management to ODGs"/>
    <s v=""/>
    <x v="1"/>
    <s v=""/>
    <x v="46"/>
    <s v=""/>
    <s v=""/>
    <s v="PSPC-OMIS00023949"/>
    <s v="In Production"/>
    <s v=""/>
    <x v="0"/>
    <x v="2404"/>
  </r>
  <r>
    <x v="4"/>
    <x v="5"/>
    <x v="6529"/>
    <s v="MDA"/>
    <m/>
    <s v=""/>
    <x v="1"/>
    <s v=""/>
    <x v="46"/>
    <s v=""/>
    <s v=""/>
    <s v="PSPC-OMIS00023956"/>
    <s v="In Production"/>
    <s v=""/>
    <x v="1"/>
    <x v="2399"/>
  </r>
  <r>
    <x v="4"/>
    <x v="5"/>
    <x v="6530"/>
    <s v="EFC"/>
    <s v="TBD"/>
    <s v=""/>
    <x v="1"/>
    <s v=""/>
    <x v="46"/>
    <s v=""/>
    <s v=""/>
    <s v="PSPC-OMIS00023958"/>
    <s v="In Production"/>
    <s v=""/>
    <x v="0"/>
    <x v="2399"/>
  </r>
  <r>
    <x v="4"/>
    <x v="5"/>
    <x v="6531"/>
    <s v="DIPS"/>
    <s v="TBD"/>
    <s v=""/>
    <x v="1"/>
    <s v=""/>
    <x v="46"/>
    <s v=""/>
    <s v=""/>
    <s v="PSPC-OMIS00023960"/>
    <s v="In Production"/>
    <s v="rich"/>
    <x v="1"/>
    <x v="2399"/>
  </r>
  <r>
    <x v="4"/>
    <x v="5"/>
    <x v="6532"/>
    <s v="Datacap"/>
    <s v="TBD"/>
    <s v=""/>
    <x v="1"/>
    <s v=""/>
    <x v="46"/>
    <s v=""/>
    <s v=""/>
    <s v="PSPC-OMIS00023961"/>
    <s v="In Production"/>
    <s v="web"/>
    <x v="0"/>
    <x v="2399"/>
  </r>
  <r>
    <x v="4"/>
    <x v="5"/>
    <x v="2215"/>
    <s v="GC-HRMS"/>
    <s v="PeopleSoft deployment to OGDs"/>
    <s v=""/>
    <x v="1"/>
    <s v=""/>
    <x v="46"/>
    <s v=""/>
    <s v=""/>
    <s v="PSPC-OMIS00023963"/>
    <s v="In Production"/>
    <s v=""/>
    <x v="0"/>
    <x v="2404"/>
  </r>
  <r>
    <x v="4"/>
    <x v="5"/>
    <x v="6533"/>
    <s v="IFMS"/>
    <s v="SAP system for OGDs"/>
    <s v=""/>
    <x v="1"/>
    <s v=""/>
    <x v="46"/>
    <s v=""/>
    <s v=""/>
    <s v="PSPC-OMIS00023966"/>
    <s v="In Production"/>
    <s v=""/>
    <x v="0"/>
    <x v="2401"/>
  </r>
  <r>
    <x v="4"/>
    <x v="5"/>
    <x v="6534"/>
    <s v="PCA-DC"/>
    <m/>
    <s v=""/>
    <x v="1"/>
    <s v=""/>
    <x v="46"/>
    <s v=""/>
    <s v=""/>
    <s v="PSPC-OMIS00023967"/>
    <s v="In Production"/>
    <s v=""/>
    <x v="1"/>
    <x v="2399"/>
  </r>
  <r>
    <x v="4"/>
    <x v="5"/>
    <x v="6535"/>
    <s v="Alto"/>
    <s v="ALTO is the PSPC learning management system which allows users to manage their learning portfolio. It allows users to keep track of learning activities, launch online learning, print course materials or certificates and much more.   This system is a cloud-based solution developed, implemented and hosted by Saba."/>
    <s v=""/>
    <x v="1"/>
    <s v=""/>
    <x v="46"/>
    <s v=""/>
    <s v=""/>
    <s v="PSPC-OMIS00024085"/>
    <s v="In Production"/>
    <s v="cloud"/>
    <x v="0"/>
    <x v="106"/>
  </r>
  <r>
    <x v="4"/>
    <x v="5"/>
    <x v="6536"/>
    <s v="TMC"/>
    <s v="In an attempt to reduce the volume of employee inquiries to the Pay Centre and enhance client services, a new (Compensation Web Application) CWA module will be built to allow employees to view the status of their cases stored in the Pay Centre’s Case Management Tool (CMT).  Selected data from the Pay Centre’s CMT will be transferred to the CWA on a daily basis. New CWA screens will be created to allow an employee to view the current status of their case(s) in the Pay Centre."/>
    <s v=""/>
    <x v="1"/>
    <s v=""/>
    <x v="46"/>
    <s v=""/>
    <s v=""/>
    <s v="PSPC-OMIS00024087"/>
    <s v="In Production"/>
    <s v="web"/>
    <x v="1"/>
    <x v="2399"/>
  </r>
  <r>
    <x v="4"/>
    <x v="5"/>
    <x v="6537"/>
    <s v="GCDOCS-GB"/>
    <m/>
    <s v=""/>
    <x v="1"/>
    <s v=""/>
    <x v="46"/>
    <s v=""/>
    <s v=""/>
    <s v="PSPC-OMIS00024098"/>
    <s v="In Production"/>
    <s v="web"/>
    <x v="0"/>
    <x v="2399"/>
  </r>
  <r>
    <x v="4"/>
    <x v="5"/>
    <x v="6538"/>
    <s v="SendSuite"/>
    <s v="This solution (SendSuite Tracking) is a COTS application that provides the end client with the ability track packages received by the mailroom from carrier companies, and also track packages delivered by mailroom employees to public servants."/>
    <s v=""/>
    <x v="1"/>
    <s v=""/>
    <x v="46"/>
    <s v=""/>
    <s v=""/>
    <s v="PSPC-OMIS00024177"/>
    <s v="In Production"/>
    <s v="web"/>
    <x v="0"/>
    <x v="2399"/>
  </r>
  <r>
    <x v="4"/>
    <x v="5"/>
    <x v="6539"/>
    <s v="ATIP-Pay"/>
    <s v="This is PSPC's SR backend architecture pilot of web-based system ATIP Online developed and maintained by Citizenship and Immigration Canada(CIC)."/>
    <s v=""/>
    <x v="1"/>
    <s v=""/>
    <x v="46"/>
    <s v=""/>
    <s v=""/>
    <s v="PSPC-OMIS00024186"/>
    <s v="In Production"/>
    <s v="web"/>
    <x v="1"/>
    <x v="106"/>
  </r>
  <r>
    <x v="4"/>
    <x v="5"/>
    <x v="6540"/>
    <s v="BAS-SOSA"/>
    <s v="The SOSA App is the secure web based application that allows authorized provincial or territorial identified users to view and use our standing offers and supply arrangements. The standing offer for office supplies is the first of our procurement tools available for use through the application."/>
    <s v=""/>
    <x v="1"/>
    <s v=""/>
    <x v="46"/>
    <s v=""/>
    <s v=""/>
    <s v="PSPC-OMIS00024553"/>
    <s v="In Production"/>
    <s v="web"/>
    <x v="1"/>
    <x v="2400"/>
  </r>
  <r>
    <x v="4"/>
    <x v="5"/>
    <x v="6541"/>
    <s v="GCDOCS PSPC DMT"/>
    <s v="It is a migration application tool (COTS) used to migrate and convert data from the EDRM system to the GCDocs system."/>
    <s v=""/>
    <x v="1"/>
    <s v=""/>
    <x v="46"/>
    <s v=""/>
    <s v=""/>
    <s v="PSPC-OMIS00024560"/>
    <s v="In Production"/>
    <s v="rich"/>
    <x v="0"/>
    <x v="2399"/>
  </r>
  <r>
    <x v="4"/>
    <x v="5"/>
    <x v="6542"/>
    <s v="PSPC-CRM"/>
    <s v="Using MS Dynamics 2015, the PSPC Client Relationship Management (CRM) tool provides Account Executives and Senior Mgmt of various PSPC branches the ability to improve Client Relations and Service Delivery."/>
    <s v=""/>
    <x v="1"/>
    <s v=""/>
    <x v="46"/>
    <s v=""/>
    <s v=""/>
    <s v="PSPC-OMIS00024589"/>
    <s v="In Production"/>
    <s v="web"/>
    <x v="0"/>
    <x v="2404"/>
  </r>
  <r>
    <x v="4"/>
    <x v="5"/>
    <x v="6543"/>
    <s v="GCcase"/>
    <m/>
    <s v=""/>
    <x v="1"/>
    <s v=""/>
    <x v="46"/>
    <s v=""/>
    <s v=""/>
    <s v="PSPC-OMIS00024643"/>
    <s v="In Production"/>
    <s v="web"/>
    <x v="0"/>
    <x v="2399"/>
  </r>
  <r>
    <x v="4"/>
    <x v="5"/>
    <x v="6544"/>
    <s v="E-tracker"/>
    <s v="Tracking and reporting tool (SharePoint) responds to a demand of the new government to govern by results.  Performance tracking also allows departments to report on progress of key government of Canada priorities.  Track, record and report on Mandate Commitments."/>
    <s v=""/>
    <x v="1"/>
    <s v=""/>
    <x v="46"/>
    <s v=""/>
    <s v=""/>
    <s v="PSPC-OMIS00024789"/>
    <s v="In Production"/>
    <s v="web"/>
    <x v="0"/>
    <x v="2399"/>
  </r>
  <r>
    <x v="4"/>
    <x v="5"/>
    <x v="6545"/>
    <s v="SAP-DM"/>
    <s v="Application used to disclose the Government of Canada financial statements to the public"/>
    <s v=""/>
    <x v="1"/>
    <s v=""/>
    <x v="46"/>
    <s v=""/>
    <s v=""/>
    <s v="PSPC-OMIS00025552"/>
    <s v="In Production"/>
    <s v="rich"/>
    <x v="0"/>
    <x v="2401"/>
  </r>
  <r>
    <x v="4"/>
    <x v="5"/>
    <x v="6546"/>
    <s v="ICP"/>
    <s v="SharePoint 2013 is a web-based, collaborative platform that integrates with Microsoft Office. SharePoint is primarily sold as a document management and storage system, but the product is highly configurable and usage varies substantially between organizations.Most common uses of the SharePoint include Enterprise Content and Document Management, Intranet and Social network, Collaborative software,  file hosting service (personal cloud) and Custom Web Applicaitions.  End-user functionality includes Cross-browser drag &amp; drop support for file uploads/changes, and Follow/Share buttons, OneDrive for Business (initially SkyDrive Pro) replaces MySites and Workspaces,  Updates to social network feature &amp; new task aggregation tool,  Database caching, called Dist"/>
    <s v=""/>
    <x v="1"/>
    <s v=""/>
    <x v="46"/>
    <s v=""/>
    <s v=""/>
    <s v="PSPC-OMIS00025587"/>
    <s v="In Production"/>
    <s v="web"/>
    <x v="0"/>
    <x v="2399"/>
  </r>
  <r>
    <x v="4"/>
    <x v="5"/>
    <x v="6547"/>
    <s v="SHARP"/>
    <s v="SHARP an MS-Access application that the clients use to report on their service levels. When the clients receive an email through the corporate Mailbox, it is converted into a task. SHARP is used to generate monthly reports about how many tasks were completed, and how many days each task took to complete. SHARP is also used to generate reports for counts in the mailbox sub-folders."/>
    <s v=""/>
    <x v="1"/>
    <s v=""/>
    <x v="46"/>
    <s v=""/>
    <s v=""/>
    <s v="PSPC-OMIS00026554"/>
    <s v="In Production"/>
    <s v="desktop"/>
    <x v="1"/>
    <x v="2401"/>
  </r>
  <r>
    <x v="4"/>
    <x v="5"/>
    <x v="6548"/>
    <s v="GHG"/>
    <s v="Greenhouse Gas (GHG) Commute Calculator to determine the total annual GHGs emitted by employees during their commute to work."/>
    <s v=""/>
    <x v="1"/>
    <s v=""/>
    <x v="46"/>
    <s v=""/>
    <s v=""/>
    <s v="PSPC-OMIS00026564"/>
    <s v="In Production"/>
    <s v="web"/>
    <x v="1"/>
    <x v="2399"/>
  </r>
  <r>
    <x v="4"/>
    <x v="5"/>
    <x v="6549"/>
    <s v="PSPC-EAR"/>
    <s v="It is used at PSPC to deliver, enable and support architecture development, the management/analysis of architecture components, and the transformation of architecture components into architecture products and other decision support reports."/>
    <s v=""/>
    <x v="1"/>
    <s v=""/>
    <x v="46"/>
    <s v=""/>
    <s v=""/>
    <s v="PSPC-OMIS00026827"/>
    <s v="In Production"/>
    <s v="web"/>
    <x v="0"/>
    <x v="2404"/>
  </r>
  <r>
    <x v="0"/>
    <x v="13"/>
    <x v="6550"/>
    <s v="CJIM"/>
    <m/>
    <s v=""/>
    <x v="1"/>
    <s v=""/>
    <x v="47"/>
    <s v="1.2.1.3 Canadian Criminal Real Time Identification Services"/>
    <s v="Information Management Services,Other"/>
    <s v="APP-03902"/>
    <s v="In Production"/>
    <s v="web"/>
    <x v="1"/>
    <x v="2405"/>
  </r>
  <r>
    <x v="0"/>
    <x v="13"/>
    <x v="6551"/>
    <s v="ELMO"/>
    <s v="Supports the transmission and management of latent fingerprint files."/>
    <s v=""/>
    <x v="1"/>
    <s v=""/>
    <x v="47"/>
    <s v="1.2.1.3 Canadian Criminal Real Time Identification Services"/>
    <s v="Information Management Services,Other"/>
    <s v="APP-01225"/>
    <s v="In Production"/>
    <s v="rich"/>
    <x v="1"/>
    <x v="2406"/>
  </r>
  <r>
    <x v="3"/>
    <x v="30"/>
    <x v="6552"/>
    <s v="ISRS"/>
    <s v="Web-based application which collects and reports on monthly activities of data collection for statistical reporting."/>
    <s v=""/>
    <x v="1"/>
    <s v=""/>
    <x v="47"/>
    <s v="1.2.1 Scientific, Technical and Investigative Support"/>
    <s v="Information Management Services"/>
    <s v="APP-01237"/>
    <s v="In Production"/>
    <s v="web"/>
    <x v="1"/>
    <x v="2407"/>
  </r>
  <r>
    <x v="0"/>
    <x v="13"/>
    <x v="6553"/>
    <s v="RTID - CAFIS"/>
    <s v="National system used to perform fingerprint comparaison for purpose of biometric identification of Criminal, Civil, Refugee, Immigration and latents."/>
    <s v="3M-Cogent"/>
    <x v="14"/>
    <s v="CAFIAS"/>
    <x v="47"/>
    <s v="1.2.1.3 Canadian Criminal Real Time Identification Services"/>
    <s v="Information Management Services,Other"/>
    <s v="APP-01305"/>
    <s v="In Production"/>
    <s v="rich"/>
    <x v="0"/>
    <x v="2408"/>
  </r>
  <r>
    <x v="0"/>
    <x v="0"/>
    <x v="6554"/>
    <s v="RTID - NNS"/>
    <s v="The NNS server refers to the workflow manager for the RTID System. It performs many functions including, but not limited to, the following: _x000a_- receives and validates external electronic NIST files_x000a_- returns an acknowledgement and routes these files to the appropriate subsystem (CREMMS, AFIS, ADS, ELMO, etc.) based on the business rules_x000a_- allows authorized users to search and view individual submissions"/>
    <s v=""/>
    <x v="1"/>
    <s v=""/>
    <x v="47"/>
    <s v="1.2.1.3 Canadian Criminal Real Time Identification Services"/>
    <s v="Information Management Services,Other"/>
    <s v="APP-01307"/>
    <s v="In Production"/>
    <s v="web"/>
    <x v="1"/>
    <x v="2409"/>
  </r>
  <r>
    <x v="3"/>
    <x v="31"/>
    <x v="6555"/>
    <s v="BI CFP"/>
    <m/>
    <s v="IBM"/>
    <x v="14"/>
    <s v="IBM Cognos BI"/>
    <x v="47"/>
    <s v="1.2.2 Canadian Firearms Program"/>
    <s v="Information Management Services,Other"/>
    <s v="APP-01153"/>
    <s v="In Production"/>
    <s v="web"/>
    <x v="0"/>
    <x v="2410"/>
  </r>
  <r>
    <x v="3"/>
    <x v="31"/>
    <x v="6556"/>
    <s v="BI CS"/>
    <m/>
    <s v="IBM"/>
    <x v="14"/>
    <s v="IBM Cognos BI"/>
    <x v="47"/>
    <s v="1.2 Canadian Law Enforcement Services"/>
    <s v="Information Management Services,Other"/>
    <s v="APP-01165"/>
    <s v="In Production"/>
    <s v="web"/>
    <x v="0"/>
    <x v="2411"/>
  </r>
  <r>
    <x v="10"/>
    <x v="84"/>
    <x v="6557"/>
    <s v="ACUPIES"/>
    <m/>
    <s v=""/>
    <x v="1"/>
    <s v=""/>
    <x v="47"/>
    <s v="1.2.1.6 Canadian Police Information Centre (CPIC)"/>
    <s v="Information Management Services"/>
    <s v="APP-01149"/>
    <s v="In Production"/>
    <s v="mini_main_super"/>
    <x v="1"/>
    <x v="2412"/>
  </r>
  <r>
    <x v="10"/>
    <x v="84"/>
    <x v="6558"/>
    <s v="CIG"/>
    <m/>
    <s v=""/>
    <x v="1"/>
    <s v=""/>
    <x v="47"/>
    <s v="1.2.1.6 Canadian Police Information Centre (CPIC)"/>
    <s v="Information Management Services"/>
    <s v="APP-01179"/>
    <s v="In Production"/>
    <s v="mini_main_super"/>
    <x v="1"/>
    <x v="2413"/>
  </r>
  <r>
    <x v="3"/>
    <x v="46"/>
    <x v="6559"/>
    <s v="CMAP"/>
    <m/>
    <s v=""/>
    <x v="1"/>
    <s v=""/>
    <x v="47"/>
    <s v="1.2.1.6 Canadian Police Information Centre (CPIC)"/>
    <s v="Information Management Services"/>
    <s v="APP-01181"/>
    <s v="In Production"/>
    <s v="mini_main_super"/>
    <x v="1"/>
    <x v="2414"/>
  </r>
  <r>
    <x v="3"/>
    <x v="30"/>
    <x v="6560"/>
    <s v="COR"/>
    <m/>
    <s v=""/>
    <x v="1"/>
    <s v=""/>
    <x v="47"/>
    <s v="1.2.1.6 Canadian Police Information Centre (CPIC)"/>
    <s v="Information Management Services"/>
    <s v="APP-01183"/>
    <s v="In Production"/>
    <s v="web"/>
    <x v="1"/>
    <x v="2415"/>
  </r>
  <r>
    <x v="3"/>
    <x v="30"/>
    <x v="6561"/>
    <s v="COMU"/>
    <m/>
    <s v=""/>
    <x v="1"/>
    <s v=""/>
    <x v="47"/>
    <s v="1.2.1.6 Canadian Police Information Centre (CPIC)"/>
    <s v="Information Management Services"/>
    <s v="APP-01185"/>
    <s v="In Production"/>
    <s v="web"/>
    <x v="1"/>
    <x v="2416"/>
  </r>
  <r>
    <x v="3"/>
    <x v="30"/>
    <x v="6562"/>
    <s v="CPIC Web"/>
    <m/>
    <s v=""/>
    <x v="1"/>
    <s v=""/>
    <x v="47"/>
    <s v="1.2.1.6 Canadian Police Information Centre (CPIC)"/>
    <s v="Information Management Services"/>
    <s v="APP-01189"/>
    <s v="In Production"/>
    <s v="web"/>
    <x v="1"/>
    <x v="2417"/>
  </r>
  <r>
    <x v="10"/>
    <x v="84"/>
    <x v="6563"/>
    <s v="COMPaS"/>
    <m/>
    <s v=""/>
    <x v="1"/>
    <s v=""/>
    <x v="47"/>
    <s v="1.2.1.6 Canadian Police Information Centre (CPIC)"/>
    <s v="Information Management Services"/>
    <s v="APP-01201"/>
    <s v="In Production"/>
    <s v="appliance"/>
    <x v="1"/>
    <x v="2418"/>
  </r>
  <r>
    <x v="3"/>
    <x v="30"/>
    <x v="6564"/>
    <s v="CRATS"/>
    <m/>
    <s v=""/>
    <x v="1"/>
    <s v=""/>
    <x v="47"/>
    <s v="1.1.2 Federal Policing"/>
    <s v="Information Management Services"/>
    <s v="APP-01213"/>
    <s v="In Production"/>
    <s v="desktop"/>
    <x v="1"/>
    <x v="2419"/>
  </r>
  <r>
    <x v="3"/>
    <x v="30"/>
    <x v="6565"/>
    <s v="ECT - ccmMercury"/>
    <s v="Electronic Correspondence tracking system. Archive and information management system. Provides ability to share work with different organizations using the same tool (ccmExchange)."/>
    <s v="WorkDynamics"/>
    <x v="0"/>
    <s v="ccmMercury"/>
    <x v="47"/>
    <s v="4.1.1 Management and Oversight Services"/>
    <s v="Information Management Services"/>
    <s v="APP-01219"/>
    <s v="In Production"/>
    <s v="desktop"/>
    <x v="0"/>
    <x v="2420"/>
  </r>
  <r>
    <x v="3"/>
    <x v="30"/>
    <x v="6566"/>
    <s v="LICAPP"/>
    <m/>
    <s v=""/>
    <x v="1"/>
    <s v=""/>
    <x v="47"/>
    <s v="4.1.9 Materiel Services"/>
    <s v="Information Management Services"/>
    <s v="APP-01303"/>
    <s v="In Production"/>
    <s v="web"/>
    <x v="1"/>
    <x v="2421"/>
  </r>
  <r>
    <x v="3"/>
    <x v="30"/>
    <x v="6567"/>
    <s v="TVTS-Travel"/>
    <m/>
    <s v=""/>
    <x v="1"/>
    <s v=""/>
    <x v="47"/>
    <s v=""/>
    <s v="Information Management Services"/>
    <s v="APP-01337"/>
    <s v="In Production"/>
    <s v="web"/>
    <x v="1"/>
    <x v="2421"/>
  </r>
  <r>
    <x v="10"/>
    <x v="84"/>
    <x v="6568"/>
    <s v="VIG"/>
    <m/>
    <s v=""/>
    <x v="1"/>
    <s v=""/>
    <x v="47"/>
    <s v="1.2.1.6 Canadian Police Information Centre (CPIC)"/>
    <s v="Information Management Services"/>
    <s v="APP-01339"/>
    <s v="In Production"/>
    <s v="appliance"/>
    <x v="1"/>
    <x v="2422"/>
  </r>
  <r>
    <x v="3"/>
    <x v="30"/>
    <x v="6569"/>
    <s v="CDI"/>
    <m/>
    <s v=""/>
    <x v="1"/>
    <s v=""/>
    <x v="47"/>
    <s v="1.2.1.6 Canadian Police Information Centre (CPIC)"/>
    <s v="Information Management Services"/>
    <s v="APP-03931"/>
    <s v="In Production"/>
    <s v="web"/>
    <x v="1"/>
    <x v="2423"/>
  </r>
  <r>
    <x v="10"/>
    <x v="84"/>
    <x v="6570"/>
    <s v="CPICMSG"/>
    <m/>
    <s v=""/>
    <x v="1"/>
    <s v=""/>
    <x v="47"/>
    <s v="1.2.1.6 Canadian Police Information Centre (CPIC)"/>
    <s v="Information Management Services"/>
    <s v="APP-03933"/>
    <s v="In Production"/>
    <s v="mini_main_super"/>
    <x v="1"/>
    <x v="2424"/>
  </r>
  <r>
    <x v="3"/>
    <x v="31"/>
    <x v="6571"/>
    <s v="CAFC-FRS"/>
    <m/>
    <s v=""/>
    <x v="1"/>
    <s v=""/>
    <x v="47"/>
    <s v="1.1.2 Federal Policing"/>
    <s v="Information Management Services"/>
    <s v="APP-03938"/>
    <s v="In Production"/>
    <s v="web"/>
    <x v="1"/>
    <x v="2425"/>
  </r>
  <r>
    <x v="3"/>
    <x v="31"/>
    <x v="6572"/>
    <s v="CAFC"/>
    <m/>
    <s v=""/>
    <x v="1"/>
    <s v=""/>
    <x v="47"/>
    <s v="1.1.2 Federal Policing"/>
    <s v="Information Management Services"/>
    <s v="APP-03940"/>
    <s v="In Production"/>
    <s v="web"/>
    <x v="1"/>
    <x v="2426"/>
  </r>
  <r>
    <x v="3"/>
    <x v="30"/>
    <x v="6573"/>
    <s v="TVTS-Visits"/>
    <m/>
    <s v=""/>
    <x v="1"/>
    <s v=""/>
    <x v="47"/>
    <s v=""/>
    <s v="Information Management Services"/>
    <s v="APP-03942"/>
    <s v="In Production"/>
    <s v="web"/>
    <x v="1"/>
    <x v="2427"/>
  </r>
  <r>
    <x v="0"/>
    <x v="28"/>
    <x v="6574"/>
    <s v="IIS"/>
    <m/>
    <s v=""/>
    <x v="1"/>
    <s v=""/>
    <x v="47"/>
    <s v="1.2.1.5 Criminal Intelligence Service Canada"/>
    <s v="Information Management Services,Other"/>
    <s v="APP-01243"/>
    <s v="In Production"/>
    <s v="web"/>
    <x v="1"/>
    <x v="2428"/>
  </r>
  <r>
    <x v="2"/>
    <x v="3"/>
    <x v="6575"/>
    <s v="Agora"/>
    <m/>
    <s v="Saba"/>
    <x v="14"/>
    <s v="Saba"/>
    <x v="47"/>
    <s v="4.1.4 Human Resources Management Services"/>
    <s v="Human Resources Management Services"/>
    <s v="APP-01139"/>
    <s v="In Production"/>
    <s v="web"/>
    <x v="0"/>
    <x v="2429"/>
  </r>
  <r>
    <x v="2"/>
    <x v="3"/>
    <x v="6576"/>
    <s v="HRMIS"/>
    <m/>
    <s v="Oracle PeopleSoft Software + GoC Customizations"/>
    <x v="12"/>
    <s v="Peoplesoft HCM"/>
    <x v="47"/>
    <s v="4.1.4 Human Resources Management Services"/>
    <s v="Human Resources Management Services"/>
    <s v="APP-01235"/>
    <s v="In Production"/>
    <s v="web"/>
    <x v="0"/>
    <x v="2430"/>
  </r>
  <r>
    <x v="3"/>
    <x v="15"/>
    <x v="6577"/>
    <s v="PDR"/>
    <m/>
    <s v=""/>
    <x v="1"/>
    <s v=""/>
    <x v="47"/>
    <s v=""/>
    <s v="Financial Management Services"/>
    <s v="APP-01271"/>
    <s v="In Production"/>
    <s v="web"/>
    <x v="1"/>
    <x v="2431"/>
  </r>
  <r>
    <x v="0"/>
    <x v="8"/>
    <x v="442"/>
    <s v="GCDOCS"/>
    <m/>
    <s v="OpenText"/>
    <x v="14"/>
    <s v="Content Server"/>
    <x v="47"/>
    <s v="4.1.6 Information Management Services"/>
    <s v=""/>
    <s v="APP-03948"/>
    <s v="In Production"/>
    <s v="desktop"/>
    <x v="0"/>
    <x v="2432"/>
  </r>
  <r>
    <x v="0"/>
    <x v="28"/>
    <x v="6578"/>
    <s v="ATIP"/>
    <m/>
    <s v="CSDC Systems Inc."/>
    <x v="14"/>
    <s v="AccessPro Suite"/>
    <x v="47"/>
    <s v="4.1.6 Information Management Services"/>
    <s v="Information Management Services"/>
    <s v="APP-03950"/>
    <s v="In Production"/>
    <s v="desktop"/>
    <x v="0"/>
    <x v="2433"/>
  </r>
  <r>
    <x v="0"/>
    <x v="11"/>
    <x v="6579"/>
    <s v="PIP"/>
    <m/>
    <s v="Versaterm Inc."/>
    <x v="14"/>
    <s v="Police Information Portal"/>
    <x v="47"/>
    <s v="1.2.1.6 Canadian Police Information Centre (CPIC)"/>
    <s v="Information Technology Services"/>
    <s v="APP-01275"/>
    <s v="In Production"/>
    <s v="web"/>
    <x v="0"/>
    <x v="2434"/>
  </r>
  <r>
    <x v="0"/>
    <x v="13"/>
    <x v="6580"/>
    <s v="CPIC"/>
    <m/>
    <s v=""/>
    <x v="1"/>
    <s v=""/>
    <x v="47"/>
    <s v="1.2.1.6 Canadian Police Information Centre (CPIC)"/>
    <s v="Information Management Services,Other"/>
    <s v="APP-01177"/>
    <s v="In Production"/>
    <s v="mini_main_super"/>
    <x v="1"/>
    <x v="2435"/>
  </r>
  <r>
    <x v="3"/>
    <x v="46"/>
    <x v="6581"/>
    <s v="DORS"/>
    <m/>
    <s v=""/>
    <x v="1"/>
    <s v=""/>
    <x v="47"/>
    <s v="1.2.1.6 Canadian Police Information Centre (CPIC)"/>
    <s v="Information Management Services,Other"/>
    <s v="APP-01215"/>
    <s v="In Production"/>
    <s v="mini_main_super"/>
    <x v="1"/>
    <x v="2436"/>
  </r>
  <r>
    <x v="3"/>
    <x v="46"/>
    <x v="6582"/>
    <s v="SIRS"/>
    <m/>
    <s v=""/>
    <x v="1"/>
    <s v=""/>
    <x v="47"/>
    <s v="1.2.1.6 Canadian Police Information Centre (CPIC)"/>
    <s v="Information Management Services,Other"/>
    <s v="APP-01325"/>
    <s v="In Production"/>
    <s v="mini_main_super"/>
    <x v="1"/>
    <x v="2437"/>
  </r>
  <r>
    <x v="6"/>
    <x v="67"/>
    <x v="6583"/>
    <s v="IPICS"/>
    <m/>
    <s v="Cisco"/>
    <x v="14"/>
    <s v="Cisco IPICS"/>
    <x v="47"/>
    <s v=""/>
    <s v="Other"/>
    <s v="APP-03989"/>
    <s v="In Production"/>
    <s v="appliance"/>
    <x v="0"/>
    <x v="2438"/>
  </r>
  <r>
    <x v="0"/>
    <x v="0"/>
    <x v="6584"/>
    <s v="CIIDS"/>
    <m/>
    <s v="Bell Canada"/>
    <x v="14"/>
    <s v="BellCAD"/>
    <x v="47"/>
    <s v="1.1 Police Operations"/>
    <s v="Other"/>
    <s v="APP-01205"/>
    <s v="In Production"/>
    <s v="desktop"/>
    <x v="0"/>
    <x v="2439"/>
  </r>
  <r>
    <x v="0"/>
    <x v="0"/>
    <x v="6585"/>
    <s v="ICE"/>
    <m/>
    <s v="Microsoft"/>
    <x v="14"/>
    <s v="Sharepoint"/>
    <x v="47"/>
    <s v="1.1.2 Federal Policing"/>
    <s v="Other"/>
    <s v="APP-03991"/>
    <s v="In Production"/>
    <s v="web"/>
    <x v="0"/>
    <x v="302"/>
  </r>
  <r>
    <x v="2"/>
    <x v="65"/>
    <x v="6586"/>
    <s v="MPS"/>
    <m/>
    <s v=""/>
    <x v="1"/>
    <s v=""/>
    <x v="47"/>
    <s v="4.1.4 Human Resources Management Services"/>
    <s v="Financial Management Services,Human Resources Management Services"/>
    <s v="APP-01313"/>
    <s v="In Production"/>
    <s v="mini_main_super"/>
    <x v="1"/>
    <x v="2440"/>
  </r>
  <r>
    <x v="0"/>
    <x v="0"/>
    <x v="6587"/>
    <s v="SAMM"/>
    <m/>
    <s v=""/>
    <x v="1"/>
    <s v=""/>
    <x v="47"/>
    <s v="1.1 Police Operations"/>
    <s v="Other"/>
    <s v="APP-01327"/>
    <s v="In Production"/>
    <s v="desktop"/>
    <x v="1"/>
    <x v="2441"/>
  </r>
  <r>
    <x v="2"/>
    <x v="2"/>
    <x v="6588"/>
    <s v="TEAM"/>
    <m/>
    <s v="SAP"/>
    <x v="14"/>
    <s v="SAP"/>
    <x v="47"/>
    <s v=""/>
    <s v="Acquisition Services,Communications Services,Financial Management Services,Human Resources Management Services,Information Management Services,Management and Oversight Services,Materiel Services,Real Property Services,Travel and Other Administrative Services"/>
    <s v="APP-01333"/>
    <s v="In Production"/>
    <s v="rich"/>
    <x v="0"/>
    <x v="2442"/>
  </r>
  <r>
    <x v="0"/>
    <x v="0"/>
    <x v="6589"/>
    <s v="W5"/>
    <m/>
    <s v="Burkitt Computer Corporation"/>
    <x v="14"/>
    <s v="W5 Claims Management Software"/>
    <x v="47"/>
    <s v=""/>
    <s v="Financial Management Services,Legal Services"/>
    <s v="APP-01343"/>
    <s v="In Production"/>
    <s v="desktop"/>
    <x v="0"/>
    <x v="2443"/>
  </r>
  <r>
    <x v="0"/>
    <x v="62"/>
    <x v="6590"/>
    <s v="UCCX"/>
    <s v="One time cost to acquire additional User licenses for the core IP Telephone System; used by the Central Help desk to handle ~10,000 calls from the RCMP and partnered agencies per month."/>
    <s v="Cisco"/>
    <x v="14"/>
    <s v="Cisco Agent Desktop"/>
    <x v="47"/>
    <s v="1.1.3 Tecnical Services and Operational Support"/>
    <s v=""/>
    <s v="APP-03993"/>
    <s v="In Production"/>
    <s v="desktop"/>
    <x v="0"/>
    <x v="106"/>
  </r>
  <r>
    <x v="0"/>
    <x v="16"/>
    <x v="6591"/>
    <s v="APPS"/>
    <m/>
    <s v=""/>
    <x v="1"/>
    <s v=""/>
    <x v="47"/>
    <s v="4.1.1 Management and Oversight Services"/>
    <s v="Management and Oversight Services"/>
    <s v="APP-01143"/>
    <s v="In Production"/>
    <s v="web"/>
    <x v="1"/>
    <x v="2444"/>
  </r>
  <r>
    <x v="0"/>
    <x v="13"/>
    <x v="6592"/>
    <s v="E&amp;R"/>
    <m/>
    <s v=""/>
    <x v="1"/>
    <s v=""/>
    <x v="47"/>
    <s v="1.1 Police Operations"/>
    <s v="Other"/>
    <s v="APP-01223"/>
    <s v="In Production"/>
    <s v="desktop"/>
    <x v="1"/>
    <x v="2445"/>
  </r>
  <r>
    <x v="0"/>
    <x v="43"/>
    <x v="6593"/>
    <s v="InfoWeb"/>
    <s v="Search functionality within the RCMP (InfoWeb)."/>
    <s v=""/>
    <x v="1"/>
    <s v=""/>
    <x v="47"/>
    <s v="4.1.2 Communications Services"/>
    <s v="Communications Services"/>
    <s v="APP-01241"/>
    <s v="In Production"/>
    <s v="web"/>
    <x v="1"/>
    <x v="2446"/>
  </r>
  <r>
    <x v="0"/>
    <x v="16"/>
    <x v="6594"/>
    <s v="Risk Register"/>
    <m/>
    <s v=""/>
    <x v="1"/>
    <s v=""/>
    <x v="47"/>
    <s v="4.1.1 Management and Oversight Services"/>
    <s v="Management and Oversight Services"/>
    <s v="APP-01315"/>
    <s v="In Production"/>
    <s v="web"/>
    <x v="1"/>
    <x v="2447"/>
  </r>
  <r>
    <x v="0"/>
    <x v="0"/>
    <x v="6595"/>
    <s v="SDM"/>
    <m/>
    <s v="CA Technologies"/>
    <x v="14"/>
    <s v="Service Desk Manager"/>
    <x v="47"/>
    <s v="4.1.7 Information Technology Services"/>
    <s v="Information Technology Services"/>
    <s v="APP-03995"/>
    <s v="In Production"/>
    <s v="web"/>
    <x v="0"/>
    <x v="2448"/>
  </r>
  <r>
    <x v="0"/>
    <x v="16"/>
    <x v="6596"/>
    <s v="SIR"/>
    <m/>
    <s v=""/>
    <x v="1"/>
    <s v=""/>
    <x v="47"/>
    <s v="1.2.1.5 Criminal Intelligence Service Canada"/>
    <s v="Information Management Services,Other"/>
    <s v="APP-01331"/>
    <s v="In Production"/>
    <s v="web"/>
    <x v="1"/>
    <x v="2449"/>
  </r>
  <r>
    <x v="0"/>
    <x v="13"/>
    <x v="6597"/>
    <s v="TSMIT"/>
    <m/>
    <s v=""/>
    <x v="1"/>
    <s v=""/>
    <x v="47"/>
    <s v="1.1.1 Contract Policing"/>
    <s v="Information Management Services,Other"/>
    <s v="APP-01335"/>
    <s v="In Production"/>
    <s v="web"/>
    <x v="1"/>
    <x v="2450"/>
  </r>
  <r>
    <x v="0"/>
    <x v="0"/>
    <x v="6598"/>
    <s v="LiveScan"/>
    <m/>
    <s v="Morphotrak and Gemalto Cogent"/>
    <x v="14"/>
    <s v="LiveScan"/>
    <x v="47"/>
    <s v="1.2.1.3 Canadian Criminal Real Time Identification Services"/>
    <s v="Information Management Services,Other"/>
    <s v="APP-01249"/>
    <s v="In Production"/>
    <s v="desktop"/>
    <x v="0"/>
    <x v="2451"/>
  </r>
  <r>
    <x v="0"/>
    <x v="62"/>
    <x v="6599"/>
    <s v="EMS"/>
    <m/>
    <s v=""/>
    <x v="1"/>
    <s v=""/>
    <x v="47"/>
    <s v="1.1.2 Federal Policing"/>
    <s v="Information Management Services,Other"/>
    <s v="APP-01227"/>
    <s v="In Production"/>
    <s v="web"/>
    <x v="1"/>
    <x v="2452"/>
  </r>
  <r>
    <x v="0"/>
    <x v="16"/>
    <x v="6600"/>
    <s v="SAMS"/>
    <m/>
    <s v=""/>
    <x v="1"/>
    <s v=""/>
    <x v="47"/>
    <s v="1.1.2 Federal Policing"/>
    <s v="Information Management Services,Other"/>
    <s v="APP-01323"/>
    <s v="In Production"/>
    <s v="web"/>
    <x v="1"/>
    <x v="2453"/>
  </r>
  <r>
    <x v="3"/>
    <x v="31"/>
    <x v="6601"/>
    <s v="DQOR"/>
    <m/>
    <s v=""/>
    <x v="1"/>
    <s v=""/>
    <x v="47"/>
    <s v="1.1 Police Operations"/>
    <s v="Information Management Services,Other"/>
    <s v="APP-01217"/>
    <s v="In Production"/>
    <s v="web"/>
    <x v="1"/>
    <x v="2454"/>
  </r>
  <r>
    <x v="0"/>
    <x v="13"/>
    <x v="6602"/>
    <s v="NARMS"/>
    <m/>
    <s v="Niche Technologies"/>
    <x v="14"/>
    <s v="Niche"/>
    <x v="47"/>
    <s v="4.1.6 Information Management Services"/>
    <s v="Information Management Services"/>
    <s v="APP-01255"/>
    <s v="In Production"/>
    <s v="desktop"/>
    <x v="0"/>
    <x v="2455"/>
  </r>
  <r>
    <x v="0"/>
    <x v="13"/>
    <x v="6603"/>
    <s v="PAT"/>
    <m/>
    <s v=""/>
    <x v="1"/>
    <s v=""/>
    <x v="47"/>
    <s v="1.1 Police Operations"/>
    <s v="Information Management Services,Other"/>
    <s v="APP-01273"/>
    <s v="In Production"/>
    <s v="web"/>
    <x v="1"/>
    <x v="2456"/>
  </r>
  <r>
    <x v="0"/>
    <x v="13"/>
    <x v="6604"/>
    <s v="PROS"/>
    <m/>
    <s v="Niche Technologies"/>
    <x v="14"/>
    <s v="Niche"/>
    <x v="47"/>
    <s v="1.1 Police Operations"/>
    <s v="Information Management Services,Other"/>
    <s v="APP-01281"/>
    <s v="In Production"/>
    <s v="desktop"/>
    <x v="0"/>
    <x v="2455"/>
  </r>
  <r>
    <x v="0"/>
    <x v="13"/>
    <x v="6605"/>
    <s v="PROS ALV"/>
    <m/>
    <s v=""/>
    <x v="1"/>
    <s v=""/>
    <x v="47"/>
    <s v="1.1 Police Operations"/>
    <s v="Management and Oversight Services,Other"/>
    <s v="APP-01147"/>
    <s v="In Production"/>
    <s v="mini_main_super"/>
    <x v="1"/>
    <x v="2457"/>
  </r>
  <r>
    <x v="0"/>
    <x v="13"/>
    <x v="6606"/>
    <s v="PROS Depot"/>
    <m/>
    <s v="Niche Technologies"/>
    <x v="1"/>
    <s v="Niche"/>
    <x v="47"/>
    <s v="1.1 Police Operations"/>
    <s v="Information Management Services,Other"/>
    <s v="APP-01283"/>
    <s v="In Production"/>
    <s v="desktop"/>
    <x v="0"/>
    <x v="2458"/>
  </r>
  <r>
    <x v="0"/>
    <x v="13"/>
    <x v="6607"/>
    <s v="PROS Interface: CIIDS/CAD"/>
    <m/>
    <s v=""/>
    <x v="1"/>
    <s v=""/>
    <x v="47"/>
    <s v="1.1 Police Operations"/>
    <s v="Information Management Services,Other"/>
    <s v="APP-01285"/>
    <s v="In Production"/>
    <s v="web"/>
    <x v="1"/>
    <x v="2459"/>
  </r>
  <r>
    <x v="0"/>
    <x v="13"/>
    <x v="6608"/>
    <s v="PROS Interface: CPIC"/>
    <m/>
    <s v="Niche Technologies"/>
    <x v="14"/>
    <s v="Niche - CPIC Interface"/>
    <x v="47"/>
    <s v="1.1 Police Operations"/>
    <s v="Information Management Services,Other"/>
    <s v="APP-01287"/>
    <s v="In Production"/>
    <s v="mini_main_super"/>
    <x v="0"/>
    <x v="2460"/>
  </r>
  <r>
    <x v="0"/>
    <x v="13"/>
    <x v="6609"/>
    <s v="PROS Interface: FIP"/>
    <m/>
    <s v=""/>
    <x v="1"/>
    <s v=""/>
    <x v="47"/>
    <s v="1.1 Police Operations"/>
    <s v="Information Management Services,Other"/>
    <s v="APP-01289"/>
    <s v="In Production"/>
    <s v="mini_main_super"/>
    <x v="1"/>
    <x v="2461"/>
  </r>
  <r>
    <x v="0"/>
    <x v="13"/>
    <x v="6610"/>
    <s v="PROS Interface: PADS"/>
    <m/>
    <s v=""/>
    <x v="1"/>
    <s v=""/>
    <x v="47"/>
    <s v="1.1 Police Operations"/>
    <s v="Information Management Services,Other"/>
    <s v="APP-01291"/>
    <s v="In Production"/>
    <s v="web"/>
    <x v="1"/>
    <x v="2462"/>
  </r>
  <r>
    <x v="0"/>
    <x v="13"/>
    <x v="6611"/>
    <s v="PROS Training"/>
    <m/>
    <s v="Niche Technologies"/>
    <x v="14"/>
    <s v="Niche"/>
    <x v="47"/>
    <s v="1.1 Police Operations"/>
    <s v="Information Management Services,Other"/>
    <s v="APP-01295"/>
    <s v="In Production"/>
    <s v="desktop"/>
    <x v="0"/>
    <x v="2455"/>
  </r>
  <r>
    <x v="0"/>
    <x v="13"/>
    <x v="6612"/>
    <s v="ACMT"/>
    <m/>
    <s v=""/>
    <x v="1"/>
    <s v=""/>
    <x v="47"/>
    <s v="4.1.6 Information Management Services"/>
    <s v="Information Management Services"/>
    <s v="APP-04026"/>
    <s v="In Production"/>
    <s v="web"/>
    <x v="1"/>
    <x v="2456"/>
  </r>
  <r>
    <x v="0"/>
    <x v="13"/>
    <x v="6613"/>
    <s v="ACMTR"/>
    <m/>
    <s v=""/>
    <x v="1"/>
    <s v=""/>
    <x v="47"/>
    <s v="4.1.6 Information Management Services"/>
    <s v="Information Management Services"/>
    <s v="APP-04028"/>
    <s v="In Production"/>
    <s v="web"/>
    <x v="1"/>
    <x v="2456"/>
  </r>
  <r>
    <x v="0"/>
    <x v="16"/>
    <x v="6614"/>
    <s v="CFIS"/>
    <m/>
    <s v=""/>
    <x v="1"/>
    <s v=""/>
    <x v="47"/>
    <s v="1.2.2 Canadian Firearms Program"/>
    <s v="Information Management Services,Other"/>
    <s v="APP-01171"/>
    <s v="In Production"/>
    <s v="desktop"/>
    <x v="1"/>
    <x v="2463"/>
  </r>
  <r>
    <x v="0"/>
    <x v="13"/>
    <x v="6615"/>
    <s v="CFRO"/>
    <m/>
    <s v=""/>
    <x v="1"/>
    <s v=""/>
    <x v="47"/>
    <s v="1.2.2 Canadian Firearms Program"/>
    <s v="Information Management Services,Other"/>
    <s v="APP-01175"/>
    <s v="In Production"/>
    <s v="web"/>
    <x v="1"/>
    <x v="2464"/>
  </r>
  <r>
    <x v="0"/>
    <x v="13"/>
    <x v="6616"/>
    <s v="CPIC to CFIS Continuous Eligibility Interface"/>
    <m/>
    <s v=""/>
    <x v="1"/>
    <s v=""/>
    <x v="47"/>
    <s v="1.2.2 Canadian Firearms Program"/>
    <s v="Information Management Services,Other"/>
    <s v="APP-01187"/>
    <s v="In Production"/>
    <s v="web"/>
    <x v="1"/>
    <x v="2465"/>
  </r>
  <r>
    <x v="0"/>
    <x v="13"/>
    <x v="6617"/>
    <s v="FRT"/>
    <s v="Catalogue of firearms and legal classifications maintained by the RCMP’s Forensic Laboratory and used by various government and police agencies to identify and classify firearms."/>
    <s v=""/>
    <x v="1"/>
    <s v=""/>
    <x v="47"/>
    <s v="1.2.2 Canadian Firearms Program"/>
    <s v="Information Management Services,Other"/>
    <s v="APP-01231"/>
    <s v="In Production"/>
    <s v="desktop"/>
    <x v="1"/>
    <x v="2466"/>
  </r>
  <r>
    <x v="9"/>
    <x v="79"/>
    <x v="6618"/>
    <s v="IPE"/>
    <m/>
    <s v=""/>
    <x v="1"/>
    <s v=""/>
    <x v="47"/>
    <s v="4.1.7 Information Technology Services"/>
    <s v="Information Management Services,Other"/>
    <s v="APP-01247"/>
    <s v="In Production"/>
    <s v="web"/>
    <x v="1"/>
    <x v="2467"/>
  </r>
  <r>
    <x v="0"/>
    <x v="13"/>
    <x v="6619"/>
    <s v="OPTIC to CPIC-FIP"/>
    <m/>
    <s v=""/>
    <x v="1"/>
    <s v=""/>
    <x v="47"/>
    <s v="1.2.2 Canadian Firearms Program"/>
    <s v="Information Management Services,Other"/>
    <s v="APP-01405"/>
    <s v="In Production"/>
    <s v="mini_main_super"/>
    <x v="1"/>
    <x v="2468"/>
  </r>
  <r>
    <x v="0"/>
    <x v="13"/>
    <x v="6620"/>
    <s v="PIRS to CPIC-FIP"/>
    <m/>
    <s v=""/>
    <x v="1"/>
    <s v=""/>
    <x v="47"/>
    <s v="1.2.2 Canadian Firearms Program"/>
    <s v="Information Management Services,Other"/>
    <s v="APP-01279"/>
    <s v="In Production"/>
    <s v="mini_main_super"/>
    <x v="1"/>
    <x v="2469"/>
  </r>
  <r>
    <x v="0"/>
    <x v="13"/>
    <x v="6621"/>
    <s v="Transport Canada Continuous Eligibility Interface"/>
    <m/>
    <s v=""/>
    <x v="1"/>
    <s v=""/>
    <x v="47"/>
    <s v="1.2.2 Canadian Firearms Program"/>
    <s v="Information Management Services,Other"/>
    <s v="APP-04032"/>
    <s v="In Production"/>
    <s v="web"/>
    <x v="1"/>
    <x v="2470"/>
  </r>
  <r>
    <x v="0"/>
    <x v="13"/>
    <x v="6622"/>
    <s v="PROS to CPIC-FIP"/>
    <m/>
    <s v=""/>
    <x v="1"/>
    <s v=""/>
    <x v="47"/>
    <s v="1.2.2 Canadian Firearms Program"/>
    <s v="Information Management Services,Other"/>
    <s v="APP-01293"/>
    <s v="In Production"/>
    <s v="web"/>
    <x v="1"/>
    <x v="2471"/>
  </r>
  <r>
    <x v="0"/>
    <x v="43"/>
    <x v="6623"/>
    <s v="Canada's Missing (alias: MCPURWeb)"/>
    <s v="Public website for gathering tips on missing persons and unidentified remains from the general public. This is a read-only database  (published from MCPUR)."/>
    <s v=""/>
    <x v="1"/>
    <s v=""/>
    <x v="47"/>
    <s v="1.2.1.7 Canadian Police Centre for Missing and Exploited Children"/>
    <s v="Information Technology Services,Other"/>
    <s v="APP-01169"/>
    <s v="In Production"/>
    <s v="web"/>
    <x v="1"/>
    <x v="2472"/>
  </r>
  <r>
    <x v="0"/>
    <x v="7"/>
    <x v="6624"/>
    <s v="NCDB"/>
    <m/>
    <s v=""/>
    <x v="1"/>
    <s v=""/>
    <x v="47"/>
    <s v="1.2.1.5 Criminal Intelligence Service Canada"/>
    <s v="Information Management Services,Other"/>
    <s v="APP-01257"/>
    <s v="In Production"/>
    <s v="web"/>
    <x v="1"/>
    <x v="2473"/>
  </r>
  <r>
    <x v="0"/>
    <x v="13"/>
    <x v="6625"/>
    <s v="NSOR"/>
    <m/>
    <s v=""/>
    <x v="1"/>
    <s v=""/>
    <x v="47"/>
    <s v="1.2.1 Scientific, Technical and Investigative Support"/>
    <s v="Information Management Services,Other"/>
    <s v="APP-01261"/>
    <s v="In Production"/>
    <s v="web"/>
    <x v="1"/>
    <x v="2474"/>
  </r>
  <r>
    <x v="0"/>
    <x v="8"/>
    <x v="6626"/>
    <s v="POIS"/>
    <m/>
    <s v=""/>
    <x v="1"/>
    <s v=""/>
    <x v="47"/>
    <s v="1.1.2 Federal Policing"/>
    <s v="Legal Services,Other"/>
    <s v="APP-01297"/>
    <s v="In Production"/>
    <s v="web"/>
    <x v="1"/>
    <x v="2475"/>
  </r>
  <r>
    <x v="0"/>
    <x v="28"/>
    <x v="6627"/>
    <s v="PSP"/>
    <m/>
    <s v=""/>
    <x v="1"/>
    <s v=""/>
    <x v="47"/>
    <s v="1.2.1.6 Canadian Police Information Centre (CPIC)"/>
    <s v="Information Management Services,Other"/>
    <s v="APP-01301"/>
    <s v="In Production"/>
    <s v="web"/>
    <x v="1"/>
    <x v="2476"/>
  </r>
  <r>
    <x v="3"/>
    <x v="30"/>
    <x v="6628"/>
    <s v="ViCLAS"/>
    <m/>
    <s v=""/>
    <x v="1"/>
    <s v=""/>
    <x v="47"/>
    <s v="1.2.1 Scientific, Technical and Investigative Support"/>
    <s v="Information Management Services,Other"/>
    <s v="APP-01341"/>
    <s v="In Production"/>
    <s v="web"/>
    <x v="1"/>
    <x v="2477"/>
  </r>
  <r>
    <x v="3"/>
    <x v="92"/>
    <x v="6629"/>
    <s v="PFM"/>
    <m/>
    <s v="PFM Corporation"/>
    <x v="14"/>
    <s v="Air Services PFM"/>
    <x v="47"/>
    <s v="1.1.3.3 Air Services Operations"/>
    <s v="Information Technology Services,Other"/>
    <s v="APP-01141"/>
    <s v="In Production"/>
    <s v="rich"/>
    <x v="0"/>
    <x v="2478"/>
  </r>
  <r>
    <x v="0"/>
    <x v="28"/>
    <x v="6630"/>
    <s v="ACIIS"/>
    <m/>
    <s v="Safran/Morpho"/>
    <x v="14"/>
    <s v="ACIIS"/>
    <x v="47"/>
    <s v="1.2.1.5 Criminal Intelligence Service Canada"/>
    <s v="Information Management Services,Other"/>
    <s v="APP-01151"/>
    <s v="In Production"/>
    <s v="rich"/>
    <x v="0"/>
    <x v="2479"/>
  </r>
  <r>
    <x v="6"/>
    <x v="35"/>
    <x v="6631"/>
    <s v="CRC"/>
    <s v="Controls media related content on RCMP InfoWeb."/>
    <s v=""/>
    <x v="1"/>
    <s v=""/>
    <x v="47"/>
    <s v="4.1.2 Communications Services"/>
    <s v="Communications Services"/>
    <s v="APP-01203"/>
    <s v="In Production"/>
    <s v="web"/>
    <x v="1"/>
    <x v="2480"/>
  </r>
  <r>
    <x v="3"/>
    <x v="17"/>
    <x v="6632"/>
    <s v="CETS"/>
    <m/>
    <s v="Hubstream Intelligence Server"/>
    <x v="14"/>
    <s v="Hubstream Intelligence Server"/>
    <x v="47"/>
    <s v="1.2.1.7 Canadian Police Centre for Missing and Exploited Children"/>
    <s v="Information Technology Services,Other"/>
    <s v="APP-01195"/>
    <s v="In Production"/>
    <s v="cloud"/>
    <x v="0"/>
    <x v="2481"/>
  </r>
  <r>
    <x v="0"/>
    <x v="8"/>
    <x v="6633"/>
    <s v="CBRNE"/>
    <m/>
    <s v="Amita Corp."/>
    <x v="14"/>
    <s v="Socius"/>
    <x v="47"/>
    <s v="1.1.3.1 Technical Investigations"/>
    <s v="Information Technology Services,Other"/>
    <s v="APP-01193"/>
    <s v="In Production"/>
    <s v="cloud"/>
    <x v="0"/>
    <x v="2482"/>
  </r>
  <r>
    <x v="5"/>
    <x v="14"/>
    <x v="6634"/>
    <s v="NGS"/>
    <s v="Web Service to allow integration of GIS functionality into new and existing applications."/>
    <s v=""/>
    <x v="1"/>
    <s v=""/>
    <x v="47"/>
    <s v="1.1.3.4 Scientific Services/Technologies"/>
    <s v="Information Management Services,Other"/>
    <s v="APP-01259"/>
    <s v="In Production"/>
    <s v="web"/>
    <x v="1"/>
    <x v="2483"/>
  </r>
  <r>
    <x v="0"/>
    <x v="28"/>
    <x v="6635"/>
    <s v="SAFE"/>
    <s v="National standardized database of school information available for immediate access by first responders to a school incident."/>
    <s v=""/>
    <x v="1"/>
    <s v=""/>
    <x v="47"/>
    <s v="1.1.1 Contract Policing"/>
    <s v="Information Management Services,Other"/>
    <s v="APP-01321"/>
    <s v="In Production"/>
    <s v="web"/>
    <x v="1"/>
    <x v="2484"/>
  </r>
  <r>
    <x v="3"/>
    <x v="30"/>
    <x v="6636"/>
    <s v="MCPUR DB"/>
    <m/>
    <s v=""/>
    <x v="1"/>
    <s v=""/>
    <x v="47"/>
    <s v="1.2.1.7 Canadian Police Centre for Missing and Exploited Children"/>
    <s v="Information Technology Services,Other"/>
    <s v="APP-04040"/>
    <s v="In Production"/>
    <s v="web"/>
    <x v="1"/>
    <x v="2485"/>
  </r>
  <r>
    <x v="0"/>
    <x v="28"/>
    <x v="125"/>
    <s v="TeamMate"/>
    <m/>
    <s v="Wolters Kluwer"/>
    <x v="14"/>
    <s v="TeamMate"/>
    <x v="47"/>
    <s v="4.1.1 Management and Oversight Services"/>
    <s v="Information Technology Services,Other"/>
    <s v="APP-04053"/>
    <s v="In Production"/>
    <s v="web"/>
    <x v="0"/>
    <x v="2486"/>
  </r>
  <r>
    <x v="0"/>
    <x v="28"/>
    <x v="6637"/>
    <s v="WinAir AMMS"/>
    <m/>
    <s v="AVBase Inc."/>
    <x v="14"/>
    <s v="WinAir AMMS"/>
    <x v="47"/>
    <s v="1.1.3 Technical Services and Operational Support"/>
    <s v="Acquisition Services"/>
    <s v="APP-04055"/>
    <s v="In Production"/>
    <s v="web"/>
    <x v="0"/>
    <x v="86"/>
  </r>
  <r>
    <x v="3"/>
    <x v="30"/>
    <x v="6638"/>
    <s v="ECT - ccmEnterprise"/>
    <m/>
    <s v="WorkDynamics"/>
    <x v="43"/>
    <s v=""/>
    <x v="47"/>
    <s v="4.1.1 Management and Oversight Services"/>
    <s v="Information Management Services"/>
    <s v="APP-04057"/>
    <s v="In Production"/>
    <s v="web"/>
    <x v="0"/>
    <x v="2487"/>
  </r>
  <r>
    <x v="3"/>
    <x v="30"/>
    <x v="6639"/>
    <s v="PAT SBOR"/>
    <m/>
    <s v=""/>
    <x v="1"/>
    <s v=""/>
    <x v="47"/>
    <s v="1.1 Police Operations"/>
    <s v="Information Management Services,Other"/>
    <s v="APP-04182"/>
    <s v="In Production"/>
    <s v="web"/>
    <x v="1"/>
    <x v="2488"/>
  </r>
  <r>
    <x v="3"/>
    <x v="30"/>
    <x v="6640"/>
    <s v="SDE"/>
    <s v="An integrated system that is comprised of several modules: Project Management, Work Order, Purchasing and Asset (Inventory) Management."/>
    <s v="RJR Innovations"/>
    <x v="14"/>
    <s v="SDE"/>
    <x v="47"/>
    <s v=""/>
    <s v=""/>
    <s v="APP-03998"/>
    <s v="In Production"/>
    <s v="web"/>
    <x v="0"/>
    <x v="145"/>
  </r>
  <r>
    <x v="0"/>
    <x v="28"/>
    <x v="6641"/>
    <s v="CODIS"/>
    <m/>
    <s v="FBI"/>
    <x v="14"/>
    <s v="CODIS"/>
    <x v="47"/>
    <s v="1.2.1 Scientific, Technical and Investigative Support"/>
    <s v="Information Management Services,Other"/>
    <s v="APP-03985"/>
    <s v="In Production"/>
    <s v="desktop"/>
    <x v="0"/>
    <x v="2489"/>
  </r>
  <r>
    <x v="5"/>
    <x v="99"/>
    <x v="6642"/>
    <s v="STaCS"/>
    <s v="STaCS manages and controls the processing of convicted offender DNA samples from lab reception to the export of a profile to CODIS. The software provides a complete audit trail of the entire DNA typing process."/>
    <s v="STaCS DNA"/>
    <x v="14"/>
    <s v="STaCS"/>
    <x v="47"/>
    <s v="1.2.1 Scientific, Technical and Investigative Support"/>
    <s v="Information Management Services,Other"/>
    <s v="APP-03987"/>
    <s v="In Production"/>
    <s v="desktop"/>
    <x v="0"/>
    <x v="2490"/>
  </r>
  <r>
    <x v="4"/>
    <x v="5"/>
    <x v="6643"/>
    <s v="I2"/>
    <s v="Criminal analysis software used by analysts."/>
    <s v="IBM"/>
    <x v="14"/>
    <s v="IBM I2 Suite"/>
    <x v="47"/>
    <s v="1.1.2 Federal Policing"/>
    <s v="Other"/>
    <s v="APP-03946"/>
    <s v="In Production"/>
    <s v="desktop"/>
    <x v="0"/>
    <x v="2491"/>
  </r>
  <r>
    <x v="0"/>
    <x v="28"/>
    <x v="6644"/>
    <s v="II"/>
    <m/>
    <s v="IBM"/>
    <x v="14"/>
    <s v="IBM Infosphere Identity Insight"/>
    <x v="47"/>
    <s v="1.2.1.5 Criminal Intelligence Service Canada"/>
    <s v="Other"/>
    <s v="APP-03944"/>
    <s v="In Production"/>
    <s v="rich"/>
    <x v="0"/>
    <x v="2492"/>
  </r>
  <r>
    <x v="2"/>
    <x v="52"/>
    <x v="6645"/>
    <s v="AMP"/>
    <s v="Processes requests for all network and departmental application access."/>
    <s v=""/>
    <x v="1"/>
    <s v=""/>
    <x v="48"/>
    <s v="2.1 Internal Services"/>
    <s v="Information Technology Services"/>
    <s v="SSC-APP-00000001"/>
    <s v="In Production"/>
    <s v="rich"/>
    <x v="1"/>
    <x v="86"/>
  </r>
  <r>
    <x v="0"/>
    <x v="16"/>
    <x v="4421"/>
    <s v="APCM"/>
    <m/>
    <s v="Other"/>
    <x v="1"/>
    <s v="CSDC Systems, AccessPro Suite"/>
    <x v="48"/>
    <s v="Management and Oversight Services"/>
    <s v="Information Technology Services,Management and Oversight Services"/>
    <s v="SSC-APP-00000002"/>
    <s v="In Production"/>
    <s v="web"/>
    <x v="0"/>
    <x v="86"/>
  </r>
  <r>
    <x v="0"/>
    <x v="7"/>
    <x v="6405"/>
    <s v="APR"/>
    <m/>
    <s v="Other"/>
    <x v="1"/>
    <s v="CSDC Systems, AccessPro Suite"/>
    <x v="48"/>
    <s v="Management and Oversight Services"/>
    <s v="Information Technology Services,Management and Oversight Services"/>
    <s v="SSC-APP-00000003"/>
    <s v="In Production"/>
    <s v="rich"/>
    <x v="0"/>
    <x v="86"/>
  </r>
  <r>
    <x v="0"/>
    <x v="5"/>
    <x v="6646"/>
    <s v="AR"/>
    <m/>
    <s v=""/>
    <x v="1"/>
    <s v=""/>
    <x v="48"/>
    <s v="2.1 Internal Services"/>
    <s v="Information Technology Services"/>
    <s v="SSC-APP-00000004"/>
    <s v="In Production"/>
    <s v="rich"/>
    <x v="1"/>
    <x v="86"/>
  </r>
  <r>
    <x v="7"/>
    <x v="108"/>
    <x v="6647"/>
    <s v="AQM"/>
    <s v="Application is used by CRA to monitor Agent hours in call centres to ensure that those call centres are providing the agreed upon number of Agent hours each day by time of day"/>
    <s v=""/>
    <x v="1"/>
    <s v=""/>
    <x v="48"/>
    <s v="Information Technology"/>
    <s v="Information Technology Services"/>
    <s v="SSC-APP-00000005"/>
    <s v="In Production"/>
    <s v="web"/>
    <x v="1"/>
    <x v="86"/>
  </r>
  <r>
    <x v="0"/>
    <x v="13"/>
    <x v="6648"/>
    <s v="ABITS"/>
    <s v="Legacy Configuration Management Database for SSC."/>
    <s v=""/>
    <x v="1"/>
    <s v=""/>
    <x v="48"/>
    <s v="Information Management"/>
    <s v="Information Management Services"/>
    <s v="SSC-APP-00000006"/>
    <s v="In Production"/>
    <s v="web"/>
    <x v="1"/>
    <x v="86"/>
  </r>
  <r>
    <x v="7"/>
    <x v="81"/>
    <x v="6649"/>
    <s v="ALIRF"/>
    <m/>
    <s v=""/>
    <x v="1"/>
    <s v=""/>
    <x v="48"/>
    <s v="Information Technology"/>
    <s v="Information Management Services"/>
    <s v="SSC-APP-00000007"/>
    <s v="In Production"/>
    <s v="mini_main_super"/>
    <x v="1"/>
    <x v="86"/>
  </r>
  <r>
    <x v="1"/>
    <x v="47"/>
    <x v="5328"/>
    <s v="Archibus"/>
    <s v="Archibus is an enterprise facilities management application, use to keep track and report on real estate portfolios, manage office moves, workspace and user locations, CAD drawings/blue prints, operations and business intake. It is utilized by SSC Accommodations group."/>
    <s v="Archibus"/>
    <x v="108"/>
    <s v=""/>
    <x v="48"/>
    <s v="Real Property"/>
    <s v="Financial Management Services,Human Resources Management Services,Information Management Services,Information Management Services,Management and Oversight Services"/>
    <s v="SSC-APP-00000008"/>
    <s v="In Production"/>
    <s v="web"/>
    <x v="0"/>
    <x v="86"/>
  </r>
  <r>
    <x v="2"/>
    <x v="10"/>
    <x v="6650"/>
    <s v="AM 5.22"/>
    <s v="The AM 5.22 application is the repository of desktop and desktop-related IT Assets for SSC, CSPS and PSPC.  It's purpose is to provide an accurate track and monitor all desktop related assets for SSC, CSPS and PSPC."/>
    <s v="Hewlett_Packard_Canada_Co"/>
    <x v="109"/>
    <s v=""/>
    <x v="48"/>
    <s v="Information Management"/>
    <s v="Information Management Services,Materiel Services"/>
    <s v="SSC-APP-00000009"/>
    <s v="In Production"/>
    <s v="rich"/>
    <x v="0"/>
    <x v="86"/>
  </r>
  <r>
    <x v="4"/>
    <x v="5"/>
    <x v="3166"/>
    <s v="Assyst"/>
    <s v="ITSM tool currently used for IT Problem, Change, and Release management processes"/>
    <s v="Other"/>
    <x v="1"/>
    <s v="Axios, Assyst"/>
    <x v="48"/>
    <s v="2.1 Internal Services"/>
    <s v="Information Technology Services"/>
    <s v="SSC-APP-00000010"/>
    <s v="In Production"/>
    <s v="rich"/>
    <x v="0"/>
    <x v="86"/>
  </r>
  <r>
    <x v="4"/>
    <x v="5"/>
    <x v="6651"/>
    <s v="SMART"/>
    <s v="BMC Remedy is a consolidated ITSM tool with functionalities specializing in: change and incident management, asset and configuration management, hardware inventory tracking, and Service Desk."/>
    <s v="Other"/>
    <x v="1"/>
    <s v="BMC, Remedy Action Request System"/>
    <x v="48"/>
    <s v="2.1 Internal Services"/>
    <s v="Information Technology Services"/>
    <s v="SSC-APP-00000011"/>
    <s v="In Production"/>
    <s v="web"/>
    <x v="0"/>
    <x v="86"/>
  </r>
  <r>
    <x v="12"/>
    <x v="5"/>
    <x v="6652"/>
    <s v="BIS"/>
    <m/>
    <s v=""/>
    <x v="1"/>
    <s v=""/>
    <x v="48"/>
    <s v="Information Technology"/>
    <s v="Information Technology Services"/>
    <s v="SSC-APP-00000012"/>
    <s v="In Production"/>
    <s v="desktop"/>
    <x v="1"/>
    <x v="86"/>
  </r>
  <r>
    <x v="1"/>
    <x v="12"/>
    <x v="6653"/>
    <s v="eCDR"/>
    <s v="Call Detail inbound Toll Free real time and historical used by the following sites,  D01 &amp; D07 Glass House"/>
    <s v="Other"/>
    <x v="1"/>
    <s v="Bell, Call Detail Reporting"/>
    <x v="48"/>
    <s v="2.1 Internal Services"/>
    <s v=""/>
    <s v="SSC-APP-00000013"/>
    <s v="In Production"/>
    <s v="rich"/>
    <x v="0"/>
    <x v="86"/>
  </r>
  <r>
    <x v="4"/>
    <x v="5"/>
    <x v="6654"/>
    <s v="CA CMDB"/>
    <m/>
    <s v="CA_Technologies"/>
    <x v="1"/>
    <s v="CA CMDB"/>
    <x v="48"/>
    <s v="Information Technology"/>
    <s v="Information Technology Services,Materiel Services"/>
    <s v="SSC-APP-00000014"/>
    <s v="In Production"/>
    <s v="web"/>
    <x v="0"/>
    <x v="86"/>
  </r>
  <r>
    <x v="7"/>
    <x v="26"/>
    <x v="6655"/>
    <s v="MIS"/>
    <s v="Application used by call centres to provide call distribution, call control, and reporting for contact centre operation.  Includes the agent configuration etc."/>
    <s v="Other"/>
    <x v="1"/>
    <s v="Nortel, Contact Centre Management Information System"/>
    <x v="48"/>
    <s v="Communications Services"/>
    <s v=""/>
    <s v="SSC-APP-00000015"/>
    <s v="In Production"/>
    <s v="desktop"/>
    <x v="0"/>
    <x v="86"/>
  </r>
  <r>
    <x v="4"/>
    <x v="5"/>
    <x v="6656"/>
    <s v="CG4"/>
    <s v="This application allows the scanning of Assets using a mobile hand-held scanner. The scanned data is uploaded into Asset Manager"/>
    <s v="Other"/>
    <x v="1"/>
    <s v="CG4 Solutions, CG4"/>
    <x v="48"/>
    <s v="2.1 Internal Services"/>
    <s v="Information Technology Services"/>
    <s v="SSC-APP-00000016"/>
    <s v="In Production"/>
    <s v="desktop"/>
    <x v="0"/>
    <x v="86"/>
  </r>
  <r>
    <x v="4"/>
    <x v="5"/>
    <x v="6657"/>
    <s v=""/>
    <m/>
    <s v=""/>
    <x v="1"/>
    <s v=""/>
    <x v="48"/>
    <s v="2.1 Internal Services"/>
    <s v="Management and Oversight Services"/>
    <s v="SSC-APP-00000017"/>
    <s v="In Production"/>
    <s v="web"/>
    <x v="1"/>
    <x v="86"/>
  </r>
  <r>
    <x v="4"/>
    <x v="5"/>
    <x v="6658"/>
    <s v=""/>
    <s v="This software is used to securely manage the Cisco product line. This includes but is not limited to backup and restore of configurations, user and device tracking, and bulk changes."/>
    <s v="Other"/>
    <x v="1"/>
    <s v="Cisco, CiscoWorks LMS"/>
    <x v="48"/>
    <s v="2.1 Internal Services"/>
    <s v="Information Technology Services"/>
    <s v="SSC-APP-00000018"/>
    <s v="In Production"/>
    <s v="rich"/>
    <x v="0"/>
    <x v="86"/>
  </r>
  <r>
    <x v="4"/>
    <x v="5"/>
    <x v="6659"/>
    <s v="CLARITY-CBSA"/>
    <s v="See Definition for EPS - CBSA instance"/>
    <s v="CA_Technologies"/>
    <x v="1"/>
    <s v="CA, Clarity"/>
    <x v="48"/>
    <s v="2.1 Internal Services"/>
    <s v="Management and Oversight Services"/>
    <s v="SSC-APP-00000019"/>
    <s v="In Production"/>
    <s v="web"/>
    <x v="0"/>
    <x v="86"/>
  </r>
  <r>
    <x v="4"/>
    <x v="5"/>
    <x v="6660"/>
    <s v="CLARITY-TBS"/>
    <s v="See Definition for EPS - TBS instance"/>
    <s v="CA_Technologies"/>
    <x v="1"/>
    <s v="CA, Clarity"/>
    <x v="48"/>
    <s v="2.1 Internal Services"/>
    <s v="Management and Oversight Services"/>
    <s v="SSC-APP-00000020"/>
    <s v="In Production"/>
    <s v="web"/>
    <x v="0"/>
    <x v="86"/>
  </r>
  <r>
    <x v="4"/>
    <x v="5"/>
    <x v="6661"/>
    <s v="CMI"/>
    <s v="Backend system used to connect systems to allow integrated reporting and other functionality"/>
    <s v=""/>
    <x v="1"/>
    <s v=""/>
    <x v="48"/>
    <s v="2.1 Internal Services"/>
    <s v="Information Technology Services"/>
    <s v="SSC-APP-00000021"/>
    <s v="In Production"/>
    <s v="web"/>
    <x v="1"/>
    <x v="86"/>
  </r>
  <r>
    <x v="0"/>
    <x v="0"/>
    <x v="6662"/>
    <s v="Confluence"/>
    <s v="Confluence is a collaborative application used to document SSC's application release management"/>
    <s v="Other"/>
    <x v="1"/>
    <s v="Atlassian, Confluence"/>
    <x v="48"/>
    <s v="Information Technology"/>
    <s v="Information Management Services,Information Technology Services"/>
    <s v="SSC-APP-00000022"/>
    <s v="In Production"/>
    <s v="web"/>
    <x v="0"/>
    <x v="86"/>
  </r>
  <r>
    <x v="3"/>
    <x v="46"/>
    <x v="6663"/>
    <s v="CIT"/>
    <s v="Application integration and ETL"/>
    <s v="Hewlett_Packard_Canada_Co"/>
    <x v="1"/>
    <s v=""/>
    <x v="48"/>
    <s v="Information Technology"/>
    <s v="Information Technology Services"/>
    <s v="SSC-APP-00000023"/>
    <s v="In Production"/>
    <s v="rich"/>
    <x v="0"/>
    <x v="86"/>
  </r>
  <r>
    <x v="4"/>
    <x v="5"/>
    <x v="6664"/>
    <s v="CNSS"/>
    <s v="Module/component of CIMS specific for the Converged Network Services product."/>
    <s v=""/>
    <x v="1"/>
    <s v=""/>
    <x v="48"/>
    <s v="2.1 Internal Services"/>
    <s v="Acquisition Services"/>
    <s v="SSC-APP-00000024"/>
    <s v="In Production"/>
    <s v="rich"/>
    <x v="1"/>
    <x v="86"/>
  </r>
  <r>
    <x v="1"/>
    <x v="75"/>
    <x v="6665"/>
    <s v="CIMS (including IPS and CNSS)"/>
    <m/>
    <s v=""/>
    <x v="1"/>
    <s v=""/>
    <x v="48"/>
    <s v="Information Technology"/>
    <s v="Financial Management Services,Information Technology Services,Other"/>
    <s v="SSC-APP-00000025"/>
    <s v="In Production"/>
    <s v="desktop"/>
    <x v="1"/>
    <x v="86"/>
  </r>
  <r>
    <x v="4"/>
    <x v="5"/>
    <x v="6666"/>
    <s v="CEM"/>
    <m/>
    <s v=""/>
    <x v="1"/>
    <s v=""/>
    <x v="48"/>
    <s v="2.1 Internal Services"/>
    <s v="Financial Management Services"/>
    <s v="SSC-APP-00000026"/>
    <s v="In Production"/>
    <s v="web"/>
    <x v="1"/>
    <x v="86"/>
  </r>
  <r>
    <x v="4"/>
    <x v="5"/>
    <x v="6667"/>
    <s v="Decimal"/>
    <s v="Tool used to collect volumetrics and to allocate financial data according to various ABC (Activity Based Costing) Model"/>
    <s v="Other"/>
    <x v="1"/>
    <s v="Decimal"/>
    <x v="48"/>
    <s v="2.1 Internal Services"/>
    <s v="Financial Management Services"/>
    <s v="SSC-APP-00000027"/>
    <s v="In Production"/>
    <s v="rich"/>
    <x v="0"/>
    <x v="86"/>
  </r>
  <r>
    <x v="2"/>
    <x v="2"/>
    <x v="6668"/>
    <s v="DoA"/>
    <s v="Track SSC employees cost center delegation and employee HR requirements for delegation authority"/>
    <s v=""/>
    <x v="1"/>
    <s v=""/>
    <x v="48"/>
    <s v="2.1 Internal Services"/>
    <s v="Financial Management Services"/>
    <s v="SSC-APP-00000028"/>
    <s v="In Production"/>
    <s v="web"/>
    <x v="1"/>
    <x v="86"/>
  </r>
  <r>
    <x v="4"/>
    <x v="5"/>
    <x v="6669"/>
    <s v="DDMI"/>
    <s v="Discover IT assets for Health Canada"/>
    <s v="Hewlett_Packard_Canada_Co"/>
    <x v="110"/>
    <s v=""/>
    <x v="48"/>
    <s v="2.1 Internal Services"/>
    <s v="Information Technology Services"/>
    <s v="SSC-APP-00000029"/>
    <s v="In Production"/>
    <s v="rich"/>
    <x v="0"/>
    <x v="86"/>
  </r>
  <r>
    <x v="1"/>
    <x v="12"/>
    <x v="6670"/>
    <s v="SCI, CC Pulse, Pmanager,URS, OTM"/>
    <s v="Certified desktop applications used by traffic controllers in large Call centre monitoring CRA inbound/outbound calling for various workloads - T1 Family, T2 Corp, E-Services etc.  Enables CTI integration for desktop agent information (Screen Pop - DMCC GUI)  Sites using are H01,D07"/>
    <s v="Other"/>
    <x v="1"/>
    <s v="Telus - Genesys"/>
    <x v="48"/>
    <s v="2.1 Internal Services"/>
    <s v=""/>
    <s v="SSC-APP-00000030"/>
    <s v="In Production"/>
    <s v="rich"/>
    <x v="0"/>
    <x v="2493"/>
  </r>
  <r>
    <x v="4"/>
    <x v="5"/>
    <x v="6671"/>
    <s v="COI"/>
    <m/>
    <s v=""/>
    <x v="1"/>
    <s v=""/>
    <x v="48"/>
    <s v="2.1 Internal Services"/>
    <s v="Information Management Services"/>
    <s v="SSC-APP-00000031"/>
    <s v="In Production"/>
    <s v="web"/>
    <x v="1"/>
    <x v="86"/>
  </r>
  <r>
    <x v="6"/>
    <x v="5"/>
    <x v="6672"/>
    <s v="ECD"/>
    <s v="Enterprise wide ITSM tool"/>
    <s v="Other"/>
    <x v="1"/>
    <s v="IBM -Tivoli"/>
    <x v="48"/>
    <s v="2.1 Internal Services"/>
    <s v="Information Management Services"/>
    <s v="SSC-APP-00000032"/>
    <s v="In Production"/>
    <s v="mini_main_super"/>
    <x v="0"/>
    <x v="86"/>
  </r>
  <r>
    <x v="4"/>
    <x v="5"/>
    <x v="6673"/>
    <s v="EDM"/>
    <s v="Switch Management GUI"/>
    <s v="Other"/>
    <x v="1"/>
    <s v="Avaya, Enterprise Device Manager"/>
    <x v="48"/>
    <s v="2.1 Internal Services"/>
    <s v="Information Technology Services"/>
    <s v="SSC-APP-00000033"/>
    <s v="In Production"/>
    <s v="web"/>
    <x v="0"/>
    <x v="86"/>
  </r>
  <r>
    <x v="3"/>
    <x v="31"/>
    <x v="6674"/>
    <s v="EPS"/>
    <m/>
    <s v="Other"/>
    <x v="1"/>
    <s v="CA, Clarity"/>
    <x v="48"/>
    <s v="Management and Oversight Services"/>
    <s v="Information Technology Services,Management and Oversight Services"/>
    <s v="SSC-APP-00000034"/>
    <s v="In Production"/>
    <s v="web"/>
    <x v="0"/>
    <x v="86"/>
  </r>
  <r>
    <x v="4"/>
    <x v="5"/>
    <x v="1977"/>
    <s v=""/>
    <s v="A web based survey tool hosted on the vendor's infrastructure."/>
    <s v="Other"/>
    <x v="1"/>
    <s v="FluidSurveys"/>
    <x v="48"/>
    <s v="2.1 Internal Services"/>
    <s v="Information Management Services"/>
    <s v="SSC-APP-00000035"/>
    <s v="In Production"/>
    <s v="cloud"/>
    <x v="0"/>
    <x v="86"/>
  </r>
  <r>
    <x v="4"/>
    <x v="5"/>
    <x v="442"/>
    <s v="GCDOCS"/>
    <s v="GCDOCS is the Government of Canada (GC) official Electronics Document Records Management (EDRM) solution. It is a bilingual, feature-rich enterprise repository suite that helps assist organizations in their information management (IM) obligations for information lifecycle management. Within a GCDOCS enterprise repository, organizations can collect, store, share, organize, manage and search content. GCDOCS enables document centric collaboration while offering robust access controls through user and group administration rights."/>
    <s v="Other"/>
    <x v="1"/>
    <s v="OpenText, Content Server"/>
    <x v="48"/>
    <s v="2.1 Internal Services"/>
    <s v="Information Management Services"/>
    <s v="SSC-APP-00000036"/>
    <s v="In Production"/>
    <s v="web"/>
    <x v="0"/>
    <x v="86"/>
  </r>
  <r>
    <x v="4"/>
    <x v="5"/>
    <x v="6675"/>
    <s v=""/>
    <s v="Delivers Windows session configuration settings."/>
    <s v=""/>
    <x v="1"/>
    <s v=""/>
    <x v="48"/>
    <s v="2.1 Internal Services"/>
    <s v="Information Technology Services"/>
    <s v="SSC-APP-00000037"/>
    <s v="In Production"/>
    <s v="rich"/>
    <x v="1"/>
    <x v="86"/>
  </r>
  <r>
    <x v="0"/>
    <x v="13"/>
    <x v="6676"/>
    <s v="GEDS Admin"/>
    <s v="This portal allows Departmental Data Administrators from across GoC to administer the data within GCdirectory and GEDS for their department"/>
    <s v=""/>
    <x v="1"/>
    <s v=""/>
    <x v="48"/>
    <s v="Information Management"/>
    <s v="Information Management Services,Information Technology Services"/>
    <s v="SSC-APP-00000038"/>
    <s v="In Production"/>
    <s v="web"/>
    <x v="1"/>
    <x v="86"/>
  </r>
  <r>
    <x v="0"/>
    <x v="28"/>
    <x v="6677"/>
    <s v="GEDS"/>
    <s v="Public facing web portal that provides an electronic directory of public servants across Canada"/>
    <s v=""/>
    <x v="1"/>
    <s v=""/>
    <x v="48"/>
    <s v="Information Management"/>
    <s v="Information Management Services,Information Technology Services"/>
    <s v="SSC-APP-00000039"/>
    <s v="In Production"/>
    <s v="web"/>
    <x v="1"/>
    <x v="86"/>
  </r>
  <r>
    <x v="0"/>
    <x v="28"/>
    <x v="6678"/>
    <s v="GEDS Mobile"/>
    <s v="Blackberry application that connects to GEDS/GCdirectory to display a directory of public servant information"/>
    <s v=""/>
    <x v="1"/>
    <s v=""/>
    <x v="48"/>
    <s v="Information Management"/>
    <s v="Information Management Services,Information Technology Services"/>
    <s v="SSC-APP-00000040"/>
    <s v="In Production"/>
    <s v="mobile"/>
    <x v="1"/>
    <x v="86"/>
  </r>
  <r>
    <x v="2"/>
    <x v="41"/>
    <x v="6679"/>
    <s v="GSOS"/>
    <s v="This application facilitates the creation and submission of Service Orders associated with GENS Contract.  This application is used for ordering Data Communications Services (WAN / LAN / IPTel) for two departments -- ESDC (formerly HRSDC) and IRCC (formerly CIC)."/>
    <s v=""/>
    <x v="1"/>
    <s v=""/>
    <x v="48"/>
    <s v="Information Technology"/>
    <s v="Financial Management Services,Information Technology Services"/>
    <s v="SSC-APP-00000042"/>
    <s v="In Production"/>
    <s v="web"/>
    <x v="1"/>
    <x v="86"/>
  </r>
  <r>
    <x v="2"/>
    <x v="41"/>
    <x v="6680"/>
    <s v="GMCS"/>
    <s v="The primary purpose of this system is to allow clients to quote and order cabling  services and reconcile vendor invoices."/>
    <s v=""/>
    <x v="1"/>
    <s v=""/>
    <x v="48"/>
    <s v="2.1 Internal Services"/>
    <s v="Information Technology Services"/>
    <s v="SSC-APP-00000043"/>
    <s v="In Production"/>
    <s v="web"/>
    <x v="1"/>
    <x v="86"/>
  </r>
  <r>
    <x v="4"/>
    <x v="5"/>
    <x v="6681"/>
    <s v="GCSX"/>
    <s v="GCSX is the online ticketing tool for SSC. It allows SSC staff to request services and products such as IT Hardware, Software, Communication Devices and accounts through the Service Desk and other SSC branches (NEUB, GCDocs, Telecom, etc). GCSX is also used for the onboarding, moving and off-boarding of all SSC staff (employees and contractors). GCSX has the ability for SSC staff to submit inquiries to HR, Accommodations, IM Group and Client Liaison groups."/>
    <s v=""/>
    <x v="1"/>
    <s v=""/>
    <x v="48"/>
    <s v="2.1 Internal Services"/>
    <s v="Information Technology Services"/>
    <s v="SSC-APP-00000044"/>
    <s v="In Production"/>
    <s v="web"/>
    <x v="1"/>
    <x v="86"/>
  </r>
  <r>
    <x v="0"/>
    <x v="13"/>
    <x v="6682"/>
    <s v=""/>
    <m/>
    <s v=""/>
    <x v="1"/>
    <s v=""/>
    <x v="48"/>
    <s v="Information Management"/>
    <s v="Information Technology Services"/>
    <s v="SSC-APP-00000045"/>
    <s v="In Production"/>
    <s v="desktop"/>
    <x v="1"/>
    <x v="86"/>
  </r>
  <r>
    <x v="4"/>
    <x v="5"/>
    <x v="6683"/>
    <s v=""/>
    <s v="TNT's internal Inventory receiving system"/>
    <s v=""/>
    <x v="1"/>
    <s v=""/>
    <x v="48"/>
    <s v="2.1 Internal Services"/>
    <s v="Information Technology Services"/>
    <s v="SSC-APP-00000046"/>
    <s v="In Production"/>
    <s v="web"/>
    <x v="1"/>
    <x v="86"/>
  </r>
  <r>
    <x v="2"/>
    <x v="10"/>
    <x v="6684"/>
    <s v="AC"/>
    <s v="System used to manage IT assets including workstations, infrastructure through their life cycle."/>
    <s v="Hewlett_Packard_Canada_Co"/>
    <x v="1"/>
    <s v="HP Asset Manager"/>
    <x v="48"/>
    <s v="Information Management"/>
    <s v="Information Management Services,Materiel Services"/>
    <s v="SSC-APP-00000047"/>
    <s v="In Production"/>
    <s v="rich"/>
    <x v="0"/>
    <x v="86"/>
  </r>
  <r>
    <x v="1"/>
    <x v="12"/>
    <x v="6685"/>
    <s v="SM7"/>
    <s v="End user service desk to support end user and works station incidents and service requests"/>
    <s v="Hewlett_Packard_Canada_Co"/>
    <x v="1"/>
    <s v="HP, ServiceManager"/>
    <x v="48"/>
    <s v="Information Technology"/>
    <s v="Information Technology Services"/>
    <s v="SSC-APP-00000048"/>
    <s v="In Production"/>
    <s v="web"/>
    <x v="0"/>
    <x v="86"/>
  </r>
  <r>
    <x v="1"/>
    <x v="12"/>
    <x v="6686"/>
    <s v="SC"/>
    <s v="Service requests and incident management for Health Canada"/>
    <s v="Other"/>
    <x v="1"/>
    <s v="HP, Service Center"/>
    <x v="48"/>
    <s v="Information Technology"/>
    <s v="Information Technology Services"/>
    <s v="SSC-APP-00000049"/>
    <s v="In Production"/>
    <s v="rich"/>
    <x v="0"/>
    <x v="86"/>
  </r>
  <r>
    <x v="4"/>
    <x v="5"/>
    <x v="6687"/>
    <s v="IEM"/>
    <s v="Software distribution and patch management for Science Portfolio partner departments"/>
    <s v="Other"/>
    <x v="1"/>
    <s v="IBM, End Point Manager"/>
    <x v="48"/>
    <s v="2.1 Internal Services"/>
    <s v="Information Technology Services"/>
    <s v="SSC-APP-00000050"/>
    <s v="In Production"/>
    <s v="rich"/>
    <x v="0"/>
    <x v="86"/>
  </r>
  <r>
    <x v="4"/>
    <x v="5"/>
    <x v="6688"/>
    <s v="INFOWEB"/>
    <s v="IBM Tivoli Web Access for Information Management"/>
    <s v=""/>
    <x v="1"/>
    <s v=""/>
    <x v="48"/>
    <s v="Information Technology"/>
    <s v="Information Technology Services"/>
    <s v="SSC-APP-00000051"/>
    <s v="In Production"/>
    <s v="web"/>
    <x v="0"/>
    <x v="86"/>
  </r>
  <r>
    <x v="7"/>
    <x v="26"/>
    <x v="6689"/>
    <s v="IVR"/>
    <s v="A in house developed digital modular IVR using Asterisk."/>
    <s v=""/>
    <x v="1"/>
    <s v=""/>
    <x v="48"/>
    <s v="Communications Services"/>
    <s v=""/>
    <s v="SSC-APP-00000052"/>
    <s v="In Production"/>
    <s v="mini_main_super"/>
    <x v="1"/>
    <x v="86"/>
  </r>
  <r>
    <x v="2"/>
    <x v="2"/>
    <x v="6690"/>
    <s v="IPS"/>
    <s v="Module/component of CIMS specific for the preparation of the invoice.  The data is then passed to other systems (ISIS then SIGMA) for the actual invoicing."/>
    <s v=""/>
    <x v="1"/>
    <s v=""/>
    <x v="48"/>
    <s v="Information Technology"/>
    <s v="Financial Management Services"/>
    <s v="SSC-APP-00000053"/>
    <s v="In Production"/>
    <s v="desktop"/>
    <x v="1"/>
    <x v="86"/>
  </r>
  <r>
    <x v="0"/>
    <x v="11"/>
    <x v="6691"/>
    <s v="ISIS / Invoice Support Portal/ ISIS Port"/>
    <s v="The ISIS Portal is used for 4 functions: • Invoice Viewing Portal – allows users within government to view/download their invoices issued by SSC by searching for their invoice by invoice # or service or billing period. Users can view the invoice or the invoice details (which displays the invoice details of the service from CIMS). • Managed Cabling Services – ordering portal to interface with vendor to send/receive/accept cabling quotes. Also interfaces with CIMS to transfer billing data at month end. • Network Equipment services – ordering portal to interface with SSC to request network equipment • Feeder System – operates as a feeder system to send data from IPS to SIGMA for processing and receives the return file –posting the results to the Invoice V"/>
    <s v=""/>
    <x v="1"/>
    <s v=""/>
    <x v="48"/>
    <s v="Information Technology"/>
    <s v="Information Technology Services"/>
    <s v="SSC-APP-00000054"/>
    <s v="In Production"/>
    <s v="web"/>
    <x v="1"/>
    <x v="86"/>
  </r>
  <r>
    <x v="0"/>
    <x v="0"/>
    <x v="160"/>
    <s v="JIRA"/>
    <s v="JIRA is a release management and issue tracking tool"/>
    <s v="Other"/>
    <x v="1"/>
    <s v="Atlassian, JIRA"/>
    <x v="48"/>
    <s v="Information Technology"/>
    <s v="Information Management Services,Information Technology Services"/>
    <s v="SSC-APP-00000055"/>
    <s v="In Production"/>
    <s v="web"/>
    <x v="0"/>
    <x v="86"/>
  </r>
  <r>
    <x v="2"/>
    <x v="41"/>
    <x v="6692"/>
    <s v="LDTS"/>
    <s v="Ordering / Reconciliation system for Long Distance (PIC lines) and Calling cards and inventory management"/>
    <s v=""/>
    <x v="1"/>
    <s v=""/>
    <x v="48"/>
    <s v="2.1 Internal Services"/>
    <s v="Information Technology Services"/>
    <s v="SSC-APP-00000056"/>
    <s v="In Production"/>
    <s v="web"/>
    <x v="1"/>
    <x v="86"/>
  </r>
  <r>
    <x v="4"/>
    <x v="5"/>
    <x v="6693"/>
    <s v="MRIS"/>
    <s v="Midrange Services records management system"/>
    <s v=""/>
    <x v="1"/>
    <s v=""/>
    <x v="48"/>
    <s v="1.1.2.4 Sub-Sub-Program:  Production and Operations Computing Program Management"/>
    <s v="Information Management Services"/>
    <s v="SSC-APP-00000057"/>
    <s v="In Production"/>
    <s v="web"/>
    <x v="1"/>
    <x v="86"/>
  </r>
  <r>
    <x v="1"/>
    <x v="12"/>
    <x v="6694"/>
    <s v="CCMA, ADD"/>
    <s v="Certified desktop applications used by traffic controllers in large Call centre monitoring CRA inbound/outbound calling for various workloads - T1 Family, T2 Corp, E-Services etc.  desktop agent information (Agent Desktop Display)  Sites using are H01, 801, D07, 91B"/>
    <s v="Other"/>
    <x v="1"/>
    <s v="Nortel - Symposium"/>
    <x v="48"/>
    <s v="2.1 Internal Services"/>
    <s v=""/>
    <s v="SSC-APP-00000058"/>
    <s v="In Production"/>
    <s v="rich"/>
    <x v="0"/>
    <x v="2493"/>
  </r>
  <r>
    <x v="4"/>
    <x v="5"/>
    <x v="6695"/>
    <s v="NESS"/>
    <s v="The primary purpose of this system is to allow clients to purchase network equipment and reconcile supplier invoices."/>
    <s v=""/>
    <x v="1"/>
    <s v=""/>
    <x v="48"/>
    <s v="2.1 Internal Services"/>
    <s v="Information Technology Services"/>
    <s v="SSC-APP-00000059"/>
    <s v="In Production"/>
    <s v="web"/>
    <x v="1"/>
    <x v="86"/>
  </r>
  <r>
    <x v="4"/>
    <x v="5"/>
    <x v="6696"/>
    <s v=""/>
    <s v="NTM'sinventory system of divisional physical resources such as laptops,books &amp; projectors"/>
    <s v=""/>
    <x v="1"/>
    <s v=""/>
    <x v="48"/>
    <s v="2.1 Internal Services"/>
    <s v="Information Technology Services"/>
    <s v="SSC-APP-00000060"/>
    <s v="In Production"/>
    <s v="web"/>
    <x v="1"/>
    <x v="86"/>
  </r>
  <r>
    <x v="12"/>
    <x v="5"/>
    <x v="6697"/>
    <s v="OMS (CIRC2)"/>
    <m/>
    <s v=""/>
    <x v="1"/>
    <s v=""/>
    <x v="48"/>
    <s v="Information Technology"/>
    <s v="Information Technology Services"/>
    <s v="SSC-APP-00000061"/>
    <s v="In Production"/>
    <s v="web"/>
    <x v="1"/>
    <x v="86"/>
  </r>
  <r>
    <x v="4"/>
    <x v="5"/>
    <x v="6698"/>
    <s v=""/>
    <s v="Web based repository for HR Common Business process."/>
    <s v="Oracle_Canada_ULC"/>
    <x v="111"/>
    <s v=""/>
    <x v="48"/>
    <s v="2.1 Internal Services"/>
    <s v="Human Resources Management Services"/>
    <s v="SSC-APP-00000062"/>
    <s v="In Production"/>
    <s v="web"/>
    <x v="0"/>
    <x v="86"/>
  </r>
  <r>
    <x v="6"/>
    <x v="61"/>
    <x v="6699"/>
    <s v=""/>
    <m/>
    <s v="Other"/>
    <x v="1"/>
    <s v="PeopleFluent, OrgPublisher"/>
    <x v="48"/>
    <s v="Human Resources Management"/>
    <s v="Human Resources Management Services,Information Management Services,Management and Oversight Services"/>
    <s v="SSC-APP-00000063"/>
    <s v="In Production"/>
    <s v="web"/>
    <x v="0"/>
    <x v="86"/>
  </r>
  <r>
    <x v="0"/>
    <x v="13"/>
    <x v="6700"/>
    <s v="Outage"/>
    <s v="Local intranet web site to report any CRA/CBSA unscheduled network outage."/>
    <s v=""/>
    <x v="1"/>
    <s v=""/>
    <x v="48"/>
    <s v="Information Technology"/>
    <s v="Information Technology Services"/>
    <s v="SSC-APP-00000064"/>
    <s v="In Production"/>
    <s v="web"/>
    <x v="1"/>
    <x v="86"/>
  </r>
  <r>
    <x v="7"/>
    <x v="26"/>
    <x v="6701"/>
    <s v="PFYRE"/>
    <s v="Certified desktop applications used by traffic controllers in large Call centre monitoring CRA inbound/outbound calling for various workloads - T1 Family, T2 Corp, E-Services etc.  Sites using are H01,91D, 22B, 075, 074, 30Z"/>
    <s v="Other"/>
    <x v="1"/>
    <s v="Mitel,  PrairieFyre"/>
    <x v="48"/>
    <s v="Communications Services"/>
    <s v=""/>
    <s v="SSC-APP-00000065"/>
    <s v="In Production"/>
    <s v="desktop"/>
    <x v="0"/>
    <x v="86"/>
  </r>
  <r>
    <x v="4"/>
    <x v="5"/>
    <x v="6702"/>
    <s v="RCNET Tools"/>
    <s v="Suite of software tools comprised of: SAS, Manage Engine, MRTG, SmokePing and HP OpenView."/>
    <s v=""/>
    <x v="1"/>
    <s v=""/>
    <x v="48"/>
    <s v="2.1 Internal Services"/>
    <s v="Information Technology Services"/>
    <s v="SSC-APP-00000066"/>
    <s v="In Production"/>
    <s v="web"/>
    <x v="0"/>
    <x v="86"/>
  </r>
  <r>
    <x v="4"/>
    <x v="5"/>
    <x v="6703"/>
    <s v="RDIMS"/>
    <s v="RDIMS offers clients an electronic enterprise records and document management solution that increases efficiency in organizing, structuring, protecting and sharing information in a corporate repository in accordance with the organizations' business needs and government acts and regulations."/>
    <s v="Other"/>
    <x v="1"/>
    <s v="OpenText, eDocs"/>
    <x v="48"/>
    <s v="2.1 Internal Services"/>
    <s v="Information Management Services"/>
    <s v="SSC-APP-00000067"/>
    <s v="In Production"/>
    <s v="rich"/>
    <x v="0"/>
    <x v="86"/>
  </r>
  <r>
    <x v="4"/>
    <x v="5"/>
    <x v="6704"/>
    <s v="SATR"/>
    <s v="The purpose of the SAT Replacement is to store Subscriber and LRA information as well as their paper file numbers."/>
    <s v="Microsoft_Corporation"/>
    <x v="39"/>
    <s v=""/>
    <x v="48"/>
    <s v="1.1.4 Sub-Program:  Cyber and IT Security Services"/>
    <s v="Information Management Services"/>
    <s v="SSC-APP-00000069"/>
    <s v="In Production"/>
    <s v="desktop"/>
    <x v="0"/>
    <x v="86"/>
  </r>
  <r>
    <x v="4"/>
    <x v="5"/>
    <x v="6705"/>
    <s v="SCCM"/>
    <s v="SCCM is Microsoft's enterprise management system for servers, workstations, and mobile devices. It is used for patch management, software distribution, hardware/software inventory, remote control, software metering, asset management, operating system deployment, reporting, etc."/>
    <s v="Microsoft_Corporation"/>
    <x v="112"/>
    <s v=""/>
    <x v="48"/>
    <s v="2.1 Internal Services"/>
    <s v="Information Technology Services"/>
    <s v="SSC-APP-00000070"/>
    <s v="In Production"/>
    <s v="rich"/>
    <x v="0"/>
    <x v="86"/>
  </r>
  <r>
    <x v="4"/>
    <x v="5"/>
    <x v="6706"/>
    <s v="SPSM"/>
    <s v="The Science Portfolio Service Management (SPSM) application is used by the legacy Change Management team that supports all department that fall under the Science portfolio.  SPSM is an &quot;in house&quot; web based tool managed by SSC that is used for creating and tracking Request For Changes (RFC), reporting, and provides a fully automated client notification feature.  SPSM bring high value to SSC change management and without it, changes to the IT infrastructure would not be tracked, and our clients would not be aware of any future outages to their applications/services that may occur."/>
    <s v=""/>
    <x v="1"/>
    <s v=""/>
    <x v="48"/>
    <s v="Information Technology"/>
    <s v="Communications Services,Information Management Services,Information Technology Services"/>
    <s v="SSC-APP-00000071"/>
    <s v="In Production"/>
    <s v="web"/>
    <x v="1"/>
    <x v="86"/>
  </r>
  <r>
    <x v="4"/>
    <x v="5"/>
    <x v="6707"/>
    <s v="SCIS"/>
    <s v="Used by the Regions to notify Financial Portfolio of SSC of work to be done"/>
    <s v=""/>
    <x v="1"/>
    <s v=""/>
    <x v="48"/>
    <s v="2.1 Internal Services"/>
    <s v="Information Technology Services"/>
    <s v="SSC-APP-00000072"/>
    <s v="In Production"/>
    <s v="web"/>
    <x v="1"/>
    <x v="86"/>
  </r>
  <r>
    <x v="0"/>
    <x v="5"/>
    <x v="6708"/>
    <s v=""/>
    <s v="In-house intranet web site to track service requests."/>
    <s v=""/>
    <x v="1"/>
    <s v=""/>
    <x v="48"/>
    <s v="Information Management"/>
    <s v="Information Technology Services"/>
    <s v="SSC-APP-00000073"/>
    <s v="In Production"/>
    <s v="web"/>
    <x v="1"/>
    <x v="86"/>
  </r>
  <r>
    <x v="2"/>
    <x v="2"/>
    <x v="6709"/>
    <s v="STMS"/>
    <s v="Telecom management system for order fulfilment, account payable, accounts receivable, financial reconciliation, inventory management for both landlines and wireless devices."/>
    <s v=""/>
    <x v="1"/>
    <s v=""/>
    <x v="48"/>
    <s v="Financial Management"/>
    <s v="Financial Management Services"/>
    <s v="SSC-APP-00000074"/>
    <s v="In Production"/>
    <s v="web"/>
    <x v="1"/>
    <x v="86"/>
  </r>
  <r>
    <x v="6"/>
    <x v="48"/>
    <x v="6710"/>
    <s v="Synergi"/>
    <m/>
    <s v="Microsoft_Corporation"/>
    <x v="15"/>
    <s v=""/>
    <x v="48"/>
    <s v="Information Management"/>
    <s v="Information Management Services"/>
    <s v="SSC-APP-00000075"/>
    <s v="In Production"/>
    <s v="web"/>
    <x v="0"/>
    <x v="86"/>
  </r>
  <r>
    <x v="4"/>
    <x v="5"/>
    <x v="6711"/>
    <s v="SRMIS"/>
    <s v="A.k.a. Action Request System / Action Request Web / Action Request Client  Custom ARS - ITSM tool used for IT Incident Management for both HRSDC-IITB and SSC-Social Portfolio.  ARS Web and ARS Client are the various methods of access to the application. (ARS is a product from BMC)"/>
    <s v="Other"/>
    <x v="1"/>
    <s v="BMC, Remedy"/>
    <x v="48"/>
    <s v="2.1 Internal Services"/>
    <s v="Information Technology Services"/>
    <s v="SSC-APP-00000076"/>
    <s v="In Production"/>
    <s v="rich"/>
    <x v="0"/>
    <x v="86"/>
  </r>
  <r>
    <x v="4"/>
    <x v="5"/>
    <x v="6712"/>
    <s v="SANS"/>
    <s v="Custom Web interface to the planned system outages generated by SANS."/>
    <s v=""/>
    <x v="1"/>
    <s v=""/>
    <x v="48"/>
    <s v="2.1 Internal Services"/>
    <s v="Information Technology Services"/>
    <s v="SSC-APP-00000077"/>
    <s v="In Production"/>
    <s v="web"/>
    <x v="1"/>
    <x v="86"/>
  </r>
  <r>
    <x v="1"/>
    <x v="47"/>
    <x v="125"/>
    <s v="TM"/>
    <m/>
    <s v="Other"/>
    <x v="1"/>
    <s v="Wolters Kluwer - TeamMate"/>
    <x v="48"/>
    <s v="Financial Management"/>
    <s v="Financial Management Services,Management and Oversight Services"/>
    <s v="SSC-APP-00000078"/>
    <s v="In Production"/>
    <s v="web"/>
    <x v="0"/>
    <x v="86"/>
  </r>
  <r>
    <x v="4"/>
    <x v="5"/>
    <x v="6713"/>
    <s v="TSSFLD"/>
    <m/>
    <s v=""/>
    <x v="1"/>
    <s v=""/>
    <x v="48"/>
    <s v="2.1 Internal Services"/>
    <s v="Information Management Services"/>
    <s v="SSC-APP-00000079"/>
    <s v="In Production"/>
    <s v="mini_main_super"/>
    <x v="1"/>
    <x v="86"/>
  </r>
  <r>
    <x v="4"/>
    <x v="5"/>
    <x v="6714"/>
    <s v="VC List"/>
    <s v="Listing of all the videoconferencing boardroom with their respective equipment"/>
    <s v=""/>
    <x v="1"/>
    <s v=""/>
    <x v="48"/>
    <s v="2.1 Internal Services"/>
    <s v="Information Technology Services"/>
    <s v="SSC-APP-00000080"/>
    <s v="In Production"/>
    <s v="rich"/>
    <x v="1"/>
    <x v="86"/>
  </r>
  <r>
    <x v="7"/>
    <x v="26"/>
    <x v="6715"/>
    <s v="VOCALLS"/>
    <m/>
    <s v=""/>
    <x v="1"/>
    <s v=""/>
    <x v="48"/>
    <s v="Communications Services"/>
    <s v=""/>
    <s v="SSC-APP-00000081"/>
    <s v="In Production"/>
    <s v="mini_main_super"/>
    <x v="1"/>
    <x v="86"/>
  </r>
  <r>
    <x v="7"/>
    <x v="26"/>
    <x v="6716"/>
    <s v="MIS"/>
    <s v="Certified desktop application used by traffic controllers in large Call centre monitoring CRA inbound/outbound calling for various workloads - T1 Family, T2 Corp, E-Services etc.  Sites using are H01, 81C, 71C, 155, 11X, 12A, 11Y"/>
    <s v="Other"/>
    <x v="1"/>
    <s v="QPC - Perimeter VU-ACD 100"/>
    <x v="48"/>
    <s v="Communications Services"/>
    <s v=""/>
    <s v="SSC-APP-00000082"/>
    <s v="In Production"/>
    <s v="desktop"/>
    <x v="0"/>
    <x v="86"/>
  </r>
  <r>
    <x v="4"/>
    <x v="5"/>
    <x v="6717"/>
    <s v="AMT"/>
    <m/>
    <s v=""/>
    <x v="1"/>
    <s v=""/>
    <x v="48"/>
    <s v="2.1 Internal Services"/>
    <s v="Information Technology Services"/>
    <s v="SSC-APP-00000083"/>
    <s v="In Production"/>
    <s v="web"/>
    <x v="1"/>
    <x v="86"/>
  </r>
  <r>
    <x v="4"/>
    <x v="5"/>
    <x v="6718"/>
    <s v="WRF"/>
    <m/>
    <s v=""/>
    <x v="1"/>
    <s v=""/>
    <x v="48"/>
    <s v="2.1 Internal Services"/>
    <s v="Information Technology Services"/>
    <s v="SSC-APP-00000084"/>
    <s v="In Production"/>
    <s v="web"/>
    <x v="1"/>
    <x v="86"/>
  </r>
  <r>
    <x v="0"/>
    <x v="0"/>
    <x v="6719"/>
    <s v="BITS"/>
    <s v="BITS is a mission-critical application for SSC used to manage Business Requests coming from 43 customers and about 130 clients.  The tools is used to track about 500M in Vote Net Revenues annually."/>
    <s v=""/>
    <x v="1"/>
    <s v=""/>
    <x v="48"/>
    <s v="Management and Oversight Services"/>
    <s v="Financial Management Services,Information Technology Services,Management and Oversight Services"/>
    <s v="SSC-APP-00000085"/>
    <s v="In Production"/>
    <s v="web"/>
    <x v="1"/>
    <x v="86"/>
  </r>
  <r>
    <x v="4"/>
    <x v="5"/>
    <x v="6720"/>
    <s v="WR"/>
    <s v="“Work Record” is a MS Access DB used to track all manual certificate transactions (avg. 200/day) executed by the PKI Admins at the KMC. This database is also used for creating reports and SMA batch files."/>
    <s v="Microsoft_Corporation"/>
    <x v="39"/>
    <s v=""/>
    <x v="48"/>
    <s v="1.1.4 Sub-Program:  Cyber and IT Security Services"/>
    <s v="Information Management Services"/>
    <s v="SSC-APP-00000086"/>
    <s v="In Production"/>
    <s v="desktop"/>
    <x v="0"/>
    <x v="86"/>
  </r>
  <r>
    <x v="4"/>
    <x v="5"/>
    <x v="6721"/>
    <s v=""/>
    <s v="Reporting tool connected to Active Directory (AD) for detailed objects information."/>
    <s v=""/>
    <x v="1"/>
    <s v=""/>
    <x v="48"/>
    <s v="2.1 Internal Services"/>
    <s v="Information Technology Services"/>
    <s v="SSC-APP-00000087"/>
    <s v="In Production"/>
    <s v="rich"/>
    <x v="1"/>
    <x v="86"/>
  </r>
  <r>
    <x v="3"/>
    <x v="31"/>
    <x v="6722"/>
    <s v="AMP"/>
    <m/>
    <s v=""/>
    <x v="1"/>
    <s v=""/>
    <x v="48"/>
    <s v="Management and Oversight Services"/>
    <s v="Other,Real Property Services"/>
    <s v="SSC-APP-00000089"/>
    <s v="In Production"/>
    <s v="web"/>
    <x v="0"/>
    <x v="106"/>
  </r>
  <r>
    <x v="7"/>
    <x v="26"/>
    <x v="6723"/>
    <s v="ADLDS"/>
    <s v="Provide a lighweight directory for applications to use. It can be linked to AD however changing the LDS structure (SCHEMA) will not impact AD.  It is currently being used for the IDG radius service for all 2FA at EDC, ESDC and NRC."/>
    <s v="Other"/>
    <x v="1"/>
    <s v="Microsoft Active Directory (AD LDS)"/>
    <x v="48"/>
    <s v=""/>
    <s v="Information Management Services,Information Technology Services"/>
    <s v="SSC-APP-00000090"/>
    <s v="In Production"/>
    <s v="web"/>
    <x v="0"/>
    <x v="86"/>
  </r>
  <r>
    <x v="4"/>
    <x v="5"/>
    <x v="6724"/>
    <s v="Afaria"/>
    <s v=""/>
    <s v=""/>
    <x v="1"/>
    <s v=""/>
    <x v="48"/>
    <s v=""/>
    <s v=""/>
    <s v="SSC-APP-00000091"/>
    <s v="In Production"/>
    <s v="mobile"/>
    <x v="0"/>
    <x v="106"/>
  </r>
  <r>
    <x v="6"/>
    <x v="48"/>
    <x v="6725"/>
    <s v="AOM tracking sheet"/>
    <s v="This is a workflow management tool for the DCSB AOM's. This allows them to manage the largest (in terms of number an $$$) queue of BRDs and is directly related to improving CFSI. It is a bridging tool between EBDIMS and ECD and will eventually be replaced"/>
    <s v="Microsoft_Corporation"/>
    <x v="100"/>
    <s v=""/>
    <x v="48"/>
    <s v="Information Technology"/>
    <s v="Information Technology Services,Information Technology Services"/>
    <s v="SSC-APP-00000092"/>
    <s v="In Production"/>
    <s v="desktop"/>
    <x v="0"/>
    <x v="86"/>
  </r>
  <r>
    <x v="4"/>
    <x v="5"/>
    <x v="6726"/>
    <s v="APC StruxureWare Data Center Expert"/>
    <s v=""/>
    <s v=""/>
    <x v="1"/>
    <s v=""/>
    <x v="48"/>
    <s v=""/>
    <s v=""/>
    <s v="SSC-APP-00000093"/>
    <s v="In Production"/>
    <s v=""/>
    <x v="0"/>
    <x v="106"/>
  </r>
  <r>
    <x v="4"/>
    <x v="5"/>
    <x v="6727"/>
    <s v=""/>
    <s v=""/>
    <s v=""/>
    <x v="1"/>
    <s v=""/>
    <x v="48"/>
    <s v=""/>
    <s v=""/>
    <s v="SSC-APP-00000094"/>
    <s v="In Production"/>
    <s v=""/>
    <x v="0"/>
    <x v="106"/>
  </r>
  <r>
    <x v="4"/>
    <x v="5"/>
    <x v="6728"/>
    <s v=""/>
    <s v=""/>
    <s v=""/>
    <x v="1"/>
    <s v=""/>
    <x v="48"/>
    <s v=""/>
    <s v=""/>
    <s v="SSC-APP-00000095"/>
    <s v="In Production"/>
    <s v=""/>
    <x v="0"/>
    <x v="106"/>
  </r>
  <r>
    <x v="4"/>
    <x v="5"/>
    <x v="6729"/>
    <s v=""/>
    <s v=""/>
    <s v=""/>
    <x v="1"/>
    <s v=""/>
    <x v="48"/>
    <s v=""/>
    <s v=""/>
    <s v="SSC-APP-00000096"/>
    <s v="In Production"/>
    <s v=""/>
    <x v="0"/>
    <x v="106"/>
  </r>
  <r>
    <x v="4"/>
    <x v="5"/>
    <x v="6730"/>
    <s v="BCM"/>
    <s v=""/>
    <s v=""/>
    <x v="1"/>
    <s v=""/>
    <x v="48"/>
    <s v=""/>
    <s v=""/>
    <s v="SSC-APP-00000097"/>
    <s v="In Production"/>
    <s v=""/>
    <x v="0"/>
    <x v="106"/>
  </r>
  <r>
    <x v="4"/>
    <x v="5"/>
    <x v="6731"/>
    <s v="CP"/>
    <s v=""/>
    <s v=""/>
    <x v="1"/>
    <s v=""/>
    <x v="48"/>
    <s v=""/>
    <s v=""/>
    <s v="SSC-APP-00000098"/>
    <s v="In Production"/>
    <s v=""/>
    <x v="0"/>
    <x v="106"/>
  </r>
  <r>
    <x v="0"/>
    <x v="8"/>
    <x v="6732"/>
    <s v="CCM"/>
    <s v=""/>
    <s v="WorkDynamics_Technologies_Inc"/>
    <x v="43"/>
    <s v=""/>
    <x v="48"/>
    <s v="Management and Oversight Services"/>
    <s v=""/>
    <s v="SSC-APP-00000099"/>
    <s v="In Production"/>
    <s v="web"/>
    <x v="0"/>
    <x v="86"/>
  </r>
  <r>
    <x v="4"/>
    <x v="5"/>
    <x v="236"/>
    <s v="Axiom"/>
    <s v="AxiomV Enterprise Security Management System seamlessly integrates Access Control, Alarm Monitoring, and Video Surveillance into an elegant and versatile building management and security system.  It is the card swipe system that grants, denies and monitors access to SSC office space and Data Center, as well as monitors and records the camera system."/>
    <s v="Other"/>
    <x v="1"/>
    <s v="RBH Access Technologies - AxiomV Enterprise Security Management System"/>
    <x v="48"/>
    <s v="Management and Oversight Services"/>
    <s v="Information Management Services"/>
    <s v="SSC-APP-00000100"/>
    <s v="In Production"/>
    <s v="desktop"/>
    <x v="0"/>
    <x v="86"/>
  </r>
  <r>
    <x v="10"/>
    <x v="69"/>
    <x v="6733"/>
    <s v="Sarra"/>
    <s v="highly reliable high speed large scale data transfers principally in support for government-wide mission critical services (environmental observations, weather and climate observation collection, processing, and forecast and warning production.)"/>
    <s v=""/>
    <x v="1"/>
    <s v=""/>
    <x v="48"/>
    <s v="Information Technology"/>
    <s v="Information Technology Services"/>
    <s v="SSC-APP-00000101"/>
    <s v="In Production"/>
    <s v="mini_main_super"/>
    <x v="1"/>
    <x v="106"/>
  </r>
  <r>
    <x v="4"/>
    <x v="5"/>
    <x v="6734"/>
    <s v="BES"/>
    <s v=""/>
    <s v=""/>
    <x v="1"/>
    <s v=""/>
    <x v="48"/>
    <s v=""/>
    <s v=""/>
    <s v="SSC-APP-00000102"/>
    <s v="In Production"/>
    <s v=""/>
    <x v="0"/>
    <x v="106"/>
  </r>
  <r>
    <x v="3"/>
    <x v="17"/>
    <x v="6735"/>
    <s v="BCR"/>
    <s v="Blue Coat Reporter is used as an analytics tool for interpreting Blue Coat ProxySG Access logs. Clients use the tool to run reports against their departmental internet usage, the IPC uses the tool to perform investigations against internet browsing history."/>
    <s v=""/>
    <x v="113"/>
    <s v=""/>
    <x v="48"/>
    <s v="Information Technology"/>
    <s v="Information Technology Services"/>
    <s v="SSC-APP-00000103"/>
    <s v="In Production"/>
    <s v="web"/>
    <x v="0"/>
    <x v="106"/>
  </r>
  <r>
    <x v="2"/>
    <x v="52"/>
    <x v="6736"/>
    <s v="BITS"/>
    <s v="BITS is a mission-critical application for SSC used to manage Business Requests coming from 43 customers and about 130 clients.  The tools is used to track about 500M in Vote Net Revenues annually."/>
    <s v=""/>
    <x v="1"/>
    <s v=""/>
    <x v="48"/>
    <s v="Information Technology"/>
    <s v="Financial Management Services,Information Technology Services,Management and Oversight Services"/>
    <s v="SSC-APP-00000104"/>
    <s v="In Production"/>
    <s v="web"/>
    <x v="0"/>
    <x v="106"/>
  </r>
  <r>
    <x v="9"/>
    <x v="49"/>
    <x v="6737"/>
    <s v="ACF2"/>
    <m/>
    <s v="CA_Technologies"/>
    <x v="1"/>
    <s v=""/>
    <x v="48"/>
    <s v="Information Technology"/>
    <s v="Information Technology Services"/>
    <s v="SSC-APP-00000105"/>
    <s v="In Production"/>
    <s v="mini_main_super"/>
    <x v="0"/>
    <x v="2494"/>
  </r>
  <r>
    <x v="1"/>
    <x v="47"/>
    <x v="6738"/>
    <s v="ETCL"/>
    <m/>
    <s v="CA_Technologies"/>
    <x v="1"/>
    <s v=""/>
    <x v="48"/>
    <s v="Information Technology"/>
    <s v=""/>
    <s v="SSC-APP-00000106"/>
    <s v="In Production"/>
    <s v="mini_main_super"/>
    <x v="0"/>
    <x v="2495"/>
  </r>
  <r>
    <x v="7"/>
    <x v="81"/>
    <x v="6739"/>
    <s v="CA90s"/>
    <s v="This software provides licensing services, event notification, inter product and inter system communications for Computer Associates Mainframe products"/>
    <s v=""/>
    <x v="1"/>
    <s v=""/>
    <x v="48"/>
    <s v="Information Technology"/>
    <s v="Information Technology Services"/>
    <s v="SSC-APP-00000107"/>
    <s v="In Production"/>
    <s v="mini_main_super"/>
    <x v="0"/>
    <x v="86"/>
  </r>
  <r>
    <x v="10"/>
    <x v="59"/>
    <x v="6740"/>
    <s v="CA Directory"/>
    <m/>
    <s v="CA_Technologies"/>
    <x v="1"/>
    <s v=""/>
    <x v="48"/>
    <s v="Information Technology"/>
    <s v="Information Technology Services"/>
    <s v="SSC-APP-00000108"/>
    <s v="In Production"/>
    <s v="web"/>
    <x v="0"/>
    <x v="2496"/>
  </r>
  <r>
    <x v="12"/>
    <x v="74"/>
    <x v="6741"/>
    <s v="eHealth"/>
    <s v="eHealth is a SNMP Manager that collects and reports on network utilization information.  It is used to analyse network trends and help identify potential bandwidth bottle necks. It is primarily used by SSC networking teams, but is also provided to all government departments and agencies to keep track of their network utilizations."/>
    <s v=""/>
    <x v="1"/>
    <s v=""/>
    <x v="48"/>
    <s v="Information Technology"/>
    <s v="Information Technology Services"/>
    <s v="SSC-APP-00000109"/>
    <s v="In Production"/>
    <s v="web"/>
    <x v="0"/>
    <x v="106"/>
  </r>
  <r>
    <x v="10"/>
    <x v="59"/>
    <x v="6742"/>
    <s v="CA IDM"/>
    <m/>
    <s v="CA_Technologies"/>
    <x v="1"/>
    <s v="Computer Associates (CA) Identity Manager. Formerly CA Control Minder"/>
    <x v="48"/>
    <s v="Information Technology"/>
    <s v="Information Technology Services"/>
    <s v="SSC-APP-00000110"/>
    <s v="In Production"/>
    <s v="web"/>
    <x v="0"/>
    <x v="86"/>
  </r>
  <r>
    <x v="12"/>
    <x v="74"/>
    <x v="6743"/>
    <s v="CABI"/>
    <s v="CABI provides backend reporting to Spectrum.  It is currently in production, but not utilized."/>
    <s v=""/>
    <x v="1"/>
    <s v=""/>
    <x v="48"/>
    <s v="Information Technology"/>
    <s v="Information Technology Services"/>
    <s v="SSC-APP-00000111"/>
    <s v="In Production"/>
    <s v="web"/>
    <x v="0"/>
    <x v="106"/>
  </r>
  <r>
    <x v="10"/>
    <x v="59"/>
    <x v="6744"/>
    <s v="CA SSO"/>
    <m/>
    <s v="CA_Technologies"/>
    <x v="1"/>
    <s v="CA Single Sign On (CA SSO)"/>
    <x v="48"/>
    <s v="Information Technology"/>
    <s v="Information Technology Services"/>
    <s v="SSC-APP-00000112"/>
    <s v="In Production"/>
    <s v="web"/>
    <x v="0"/>
    <x v="2496"/>
  </r>
  <r>
    <x v="12"/>
    <x v="74"/>
    <x v="6745"/>
    <s v="Spectrum"/>
    <s v="Spectrum is and SNMP manager used to do monitoring of network devices as well as provides network configuration management of the network devices."/>
    <s v=""/>
    <x v="1"/>
    <s v=""/>
    <x v="48"/>
    <s v="Information Technology"/>
    <s v="Information Technology Services"/>
    <s v="SSC-APP-00000113"/>
    <s v="In Production"/>
    <s v="web"/>
    <x v="0"/>
    <x v="106"/>
  </r>
  <r>
    <x v="9"/>
    <x v="49"/>
    <x v="6746"/>
    <s v="TSS"/>
    <m/>
    <s v="CA_Technologies"/>
    <x v="1"/>
    <s v=""/>
    <x v="48"/>
    <s v="Information Technology"/>
    <s v=""/>
    <s v="SSC-APP-00000114"/>
    <s v="In Production"/>
    <s v="mini_main_super"/>
    <x v="0"/>
    <x v="2494"/>
  </r>
  <r>
    <x v="9"/>
    <x v="54"/>
    <x v="6747"/>
    <s v="Webadmin"/>
    <s v="Security software for IBM Mainframe.  Used for interface between ACF2 and TSS for the CBSA and CRA as a client."/>
    <s v="Other"/>
    <x v="1"/>
    <s v="Computer Associates, CA Webadmin for TSS and ACf2"/>
    <x v="48"/>
    <s v="Information Technology"/>
    <s v=""/>
    <s v="SSC-APP-00000115"/>
    <s v="In Production"/>
    <s v="mini_main_super"/>
    <x v="0"/>
    <x v="86"/>
  </r>
  <r>
    <x v="9"/>
    <x v="54"/>
    <x v="6748"/>
    <s v="CA PAM"/>
    <s v="Software used by LDAP to identify/verify zLinux userids against TSS or ACF2 mainframe security software"/>
    <s v=""/>
    <x v="1"/>
    <s v=""/>
    <x v="48"/>
    <s v="Information Technology"/>
    <s v=""/>
    <s v="SSC-APP-00000116"/>
    <s v="In Production"/>
    <s v=""/>
    <x v="0"/>
    <x v="2497"/>
  </r>
  <r>
    <x v="1"/>
    <x v="5"/>
    <x v="6749"/>
    <s v="CableSolve"/>
    <m/>
    <s v=""/>
    <x v="1"/>
    <s v=""/>
    <x v="48"/>
    <s v=""/>
    <s v="Other"/>
    <s v="SSC-APP-00000117"/>
    <s v="In Production"/>
    <s v="desktop"/>
    <x v="0"/>
    <x v="86"/>
  </r>
  <r>
    <x v="4"/>
    <x v="5"/>
    <x v="6750"/>
    <s v=""/>
    <s v=""/>
    <s v=""/>
    <x v="1"/>
    <s v=""/>
    <x v="48"/>
    <s v=""/>
    <s v=""/>
    <s v="SSC-APP-00000118"/>
    <s v="In Production"/>
    <s v=""/>
    <x v="0"/>
    <x v="106"/>
  </r>
  <r>
    <x v="0"/>
    <x v="13"/>
    <x v="1038"/>
    <s v="CCM"/>
    <s v="CCM E is the corporate document tracking system used for ministerial briefing material and correspondence. CCM E was selected by Treasury Board Secretariat for GoC-wide use."/>
    <s v="WorkDynamics Technologies Inc."/>
    <x v="43"/>
    <s v="CCM Enterprise / CCM Mercury"/>
    <x v="48"/>
    <s v="Management and Oversight Services"/>
    <s v="Information Management Services,Management and Oversight Services"/>
    <s v="SSC-APP-00000119"/>
    <s v="In Production"/>
    <s v="rich"/>
    <x v="0"/>
    <x v="86"/>
  </r>
  <r>
    <x v="2"/>
    <x v="10"/>
    <x v="6751"/>
    <s v="CG4"/>
    <s v="This is a bar-code scanning tool that allows ITAM resources to use their handheld scanning devices to scan asset and some asset related data.  This tool integrates with ECD and Asset Manager to provide asset data updates."/>
    <s v=""/>
    <x v="1"/>
    <s v=""/>
    <x v="48"/>
    <s v="Information Technology"/>
    <s v="Financial Management Services,Information Management Services,Materiel Services"/>
    <s v="SSC-APP-00000120"/>
    <s v="In Production"/>
    <s v="web"/>
    <x v="0"/>
    <x v="86"/>
  </r>
  <r>
    <x v="0"/>
    <x v="13"/>
    <x v="6752"/>
    <s v="RFCDatabaseAccess"/>
    <s v="Desktop application to track network changes. It replaces the former &quot;Change Database&quot;."/>
    <s v=""/>
    <x v="1"/>
    <s v=""/>
    <x v="48"/>
    <s v="Information Technology"/>
    <s v="Information Technology Services"/>
    <s v="SSC-APP-00000121"/>
    <s v="In Production"/>
    <s v="desktop"/>
    <x v="1"/>
    <x v="106"/>
  </r>
  <r>
    <x v="9"/>
    <x v="54"/>
    <x v="6753"/>
    <s v="CHUBB Access Card System"/>
    <m/>
    <s v=""/>
    <x v="1"/>
    <s v="Chubb-Edwards"/>
    <x v="48"/>
    <s v="Information Management"/>
    <s v="Real Property Services"/>
    <s v="SSC-APP-00000122"/>
    <s v="In Production"/>
    <s v="desktop"/>
    <x v="0"/>
    <x v="86"/>
  </r>
  <r>
    <x v="4"/>
    <x v="5"/>
    <x v="6754"/>
    <s v="ICM"/>
    <s v=""/>
    <s v=""/>
    <x v="1"/>
    <s v=""/>
    <x v="48"/>
    <s v=""/>
    <s v=""/>
    <s v="SSC-APP-00000123"/>
    <s v="In Production"/>
    <s v=""/>
    <x v="0"/>
    <x v="106"/>
  </r>
  <r>
    <x v="4"/>
    <x v="5"/>
    <x v="6755"/>
    <s v="Jabber"/>
    <s v="Jabber for Windows is a UC client for, Instant Messaging, Chat, Presence, Desktop video and audio communication, It is currently in a pilot phase within SSC but will be made available to all SSC employees in 17/18;"/>
    <s v=""/>
    <x v="1"/>
    <s v=""/>
    <x v="48"/>
    <s v=""/>
    <s v="Communications Services,Information Technology Services"/>
    <s v="SSC-APP-00000124"/>
    <s v="In Production"/>
    <s v=""/>
    <x v="0"/>
    <x v="86"/>
  </r>
  <r>
    <x v="4"/>
    <x v="5"/>
    <x v="6756"/>
    <s v="TACACS"/>
    <s v="Cisco ACS is used for Authentication, Authorization and Accounting for Network Device Management"/>
    <s v=""/>
    <x v="1"/>
    <s v=""/>
    <x v="48"/>
    <s v="Information Technology"/>
    <s v="Information Technology Services"/>
    <s v="SSC-APP-00000125"/>
    <s v="In Production"/>
    <s v="appliance"/>
    <x v="0"/>
    <x v="106"/>
  </r>
  <r>
    <x v="4"/>
    <x v="5"/>
    <x v="6757"/>
    <s v="TCS"/>
    <s v="Used to record and stream Videoconferences in the SSC VC Service"/>
    <s v=""/>
    <x v="1"/>
    <s v=""/>
    <x v="48"/>
    <s v=""/>
    <s v="Communications Services,Information Technology Services"/>
    <s v="SSC-APP-00000126"/>
    <s v="In Production"/>
    <s v="appliance"/>
    <x v="0"/>
    <x v="86"/>
  </r>
  <r>
    <x v="4"/>
    <x v="5"/>
    <x v="6758"/>
    <s v="TMS"/>
    <s v="Managing Cisco Videoconference Endpoints"/>
    <s v=""/>
    <x v="1"/>
    <s v=""/>
    <x v="48"/>
    <s v=""/>
    <s v="Information Technology Services"/>
    <s v="SSC-APP-00000127"/>
    <s v="In Production"/>
    <s v=""/>
    <x v="0"/>
    <x v="86"/>
  </r>
  <r>
    <x v="7"/>
    <x v="26"/>
    <x v="6759"/>
    <s v="TMS"/>
    <s v="Managing Cisco Videoconference Endpoints"/>
    <s v=""/>
    <x v="1"/>
    <s v=""/>
    <x v="48"/>
    <s v="Information Technology"/>
    <s v="Information Technology Services"/>
    <s v="SSC-APP-00000128"/>
    <s v="In Production"/>
    <s v="web"/>
    <x v="0"/>
    <x v="106"/>
  </r>
  <r>
    <x v="4"/>
    <x v="5"/>
    <x v="6760"/>
    <s v="TMS"/>
    <s v="Manages CNSC videoconference endpoints."/>
    <s v=""/>
    <x v="1"/>
    <s v=""/>
    <x v="48"/>
    <s v=""/>
    <s v="Information Technology Services"/>
    <s v="SSC-APP-00000129"/>
    <s v="In Production"/>
    <s v=""/>
    <x v="0"/>
    <x v="106"/>
  </r>
  <r>
    <x v="4"/>
    <x v="5"/>
    <x v="6761"/>
    <s v="TMS"/>
    <s v=""/>
    <s v=""/>
    <x v="1"/>
    <s v=""/>
    <x v="48"/>
    <s v=""/>
    <s v=""/>
    <s v="SSC-APP-00000130"/>
    <s v="In Production"/>
    <s v=""/>
    <x v="0"/>
    <x v="106"/>
  </r>
  <r>
    <x v="4"/>
    <x v="5"/>
    <x v="6762"/>
    <s v="TMS"/>
    <s v=""/>
    <s v=""/>
    <x v="1"/>
    <s v=""/>
    <x v="48"/>
    <s v=""/>
    <s v=""/>
    <s v="SSC-APP-00000131"/>
    <s v="In Production"/>
    <s v=""/>
    <x v="0"/>
    <x v="106"/>
  </r>
  <r>
    <x v="12"/>
    <x v="74"/>
    <x v="6763"/>
    <s v="TMS"/>
    <m/>
    <s v=""/>
    <x v="1"/>
    <s v=""/>
    <x v="48"/>
    <s v="Information Technology"/>
    <s v="Information Technology Services"/>
    <s v="SSC-APP-00000132"/>
    <s v="In Production"/>
    <s v="appliance"/>
    <x v="0"/>
    <x v="86"/>
  </r>
  <r>
    <x v="4"/>
    <x v="5"/>
    <x v="6764"/>
    <s v="TMS"/>
    <s v=""/>
    <s v=""/>
    <x v="1"/>
    <s v=""/>
    <x v="48"/>
    <s v=""/>
    <s v=""/>
    <s v="SSC-APP-00000133"/>
    <s v="In Production"/>
    <s v=""/>
    <x v="0"/>
    <x v="106"/>
  </r>
  <r>
    <x v="4"/>
    <x v="5"/>
    <x v="6765"/>
    <s v="TMS"/>
    <m/>
    <s v=""/>
    <x v="1"/>
    <s v=""/>
    <x v="48"/>
    <s v=""/>
    <s v="Information Technology Services"/>
    <s v="SSC-APP-00000134"/>
    <s v="In Production"/>
    <s v=""/>
    <x v="0"/>
    <x v="106"/>
  </r>
  <r>
    <x v="4"/>
    <x v="5"/>
    <x v="6766"/>
    <s v="TMS"/>
    <s v=""/>
    <s v=""/>
    <x v="1"/>
    <s v=""/>
    <x v="48"/>
    <s v=""/>
    <s v=""/>
    <s v="SSC-APP-00000135"/>
    <s v="In Production"/>
    <s v=""/>
    <x v="0"/>
    <x v="106"/>
  </r>
  <r>
    <x v="4"/>
    <x v="5"/>
    <x v="6767"/>
    <s v="TMS"/>
    <s v=""/>
    <s v=""/>
    <x v="1"/>
    <s v=""/>
    <x v="48"/>
    <s v=""/>
    <s v=""/>
    <s v="SSC-APP-00000136"/>
    <s v="In Production"/>
    <s v=""/>
    <x v="0"/>
    <x v="106"/>
  </r>
  <r>
    <x v="4"/>
    <x v="5"/>
    <x v="6768"/>
    <s v="VCS"/>
    <m/>
    <s v=""/>
    <x v="1"/>
    <s v=""/>
    <x v="48"/>
    <s v=""/>
    <s v="Communications Services,Information Management Services,Information Technology Services"/>
    <s v="SSC-APP-00000137"/>
    <s v="In Production"/>
    <s v=""/>
    <x v="0"/>
    <x v="106"/>
  </r>
  <r>
    <x v="10"/>
    <x v="59"/>
    <x v="6769"/>
    <s v="Coexlinks"/>
    <s v="Application allows IBM Notes applications to work with MS Outlook clients like they did with lotus notes e-mail clients.  Needed for migration to YES"/>
    <s v=""/>
    <x v="1"/>
    <s v=""/>
    <x v="48"/>
    <s v="Information Technology"/>
    <s v="Information Technology Services"/>
    <s v="SSC-APP-00000138"/>
    <s v="In Production"/>
    <s v="rich"/>
    <x v="0"/>
    <x v="106"/>
  </r>
  <r>
    <x v="0"/>
    <x v="42"/>
    <x v="6770"/>
    <s v="DCCAPP"/>
    <m/>
    <s v=""/>
    <x v="1"/>
    <s v=""/>
    <x v="48"/>
    <s v="Information Management"/>
    <s v="Information Management Services"/>
    <s v="SSC-APP-00000139"/>
    <s v="In Production"/>
    <s v="web"/>
    <x v="1"/>
    <x v="106"/>
  </r>
  <r>
    <x v="6"/>
    <x v="48"/>
    <x v="6771"/>
    <s v="Health report"/>
    <s v="This is a communication tool that describes partner DCSB server and storage capacity, issues, successes and requests."/>
    <s v="Microsoft_Corporation"/>
    <x v="114"/>
    <s v=""/>
    <x v="48"/>
    <s v="Information Technology"/>
    <s v="Information Technology Services,Information Technology Services"/>
    <s v="SSC-APP-00000140"/>
    <s v="In Production"/>
    <s v="desktop"/>
    <x v="0"/>
    <x v="86"/>
  </r>
  <r>
    <x v="4"/>
    <x v="5"/>
    <x v="6772"/>
    <s v="dcTrack"/>
    <s v=""/>
    <s v="Other"/>
    <x v="1"/>
    <s v="Sunbird dc Track"/>
    <x v="48"/>
    <s v=""/>
    <s v=""/>
    <s v="SSC-APP-00000141"/>
    <s v="In Production"/>
    <s v="appliance"/>
    <x v="0"/>
    <x v="86"/>
  </r>
  <r>
    <x v="4"/>
    <x v="5"/>
    <x v="6773"/>
    <s v=""/>
    <s v=""/>
    <s v=""/>
    <x v="1"/>
    <s v=""/>
    <x v="48"/>
    <s v=""/>
    <s v=""/>
    <s v="SSC-APP-00000142"/>
    <s v="In Production"/>
    <s v=""/>
    <x v="0"/>
    <x v="106"/>
  </r>
  <r>
    <x v="4"/>
    <x v="5"/>
    <x v="6774"/>
    <s v=""/>
    <s v=""/>
    <s v=""/>
    <x v="1"/>
    <s v=""/>
    <x v="48"/>
    <s v=""/>
    <s v=""/>
    <s v="SSC-APP-00000143"/>
    <s v="In Production"/>
    <s v=""/>
    <x v="0"/>
    <x v="106"/>
  </r>
  <r>
    <x v="4"/>
    <x v="5"/>
    <x v="6775"/>
    <s v="dsView"/>
    <s v=""/>
    <s v="Other"/>
    <x v="1"/>
    <s v="Avocent, DSView™ 4 Management Software"/>
    <x v="48"/>
    <s v="Information Technology"/>
    <s v=""/>
    <s v="SSC-APP-00000144"/>
    <s v="In Production"/>
    <s v="web"/>
    <x v="0"/>
    <x v="86"/>
  </r>
  <r>
    <x v="4"/>
    <x v="5"/>
    <x v="6776"/>
    <s v="PSPC only"/>
    <s v=""/>
    <s v=""/>
    <x v="1"/>
    <s v=""/>
    <x v="48"/>
    <s v=""/>
    <s v=""/>
    <s v="SSC-APP-00000145"/>
    <s v="In Production"/>
    <s v="desktop"/>
    <x v="0"/>
    <x v="86"/>
  </r>
  <r>
    <x v="4"/>
    <x v="5"/>
    <x v="6777"/>
    <s v="Eaton IPM"/>
    <s v=""/>
    <s v=""/>
    <x v="1"/>
    <s v=""/>
    <x v="48"/>
    <s v=""/>
    <s v=""/>
    <s v="SSC-APP-00000146"/>
    <s v="In Production"/>
    <s v=""/>
    <x v="0"/>
    <x v="106"/>
  </r>
  <r>
    <x v="7"/>
    <x v="81"/>
    <x v="6778"/>
    <s v="ETFA"/>
    <s v="This software provides a front end to ACF2 security software enabling the user to test application of rules, run reports, etc."/>
    <s v=""/>
    <x v="1"/>
    <s v=""/>
    <x v="48"/>
    <s v="Information Technology"/>
    <s v=""/>
    <s v="SSC-APP-00000147"/>
    <s v="In Production"/>
    <s v="mini_main_super"/>
    <x v="0"/>
    <x v="2498"/>
  </r>
  <r>
    <x v="10"/>
    <x v="55"/>
    <x v="6779"/>
    <s v="E-Snap"/>
    <s v="e-SNAP is a distributed document management system that can receive documents from many heterogeneous systems (e.g. Mainframe, Unix, Windows, etc.) and can receive documents from many data transmission applications (e.g. Mainframe VPS, MSFT, ftp, lpd, etc.).  Its purpose is to replace the printing of reports with a system that makes these reports available via a webpage in various formats (text, PDF, etc.) and can implement document workflow if required.  Currently, there are 14 implementations of e-SNAP for ESDC, DND, CIPO, Pay, Pension and SMD.  A significant value to SSC is that SSC can stop printing large, frequent mainframe generated reports on behalf of other federal departments.  At the 2009 PWGSC DM Awards of Excellence e-SNAP won the award for"/>
    <s v=""/>
    <x v="1"/>
    <s v=""/>
    <x v="48"/>
    <s v="Information Management"/>
    <s v="Financial Management Services,Human Resources Management Services,Other"/>
    <s v="SSC-APP-00000148"/>
    <s v="In Production"/>
    <s v="web"/>
    <x v="1"/>
    <x v="106"/>
  </r>
  <r>
    <x v="4"/>
    <x v="5"/>
    <x v="6780"/>
    <s v="RTMT"/>
    <s v=""/>
    <s v=""/>
    <x v="1"/>
    <s v=""/>
    <x v="48"/>
    <s v=""/>
    <s v=""/>
    <s v="SSC-APP-00000149"/>
    <s v="In Production"/>
    <s v=""/>
    <x v="0"/>
    <x v="106"/>
  </r>
  <r>
    <x v="4"/>
    <x v="5"/>
    <x v="6781"/>
    <s v="EPET"/>
    <m/>
    <s v=""/>
    <x v="1"/>
    <s v=""/>
    <x v="48"/>
    <s v=""/>
    <s v="Financial Management Services"/>
    <s v="SSC-APP-00000150"/>
    <s v="In Production"/>
    <s v="desktop"/>
    <x v="1"/>
    <x v="86"/>
  </r>
  <r>
    <x v="0"/>
    <x v="13"/>
    <x v="6782"/>
    <s v="CSC Only"/>
    <s v=""/>
    <s v=""/>
    <x v="1"/>
    <s v=""/>
    <x v="48"/>
    <s v="Information Management"/>
    <s v=""/>
    <s v="SSC-APP-00000151"/>
    <s v="In Production"/>
    <s v="desktop"/>
    <x v="0"/>
    <x v="106"/>
  </r>
  <r>
    <x v="4"/>
    <x v="5"/>
    <x v="6783"/>
    <s v="ENF"/>
    <s v="Mainframe product responsible for transmission of data between CA products (Command Propagation Facility)."/>
    <s v=""/>
    <x v="1"/>
    <s v=""/>
    <x v="48"/>
    <s v=""/>
    <s v=""/>
    <s v="SSC-APP-00000152"/>
    <s v="In Production"/>
    <s v=""/>
    <x v="0"/>
    <x v="106"/>
  </r>
  <r>
    <x v="4"/>
    <x v="5"/>
    <x v="6784"/>
    <s v=""/>
    <s v=""/>
    <s v=""/>
    <x v="1"/>
    <s v=""/>
    <x v="48"/>
    <s v=""/>
    <s v=""/>
    <s v="SSC-APP-00000153"/>
    <s v="In Production"/>
    <s v="desktop"/>
    <x v="0"/>
    <x v="106"/>
  </r>
  <r>
    <x v="4"/>
    <x v="5"/>
    <x v="6785"/>
    <s v=""/>
    <s v="auto reply software for Exchange 2016/2013/2010/2007. The dedicated Exchange software solution lets you automate replies to emails, redirect messages, add and remove senders and recipients from emails, as well as prevent messages from being delivered."/>
    <s v=""/>
    <x v="1"/>
    <s v=""/>
    <x v="48"/>
    <s v=""/>
    <s v="Information Technology Services"/>
    <s v="SSC-APP-00000154"/>
    <s v="In Production"/>
    <s v=""/>
    <x v="0"/>
    <x v="106"/>
  </r>
  <r>
    <x v="12"/>
    <x v="115"/>
    <x v="6786"/>
    <s v=""/>
    <s v="Provides email to fax machine functionality to Health Canada and Public Health Agency of Canada.    It is a very heavily used system (approximately 1 million fax pages send per year) mostly to pharmacies."/>
    <s v=""/>
    <x v="1"/>
    <s v=""/>
    <x v="48"/>
    <s v=""/>
    <s v="Other"/>
    <s v="SSC-APP-00000155"/>
    <s v="In Production"/>
    <s v="appliance"/>
    <x v="0"/>
    <x v="106"/>
  </r>
  <r>
    <x v="2"/>
    <x v="64"/>
    <x v="6787"/>
    <s v="Workbook"/>
    <s v="Excel Spreadsheet and reports within one EXCEL workbook allows the Departmental Managers to Forecast their financial position monthly."/>
    <s v=""/>
    <x v="1"/>
    <s v=""/>
    <x v="48"/>
    <s v="Financial Management"/>
    <s v="Financial Management Services"/>
    <s v="SSC-APP-00000156"/>
    <s v="In Production"/>
    <s v="desktop"/>
    <x v="1"/>
    <x v="86"/>
  </r>
  <r>
    <x v="1"/>
    <x v="5"/>
    <x v="6788"/>
    <s v="Forseer"/>
    <s v="Monitoring of HVAC, UPS, Generators, Electrical Equipment"/>
    <s v=""/>
    <x v="1"/>
    <s v=""/>
    <x v="48"/>
    <s v="Information Management"/>
    <s v="Information Technology Services"/>
    <s v="SSC-APP-00000157"/>
    <s v="In Production"/>
    <s v="web"/>
    <x v="1"/>
    <x v="86"/>
  </r>
  <r>
    <x v="4"/>
    <x v="5"/>
    <x v="6789"/>
    <s v="GCcode"/>
    <s v="Gitlab instance"/>
    <s v=""/>
    <x v="1"/>
    <s v=""/>
    <x v="48"/>
    <s v=""/>
    <s v="Information Management Services"/>
    <s v="SSC-APP-00000158"/>
    <s v="In Production"/>
    <s v="web"/>
    <x v="0"/>
    <x v="106"/>
  </r>
  <r>
    <x v="0"/>
    <x v="62"/>
    <x v="6790"/>
    <s v="GCdirectory Support"/>
    <s v="The GCdirectory Support Portal is based on the open source OSticket platform and reskinned to appear as a GC website.  The portal is the support tracking system used by the GCdirectory support team for GEDS/GCdirectory as a GoC service."/>
    <s v=""/>
    <x v="1"/>
    <s v=""/>
    <x v="48"/>
    <s v="Information Technology"/>
    <s v="Information Technology Services"/>
    <s v="SSC-APP-00000159"/>
    <s v="In Production"/>
    <s v="web"/>
    <x v="1"/>
    <x v="106"/>
  </r>
  <r>
    <x v="0"/>
    <x v="28"/>
    <x v="6791"/>
    <s v="GCdirectory"/>
    <s v="The GCdirectory web portal is a GoC facing directory listing of public servants."/>
    <s v=""/>
    <x v="1"/>
    <s v=""/>
    <x v="48"/>
    <s v="Information Management"/>
    <s v="Information Management Services,Information Technology Services"/>
    <s v="SSC-APP-00000160"/>
    <s v="In Production"/>
    <s v="web"/>
    <x v="1"/>
    <x v="106"/>
  </r>
  <r>
    <x v="0"/>
    <x v="8"/>
    <x v="6792"/>
    <s v="GCDOCS"/>
    <m/>
    <s v=""/>
    <x v="1"/>
    <s v=""/>
    <x v="48"/>
    <s v="Information Management"/>
    <s v="Information Management Services"/>
    <s v="SSC-APP-00000161"/>
    <s v="In Production"/>
    <s v="web"/>
    <x v="0"/>
    <x v="106"/>
  </r>
  <r>
    <x v="0"/>
    <x v="8"/>
    <x v="442"/>
    <s v="GCDOCS"/>
    <m/>
    <s v=""/>
    <x v="1"/>
    <s v=""/>
    <x v="48"/>
    <s v="Information Management"/>
    <s v="Information Management Services"/>
    <s v="SSC-APP-00000162"/>
    <s v="In Production"/>
    <s v="web"/>
    <x v="0"/>
    <x v="106"/>
  </r>
  <r>
    <x v="6"/>
    <x v="21"/>
    <x v="6793"/>
    <s v="GW2012"/>
    <m/>
    <s v=""/>
    <x v="1"/>
    <s v=""/>
    <x v="48"/>
    <s v="Information Technology"/>
    <s v=""/>
    <s v="SSC-APP-00000163"/>
    <s v="In Production"/>
    <s v="desktop"/>
    <x v="0"/>
    <x v="106"/>
  </r>
  <r>
    <x v="10"/>
    <x v="55"/>
    <x v="6794"/>
    <s v="GMS"/>
    <s v="Translates GroupWise protocol into ActiveSync protocol for BlackBerry email synchronization."/>
    <s v=""/>
    <x v="1"/>
    <s v=""/>
    <x v="48"/>
    <s v="Information Technology"/>
    <s v=""/>
    <s v="SSC-APP-00000164"/>
    <s v="In Production"/>
    <s v="mobile"/>
    <x v="0"/>
    <x v="106"/>
  </r>
  <r>
    <x v="4"/>
    <x v="5"/>
    <x v="6795"/>
    <s v=""/>
    <s v="Account provisioning tool for IBM Domino accounts for Health Canada and Public Health Agency of Canada.   Been used in the department of all account creations, renames and deletions in the partner department for over 10 years."/>
    <s v=""/>
    <x v="1"/>
    <s v=""/>
    <x v="48"/>
    <s v="Human Resources Management"/>
    <s v="Human Resources Management Services,Other"/>
    <s v="SSC-APP-00000165"/>
    <s v="In Production"/>
    <s v="desktop"/>
    <x v="0"/>
    <x v="106"/>
  </r>
  <r>
    <x v="4"/>
    <x v="5"/>
    <x v="6796"/>
    <s v="hMailServer"/>
    <s v=""/>
    <s v=""/>
    <x v="1"/>
    <s v=""/>
    <x v="48"/>
    <s v="Information Technology"/>
    <s v=""/>
    <s v="SSC-APP-00000166"/>
    <s v="In Production"/>
    <s v="web"/>
    <x v="0"/>
    <x v="106"/>
  </r>
  <r>
    <x v="8"/>
    <x v="29"/>
    <x v="6797"/>
    <s v="HPCCET"/>
    <s v="The Computational Environment Toolkit is an in-house suite of tools for HPC users that helps them use the computing resources in an optimal way."/>
    <s v=""/>
    <x v="1"/>
    <s v=""/>
    <x v="48"/>
    <s v="Information Technology"/>
    <s v="Information Technology Services"/>
    <s v="SSC-APP-00000167"/>
    <s v="In Production"/>
    <s v="mini_main_super"/>
    <x v="1"/>
    <x v="106"/>
  </r>
  <r>
    <x v="12"/>
    <x v="74"/>
    <x v="6798"/>
    <s v=""/>
    <m/>
    <s v=""/>
    <x v="1"/>
    <s v=""/>
    <x v="48"/>
    <s v="Information Technology"/>
    <s v="Information Technology Services"/>
    <s v="SSC-APP-00000168"/>
    <s v="In Production"/>
    <s v="mini_main_super"/>
    <x v="1"/>
    <x v="106"/>
  </r>
  <r>
    <x v="1"/>
    <x v="105"/>
    <x v="6799"/>
    <s v=""/>
    <m/>
    <s v=""/>
    <x v="1"/>
    <s v=""/>
    <x v="48"/>
    <s v="Information Technology"/>
    <s v="Information Technology Services"/>
    <s v="SSC-APP-00000169"/>
    <s v="In Production"/>
    <s v="mini_main_super"/>
    <x v="1"/>
    <x v="106"/>
  </r>
  <r>
    <x v="1"/>
    <x v="1"/>
    <x v="6800"/>
    <s v="n/a"/>
    <m/>
    <s v=""/>
    <x v="1"/>
    <s v=""/>
    <x v="48"/>
    <s v="Information Technology"/>
    <s v="Information Technology Services"/>
    <s v="SSC-APP-00000170"/>
    <s v="In Production"/>
    <s v="mini_main_super"/>
    <x v="1"/>
    <x v="106"/>
  </r>
  <r>
    <x v="7"/>
    <x v="81"/>
    <x v="6801"/>
    <s v="RACF"/>
    <m/>
    <s v="Other"/>
    <x v="1"/>
    <s v="IMB, RACF"/>
    <x v="48"/>
    <s v="Information Technology"/>
    <s v=""/>
    <s v="SSC-APP-00000171"/>
    <s v="In Production"/>
    <s v="mini_main_super"/>
    <x v="0"/>
    <x v="86"/>
  </r>
  <r>
    <x v="4"/>
    <x v="5"/>
    <x v="6802"/>
    <s v=""/>
    <s v=""/>
    <s v=""/>
    <x v="1"/>
    <s v=""/>
    <x v="48"/>
    <s v=""/>
    <s v=""/>
    <s v="SSC-APP-00000172"/>
    <s v="In Production"/>
    <s v=""/>
    <x v="0"/>
    <x v="106"/>
  </r>
  <r>
    <x v="4"/>
    <x v="5"/>
    <x v="6803"/>
    <s v="ICM"/>
    <s v=""/>
    <s v=""/>
    <x v="1"/>
    <s v=""/>
    <x v="48"/>
    <s v=""/>
    <s v=""/>
    <s v="SSC-APP-00000173"/>
    <s v="In Production"/>
    <s v=""/>
    <x v="0"/>
    <x v="106"/>
  </r>
  <r>
    <x v="4"/>
    <x v="5"/>
    <x v="6804"/>
    <s v="ICM- MyKey"/>
    <m/>
    <s v=""/>
    <x v="1"/>
    <s v=""/>
    <x v="48"/>
    <s v="Information Technology"/>
    <s v="Information Technology Services"/>
    <s v="SSC-APP-00000174"/>
    <s v="In Production"/>
    <s v="desktop"/>
    <x v="0"/>
    <x v="106"/>
  </r>
  <r>
    <x v="7"/>
    <x v="113"/>
    <x v="6805"/>
    <s v="ION"/>
    <s v="This is a power monitoring tool used to monitor power consumption within the IRCC data center"/>
    <s v=""/>
    <x v="1"/>
    <s v=""/>
    <x v="48"/>
    <s v="Information Technology"/>
    <s v="Information Technology Services"/>
    <s v="SSC-APP-00000175"/>
    <s v="In Production"/>
    <s v="desktop"/>
    <x v="0"/>
    <x v="86"/>
  </r>
  <r>
    <x v="4"/>
    <x v="5"/>
    <x v="6806"/>
    <s v=""/>
    <s v="The iOS Developer Enterprise Program provides the Afaria mobile device management system (MDM) with the ability to create Apple"/>
    <s v=""/>
    <x v="1"/>
    <s v=""/>
    <x v="48"/>
    <s v=""/>
    <s v="Information Technology Services"/>
    <s v="SSC-APP-00000176"/>
    <s v="In Production"/>
    <s v=""/>
    <x v="0"/>
    <x v="106"/>
  </r>
  <r>
    <x v="12"/>
    <x v="5"/>
    <x v="6807"/>
    <s v="Address Database"/>
    <m/>
    <s v=""/>
    <x v="1"/>
    <s v=""/>
    <x v="48"/>
    <s v="Information Technology"/>
    <s v="Information Technology Services"/>
    <s v="SSC-APP-00000177"/>
    <s v="In Production"/>
    <s v="desktop"/>
    <x v="1"/>
    <x v="106"/>
  </r>
  <r>
    <x v="4"/>
    <x v="5"/>
    <x v="6808"/>
    <s v=""/>
    <s v=""/>
    <s v=""/>
    <x v="1"/>
    <s v=""/>
    <x v="48"/>
    <s v=""/>
    <s v=""/>
    <s v="SSC-APP-00000178"/>
    <s v="In Production"/>
    <s v=""/>
    <x v="0"/>
    <x v="106"/>
  </r>
  <r>
    <x v="9"/>
    <x v="73"/>
    <x v="6809"/>
    <s v="not applicable"/>
    <m/>
    <s v=""/>
    <x v="1"/>
    <s v=""/>
    <x v="48"/>
    <s v="Information Technology"/>
    <s v="Information Technology Services"/>
    <s v="SSC-APP-00000179"/>
    <s v="In Production"/>
    <s v="appliance"/>
    <x v="0"/>
    <x v="2499"/>
  </r>
  <r>
    <x v="4"/>
    <x v="5"/>
    <x v="6810"/>
    <s v=""/>
    <s v=""/>
    <s v=""/>
    <x v="1"/>
    <s v=""/>
    <x v="48"/>
    <s v=""/>
    <s v=""/>
    <s v="SSC-APP-00000180"/>
    <s v="In Production"/>
    <s v=""/>
    <x v="0"/>
    <x v="106"/>
  </r>
  <r>
    <x v="12"/>
    <x v="74"/>
    <x v="6811"/>
    <s v="Traverse"/>
    <m/>
    <s v=""/>
    <x v="1"/>
    <s v=""/>
    <x v="48"/>
    <s v="Information Technology"/>
    <s v="Information Technology Services"/>
    <s v="SSC-APP-00000181"/>
    <s v="In Production"/>
    <s v="web"/>
    <x v="0"/>
    <x v="106"/>
  </r>
  <r>
    <x v="4"/>
    <x v="5"/>
    <x v="6812"/>
    <s v="Keep by Feenics"/>
    <s v=""/>
    <s v=""/>
    <x v="1"/>
    <s v=""/>
    <x v="48"/>
    <s v=""/>
    <s v=""/>
    <s v="SSC-APP-00000182"/>
    <s v="In Production"/>
    <s v=""/>
    <x v="0"/>
    <x v="106"/>
  </r>
  <r>
    <x v="1"/>
    <x v="47"/>
    <x v="6813"/>
    <s v="key management"/>
    <s v="proxSafe is a modular system for safekeeping and management of keys. This system is in place and operating at an End state data center in SSC. Key's are securely attached to an electronic RFIDkeyTag. The key is locked in the proxCylinder where its code is read and monitored.  The system is operated via a proxSafe user terminal."/>
    <s v=""/>
    <x v="1"/>
    <s v=""/>
    <x v="48"/>
    <s v="Information Technology"/>
    <s v="Information Technology Services,Information Technology Services"/>
    <s v="SSC-APP-00000183"/>
    <s v="In Production"/>
    <s v="appliance"/>
    <x v="0"/>
    <x v="86"/>
  </r>
  <r>
    <x v="7"/>
    <x v="26"/>
    <x v="6814"/>
    <s v="KIWI"/>
    <s v="Kiwi syslog server is used as a syslog server for client and datacenter networks"/>
    <s v=""/>
    <x v="1"/>
    <s v=""/>
    <x v="48"/>
    <s v="Information Technology"/>
    <s v="Information Technology Services"/>
    <s v="SSC-APP-00000184"/>
    <s v="In Production"/>
    <s v="web"/>
    <x v="0"/>
    <x v="106"/>
  </r>
  <r>
    <x v="7"/>
    <x v="108"/>
    <x v="6815"/>
    <s v="OnGuard"/>
    <s v="Lenel Onguard is software used for the creation of access and identification cards and the management of associated accesses."/>
    <s v=""/>
    <x v="1"/>
    <s v=""/>
    <x v="48"/>
    <s v="Travel and Other Administrative Services"/>
    <s v=""/>
    <s v="SSC-APP-00000185"/>
    <s v="In Production"/>
    <s v="desktop"/>
    <x v="0"/>
    <x v="106"/>
  </r>
  <r>
    <x v="6"/>
    <x v="61"/>
    <x v="477"/>
    <s v="MSFT"/>
    <m/>
    <s v=""/>
    <x v="1"/>
    <s v=""/>
    <x v="48"/>
    <s v="Information Management"/>
    <s v="Financial Management Services,Human Resources Management Services,Information Management Services,Other,Real Property Services"/>
    <s v="SSC-APP-00000186"/>
    <s v="In Production"/>
    <s v="desktop"/>
    <x v="1"/>
    <x v="106"/>
  </r>
  <r>
    <x v="4"/>
    <x v="5"/>
    <x v="6816"/>
    <s v="MSME"/>
    <m/>
    <s v=""/>
    <x v="1"/>
    <s v=""/>
    <x v="48"/>
    <s v=""/>
    <s v="Information Technology Services"/>
    <s v="SSC-APP-00000187"/>
    <s v="In Production"/>
    <s v="desktop"/>
    <x v="0"/>
    <x v="106"/>
  </r>
  <r>
    <x v="7"/>
    <x v="26"/>
    <x v="6817"/>
    <s v="ADFS"/>
    <s v="SAML Brokering functions for applications in EDC and some partners."/>
    <s v="Other"/>
    <x v="1"/>
    <s v="Microsoft Active Directory (ADFS)"/>
    <x v="48"/>
    <s v="Information Management"/>
    <s v="Information Technology Services"/>
    <s v="SSC-APP-00000188"/>
    <s v="In Production"/>
    <s v="web"/>
    <x v="0"/>
    <x v="86"/>
  </r>
  <r>
    <x v="4"/>
    <x v="5"/>
    <x v="6818"/>
    <s v="FIM"/>
    <s v=""/>
    <s v=""/>
    <x v="1"/>
    <s v=""/>
    <x v="48"/>
    <s v=""/>
    <s v=""/>
    <s v="SSC-APP-00000189"/>
    <s v="In Production"/>
    <s v=""/>
    <x v="0"/>
    <x v="106"/>
  </r>
  <r>
    <x v="4"/>
    <x v="5"/>
    <x v="6819"/>
    <s v="MRSDB"/>
    <s v="A cmdb for server and storage CI.  It contains fields and information that are not part of the enterprise CMDB tool.  It supports inventory, capacity planning and other server and storage maintenance processes"/>
    <s v="Microsoft_Corporation"/>
    <x v="100"/>
    <s v=""/>
    <x v="48"/>
    <s v="Information Technology"/>
    <s v="Information Technology Services"/>
    <s v="SSC-APP-00000190"/>
    <s v="In Production"/>
    <s v="desktop"/>
    <x v="0"/>
    <x v="86"/>
  </r>
  <r>
    <x v="4"/>
    <x v="5"/>
    <x v="6820"/>
    <s v=""/>
    <s v=""/>
    <s v=""/>
    <x v="1"/>
    <s v=""/>
    <x v="48"/>
    <s v=""/>
    <s v=""/>
    <s v="SSC-APP-00000191"/>
    <s v="In Production"/>
    <s v=""/>
    <x v="0"/>
    <x v="106"/>
  </r>
  <r>
    <x v="4"/>
    <x v="5"/>
    <x v="6821"/>
    <s v="NSS"/>
    <s v="This is an information repository that indicates by region and by partner who can offer mid range server and support services.  Since SSC does not have staff in all locations on all networks, this is critical information needed to deal with onsite problems that cannot be solved remotely."/>
    <s v=""/>
    <x v="1"/>
    <s v=""/>
    <x v="48"/>
    <s v=""/>
    <s v=""/>
    <s v="SSC-APP-00000192"/>
    <s v="In Production"/>
    <s v=""/>
    <x v="0"/>
    <x v="106"/>
  </r>
  <r>
    <x v="3"/>
    <x v="31"/>
    <x v="6822"/>
    <s v="EPS MS Project Integrator"/>
    <m/>
    <s v=""/>
    <x v="1"/>
    <s v=""/>
    <x v="48"/>
    <s v="Management and Oversight Services"/>
    <s v="Information Technology Services,Management and Oversight Services"/>
    <s v="SSC-APP-00000193"/>
    <s v="In Production"/>
    <s v="desktop"/>
    <x v="0"/>
    <x v="106"/>
  </r>
  <r>
    <x v="4"/>
    <x v="5"/>
    <x v="6823"/>
    <s v="NC-Syncom"/>
    <s v="Mainframe IBM security software for password synchronization (GOP). This software enables propagation of userid password and status changes between RACF and TSS secured systems"/>
    <s v="Other"/>
    <x v="1"/>
    <s v="One Identity, NC-Syncom Password"/>
    <x v="48"/>
    <s v=""/>
    <s v=""/>
    <s v="SSC-APP-00000194"/>
    <s v="In Production"/>
    <s v="mini_main_super"/>
    <x v="0"/>
    <x v="86"/>
  </r>
  <r>
    <x v="12"/>
    <x v="74"/>
    <x v="6824"/>
    <s v="nGenius"/>
    <s v="nGenuis one is an application and network performance monitoring platform used to interpret data collected by Netscout Infinistream and netflow collectors strategically placed in scoped network junctions."/>
    <s v="Netscout"/>
    <x v="1"/>
    <s v=""/>
    <x v="48"/>
    <s v="Information Technology"/>
    <s v="Information Technology Services"/>
    <s v="SSC-APP-00000195"/>
    <s v="In Production"/>
    <s v="appliance"/>
    <x v="0"/>
    <x v="106"/>
  </r>
  <r>
    <x v="1"/>
    <x v="5"/>
    <x v="6825"/>
    <s v="NCC 6.0, CCMA, ADD"/>
    <s v=""/>
    <s v="Other"/>
    <x v="1"/>
    <s v="Symposium"/>
    <x v="48"/>
    <s v="Communications Services"/>
    <s v=""/>
    <s v="SSC-APP-00000196"/>
    <s v="In Production"/>
    <s v="desktop"/>
    <x v="0"/>
    <x v="2500"/>
  </r>
  <r>
    <x v="4"/>
    <x v="5"/>
    <x v="6826"/>
    <s v="DMA"/>
    <s v=""/>
    <s v=""/>
    <x v="1"/>
    <s v=""/>
    <x v="48"/>
    <s v=""/>
    <s v=""/>
    <s v="SSC-APP-00000197"/>
    <s v="In Production"/>
    <s v=""/>
    <x v="0"/>
    <x v="106"/>
  </r>
  <r>
    <x v="4"/>
    <x v="5"/>
    <x v="6827"/>
    <s v="MGC"/>
    <s v=""/>
    <s v=""/>
    <x v="1"/>
    <s v=""/>
    <x v="48"/>
    <s v=""/>
    <s v=""/>
    <s v="SSC-APP-00000198"/>
    <s v="In Production"/>
    <s v=""/>
    <x v="0"/>
    <x v="106"/>
  </r>
  <r>
    <x v="6"/>
    <x v="67"/>
    <x v="6828"/>
    <s v="RPD"/>
    <s v="POLYCOM RPD is a software-based videoconferencing client used by end-users to make video calls and connect to videoconferences.  There are a number of SSC partners that use this application."/>
    <s v=""/>
    <x v="1"/>
    <s v=""/>
    <x v="48"/>
    <s v="Information Technology"/>
    <s v="Information Technology Services"/>
    <s v="SSC-APP-00000199"/>
    <s v="In Production"/>
    <s v="desktop"/>
    <x v="0"/>
    <x v="106"/>
  </r>
  <r>
    <x v="12"/>
    <x v="121"/>
    <x v="6829"/>
    <s v="RPRM"/>
    <s v="Polycom RealPresence Resource Manager software application provisions, manages and monitors video endpoint devices"/>
    <s v=""/>
    <x v="1"/>
    <s v=""/>
    <x v="48"/>
    <s v="Information Technology"/>
    <s v="Information Technology Services"/>
    <s v="SSC-APP-00000200"/>
    <s v="In Production"/>
    <s v="appliance"/>
    <x v="0"/>
    <x v="106"/>
  </r>
  <r>
    <x v="4"/>
    <x v="5"/>
    <x v="6830"/>
    <s v="RMX"/>
    <s v=""/>
    <s v=""/>
    <x v="1"/>
    <s v=""/>
    <x v="48"/>
    <s v=""/>
    <s v=""/>
    <s v="SSC-APP-00000201"/>
    <s v="In Production"/>
    <s v=""/>
    <x v="0"/>
    <x v="106"/>
  </r>
  <r>
    <x v="4"/>
    <x v="5"/>
    <x v="6831"/>
    <s v="RMX"/>
    <s v=""/>
    <s v=""/>
    <x v="1"/>
    <s v=""/>
    <x v="48"/>
    <s v=""/>
    <s v=""/>
    <s v="SSC-APP-00000202"/>
    <s v="In Production"/>
    <s v=""/>
    <x v="0"/>
    <x v="106"/>
  </r>
  <r>
    <x v="4"/>
    <x v="5"/>
    <x v="6832"/>
    <s v="RPRM"/>
    <s v=""/>
    <s v=""/>
    <x v="1"/>
    <s v=""/>
    <x v="48"/>
    <s v=""/>
    <s v=""/>
    <s v="SSC-APP-00000203"/>
    <s v="In Production"/>
    <s v=""/>
    <x v="0"/>
    <x v="106"/>
  </r>
  <r>
    <x v="4"/>
    <x v="5"/>
    <x v="6833"/>
    <s v="RPRM"/>
    <s v=""/>
    <s v=""/>
    <x v="1"/>
    <s v=""/>
    <x v="48"/>
    <s v=""/>
    <s v=""/>
    <s v="SSC-APP-00000204"/>
    <s v="In Production"/>
    <s v=""/>
    <x v="0"/>
    <x v="106"/>
  </r>
  <r>
    <x v="12"/>
    <x v="121"/>
    <x v="6834"/>
    <s v=""/>
    <s v="RMX Manager enables users to control and monitor multiple RMX units from a single interface"/>
    <s v=""/>
    <x v="1"/>
    <s v=""/>
    <x v="48"/>
    <s v="Information Technology"/>
    <s v="Communications Services,Information Technology Services"/>
    <s v="SSC-APP-00000205"/>
    <s v="In Production"/>
    <s v="desktop"/>
    <x v="0"/>
    <x v="106"/>
  </r>
  <r>
    <x v="4"/>
    <x v="5"/>
    <x v="6835"/>
    <s v="Perspective"/>
    <m/>
    <s v=""/>
    <x v="1"/>
    <s v=""/>
    <x v="48"/>
    <s v="Information Technology"/>
    <s v=""/>
    <s v="SSC-APP-00000206"/>
    <s v="In Production"/>
    <s v="desktop"/>
    <x v="0"/>
    <x v="106"/>
  </r>
  <r>
    <x v="6"/>
    <x v="5"/>
    <x v="6836"/>
    <s v="PATS"/>
    <s v="PATS tracks all new IT procurements identified with trackable assets. The system allows the work to be distributed equally amongst the team, sends notificiations to delivery contacts per location and moves the work automatically between the different statuses and stages of tracking a procurement such as packing slip upload for proof of delivery, asset tag distribution, serial number and tag affiliation information which is then entered into Enterprise Control Desk through a pull of data daily as well as aid in the creation of goods receipts for invoice payment in SIGMA and Equipment Master Record information in SIGMA and amendments to the Asset Management Records in SIGMA.  The system also allows for appointment set ups for the ITAM Operations team to"/>
    <s v=""/>
    <x v="1"/>
    <s v=""/>
    <x v="48"/>
    <s v="Material"/>
    <s v="Acquisition Services,Financial Management Services,Materiel Services,Other"/>
    <s v="SSC-APP-00000207"/>
    <s v="In Production"/>
    <s v="web"/>
    <x v="1"/>
    <x v="106"/>
  </r>
  <r>
    <x v="2"/>
    <x v="41"/>
    <x v="6837"/>
    <s v="P2P/EPP"/>
    <m/>
    <s v=""/>
    <x v="1"/>
    <s v=""/>
    <x v="48"/>
    <s v="Financial Management"/>
    <s v="Acquisition Services,Financial Management Services,Materiel Services"/>
    <s v="SSC-APP-00000208"/>
    <s v="In Production"/>
    <s v="web"/>
    <x v="0"/>
    <x v="106"/>
  </r>
  <r>
    <x v="6"/>
    <x v="21"/>
    <x v="6838"/>
    <s v="Promodag"/>
    <s v="Description: Email analysis and reporting software for Microsoft Exchange. Promodag Reports for Microsoft Exchange Server  is used within the GAC legacy electronic messaging environment to collect email statistics from a global distribution of email servers, on a daily basis. Reports are then generated based upon analysis of traffic (number of messages sent / received, total size of messages sent / received, etc.), as well  as mailbox size, usage of distribution lists, and details in relation to origin and destination of specific messages.   Value and Purpose: The data collected is used to chart trends on a weekly, monthly and yearly basis, and allows for planning exercises in relation to expected overall usage of the messaging system from one year to"/>
    <s v=""/>
    <x v="1"/>
    <s v=""/>
    <x v="48"/>
    <s v="Information Technology"/>
    <s v="Information Technology Services"/>
    <s v="SSC-APP-00000209"/>
    <s v="In Production"/>
    <s v="mini_main_super"/>
    <x v="0"/>
    <x v="106"/>
  </r>
  <r>
    <x v="4"/>
    <x v="5"/>
    <x v="6839"/>
    <s v="CUCM"/>
    <s v=""/>
    <s v=""/>
    <x v="1"/>
    <s v=""/>
    <x v="48"/>
    <s v=""/>
    <s v=""/>
    <s v="SSC-APP-00000210"/>
    <s v="In Production"/>
    <s v=""/>
    <x v="0"/>
    <x v="106"/>
  </r>
  <r>
    <x v="0"/>
    <x v="0"/>
    <x v="6840"/>
    <s v="RMP"/>
    <m/>
    <s v=""/>
    <x v="1"/>
    <s v=""/>
    <x v="48"/>
    <s v="Information Management"/>
    <s v=""/>
    <s v="SSC-APP-00000211"/>
    <s v="In Production"/>
    <s v="desktop"/>
    <x v="0"/>
    <x v="106"/>
  </r>
  <r>
    <x v="0"/>
    <x v="5"/>
    <x v="6841"/>
    <s v=""/>
    <s v="These are two different applications GWAVA Reload is used to synchronize database data between two data centers for DR  and Gwava Vertigo supplies enhanced administrative capabilities for the GroupWise email system."/>
    <s v=""/>
    <x v="1"/>
    <s v=""/>
    <x v="48"/>
    <s v="Information Technology"/>
    <s v=""/>
    <s v="SSC-APP-00000212"/>
    <s v="In Production"/>
    <s v="rich"/>
    <x v="0"/>
    <x v="86"/>
  </r>
  <r>
    <x v="3"/>
    <x v="31"/>
    <x v="6842"/>
    <s v="SAS"/>
    <m/>
    <s v=""/>
    <x v="1"/>
    <s v=""/>
    <x v="48"/>
    <s v=""/>
    <s v="Information Management Services,Information Technology Services"/>
    <s v="SSC-APP-00000213"/>
    <s v="In Production"/>
    <s v="web"/>
    <x v="0"/>
    <x v="106"/>
  </r>
  <r>
    <x v="10"/>
    <x v="69"/>
    <x v="6843"/>
    <s v="sarra"/>
    <s v="This is the version of Big Data Cascade for use by non-7/24 clients (non mission-critical, business day service level.) All the same answers as for Big Data Cascade (same software) but not mission-critical."/>
    <s v=""/>
    <x v="1"/>
    <s v=""/>
    <x v="48"/>
    <s v="Information Technology"/>
    <s v="Information Technology Services"/>
    <s v="SSC-APP-00000214"/>
    <s v="In Production"/>
    <s v="mini_main_super"/>
    <x v="1"/>
    <x v="106"/>
  </r>
  <r>
    <x v="7"/>
    <x v="26"/>
    <x v="6844"/>
    <s v="nagios"/>
    <m/>
    <s v=""/>
    <x v="1"/>
    <s v=""/>
    <x v="48"/>
    <s v="Information Technology"/>
    <s v=""/>
    <s v="SSC-APP-00000215"/>
    <s v="In Production"/>
    <s v="web"/>
    <x v="0"/>
    <x v="106"/>
  </r>
  <r>
    <x v="1"/>
    <x v="5"/>
    <x v="6845"/>
    <s v="SiteScan"/>
    <s v="SiteScan is a monitoring tool for all of the environmental equipment, such as AC's, Power distributions units, generators, etc. at DCSL.  SiteScan is monitored 24x7x365 by ECC, who in turn will page out all alerts to the Environmental staff."/>
    <s v=""/>
    <x v="1"/>
    <s v=""/>
    <x v="48"/>
    <s v="Information Technology"/>
    <s v="Information Technology Services"/>
    <s v="SSC-APP-00000216"/>
    <s v="In Production"/>
    <s v="web"/>
    <x v="0"/>
    <x v="86"/>
  </r>
  <r>
    <x v="6"/>
    <x v="48"/>
    <x v="6846"/>
    <s v="SMS Hopper (excel spreadsheet)"/>
    <s v="Excel 2010 spreadsheet to keep track of orders"/>
    <s v=""/>
    <x v="1"/>
    <s v=""/>
    <x v="48"/>
    <s v="Information Technology"/>
    <s v=""/>
    <s v="SSC-APP-00000217"/>
    <s v="In Production"/>
    <s v="desktop"/>
    <x v="0"/>
    <x v="86"/>
  </r>
  <r>
    <x v="6"/>
    <x v="48"/>
    <x v="6847"/>
    <s v="Excel 2010"/>
    <s v="Excel spread sheet"/>
    <s v=""/>
    <x v="1"/>
    <s v=""/>
    <x v="48"/>
    <s v="Information Technology"/>
    <s v=""/>
    <s v="SSC-APP-00000218"/>
    <s v="In Production"/>
    <s v="desktop"/>
    <x v="0"/>
    <x v="86"/>
  </r>
  <r>
    <x v="4"/>
    <x v="5"/>
    <x v="6848"/>
    <s v="SODA"/>
    <s v=""/>
    <s v=""/>
    <x v="1"/>
    <s v=""/>
    <x v="48"/>
    <s v=""/>
    <s v=""/>
    <s v="SSC-APP-00000219"/>
    <s v="In Production"/>
    <s v=""/>
    <x v="0"/>
    <x v="106"/>
  </r>
  <r>
    <x v="4"/>
    <x v="5"/>
    <x v="6849"/>
    <s v="Solarwinds"/>
    <s v=""/>
    <s v=""/>
    <x v="1"/>
    <s v=""/>
    <x v="48"/>
    <s v=""/>
    <s v=""/>
    <s v="SSC-APP-00000220"/>
    <s v="In Production"/>
    <s v=""/>
    <x v="0"/>
    <x v="106"/>
  </r>
  <r>
    <x v="3"/>
    <x v="17"/>
    <x v="1242"/>
    <s v="Splunk"/>
    <s v="Splunk is a data analytic tool used to interpret machine data"/>
    <s v=""/>
    <x v="1"/>
    <s v=""/>
    <x v="48"/>
    <s v="Information Technology"/>
    <s v="Information Technology Services"/>
    <s v="SSC-APP-00000221"/>
    <s v="In Production"/>
    <s v="web"/>
    <x v="0"/>
    <x v="106"/>
  </r>
  <r>
    <x v="4"/>
    <x v="5"/>
    <x v="6850"/>
    <s v="SQL"/>
    <s v=""/>
    <s v=""/>
    <x v="1"/>
    <s v=""/>
    <x v="48"/>
    <s v=""/>
    <s v=""/>
    <s v="SSC-APP-00000222"/>
    <s v="In Production"/>
    <s v=""/>
    <x v="0"/>
    <x v="106"/>
  </r>
  <r>
    <x v="1"/>
    <x v="5"/>
    <x v="6851"/>
    <s v="StruxureWare Data Center Expert 7.2.0"/>
    <m/>
    <s v=""/>
    <x v="1"/>
    <s v=""/>
    <x v="48"/>
    <s v="Information Management"/>
    <s v=""/>
    <s v="SSC-APP-00000223"/>
    <s v="In Production"/>
    <s v="desktop"/>
    <x v="1"/>
    <x v="86"/>
  </r>
  <r>
    <x v="4"/>
    <x v="5"/>
    <x v="6852"/>
    <s v="SMG"/>
    <s v="Antivirus / AntiSpam gateway for E-mail"/>
    <s v=""/>
    <x v="1"/>
    <s v=""/>
    <x v="48"/>
    <s v="Information Technology"/>
    <s v="Communications Services,Management and Oversight Services"/>
    <s v="SSC-APP-00000224"/>
    <s v="In Production"/>
    <s v="appliance"/>
    <x v="0"/>
    <x v="106"/>
  </r>
  <r>
    <x v="4"/>
    <x v="5"/>
    <x v="6853"/>
    <s v="MCU"/>
    <s v=""/>
    <s v=""/>
    <x v="1"/>
    <s v=""/>
    <x v="48"/>
    <s v=""/>
    <s v=""/>
    <s v="SSC-APP-00000225"/>
    <s v="In Production"/>
    <s v=""/>
    <x v="0"/>
    <x v="106"/>
  </r>
  <r>
    <x v="4"/>
    <x v="5"/>
    <x v="6854"/>
    <s v="MCU"/>
    <s v=""/>
    <s v=""/>
    <x v="1"/>
    <s v=""/>
    <x v="48"/>
    <s v=""/>
    <s v=""/>
    <s v="SSC-APP-00000226"/>
    <s v="In Production"/>
    <s v=""/>
    <x v="0"/>
    <x v="106"/>
  </r>
  <r>
    <x v="9"/>
    <x v="54"/>
    <x v="6855"/>
    <s v="TSSFLD"/>
    <s v="Custom made interface used by CRA field officers which connects to TSS (TSS is a Mainframe security product used for access control). This software provides a front end to TSS at CRA. It &quot;forces&quot; user to enter specific fields in a certain format to support backend processes"/>
    <s v=""/>
    <x v="1"/>
    <s v=""/>
    <x v="48"/>
    <s v="Information Technology"/>
    <s v=""/>
    <s v="SSC-APP-00000227"/>
    <s v="In Production"/>
    <s v="mini_main_super"/>
    <x v="1"/>
    <x v="86"/>
  </r>
  <r>
    <x v="4"/>
    <x v="5"/>
    <x v="6856"/>
    <s v=""/>
    <s v=""/>
    <s v=""/>
    <x v="1"/>
    <s v=""/>
    <x v="48"/>
    <s v=""/>
    <s v=""/>
    <s v="SSC-APP-00000228"/>
    <s v="In Production"/>
    <s v=""/>
    <x v="0"/>
    <x v="106"/>
  </r>
  <r>
    <x v="4"/>
    <x v="5"/>
    <x v="6857"/>
    <s v="TSM Manager"/>
    <s v=""/>
    <s v=""/>
    <x v="1"/>
    <s v=""/>
    <x v="48"/>
    <s v=""/>
    <s v=""/>
    <s v="SSC-APP-00000229"/>
    <s v="In Production"/>
    <s v=""/>
    <x v="0"/>
    <x v="106"/>
  </r>
  <r>
    <x v="7"/>
    <x v="81"/>
    <x v="6858"/>
    <s v="TRX"/>
    <s v="IBM Mainframe file management system."/>
    <s v="Other"/>
    <x v="1"/>
    <s v="Tone Software, TRX"/>
    <x v="48"/>
    <s v="Information Technology"/>
    <s v=""/>
    <s v="SSC-APP-00000230"/>
    <s v="In Production"/>
    <s v="mini_main_super"/>
    <x v="0"/>
    <x v="86"/>
  </r>
  <r>
    <x v="4"/>
    <x v="5"/>
    <x v="6859"/>
    <s v="CER"/>
    <s v=""/>
    <s v=""/>
    <x v="1"/>
    <s v=""/>
    <x v="48"/>
    <s v=""/>
    <s v=""/>
    <s v="SSC-APP-00000231"/>
    <s v="In Production"/>
    <s v=""/>
    <x v="0"/>
    <x v="106"/>
  </r>
  <r>
    <x v="7"/>
    <x v="108"/>
    <x v="6860"/>
    <s v="VCI Controls"/>
    <m/>
    <s v=""/>
    <x v="1"/>
    <s v=""/>
    <x v="48"/>
    <s v="Information Technology"/>
    <s v="Information Management Services,Information Technology Services"/>
    <s v="SSC-APP-00000232"/>
    <s v="In Production"/>
    <s v="appliance"/>
    <x v="1"/>
    <x v="86"/>
  </r>
  <r>
    <x v="4"/>
    <x v="5"/>
    <x v="6861"/>
    <s v="Impact"/>
    <s v=""/>
    <s v=""/>
    <x v="1"/>
    <s v=""/>
    <x v="48"/>
    <s v=""/>
    <s v=""/>
    <s v="SSC-APP-00000233"/>
    <s v="In Production"/>
    <s v=""/>
    <x v="0"/>
    <x v="106"/>
  </r>
  <r>
    <x v="4"/>
    <x v="5"/>
    <x v="6862"/>
    <s v=""/>
    <s v=""/>
    <s v=""/>
    <x v="1"/>
    <s v=""/>
    <x v="48"/>
    <s v=""/>
    <s v=""/>
    <s v="SSC-APP-00000234"/>
    <s v="In Production"/>
    <s v=""/>
    <x v="0"/>
    <x v="106"/>
  </r>
  <r>
    <x v="4"/>
    <x v="5"/>
    <x v="6863"/>
    <s v="VTRS"/>
    <s v=""/>
    <s v=""/>
    <x v="1"/>
    <s v=""/>
    <x v="48"/>
    <s v=""/>
    <s v=""/>
    <s v="SSC-APP-00000235"/>
    <s v="In Production"/>
    <s v=""/>
    <x v="0"/>
    <x v="106"/>
  </r>
  <r>
    <x v="4"/>
    <x v="5"/>
    <x v="6864"/>
    <s v="XCS"/>
    <m/>
    <s v=""/>
    <x v="1"/>
    <s v=""/>
    <x v="48"/>
    <s v="Information Technology"/>
    <s v="Information Technology Services"/>
    <s v="SSC-APP-00000236"/>
    <s v="In Production"/>
    <s v="web"/>
    <x v="0"/>
    <x v="106"/>
  </r>
  <r>
    <x v="12"/>
    <x v="74"/>
    <x v="6865"/>
    <s v="WUP"/>
    <m/>
    <s v=""/>
    <x v="1"/>
    <s v=""/>
    <x v="48"/>
    <s v="Information Technology"/>
    <s v="Information Technology Services"/>
    <s v="SSC-APP-00000237"/>
    <s v="In Production"/>
    <s v="desktop"/>
    <x v="0"/>
    <x v="106"/>
  </r>
  <r>
    <x v="4"/>
    <x v="5"/>
    <x v="6866"/>
    <s v=""/>
    <s v=""/>
    <s v=""/>
    <x v="1"/>
    <s v=""/>
    <x v="48"/>
    <s v=""/>
    <s v=""/>
    <s v="SSC-APP-00000238"/>
    <s v="In Production"/>
    <s v=""/>
    <x v="0"/>
    <x v="106"/>
  </r>
  <r>
    <x v="4"/>
    <x v="5"/>
    <x v="6867"/>
    <s v="WFMS"/>
    <s v=""/>
    <s v=""/>
    <x v="1"/>
    <s v=""/>
    <x v="48"/>
    <s v=""/>
    <s v=""/>
    <s v="SSC-APP-00000239"/>
    <s v="In Production"/>
    <s v=""/>
    <x v="0"/>
    <x v="106"/>
  </r>
  <r>
    <x v="4"/>
    <x v="5"/>
    <x v="6868"/>
    <s v=""/>
    <s v=""/>
    <s v=""/>
    <x v="1"/>
    <s v=""/>
    <x v="48"/>
    <s v=""/>
    <s v=""/>
    <s v="SSC-APP-00000240"/>
    <s v="In Production"/>
    <s v=""/>
    <x v="0"/>
    <x v="106"/>
  </r>
  <r>
    <x v="4"/>
    <x v="5"/>
    <x v="6869"/>
    <s v="YES"/>
    <m/>
    <s v=""/>
    <x v="1"/>
    <s v=""/>
    <x v="48"/>
    <s v=""/>
    <s v="Information Technology Services"/>
    <s v="SSC-APP-00000241"/>
    <s v="In Production"/>
    <s v=""/>
    <x v="0"/>
    <x v="86"/>
  </r>
  <r>
    <x v="3"/>
    <x v="45"/>
    <x v="6870"/>
    <s v="ScanEZ"/>
    <s v="Invaluable tool for troubleshooting lotus notes infrastructures, databases, data corruption, unexplained behavior.  Every time we have a database data issue this tool is pulled out an used to examine what is causing the issue.  Very high cost benefit and return on investment due to it low cost.  Also reduces time to repair which can be key.  This tool can be used on any notes infrastructure, PCH, parks, and Health Canada."/>
    <s v=""/>
    <x v="1"/>
    <s v=""/>
    <x v="48"/>
    <s v="Information Technology"/>
    <s v="Information Technology Services"/>
    <s v="SSC-APP-00000242"/>
    <s v="In Production"/>
    <s v="desktop"/>
    <x v="0"/>
    <x v="106"/>
  </r>
  <r>
    <x v="0"/>
    <x v="28"/>
    <x v="6871"/>
    <s v="hotline"/>
    <s v="C'est une application legacy qui permet de transmettre de l'information aux usagers concernés."/>
    <s v=""/>
    <x v="1"/>
    <s v=""/>
    <x v="48"/>
    <s v="Information Technology"/>
    <s v=""/>
    <s v="SSC-APP-00000243"/>
    <s v="In Production"/>
    <s v="web"/>
    <x v="1"/>
    <x v="86"/>
  </r>
  <r>
    <x v="4"/>
    <x v="5"/>
    <x v="6872"/>
    <s v="CUCM"/>
    <s v=""/>
    <s v=""/>
    <x v="1"/>
    <s v=""/>
    <x v="48"/>
    <s v=""/>
    <s v=""/>
    <s v="SSC-APP-00000245"/>
    <s v="In Production"/>
    <s v=""/>
    <x v="0"/>
    <x v="106"/>
  </r>
  <r>
    <x v="0"/>
    <x v="28"/>
    <x v="6873"/>
    <s v=""/>
    <s v=""/>
    <s v=""/>
    <x v="1"/>
    <s v="SAP Crystal Reports Server"/>
    <x v="48"/>
    <s v="Information Technology"/>
    <s v="Information Technology Services"/>
    <s v="SSC-APP-00000246"/>
    <s v="In Production"/>
    <s v="web"/>
    <x v="0"/>
    <x v="86"/>
  </r>
  <r>
    <x v="3"/>
    <x v="46"/>
    <x v="6874"/>
    <s v=""/>
    <s v=""/>
    <s v=""/>
    <x v="1"/>
    <s v=""/>
    <x v="48"/>
    <s v="Information Technology"/>
    <s v=""/>
    <s v="SSC-APP-00000247"/>
    <s v="In Production"/>
    <s v="rich"/>
    <x v="1"/>
    <x v="86"/>
  </r>
  <r>
    <x v="4"/>
    <x v="5"/>
    <x v="6875"/>
    <s v=""/>
    <m/>
    <s v=""/>
    <x v="1"/>
    <s v="IBM,SPSS Modeller"/>
    <x v="48"/>
    <s v="Information Management"/>
    <s v="Information Technology Services"/>
    <s v="SSC-APP-00000248"/>
    <s v="In Production"/>
    <s v="desktop"/>
    <x v="0"/>
    <x v="86"/>
  </r>
  <r>
    <x v="1"/>
    <x v="12"/>
    <x v="6876"/>
    <s v=""/>
    <s v=""/>
    <s v=""/>
    <x v="1"/>
    <s v=""/>
    <x v="48"/>
    <s v="Information Technology"/>
    <s v=""/>
    <s v="SSC-APP-00000250"/>
    <s v="In Production"/>
    <s v="web"/>
    <x v="1"/>
    <x v="86"/>
  </r>
  <r>
    <x v="0"/>
    <x v="11"/>
    <x v="6877"/>
    <s v=""/>
    <s v=""/>
    <s v="Other"/>
    <x v="1"/>
    <s v="Peregrine Get-Answers"/>
    <x v="48"/>
    <s v="Information Technology"/>
    <s v=""/>
    <s v="SSC-APP-00000251"/>
    <s v="In Production"/>
    <s v="web"/>
    <x v="0"/>
    <x v="86"/>
  </r>
  <r>
    <x v="4"/>
    <x v="5"/>
    <x v="6878"/>
    <s v=""/>
    <s v=""/>
    <s v=""/>
    <x v="1"/>
    <s v=""/>
    <x v="48"/>
    <s v=""/>
    <s v=""/>
    <s v="APP-04298"/>
    <s v="In Production"/>
    <s v="web"/>
    <x v="1"/>
    <x v="106"/>
  </r>
  <r>
    <x v="1"/>
    <x v="1"/>
    <x v="6879"/>
    <s v="TortoiseCVS"/>
    <m/>
    <s v="Other"/>
    <x v="1"/>
    <s v="TortoiseCVS"/>
    <x v="49"/>
    <s v="IT Services"/>
    <s v="Information Technology Services"/>
    <s v="StatCan-103959"/>
    <s v="In Production"/>
    <s v="desktop"/>
    <x v="0"/>
    <x v="106"/>
  </r>
  <r>
    <x v="0"/>
    <x v="18"/>
    <x v="6880"/>
    <s v="CAPI Player"/>
    <m/>
    <s v=""/>
    <x v="1"/>
    <s v=""/>
    <x v="49"/>
    <s v="Socio-economic Statistics"/>
    <s v="Other"/>
    <s v="StatCan-105079"/>
    <s v="In Production"/>
    <s v="rich"/>
    <x v="1"/>
    <x v="2501"/>
  </r>
  <r>
    <x v="5"/>
    <x v="25"/>
    <x v="6881"/>
    <s v="FAPS"/>
    <m/>
    <s v=""/>
    <x v="1"/>
    <s v=""/>
    <x v="49"/>
    <s v="Economic and Environmental Statistics_x000a_"/>
    <s v="Other"/>
    <s v="StatCan-106327"/>
    <s v="In Production"/>
    <s v="rich"/>
    <x v="1"/>
    <x v="2502"/>
  </r>
  <r>
    <x v="0"/>
    <x v="8"/>
    <x v="6882"/>
    <s v="CCS"/>
    <m/>
    <s v=""/>
    <x v="1"/>
    <s v=""/>
    <x v="49"/>
    <s v="Statistical Infrastructure"/>
    <s v="Information Management Services"/>
    <s v="StatCan-107641"/>
    <s v="In Production"/>
    <s v="rich"/>
    <x v="1"/>
    <x v="2503"/>
  </r>
  <r>
    <x v="0"/>
    <x v="43"/>
    <x v="6883"/>
    <s v="IMDB WEB"/>
    <m/>
    <s v=""/>
    <x v="1"/>
    <s v=""/>
    <x v="49"/>
    <s v="Statistical Infrastructure"/>
    <s v="Communications Services"/>
    <s v="StatCan-107697"/>
    <s v="In Production"/>
    <s v="web"/>
    <x v="1"/>
    <x v="2504"/>
  </r>
  <r>
    <x v="3"/>
    <x v="46"/>
    <x v="6884"/>
    <s v="IMDBEEL"/>
    <m/>
    <s v=""/>
    <x v="1"/>
    <s v=""/>
    <x v="49"/>
    <s v="Statistical Infrastructure"/>
    <s v="Other"/>
    <s v="StatCan-107699"/>
    <s v="In Production"/>
    <s v="rich"/>
    <x v="1"/>
    <x v="2505"/>
  </r>
  <r>
    <x v="5"/>
    <x v="90"/>
    <x v="6885"/>
    <s v="TatukGIS"/>
    <m/>
    <s v="Other"/>
    <x v="1"/>
    <s v="TatukGIS"/>
    <x v="49"/>
    <s v="Statistical Infrastructure"/>
    <s v="Information Technology Services"/>
    <s v="StatCan-107865"/>
    <s v="In Production"/>
    <s v="desktop"/>
    <x v="0"/>
    <x v="106"/>
  </r>
  <r>
    <x v="3"/>
    <x v="15"/>
    <x v="6886"/>
    <s v="N/A"/>
    <m/>
    <s v=""/>
    <x v="1"/>
    <s v=""/>
    <x v="49"/>
    <s v="Socio-economic Statistics"/>
    <s v="Other,Other"/>
    <s v="StatCan-107944"/>
    <s v="In Production"/>
    <s v="rich"/>
    <x v="1"/>
    <x v="2506"/>
  </r>
  <r>
    <x v="5"/>
    <x v="25"/>
    <x v="6887"/>
    <s v="TDN"/>
    <m/>
    <s v=""/>
    <x v="1"/>
    <s v=""/>
    <x v="49"/>
    <s v="Statistical Infrastructure"/>
    <s v="Other"/>
    <s v="StatCan-108305"/>
    <s v="In Production"/>
    <s v="desktop"/>
    <x v="1"/>
    <x v="2507"/>
  </r>
  <r>
    <x v="5"/>
    <x v="25"/>
    <x v="6888"/>
    <s v="BITS"/>
    <m/>
    <s v=""/>
    <x v="1"/>
    <s v=""/>
    <x v="49"/>
    <s v="Economic and Environmental Statistics_x000a_"/>
    <s v="Other"/>
    <s v="StatCan-108768"/>
    <s v="In Production"/>
    <s v="rich"/>
    <x v="1"/>
    <x v="2502"/>
  </r>
  <r>
    <x v="5"/>
    <x v="25"/>
    <x v="6889"/>
    <s v="OLI"/>
    <m/>
    <s v=""/>
    <x v="1"/>
    <s v=""/>
    <x v="49"/>
    <s v="Economic and Environmental Statistics_x000a_"/>
    <s v="Other"/>
    <s v="StatCan-108769"/>
    <s v="In Production"/>
    <s v="rich"/>
    <x v="1"/>
    <x v="2502"/>
  </r>
  <r>
    <x v="0"/>
    <x v="43"/>
    <x v="6890"/>
    <s v="CONFORM-E"/>
    <s v="Conform-E is intended to be a conversion tool to create various output formats from Excel data tables being developed for use within Statistics Canada for the Summary Tables Project, the Heritage Project, the Canada Year Book Project, and the Canada at a Glance Project."/>
    <s v="Other"/>
    <x v="1"/>
    <s v=""/>
    <x v="49"/>
    <s v="Internal Services"/>
    <s v="Information Technology Services,Other"/>
    <s v="StatCan-112731"/>
    <s v="In Production"/>
    <s v="desktop"/>
    <x v="1"/>
    <x v="2508"/>
  </r>
  <r>
    <x v="6"/>
    <x v="48"/>
    <x v="6891"/>
    <s v="CST"/>
    <s v="Summary Tables is a web module linked from STATCAN's main website. The site hosts summary tables organized into thirty categories called Tables by Subject. The Summary Tables Management Site is an integrated system using a SQL Database and a Perl front end to process the tables into the database and uses a web server to serve up the data tables. This site is developed by Qibo Zhu."/>
    <s v=""/>
    <x v="1"/>
    <s v=""/>
    <x v="49"/>
    <s v="Internal Services"/>
    <s v="Information Management Services,Information Management Services,Information Management Services,Information Technology Services,Other"/>
    <s v="StatCan-112776"/>
    <s v="In Production"/>
    <s v="web"/>
    <x v="1"/>
    <x v="2509"/>
  </r>
  <r>
    <x v="3"/>
    <x v="15"/>
    <x v="6892"/>
    <s v="N/A"/>
    <m/>
    <s v=""/>
    <x v="1"/>
    <s v=""/>
    <x v="49"/>
    <s v="Socio-economic Statistics"/>
    <s v="Other,Other"/>
    <s v="StatCan-113024"/>
    <s v="In Production"/>
    <s v="rich"/>
    <x v="1"/>
    <x v="2510"/>
  </r>
  <r>
    <x v="3"/>
    <x v="15"/>
    <x v="6893"/>
    <s v="N/A"/>
    <m/>
    <s v=""/>
    <x v="1"/>
    <s v=""/>
    <x v="49"/>
    <s v="Socio-economic Statistics"/>
    <s v="Other,Other"/>
    <s v="StatCan-113030"/>
    <s v="In Production"/>
    <s v="rich"/>
    <x v="1"/>
    <x v="2354"/>
  </r>
  <r>
    <x v="5"/>
    <x v="25"/>
    <x v="6894"/>
    <s v="FIPSDI"/>
    <m/>
    <s v=""/>
    <x v="1"/>
    <s v=""/>
    <x v="49"/>
    <s v="Economic and Environmental Statistics_x000a_"/>
    <s v="Other"/>
    <s v="StatCan-114122"/>
    <s v="In Production"/>
    <s v="rich"/>
    <x v="1"/>
    <x v="2511"/>
  </r>
  <r>
    <x v="8"/>
    <x v="29"/>
    <x v="6895"/>
    <s v=""/>
    <m/>
    <s v="Other"/>
    <x v="1"/>
    <s v="Sala"/>
    <x v="49"/>
    <s v="IT Services"/>
    <s v="Information Technology Services"/>
    <s v="StatCan-114926"/>
    <s v="In Production"/>
    <s v="desktop"/>
    <x v="0"/>
    <x v="106"/>
  </r>
  <r>
    <x v="8"/>
    <x v="29"/>
    <x v="6896"/>
    <s v=""/>
    <m/>
    <s v="Other"/>
    <x v="1"/>
    <s v="VeriSign"/>
    <x v="49"/>
    <s v="IT Services"/>
    <s v="Information Technology Services"/>
    <s v="StatCan-114985"/>
    <s v="In Production"/>
    <s v="desktop"/>
    <x v="0"/>
    <x v="106"/>
  </r>
  <r>
    <x v="3"/>
    <x v="31"/>
    <x v="6897"/>
    <s v="Beyond 20/20"/>
    <m/>
    <s v="Other"/>
    <x v="1"/>
    <s v="Beyond 20/20"/>
    <x v="49"/>
    <s v="IT Services"/>
    <s v="Other"/>
    <s v="StatCan-115112"/>
    <s v="In Production"/>
    <s v="desktop"/>
    <x v="0"/>
    <x v="117"/>
  </r>
  <r>
    <x v="8"/>
    <x v="29"/>
    <x v="6898"/>
    <s v=""/>
    <m/>
    <s v="Other"/>
    <x v="1"/>
    <s v="Open source"/>
    <x v="49"/>
    <s v="IT Services"/>
    <s v="Information Technology Services"/>
    <s v="StatCan-115263"/>
    <s v="In Production"/>
    <s v="web"/>
    <x v="0"/>
    <x v="86"/>
  </r>
  <r>
    <x v="3"/>
    <x v="31"/>
    <x v="6899"/>
    <s v="Beyond 20/20"/>
    <m/>
    <s v="Other"/>
    <x v="1"/>
    <s v="Beyond 20/20"/>
    <x v="49"/>
    <s v="IT Services"/>
    <s v="Other"/>
    <s v="StatCan-115575"/>
    <s v="In Production"/>
    <s v="desktop"/>
    <x v="0"/>
    <x v="117"/>
  </r>
  <r>
    <x v="3"/>
    <x v="15"/>
    <x v="6900"/>
    <s v="PSIS - DVS"/>
    <m/>
    <s v=""/>
    <x v="1"/>
    <s v=""/>
    <x v="49"/>
    <s v="Socio-economic Statistics"/>
    <s v="Other"/>
    <s v="StatCan-116583"/>
    <s v="In Production"/>
    <s v="desktop"/>
    <x v="1"/>
    <x v="2512"/>
  </r>
  <r>
    <x v="8"/>
    <x v="29"/>
    <x v="6901"/>
    <s v="Balsamiq"/>
    <m/>
    <s v="Other"/>
    <x v="1"/>
    <s v="Balsamiq"/>
    <x v="49"/>
    <s v="IT Services"/>
    <s v="Information Technology Services"/>
    <s v="StatCan-117100"/>
    <s v="In Production"/>
    <s v="web"/>
    <x v="0"/>
    <x v="106"/>
  </r>
  <r>
    <x v="5"/>
    <x v="25"/>
    <x v="6902"/>
    <s v="BB5"/>
    <m/>
    <s v=""/>
    <x v="1"/>
    <s v=""/>
    <x v="49"/>
    <s v="Socio-economic Statistics"/>
    <s v="Information Technology Services"/>
    <s v="StatCan-117245"/>
    <s v="In Production"/>
    <s v="desktop"/>
    <x v="1"/>
    <x v="2513"/>
  </r>
  <r>
    <x v="5"/>
    <x v="25"/>
    <x v="6903"/>
    <s v="SSBF"/>
    <m/>
    <s v=""/>
    <x v="1"/>
    <s v=""/>
    <x v="49"/>
    <s v="Economic and Environmental Statistics_x000a_"/>
    <s v="Other"/>
    <s v="StatCan-118353"/>
    <s v="In Production"/>
    <s v="rich"/>
    <x v="1"/>
    <x v="2511"/>
  </r>
  <r>
    <x v="1"/>
    <x v="1"/>
    <x v="6904"/>
    <s v="Visual SVN"/>
    <m/>
    <s v="Other"/>
    <x v="1"/>
    <s v="Visual SVN Server"/>
    <x v="49"/>
    <s v="IT Services"/>
    <s v="Information Technology Services"/>
    <s v="StatCan-118583"/>
    <s v="In Production"/>
    <s v="web"/>
    <x v="0"/>
    <x v="2514"/>
  </r>
  <r>
    <x v="5"/>
    <x v="25"/>
    <x v="6905"/>
    <s v="AACT"/>
    <m/>
    <s v=""/>
    <x v="1"/>
    <s v=""/>
    <x v="49"/>
    <s v="Economic and Environmental Statistics_x000a_"/>
    <s v="Information Technology Services,Other"/>
    <s v="StatCan-118681"/>
    <s v="In Production"/>
    <s v="desktop"/>
    <x v="1"/>
    <x v="2511"/>
  </r>
  <r>
    <x v="5"/>
    <x v="25"/>
    <x v="6906"/>
    <s v="Cygnus"/>
    <m/>
    <s v=""/>
    <x v="1"/>
    <s v=""/>
    <x v="49"/>
    <s v="Economic and Environmental Statistics_x000a_"/>
    <s v="Other"/>
    <s v="StatCan-118944"/>
    <s v="In Production"/>
    <s v="rich"/>
    <x v="1"/>
    <x v="2515"/>
  </r>
  <r>
    <x v="8"/>
    <x v="83"/>
    <x v="6907"/>
    <s v="WAT"/>
    <m/>
    <s v="Other"/>
    <x v="1"/>
    <s v="Website Accessibility Toolbar"/>
    <x v="49"/>
    <s v="IT Services"/>
    <s v="Other"/>
    <s v="StatCan-119059"/>
    <s v="In Production"/>
    <s v="desktop"/>
    <x v="0"/>
    <x v="117"/>
  </r>
  <r>
    <x v="8"/>
    <x v="29"/>
    <x v="6908"/>
    <s v=""/>
    <m/>
    <s v="Other"/>
    <x v="1"/>
    <s v="Open source"/>
    <x v="49"/>
    <s v="IT Services"/>
    <s v="Information Technology Services"/>
    <s v="StatCan-119124"/>
    <s v="In Production"/>
    <s v="web"/>
    <x v="0"/>
    <x v="86"/>
  </r>
  <r>
    <x v="8"/>
    <x v="29"/>
    <x v="6909"/>
    <s v="gnu"/>
    <m/>
    <s v="Other"/>
    <x v="1"/>
    <s v="OpenSpirce"/>
    <x v="49"/>
    <s v="IT Services"/>
    <s v="Information Technology Services"/>
    <s v="StatCan-119523"/>
    <s v="In Production"/>
    <s v="desktop"/>
    <x v="0"/>
    <x v="106"/>
  </r>
  <r>
    <x v="10"/>
    <x v="55"/>
    <x v="6910"/>
    <s v=""/>
    <m/>
    <s v="Other"/>
    <x v="1"/>
    <s v="Open Source curl.haxx.se"/>
    <x v="49"/>
    <s v="IT Services"/>
    <s v="Information Technology Services"/>
    <s v="StatCan-119526"/>
    <s v="In Production"/>
    <s v="rich"/>
    <x v="0"/>
    <x v="86"/>
  </r>
  <r>
    <x v="8"/>
    <x v="29"/>
    <x v="6911"/>
    <s v=""/>
    <m/>
    <s v="Other"/>
    <x v="1"/>
    <s v="Open source"/>
    <x v="49"/>
    <s v="IT Services"/>
    <s v="Information Technology Services"/>
    <s v="StatCan-119543"/>
    <s v="In Production"/>
    <s v="web"/>
    <x v="0"/>
    <x v="86"/>
  </r>
  <r>
    <x v="3"/>
    <x v="46"/>
    <x v="6912"/>
    <s v="TDDOPA"/>
    <m/>
    <s v=""/>
    <x v="1"/>
    <s v=""/>
    <x v="49"/>
    <s v="Statistical Infrastructure"/>
    <s v="Other"/>
    <s v="StatCan-119633"/>
    <s v="In Production"/>
    <s v="desktop"/>
    <x v="1"/>
    <x v="2516"/>
  </r>
  <r>
    <x v="0"/>
    <x v="8"/>
    <x v="6913"/>
    <s v="TMDBE"/>
    <m/>
    <s v=""/>
    <x v="1"/>
    <s v=""/>
    <x v="49"/>
    <s v="Statistical Infrastructure"/>
    <s v="Information Management Services"/>
    <s v="StatCan-119634"/>
    <s v="In Production"/>
    <s v="desktop"/>
    <x v="1"/>
    <x v="2507"/>
  </r>
  <r>
    <x v="0"/>
    <x v="28"/>
    <x v="6914"/>
    <s v="SCS"/>
    <m/>
    <s v=""/>
    <x v="1"/>
    <s v=""/>
    <x v="49"/>
    <s v="Statistical Infrastructure"/>
    <s v="Other"/>
    <s v="StatCan-119675"/>
    <s v="In Production"/>
    <s v="web"/>
    <x v="1"/>
    <x v="2517"/>
  </r>
  <r>
    <x v="10"/>
    <x v="84"/>
    <x v="6915"/>
    <s v="NRS v2.0"/>
    <m/>
    <s v="Other"/>
    <x v="1"/>
    <s v="Vendor: CLEO Product: VLTrader"/>
    <x v="49"/>
    <s v="Socio-economic Statistics"/>
    <s v="Other"/>
    <s v="StatCan-122446"/>
    <s v="In Production"/>
    <s v="rich"/>
    <x v="0"/>
    <x v="2518"/>
  </r>
  <r>
    <x v="8"/>
    <x v="29"/>
    <x v="6916"/>
    <s v="IETester"/>
    <m/>
    <s v="Other"/>
    <x v="1"/>
    <s v="Unknown"/>
    <x v="49"/>
    <s v="IT Services"/>
    <s v="Information Technology Services"/>
    <s v="StatCan-122752"/>
    <s v="In Production"/>
    <s v="desktop"/>
    <x v="0"/>
    <x v="106"/>
  </r>
  <r>
    <x v="10"/>
    <x v="55"/>
    <x v="6917"/>
    <s v="WinSCP"/>
    <m/>
    <s v="Other"/>
    <x v="1"/>
    <s v="WinSCP"/>
    <x v="49"/>
    <s v="IT Services"/>
    <s v="Information Technology Services"/>
    <s v="StatCan-122753"/>
    <s v="In Production"/>
    <s v="desktop"/>
    <x v="0"/>
    <x v="301"/>
  </r>
  <r>
    <x v="8"/>
    <x v="29"/>
    <x v="6918"/>
    <s v="Scite"/>
    <m/>
    <s v="Other"/>
    <x v="1"/>
    <s v="Scite"/>
    <x v="49"/>
    <s v="IT Services"/>
    <s v="Information Technology Services"/>
    <s v="StatCan-122754"/>
    <s v="In Production"/>
    <s v="desktop"/>
    <x v="0"/>
    <x v="301"/>
  </r>
  <r>
    <x v="10"/>
    <x v="55"/>
    <x v="6919"/>
    <s v="Squirrel"/>
    <m/>
    <s v="Other"/>
    <x v="1"/>
    <s v="Squirrel SQL Client"/>
    <x v="49"/>
    <s v="IT Services"/>
    <s v="Information Technology Services"/>
    <s v="StatCan-122755"/>
    <s v="In Production"/>
    <s v="desktop"/>
    <x v="0"/>
    <x v="106"/>
  </r>
  <r>
    <x v="5"/>
    <x v="25"/>
    <x v="6920"/>
    <s v="PSSD - Keynes"/>
    <m/>
    <s v=""/>
    <x v="1"/>
    <s v=""/>
    <x v="49"/>
    <s v="Economic and Environmental Statistics_x000a_"/>
    <s v="Other"/>
    <s v="StatCan-123456"/>
    <s v="In Production"/>
    <s v="rich"/>
    <x v="1"/>
    <x v="2519"/>
  </r>
  <r>
    <x v="3"/>
    <x v="4"/>
    <x v="6921"/>
    <s v="CDR - DW"/>
    <m/>
    <s v=""/>
    <x v="1"/>
    <s v=""/>
    <x v="49"/>
    <s v="Socio-economic Statistics"/>
    <s v="Other"/>
    <s v="StatCan-123637"/>
    <s v="In Production"/>
    <s v="web"/>
    <x v="1"/>
    <x v="2520"/>
  </r>
  <r>
    <x v="3"/>
    <x v="15"/>
    <x v="6922"/>
    <s v="ITS Imputation"/>
    <m/>
    <s v=""/>
    <x v="1"/>
    <s v=""/>
    <x v="49"/>
    <s v="Socio-economic Statistics"/>
    <s v="Other"/>
    <s v="StatCan-123687"/>
    <s v="In Production"/>
    <s v="rich"/>
    <x v="1"/>
    <x v="2521"/>
  </r>
  <r>
    <x v="3"/>
    <x v="46"/>
    <x v="6923"/>
    <s v="FIUC"/>
    <m/>
    <s v=""/>
    <x v="1"/>
    <s v=""/>
    <x v="49"/>
    <s v="Socio-economic Statistics"/>
    <s v="Other"/>
    <s v="StatCan-123689"/>
    <s v="In Production"/>
    <s v="rich"/>
    <x v="1"/>
    <x v="2522"/>
  </r>
  <r>
    <x v="0"/>
    <x v="16"/>
    <x v="6924"/>
    <s v="BCP"/>
    <m/>
    <s v=""/>
    <x v="1"/>
    <s v=""/>
    <x v="49"/>
    <s v="Socio-economic Statistics"/>
    <s v="Other"/>
    <s v="StatCan-123816"/>
    <s v="In Production"/>
    <s v="rich"/>
    <x v="1"/>
    <x v="2523"/>
  </r>
  <r>
    <x v="2"/>
    <x v="3"/>
    <x v="6925"/>
    <s v="RMS"/>
    <m/>
    <s v=""/>
    <x v="1"/>
    <s v=""/>
    <x v="49"/>
    <s v="Internal Services"/>
    <s v="Financial Management Services"/>
    <s v="StatCan-128330"/>
    <s v="In Production"/>
    <s v="rich"/>
    <x v="1"/>
    <x v="2524"/>
  </r>
  <r>
    <x v="3"/>
    <x v="45"/>
    <x v="6926"/>
    <s v="Toad"/>
    <m/>
    <s v="Other"/>
    <x v="1"/>
    <s v="Quest"/>
    <x v="49"/>
    <s v="IT Services"/>
    <s v="Information Technology Services"/>
    <s v="StatCan-128845"/>
    <s v="In Production"/>
    <s v="desktop"/>
    <x v="0"/>
    <x v="1812"/>
  </r>
  <r>
    <x v="3"/>
    <x v="45"/>
    <x v="6927"/>
    <s v="Toad"/>
    <m/>
    <s v="Other"/>
    <x v="1"/>
    <s v="Quest"/>
    <x v="49"/>
    <s v="IT Services"/>
    <s v="Information Technology Services"/>
    <s v="StatCan-128862"/>
    <s v="In Production"/>
    <s v="desktop"/>
    <x v="0"/>
    <x v="1812"/>
  </r>
  <r>
    <x v="8"/>
    <x v="38"/>
    <x v="6928"/>
    <s v="Crucible"/>
    <m/>
    <s v="Other"/>
    <x v="1"/>
    <s v="Atlassian Crucible"/>
    <x v="49"/>
    <s v="IT Services"/>
    <s v="Information Technology Services"/>
    <s v="StatCan-128883"/>
    <s v="In Production"/>
    <s v="web"/>
    <x v="0"/>
    <x v="106"/>
  </r>
  <r>
    <x v="8"/>
    <x v="39"/>
    <x v="5307"/>
    <s v="Sonar"/>
    <m/>
    <s v="Other"/>
    <x v="1"/>
    <s v="SonarQube Sonar"/>
    <x v="49"/>
    <s v="IT Services"/>
    <s v="Information Technology Services"/>
    <s v="StatCan-128884"/>
    <s v="In Production"/>
    <s v="web"/>
    <x v="0"/>
    <x v="106"/>
  </r>
  <r>
    <x v="8"/>
    <x v="38"/>
    <x v="6929"/>
    <s v="Fisheye"/>
    <m/>
    <s v="Other"/>
    <x v="1"/>
    <s v="Atlassian Fisheye"/>
    <x v="49"/>
    <s v="IT Services"/>
    <s v="Information Technology Services"/>
    <s v="StatCan-128921"/>
    <s v="In Production"/>
    <s v="web"/>
    <x v="0"/>
    <x v="106"/>
  </r>
  <r>
    <x v="2"/>
    <x v="3"/>
    <x v="6930"/>
    <s v="Galaxy"/>
    <m/>
    <s v=""/>
    <x v="1"/>
    <s v=""/>
    <x v="49"/>
    <s v="Internal Services"/>
    <s v="Human Resources Management Services"/>
    <s v="StatCan-129407"/>
    <s v="In Production"/>
    <s v="rich"/>
    <x v="1"/>
    <x v="2525"/>
  </r>
  <r>
    <x v="3"/>
    <x v="15"/>
    <x v="6931"/>
    <s v="LSD EI - EIREPORTS / EOI"/>
    <m/>
    <s v=""/>
    <x v="1"/>
    <s v=""/>
    <x v="49"/>
    <s v="Socio-economic Statistics"/>
    <s v="Other"/>
    <s v="StatCan-129510"/>
    <s v="In Production"/>
    <s v="rich"/>
    <x v="1"/>
    <x v="2526"/>
  </r>
  <r>
    <x v="5"/>
    <x v="94"/>
    <x v="6932"/>
    <s v="JSS"/>
    <m/>
    <s v=""/>
    <x v="1"/>
    <s v=""/>
    <x v="49"/>
    <s v="Censuses"/>
    <s v="Other"/>
    <s v="StatCan-129513"/>
    <s v="In Production"/>
    <s v="rich"/>
    <x v="1"/>
    <x v="2527"/>
  </r>
  <r>
    <x v="5"/>
    <x v="94"/>
    <x v="6933"/>
    <s v="Census E&amp;I Data Dict"/>
    <m/>
    <s v=""/>
    <x v="1"/>
    <s v=""/>
    <x v="49"/>
    <s v="Censuses"/>
    <s v="Other"/>
    <s v="StatCan-129514"/>
    <s v="In Production"/>
    <s v="rich"/>
    <x v="1"/>
    <x v="2528"/>
  </r>
  <r>
    <x v="3"/>
    <x v="15"/>
    <x v="6934"/>
    <s v="N/A"/>
    <m/>
    <s v=""/>
    <x v="1"/>
    <s v=""/>
    <x v="49"/>
    <s v="Socio-economic Statistics"/>
    <s v="Other,Other"/>
    <s v="StatCan-129592"/>
    <s v="In Production"/>
    <s v="rich"/>
    <x v="1"/>
    <x v="2529"/>
  </r>
  <r>
    <x v="8"/>
    <x v="29"/>
    <x v="6935"/>
    <s v="Web Performance Load Runner"/>
    <m/>
    <s v="Other"/>
    <x v="1"/>
    <s v="Web Performance"/>
    <x v="49"/>
    <s v="IT Services"/>
    <s v="Information Technology Services"/>
    <s v="StatCan-129841"/>
    <s v="In Production"/>
    <s v="desktop"/>
    <x v="0"/>
    <x v="106"/>
  </r>
  <r>
    <x v="3"/>
    <x v="15"/>
    <x v="6936"/>
    <s v="HOPS"/>
    <m/>
    <s v=""/>
    <x v="1"/>
    <s v=""/>
    <x v="49"/>
    <s v="Socio-economic Statistics"/>
    <s v="Other"/>
    <s v="StatCan-129914"/>
    <s v="In Production"/>
    <s v="rich"/>
    <x v="1"/>
    <x v="2530"/>
  </r>
  <r>
    <x v="3"/>
    <x v="15"/>
    <x v="6937"/>
    <s v="SLS"/>
    <m/>
    <s v=""/>
    <x v="1"/>
    <s v=""/>
    <x v="49"/>
    <s v="Socio-economic Statistics"/>
    <s v="Other"/>
    <s v="StatCan-129915"/>
    <s v="In Production"/>
    <s v="rich"/>
    <x v="1"/>
    <x v="2531"/>
  </r>
  <r>
    <x v="3"/>
    <x v="15"/>
    <x v="6938"/>
    <s v="SDS"/>
    <m/>
    <s v=""/>
    <x v="1"/>
    <s v=""/>
    <x v="49"/>
    <s v="Socio-economic Statistics"/>
    <s v="Other"/>
    <s v="StatCan-129916"/>
    <s v="In Production"/>
    <s v="rich"/>
    <x v="1"/>
    <x v="2532"/>
  </r>
  <r>
    <x v="8"/>
    <x v="29"/>
    <x v="6939"/>
    <s v=""/>
    <m/>
    <s v="Other"/>
    <x v="1"/>
    <s v="Developed in-house"/>
    <x v="49"/>
    <s v="IT Services"/>
    <s v="Information Technology Services"/>
    <s v="StatCan-129933"/>
    <s v="In Production"/>
    <s v="desktop"/>
    <x v="0"/>
    <x v="86"/>
  </r>
  <r>
    <x v="3"/>
    <x v="45"/>
    <x v="6940"/>
    <s v="Oracle SQL Developer"/>
    <m/>
    <s v="Oracle_Canada_ULC"/>
    <x v="1"/>
    <s v=""/>
    <x v="49"/>
    <s v="IT Services"/>
    <s v="Information Technology Services"/>
    <s v="StatCan-129969"/>
    <s v="In Production"/>
    <s v="desktop"/>
    <x v="0"/>
    <x v="1812"/>
  </r>
  <r>
    <x v="3"/>
    <x v="15"/>
    <x v="6941"/>
    <s v="EIS"/>
    <m/>
    <s v=""/>
    <x v="1"/>
    <s v=""/>
    <x v="49"/>
    <s v="Socio-economic Statistics"/>
    <s v="Other"/>
    <s v="StatCan-129972"/>
    <s v="In Production"/>
    <s v="rich"/>
    <x v="1"/>
    <x v="2533"/>
  </r>
  <r>
    <x v="3"/>
    <x v="46"/>
    <x v="6942"/>
    <s v="PD7RESP"/>
    <m/>
    <s v=""/>
    <x v="1"/>
    <s v=""/>
    <x v="49"/>
    <s v="Socio-economic Statistics"/>
    <s v="Other"/>
    <s v="StatCan-129982"/>
    <s v="In Production"/>
    <s v="rich"/>
    <x v="1"/>
    <x v="2534"/>
  </r>
  <r>
    <x v="3"/>
    <x v="15"/>
    <x v="6943"/>
    <s v="SEPHREPORTS-EG"/>
    <m/>
    <s v=""/>
    <x v="1"/>
    <s v=""/>
    <x v="49"/>
    <s v="Socio-economic Statistics"/>
    <s v="Other"/>
    <s v="StatCan-129986"/>
    <s v="In Production"/>
    <s v="rich"/>
    <x v="1"/>
    <x v="2535"/>
  </r>
  <r>
    <x v="3"/>
    <x v="15"/>
    <x v="6944"/>
    <s v="SSIDRILL-FREEZETOOL"/>
    <m/>
    <s v=""/>
    <x v="1"/>
    <s v=""/>
    <x v="49"/>
    <s v="Socio-economic Statistics"/>
    <s v="Other"/>
    <s v="StatCan-129987"/>
    <s v="In Production"/>
    <s v="rich"/>
    <x v="1"/>
    <x v="2536"/>
  </r>
  <r>
    <x v="3"/>
    <x v="15"/>
    <x v="6945"/>
    <s v="BE2020"/>
    <m/>
    <s v=""/>
    <x v="1"/>
    <s v=""/>
    <x v="49"/>
    <s v="Socio-economic Statistics"/>
    <s v="Other"/>
    <s v="StatCan-129988"/>
    <s v="In Production"/>
    <s v="rich"/>
    <x v="1"/>
    <x v="2537"/>
  </r>
  <r>
    <x v="3"/>
    <x v="15"/>
    <x v="6946"/>
    <s v="BECANSIM"/>
    <m/>
    <s v=""/>
    <x v="1"/>
    <s v=""/>
    <x v="49"/>
    <s v="Socio-economic Statistics"/>
    <s v="Other"/>
    <s v="StatCan-129989"/>
    <s v="In Production"/>
    <s v="rich"/>
    <x v="1"/>
    <x v="2538"/>
  </r>
  <r>
    <x v="3"/>
    <x v="15"/>
    <x v="6947"/>
    <s v="SEPHREPORTS/DISSEMINATION"/>
    <m/>
    <s v=""/>
    <x v="1"/>
    <s v=""/>
    <x v="49"/>
    <s v="Socio-economic Statistics"/>
    <s v="Other"/>
    <s v="StatCan-129990"/>
    <s v="In Production"/>
    <s v="rich"/>
    <x v="1"/>
    <x v="2539"/>
  </r>
  <r>
    <x v="3"/>
    <x v="46"/>
    <x v="6948"/>
    <s v="BPSRESP-EDR"/>
    <m/>
    <s v=""/>
    <x v="1"/>
    <s v=""/>
    <x v="49"/>
    <s v="Socio-economic Statistics"/>
    <s v="Other"/>
    <s v="StatCan-129991"/>
    <s v="In Production"/>
    <s v="rich"/>
    <x v="1"/>
    <x v="2534"/>
  </r>
  <r>
    <x v="3"/>
    <x v="15"/>
    <x v="6949"/>
    <s v="LABOUR-EOI"/>
    <m/>
    <s v=""/>
    <x v="1"/>
    <s v=""/>
    <x v="49"/>
    <s v="Socio-economic Statistics"/>
    <s v="Other"/>
    <s v="StatCan-129993"/>
    <s v="In Production"/>
    <s v="rich"/>
    <x v="1"/>
    <x v="2540"/>
  </r>
  <r>
    <x v="2"/>
    <x v="2"/>
    <x v="4421"/>
    <s v="APCM"/>
    <s v="The Access Pro Case Management (APCM) system from Privasoft Corporation is an automated case management solution that gives institutions a flexible and easy-to-use system for managing requests for information and project details while demonstrating accountability and maintaining employee productivity in a secure environment."/>
    <s v="Other"/>
    <x v="1"/>
    <s v="AccessPro Case Management, Privasoft Corporation"/>
    <x v="49"/>
    <s v="Internal Services"/>
    <s v="Financial Management Services"/>
    <s v="StatCan-130044"/>
    <s v="In Production"/>
    <s v="desktop"/>
    <x v="0"/>
    <x v="2541"/>
  </r>
  <r>
    <x v="3"/>
    <x v="15"/>
    <x v="6950"/>
    <s v="LDFRONT"/>
    <m/>
    <s v=""/>
    <x v="1"/>
    <s v=""/>
    <x v="49"/>
    <s v="Socio-economic Statistics"/>
    <s v="Other"/>
    <s v="StatCan-130045"/>
    <s v="In Production"/>
    <s v="rich"/>
    <x v="1"/>
    <x v="2536"/>
  </r>
  <r>
    <x v="3"/>
    <x v="15"/>
    <x v="6951"/>
    <s v="DUS"/>
    <m/>
    <s v=""/>
    <x v="1"/>
    <s v=""/>
    <x v="49"/>
    <s v="Socio-economic Statistics"/>
    <s v="Other"/>
    <s v="StatCan-130046"/>
    <s v="In Production"/>
    <s v="rich"/>
    <x v="1"/>
    <x v="2534"/>
  </r>
  <r>
    <x v="3"/>
    <x v="15"/>
    <x v="6952"/>
    <s v="PEPES-BNAGGR-PARAM"/>
    <m/>
    <s v=""/>
    <x v="1"/>
    <s v=""/>
    <x v="49"/>
    <s v="Socio-economic Statistics"/>
    <s v="Other"/>
    <s v="StatCan-130051"/>
    <s v="In Production"/>
    <s v="rich"/>
    <x v="1"/>
    <x v="2536"/>
  </r>
  <r>
    <x v="3"/>
    <x v="15"/>
    <x v="6953"/>
    <s v="BACKEND"/>
    <m/>
    <s v=""/>
    <x v="1"/>
    <s v=""/>
    <x v="49"/>
    <s v="Socio-economic Statistics"/>
    <s v="Other"/>
    <s v="StatCan-130052"/>
    <s v="In Production"/>
    <s v="rich"/>
    <x v="1"/>
    <x v="2538"/>
  </r>
  <r>
    <x v="3"/>
    <x v="15"/>
    <x v="6954"/>
    <s v="OSEM"/>
    <m/>
    <s v=""/>
    <x v="1"/>
    <s v=""/>
    <x v="49"/>
    <s v="Socio-economic Statistics"/>
    <s v="Other"/>
    <s v="StatCan-130053"/>
    <s v="In Production"/>
    <s v="rich"/>
    <x v="1"/>
    <x v="2536"/>
  </r>
  <r>
    <x v="3"/>
    <x v="15"/>
    <x v="6955"/>
    <s v="AIM"/>
    <m/>
    <s v=""/>
    <x v="1"/>
    <s v=""/>
    <x v="49"/>
    <s v="Socio-economic Statistics"/>
    <s v="Other"/>
    <s v="StatCan-130054"/>
    <s v="In Production"/>
    <s v="rich"/>
    <x v="1"/>
    <x v="2538"/>
  </r>
  <r>
    <x v="3"/>
    <x v="15"/>
    <x v="6956"/>
    <s v="TPF_Q_PS"/>
    <m/>
    <s v=""/>
    <x v="1"/>
    <s v=""/>
    <x v="49"/>
    <s v="Socio-economic Statistics"/>
    <s v="Other,Other"/>
    <s v="StatCan-130055"/>
    <s v="In Production"/>
    <s v="rich"/>
    <x v="1"/>
    <x v="2542"/>
  </r>
  <r>
    <x v="3"/>
    <x v="46"/>
    <x v="6957"/>
    <s v="GEXPORT"/>
    <m/>
    <s v=""/>
    <x v="1"/>
    <s v=""/>
    <x v="49"/>
    <s v="Statistical Infrastructure"/>
    <s v="Information Technology Services"/>
    <s v="StatCan-130674"/>
    <s v="In Production"/>
    <s v="desktop"/>
    <x v="1"/>
    <x v="2543"/>
  </r>
  <r>
    <x v="3"/>
    <x v="15"/>
    <x v="6958"/>
    <s v="CIP - Toolbox v3.2"/>
    <m/>
    <s v=""/>
    <x v="1"/>
    <s v=""/>
    <x v="49"/>
    <s v="Socio-economic Statistics"/>
    <s v="Other"/>
    <s v="StatCan-130904"/>
    <s v="In Production"/>
    <s v="rich"/>
    <x v="1"/>
    <x v="2544"/>
  </r>
  <r>
    <x v="8"/>
    <x v="29"/>
    <x v="6959"/>
    <s v="iReport"/>
    <m/>
    <s v="Other"/>
    <x v="1"/>
    <s v="Jaspersoft"/>
    <x v="49"/>
    <s v="IT Services"/>
    <s v="Information Technology Services"/>
    <s v="StatCan-131159"/>
    <s v="In Production"/>
    <s v="desktop"/>
    <x v="0"/>
    <x v="86"/>
  </r>
  <r>
    <x v="8"/>
    <x v="29"/>
    <x v="6960"/>
    <s v="InstallAj"/>
    <m/>
    <s v="Other"/>
    <x v="1"/>
    <s v="ej-technologies, install4j"/>
    <x v="49"/>
    <s v="IT Services"/>
    <s v="Information Technology Services"/>
    <s v="StatCan-131429"/>
    <s v="In Production"/>
    <s v="desktop"/>
    <x v="0"/>
    <x v="106"/>
  </r>
  <r>
    <x v="3"/>
    <x v="15"/>
    <x v="6961"/>
    <s v="CCJS-DISMTN"/>
    <m/>
    <s v=""/>
    <x v="1"/>
    <s v=""/>
    <x v="49"/>
    <s v="Socio-economic Statistics"/>
    <s v="Other,Other"/>
    <s v="StatCan-131622"/>
    <s v="In Production"/>
    <s v="rich"/>
    <x v="1"/>
    <x v="2545"/>
  </r>
  <r>
    <x v="5"/>
    <x v="90"/>
    <x v="6962"/>
    <s v="ArcGIS Server"/>
    <m/>
    <s v="ESRI_Canada_Limited"/>
    <x v="45"/>
    <s v=""/>
    <x v="49"/>
    <s v="IT Services"/>
    <s v="Information Technology Services"/>
    <s v="StatCan-131813"/>
    <s v="In Production"/>
    <s v="rich"/>
    <x v="0"/>
    <x v="2546"/>
  </r>
  <r>
    <x v="3"/>
    <x v="15"/>
    <x v="6963"/>
    <s v="ACS"/>
    <m/>
    <s v=""/>
    <x v="1"/>
    <s v=""/>
    <x v="49"/>
    <s v="Socio-economic Statistics"/>
    <s v="Other,Other"/>
    <s v="StatCan-131835"/>
    <s v="In Production"/>
    <s v="rich"/>
    <x v="1"/>
    <x v="2547"/>
  </r>
  <r>
    <x v="6"/>
    <x v="21"/>
    <x v="6964"/>
    <s v="Spark IM"/>
    <m/>
    <s v="Other"/>
    <x v="1"/>
    <s v="Spark"/>
    <x v="49"/>
    <s v="IT Services"/>
    <s v="Information Technology Services,Other"/>
    <s v="StatCan-131839"/>
    <s v="In Production"/>
    <s v="desktop"/>
    <x v="0"/>
    <x v="106"/>
  </r>
  <r>
    <x v="3"/>
    <x v="15"/>
    <x v="6965"/>
    <s v="IMDB"/>
    <m/>
    <s v=""/>
    <x v="1"/>
    <s v=""/>
    <x v="49"/>
    <s v="Socio-economic Statistics"/>
    <s v="Other,Other"/>
    <s v="StatCan-131946"/>
    <s v="In Production"/>
    <s v="rich"/>
    <x v="1"/>
    <x v="2548"/>
  </r>
  <r>
    <x v="3"/>
    <x v="15"/>
    <x v="6966"/>
    <s v="GSS"/>
    <m/>
    <s v=""/>
    <x v="1"/>
    <s v=""/>
    <x v="49"/>
    <s v="Socio-economic Statistics"/>
    <s v="Other,Other"/>
    <s v="StatCan-131952"/>
    <s v="In Production"/>
    <s v="rich"/>
    <x v="1"/>
    <x v="2549"/>
  </r>
  <r>
    <x v="0"/>
    <x v="11"/>
    <x v="6967"/>
    <s v="Confluence"/>
    <m/>
    <s v="Other"/>
    <x v="1"/>
    <s v="Atlassian Confluence"/>
    <x v="49"/>
    <s v="IT Services"/>
    <s v="Information Technology Services,Other"/>
    <s v="StatCan-131991"/>
    <s v="In Production"/>
    <s v="web"/>
    <x v="0"/>
    <x v="106"/>
  </r>
  <r>
    <x v="3"/>
    <x v="46"/>
    <x v="6968"/>
    <s v="FINCOL"/>
    <m/>
    <s v=""/>
    <x v="1"/>
    <s v=""/>
    <x v="49"/>
    <s v="Socio-economic Statistics"/>
    <s v="Other"/>
    <s v="StatCan-132646"/>
    <s v="In Production"/>
    <s v="rich"/>
    <x v="1"/>
    <x v="2550"/>
  </r>
  <r>
    <x v="0"/>
    <x v="43"/>
    <x v="6969"/>
    <s v=""/>
    <m/>
    <s v="Adobe_Systems_Incorporated"/>
    <x v="48"/>
    <s v=""/>
    <x v="49"/>
    <s v="IT Services"/>
    <s v="Information Technology Services"/>
    <s v="StatCan-132677"/>
    <s v="In Production"/>
    <s v="desktop"/>
    <x v="0"/>
    <x v="86"/>
  </r>
  <r>
    <x v="10"/>
    <x v="60"/>
    <x v="6970"/>
    <s v="BPM Suite"/>
    <m/>
    <s v="Oracle_Canada_ULC"/>
    <x v="59"/>
    <s v=""/>
    <x v="49"/>
    <s v="IT Services"/>
    <s v="Information Technology Services"/>
    <s v="StatCan-132770"/>
    <s v="In Production"/>
    <s v="web"/>
    <x v="0"/>
    <x v="2551"/>
  </r>
  <r>
    <x v="8"/>
    <x v="29"/>
    <x v="6971"/>
    <s v="SAS"/>
    <m/>
    <s v="SAS_Institute_Canada_Inc"/>
    <x v="1"/>
    <s v=""/>
    <x v="49"/>
    <s v="Statistical Infrastructure"/>
    <s v="Information Technology Services"/>
    <s v="StatCan-133033"/>
    <s v="In Production"/>
    <s v="desktop"/>
    <x v="0"/>
    <x v="86"/>
  </r>
  <r>
    <x v="5"/>
    <x v="25"/>
    <x v="6972"/>
    <s v="SAS EG v5.1"/>
    <m/>
    <s v="SAS_Institute_Canada_Inc"/>
    <x v="1"/>
    <s v=""/>
    <x v="49"/>
    <s v="Statistical Infrastructure"/>
    <s v="Information Technology Services"/>
    <s v="StatCan-133035"/>
    <s v="In Production"/>
    <s v="desktop"/>
    <x v="0"/>
    <x v="86"/>
  </r>
  <r>
    <x v="5"/>
    <x v="25"/>
    <x v="6973"/>
    <s v="SAS AMO v4.3"/>
    <m/>
    <s v="SAS_Institute_Canada_Inc"/>
    <x v="1"/>
    <s v="SAS Add_In For Microsoft Office v4.3"/>
    <x v="49"/>
    <s v="IT Services"/>
    <s v="Information Technology Services"/>
    <s v="StatCan-133036"/>
    <s v="In Production"/>
    <s v="desktop"/>
    <x v="0"/>
    <x v="2552"/>
  </r>
  <r>
    <x v="5"/>
    <x v="25"/>
    <x v="6974"/>
    <s v="SAS AMO v5.1"/>
    <m/>
    <s v="SAS_Institute_Canada_Inc"/>
    <x v="1"/>
    <s v="SAS Add_In For Microsoft Office v5.1"/>
    <x v="49"/>
    <s v="IT Services"/>
    <s v="Information Technology Services"/>
    <s v="StatCan-133037"/>
    <s v="In Production"/>
    <s v="desktop"/>
    <x v="0"/>
    <x v="2552"/>
  </r>
  <r>
    <x v="8"/>
    <x v="5"/>
    <x v="6975"/>
    <s v="SAS/AF v9.3"/>
    <m/>
    <s v="SAS_Institute_Canada_Inc"/>
    <x v="1"/>
    <s v=""/>
    <x v="49"/>
    <s v="Statistical Infrastructure"/>
    <s v="Information Technology Services"/>
    <s v="StatCan-133045"/>
    <s v="In Production"/>
    <s v="desktop"/>
    <x v="0"/>
    <x v="86"/>
  </r>
  <r>
    <x v="5"/>
    <x v="25"/>
    <x v="6976"/>
    <s v="JMP 10"/>
    <m/>
    <s v="SAS_Institute_Canada_Inc"/>
    <x v="1"/>
    <s v=""/>
    <x v="49"/>
    <s v="IT Services"/>
    <s v="Information Technology Services"/>
    <s v="StatCan-133053"/>
    <s v="In Production"/>
    <s v="desktop"/>
    <x v="0"/>
    <x v="86"/>
  </r>
  <r>
    <x v="8"/>
    <x v="29"/>
    <x v="6977"/>
    <s v=""/>
    <m/>
    <s v="SAS_Institute_Canada_Inc"/>
    <x v="1"/>
    <s v=""/>
    <x v="49"/>
    <s v="Statistical Infrastructure"/>
    <s v="Information Technology Services"/>
    <s v="StatCan-133054"/>
    <s v="In Production"/>
    <s v="desktop"/>
    <x v="0"/>
    <x v="86"/>
  </r>
  <r>
    <x v="8"/>
    <x v="29"/>
    <x v="6978"/>
    <s v=""/>
    <m/>
    <s v="Other"/>
    <x v="1"/>
    <s v="PTC"/>
    <x v="49"/>
    <s v="IT Services"/>
    <s v="Information Technology Services"/>
    <s v="StatCan-133862"/>
    <s v="In Production"/>
    <s v="desktop"/>
    <x v="0"/>
    <x v="106"/>
  </r>
  <r>
    <x v="8"/>
    <x v="29"/>
    <x v="6979"/>
    <s v=""/>
    <m/>
    <s v="Other"/>
    <x v="1"/>
    <s v=""/>
    <x v="49"/>
    <s v="IT Services"/>
    <s v="Information Technology Services"/>
    <s v="StatCan-134120"/>
    <s v="In Production"/>
    <s v="desktop"/>
    <x v="0"/>
    <x v="301"/>
  </r>
  <r>
    <x v="0"/>
    <x v="28"/>
    <x v="6980"/>
    <s v="MMDS v2011"/>
    <m/>
    <s v="Other"/>
    <x v="1"/>
    <s v="Vendor: National Center for Health Statistics (NCHS), USA Product: MMDS"/>
    <x v="49"/>
    <s v="Socio-economic Statistics"/>
    <s v="Other"/>
    <s v="StatCan-134357"/>
    <s v="In Production"/>
    <s v="desktop"/>
    <x v="0"/>
    <x v="2553"/>
  </r>
  <r>
    <x v="5"/>
    <x v="25"/>
    <x v="6981"/>
    <s v="GUS"/>
    <m/>
    <s v=""/>
    <x v="1"/>
    <s v=""/>
    <x v="49"/>
    <s v="Economic and Environmental Statistics_x000a_"/>
    <s v="Other"/>
    <s v="StatCan-134948"/>
    <s v="In Production"/>
    <s v="desktop"/>
    <x v="1"/>
    <x v="10"/>
  </r>
  <r>
    <x v="8"/>
    <x v="83"/>
    <x v="6982"/>
    <s v="Wave"/>
    <m/>
    <s v="Other"/>
    <x v="1"/>
    <s v="Webaim"/>
    <x v="49"/>
    <s v="IT Services"/>
    <s v="Other"/>
    <s v="StatCan-135100"/>
    <s v="In Production"/>
    <s v="desktop"/>
    <x v="0"/>
    <x v="117"/>
  </r>
  <r>
    <x v="8"/>
    <x v="83"/>
    <x v="194"/>
    <s v="Colour Contrast Analyser"/>
    <m/>
    <s v="Other"/>
    <x v="1"/>
    <s v="Colour Contrast Analyser"/>
    <x v="49"/>
    <s v="IT Services"/>
    <s v="Other"/>
    <s v="StatCan-135102"/>
    <s v="In Production"/>
    <s v="desktop"/>
    <x v="0"/>
    <x v="117"/>
  </r>
  <r>
    <x v="10"/>
    <x v="80"/>
    <x v="6983"/>
    <s v="OER"/>
    <m/>
    <s v="Oracle_Canada_ULC"/>
    <x v="1"/>
    <s v=""/>
    <x v="49"/>
    <s v="IT Services"/>
    <s v="Information Technology Services"/>
    <s v="StatCan-135673"/>
    <s v="In Production"/>
    <s v="web"/>
    <x v="0"/>
    <x v="2551"/>
  </r>
  <r>
    <x v="0"/>
    <x v="11"/>
    <x v="6984"/>
    <s v="Help &amp; Manual"/>
    <m/>
    <s v="Other"/>
    <x v="1"/>
    <s v="EC Software GmbH, Help + Manual Professional"/>
    <x v="49"/>
    <s v="IT Services"/>
    <s v="Information Technology Services"/>
    <s v="StatCan-135956"/>
    <s v="In Production"/>
    <s v="desktop"/>
    <x v="0"/>
    <x v="106"/>
  </r>
  <r>
    <x v="0"/>
    <x v="28"/>
    <x v="6985"/>
    <s v="IQT"/>
    <m/>
    <s v=""/>
    <x v="1"/>
    <s v=""/>
    <x v="49"/>
    <s v="Socio-economic Statistics"/>
    <s v="Information Technology Services"/>
    <s v="StatCan-136164"/>
    <s v="In Production"/>
    <s v="rich"/>
    <x v="1"/>
    <x v="2554"/>
  </r>
  <r>
    <x v="1"/>
    <x v="1"/>
    <x v="6986"/>
    <s v="TortoiseCVS"/>
    <m/>
    <s v="Other"/>
    <x v="1"/>
    <s v="TortoiseSVN"/>
    <x v="49"/>
    <s v="IT Services"/>
    <s v="Information Technology Services"/>
    <s v="StatCan-136301"/>
    <s v="In Production"/>
    <s v="desktop"/>
    <x v="0"/>
    <x v="106"/>
  </r>
  <r>
    <x v="5"/>
    <x v="25"/>
    <x v="6987"/>
    <s v="MRC2011"/>
    <m/>
    <s v=""/>
    <x v="1"/>
    <s v=""/>
    <x v="49"/>
    <s v="Economic and Environmental Statistics_x000a_"/>
    <s v="Information Technology Services,Other"/>
    <s v="StatCan-136321"/>
    <s v="In Production"/>
    <s v="desktop"/>
    <x v="1"/>
    <x v="2511"/>
  </r>
  <r>
    <x v="0"/>
    <x v="16"/>
    <x v="6988"/>
    <s v="FAXINT"/>
    <m/>
    <s v=""/>
    <x v="1"/>
    <s v=""/>
    <x v="49"/>
    <s v="Socio-economic Statistics"/>
    <s v="Information Technology Services"/>
    <s v="StatCan-136325"/>
    <s v="In Production"/>
    <s v="rich"/>
    <x v="1"/>
    <x v="2555"/>
  </r>
  <r>
    <x v="5"/>
    <x v="25"/>
    <x v="6989"/>
    <s v="MVFS v3"/>
    <m/>
    <s v=""/>
    <x v="1"/>
    <s v=""/>
    <x v="49"/>
    <s v="Economic and Environmental Statistics_x000a_"/>
    <s v="Information Technology Services,Other"/>
    <s v="StatCan-136406"/>
    <s v="In Production"/>
    <s v="rich"/>
    <x v="1"/>
    <x v="2511"/>
  </r>
  <r>
    <x v="3"/>
    <x v="31"/>
    <x v="6990"/>
    <s v="Grifffin"/>
    <m/>
    <s v=""/>
    <x v="1"/>
    <s v=""/>
    <x v="49"/>
    <s v="Economic and Environmental Statistics_x000a_"/>
    <s v="Other"/>
    <s v="StatCan-136460"/>
    <s v="In Production"/>
    <s v="rich"/>
    <x v="1"/>
    <x v="2556"/>
  </r>
  <r>
    <x v="8"/>
    <x v="39"/>
    <x v="6991"/>
    <s v="Visio"/>
    <m/>
    <s v="Other"/>
    <x v="1"/>
    <s v="Microsoft"/>
    <x v="49"/>
    <s v="Statistical Infrastructure"/>
    <s v="Information Technology Services"/>
    <s v="StatCan-136616"/>
    <s v="In Production"/>
    <s v="rich"/>
    <x v="0"/>
    <x v="10"/>
  </r>
  <r>
    <x v="8"/>
    <x v="5"/>
    <x v="6992"/>
    <s v=""/>
    <m/>
    <s v="Other"/>
    <x v="1"/>
    <s v=""/>
    <x v="49"/>
    <s v=""/>
    <s v="Information Technology Services"/>
    <s v="StatCan-137416"/>
    <s v="In Production"/>
    <s v="desktop"/>
    <x v="0"/>
    <x v="86"/>
  </r>
  <r>
    <x v="8"/>
    <x v="38"/>
    <x v="6993"/>
    <s v="Ant"/>
    <m/>
    <s v="Other"/>
    <x v="1"/>
    <s v="Apache Ant"/>
    <x v="49"/>
    <s v="IT Services"/>
    <s v="Information Technology Services"/>
    <s v="StatCan-137467"/>
    <s v="In Production"/>
    <s v="desktop"/>
    <x v="0"/>
    <x v="106"/>
  </r>
  <r>
    <x v="4"/>
    <x v="5"/>
    <x v="6994"/>
    <s v=""/>
    <m/>
    <s v="Other"/>
    <x v="1"/>
    <s v="Open Text/Recostar"/>
    <x v="49"/>
    <s v="Program 3 Census"/>
    <s v="Information Technology Services"/>
    <s v="StatCan-137527"/>
    <s v="In Production"/>
    <s v="desktop"/>
    <x v="0"/>
    <x v="2557"/>
  </r>
  <r>
    <x v="5"/>
    <x v="14"/>
    <x v="6995"/>
    <s v="N/A"/>
    <s v="Web Mapping application - Geographic Search tool for dissemination of 2011 Census"/>
    <s v=""/>
    <x v="1"/>
    <s v=""/>
    <x v="49"/>
    <s v="Statistical Infrastructure"/>
    <s v="Other"/>
    <s v="StatCan-137693"/>
    <s v="In Production"/>
    <s v="web"/>
    <x v="1"/>
    <x v="2558"/>
  </r>
  <r>
    <x v="0"/>
    <x v="28"/>
    <x v="6996"/>
    <s v="IRIS"/>
    <m/>
    <s v="Other"/>
    <x v="1"/>
    <s v="IRIS Institute / IRIS"/>
    <x v="49"/>
    <s v="Socio-economic Statistics"/>
    <s v="Information Technology Services"/>
    <s v="StatCan-137756"/>
    <s v="In Production"/>
    <s v="rich"/>
    <x v="0"/>
    <x v="2559"/>
  </r>
  <r>
    <x v="5"/>
    <x v="25"/>
    <x v="6997"/>
    <s v="PProc-Prov"/>
    <m/>
    <s v=""/>
    <x v="1"/>
    <s v=""/>
    <x v="49"/>
    <s v="Economic and Environmental Statistics_x000a_"/>
    <s v="Other"/>
    <s v="StatCan-138577"/>
    <s v="In Production"/>
    <s v="rich"/>
    <x v="1"/>
    <x v="2560"/>
  </r>
  <r>
    <x v="5"/>
    <x v="25"/>
    <x v="6998"/>
    <s v="PProc-Fed"/>
    <m/>
    <s v=""/>
    <x v="1"/>
    <s v=""/>
    <x v="49"/>
    <s v="Economic and Environmental Statistics_x000a_"/>
    <s v="Other"/>
    <s v="StatCan-138579"/>
    <s v="In Production"/>
    <s v="rich"/>
    <x v="1"/>
    <x v="2560"/>
  </r>
  <r>
    <x v="8"/>
    <x v="5"/>
    <x v="6999"/>
    <s v=""/>
    <m/>
    <s v=""/>
    <x v="1"/>
    <s v=""/>
    <x v="49"/>
    <s v=""/>
    <s v="Information Technology Services"/>
    <s v="StatCan-138902"/>
    <s v="In Production"/>
    <s v="desktop"/>
    <x v="1"/>
    <x v="86"/>
  </r>
  <r>
    <x v="3"/>
    <x v="15"/>
    <x v="7000"/>
    <s v="RTRA"/>
    <m/>
    <s v=""/>
    <x v="1"/>
    <s v=""/>
    <x v="49"/>
    <s v="Cost-recovered Statistical Services"/>
    <s v="Other,Other"/>
    <s v="StatCan-139360"/>
    <s v="In Production"/>
    <s v="web"/>
    <x v="1"/>
    <x v="2561"/>
  </r>
  <r>
    <x v="8"/>
    <x v="5"/>
    <x v="7001"/>
    <s v=""/>
    <m/>
    <s v="Other"/>
    <x v="1"/>
    <s v=""/>
    <x v="49"/>
    <s v=""/>
    <s v="Information Technology Services"/>
    <s v="StatCan-139416"/>
    <s v="In Production"/>
    <s v="desktop"/>
    <x v="0"/>
    <x v="86"/>
  </r>
  <r>
    <x v="5"/>
    <x v="25"/>
    <x v="7002"/>
    <s v="MSM Pre-Coll"/>
    <m/>
    <s v=""/>
    <x v="1"/>
    <s v=""/>
    <x v="49"/>
    <s v="Economic and Environmental Statistics_x000a_"/>
    <s v="Other"/>
    <s v="StatCan-139502"/>
    <s v="In Production"/>
    <s v="desktop"/>
    <x v="1"/>
    <x v="2562"/>
  </r>
  <r>
    <x v="0"/>
    <x v="16"/>
    <x v="7003"/>
    <s v="ATP"/>
    <m/>
    <s v=""/>
    <x v="1"/>
    <s v=""/>
    <x v="49"/>
    <s v="Socio-economic Statistics"/>
    <s v="Information Technology Services"/>
    <s v="StatCan-139838"/>
    <s v="In Production"/>
    <s v="rich"/>
    <x v="1"/>
    <x v="2563"/>
  </r>
  <r>
    <x v="3"/>
    <x v="15"/>
    <x v="7004"/>
    <s v="JOBVAC"/>
    <m/>
    <s v=""/>
    <x v="1"/>
    <s v=""/>
    <x v="49"/>
    <s v="Socio-economic Statistics"/>
    <s v="Other"/>
    <s v="StatCan-139851"/>
    <s v="In Production"/>
    <s v="rich"/>
    <x v="1"/>
    <x v="2564"/>
  </r>
  <r>
    <x v="3"/>
    <x v="31"/>
    <x v="7005"/>
    <s v="Beyond 20/20"/>
    <m/>
    <s v="Other"/>
    <x v="1"/>
    <s v="Beyond 20/20"/>
    <x v="49"/>
    <s v="IT Services"/>
    <s v="Other"/>
    <s v="StatCan-139985"/>
    <s v="In Production"/>
    <s v="desktop"/>
    <x v="0"/>
    <x v="117"/>
  </r>
  <r>
    <x v="5"/>
    <x v="25"/>
    <x v="7006"/>
    <s v="Sudaan"/>
    <m/>
    <s v="Other"/>
    <x v="1"/>
    <s v="RTI"/>
    <x v="49"/>
    <s v="Statistical Infrastructure"/>
    <s v="Information Technology Services"/>
    <s v="StatCan-140012"/>
    <s v="In Production"/>
    <s v="desktop"/>
    <x v="0"/>
    <x v="86"/>
  </r>
  <r>
    <x v="0"/>
    <x v="85"/>
    <x v="7007"/>
    <s v="SNS"/>
    <m/>
    <s v=""/>
    <x v="1"/>
    <s v=""/>
    <x v="49"/>
    <s v="Socio-economic Statistics"/>
    <s v="Information Technology Services"/>
    <s v="StatCan-140199"/>
    <s v="In Production"/>
    <s v="rich"/>
    <x v="1"/>
    <x v="2565"/>
  </r>
  <r>
    <x v="0"/>
    <x v="16"/>
    <x v="7008"/>
    <s v="TLV"/>
    <m/>
    <s v=""/>
    <x v="1"/>
    <s v=""/>
    <x v="49"/>
    <s v="Socio-economic Statistics"/>
    <s v="Information Technology Services"/>
    <s v="StatCan-140231"/>
    <s v="In Production"/>
    <s v="rich"/>
    <x v="1"/>
    <x v="2563"/>
  </r>
  <r>
    <x v="0"/>
    <x v="16"/>
    <x v="7009"/>
    <s v="FAC"/>
    <m/>
    <s v=""/>
    <x v="1"/>
    <s v=""/>
    <x v="49"/>
    <s v="Internal Services"/>
    <s v="Information Technology Services"/>
    <s v="StatCan-140259"/>
    <s v="In Production"/>
    <s v="desktop"/>
    <x v="1"/>
    <x v="809"/>
  </r>
  <r>
    <x v="0"/>
    <x v="16"/>
    <x v="7010"/>
    <s v="DCS"/>
    <m/>
    <s v=""/>
    <x v="1"/>
    <s v=""/>
    <x v="49"/>
    <s v="Socio-economic Statistics"/>
    <s v="Information Technology Services"/>
    <s v="StatCan-140260"/>
    <s v="In Production"/>
    <s v="rich"/>
    <x v="1"/>
    <x v="2566"/>
  </r>
  <r>
    <x v="0"/>
    <x v="28"/>
    <x v="7011"/>
    <s v="AKS"/>
    <m/>
    <s v=""/>
    <x v="1"/>
    <s v=""/>
    <x v="49"/>
    <s v="Statistical Infrastructure"/>
    <s v="Information Technology Services"/>
    <s v="StatCan-140261"/>
    <s v="In Production"/>
    <s v="rich"/>
    <x v="1"/>
    <x v="2523"/>
  </r>
  <r>
    <x v="0"/>
    <x v="28"/>
    <x v="7012"/>
    <s v="ACB"/>
    <m/>
    <s v=""/>
    <x v="1"/>
    <s v=""/>
    <x v="49"/>
    <s v="Statistical Infrastructure"/>
    <s v="Information Technology Services"/>
    <s v="StatCan-140263"/>
    <s v="In Production"/>
    <s v="rich"/>
    <x v="1"/>
    <x v="2523"/>
  </r>
  <r>
    <x v="0"/>
    <x v="28"/>
    <x v="7013"/>
    <s v="ASON"/>
    <m/>
    <s v=""/>
    <x v="1"/>
    <s v=""/>
    <x v="49"/>
    <s v="Statistical Infrastructure"/>
    <s v="Information Technology Services"/>
    <s v="StatCan-140267"/>
    <s v="In Production"/>
    <s v="rich"/>
    <x v="1"/>
    <x v="2523"/>
  </r>
  <r>
    <x v="5"/>
    <x v="94"/>
    <x v="7014"/>
    <s v="CAPSS"/>
    <m/>
    <s v=""/>
    <x v="1"/>
    <s v=""/>
    <x v="49"/>
    <s v="Censuses"/>
    <s v="Other"/>
    <s v="StatCan-140279"/>
    <s v="In Production"/>
    <s v="rich"/>
    <x v="1"/>
    <x v="2567"/>
  </r>
  <r>
    <x v="3"/>
    <x v="45"/>
    <x v="7015"/>
    <s v="ODAC"/>
    <m/>
    <s v="Oracle_Canada_ULC"/>
    <x v="1"/>
    <s v=""/>
    <x v="49"/>
    <s v="IT Services"/>
    <s v="Information Technology Services"/>
    <s v="StatCan-140285"/>
    <s v="In Production"/>
    <s v="desktop"/>
    <x v="0"/>
    <x v="2568"/>
  </r>
  <r>
    <x v="0"/>
    <x v="85"/>
    <x v="7016"/>
    <s v="QCSG"/>
    <m/>
    <s v=""/>
    <x v="1"/>
    <s v=""/>
    <x v="49"/>
    <s v="Socio-economic Statistics"/>
    <s v="Information Technology Services"/>
    <s v="StatCan-140457"/>
    <s v="In Production"/>
    <s v="rich"/>
    <x v="1"/>
    <x v="2566"/>
  </r>
  <r>
    <x v="0"/>
    <x v="28"/>
    <x v="7017"/>
    <s v="ITSLP"/>
    <m/>
    <s v=""/>
    <x v="1"/>
    <s v=""/>
    <x v="49"/>
    <s v="Socio-economic Statistics"/>
    <s v="Information Technology Services"/>
    <s v="StatCan-140548"/>
    <s v="In Production"/>
    <s v="desktop"/>
    <x v="1"/>
    <x v="2569"/>
  </r>
  <r>
    <x v="3"/>
    <x v="45"/>
    <x v="7018"/>
    <s v="Redgate"/>
    <m/>
    <s v="Other"/>
    <x v="1"/>
    <s v="RedGate"/>
    <x v="49"/>
    <s v="IT Services"/>
    <s v="Information Technology Services"/>
    <s v="StatCan-140614"/>
    <s v="In Production"/>
    <s v="desktop"/>
    <x v="0"/>
    <x v="1813"/>
  </r>
  <r>
    <x v="3"/>
    <x v="45"/>
    <x v="7019"/>
    <s v="Toad"/>
    <m/>
    <s v="Other"/>
    <x v="1"/>
    <s v="Quest"/>
    <x v="49"/>
    <s v="IT Services"/>
    <s v="Information Technology Services"/>
    <s v="StatCan-140616"/>
    <s v="In Production"/>
    <s v="desktop"/>
    <x v="0"/>
    <x v="1812"/>
  </r>
  <r>
    <x v="2"/>
    <x v="3"/>
    <x v="7020"/>
    <s v="TMS Web"/>
    <m/>
    <s v=""/>
    <x v="1"/>
    <s v=""/>
    <x v="49"/>
    <s v="Internal Services"/>
    <s v="Human Resources Management Services"/>
    <s v="StatCan-141114"/>
    <s v="In Production"/>
    <s v="web"/>
    <x v="1"/>
    <x v="2570"/>
  </r>
  <r>
    <x v="3"/>
    <x v="15"/>
    <x v="7021"/>
    <s v="GLINK"/>
    <m/>
    <s v=""/>
    <x v="1"/>
    <s v=""/>
    <x v="49"/>
    <s v="Statistical Infrastructure"/>
    <s v="Information Technology Services"/>
    <s v="StatCan-141242"/>
    <s v="In Production"/>
    <s v="rich"/>
    <x v="1"/>
    <x v="2571"/>
  </r>
  <r>
    <x v="5"/>
    <x v="25"/>
    <x v="7022"/>
    <s v="AGR&amp;WATER"/>
    <m/>
    <s v=""/>
    <x v="1"/>
    <s v=""/>
    <x v="49"/>
    <s v="Economic and Environmental Statistics_x000a_"/>
    <s v="Other"/>
    <s v="StatCan-141281"/>
    <s v="In Production"/>
    <s v="desktop"/>
    <x v="1"/>
    <x v="2572"/>
  </r>
  <r>
    <x v="5"/>
    <x v="25"/>
    <x v="7023"/>
    <s v="ENVIRONMENT"/>
    <m/>
    <s v=""/>
    <x v="1"/>
    <s v=""/>
    <x v="49"/>
    <s v="Economic and Environmental Statistics_x000a_"/>
    <s v="Other"/>
    <s v="StatCan-141285"/>
    <s v="In Production"/>
    <s v="desktop"/>
    <x v="1"/>
    <x v="2572"/>
  </r>
  <r>
    <x v="5"/>
    <x v="25"/>
    <x v="7024"/>
    <s v="M&amp;E FLOW"/>
    <m/>
    <s v=""/>
    <x v="1"/>
    <s v=""/>
    <x v="49"/>
    <s v="Economic and Environmental Statistics_x000a_"/>
    <s v="Other"/>
    <s v="StatCan-141286"/>
    <s v="In Production"/>
    <s v="desktop"/>
    <x v="1"/>
    <x v="2560"/>
  </r>
  <r>
    <x v="5"/>
    <x v="25"/>
    <x v="7025"/>
    <s v="NATRESS STOCK"/>
    <m/>
    <s v=""/>
    <x v="1"/>
    <s v=""/>
    <x v="49"/>
    <s v="Economic and Environmental Statistics_x000a_"/>
    <s v="Other"/>
    <s v="StatCan-141287"/>
    <s v="In Production"/>
    <s v="desktop"/>
    <x v="1"/>
    <x v="2572"/>
  </r>
  <r>
    <x v="3"/>
    <x v="15"/>
    <x v="7026"/>
    <s v="LFS BE"/>
    <m/>
    <s v=""/>
    <x v="1"/>
    <s v=""/>
    <x v="49"/>
    <s v="Socio-economic Statistics"/>
    <s v="Other"/>
    <s v="StatCan-141311"/>
    <s v="In Production"/>
    <s v="rich"/>
    <x v="1"/>
    <x v="2573"/>
  </r>
  <r>
    <x v="3"/>
    <x v="92"/>
    <x v="7027"/>
    <s v="LFS DD"/>
    <s v="LFS data dictionary built on Microsoft Access"/>
    <s v=""/>
    <x v="1"/>
    <s v=""/>
    <x v="49"/>
    <s v="Socio-economic Statistics"/>
    <s v="Other"/>
    <s v="StatCan-141313"/>
    <s v="In Production"/>
    <s v="desktop"/>
    <x v="1"/>
    <x v="2574"/>
  </r>
  <r>
    <x v="3"/>
    <x v="92"/>
    <x v="7028"/>
    <s v="LFS EDE"/>
    <s v="LFS Edit decision table which are driving data validation"/>
    <s v=""/>
    <x v="1"/>
    <s v=""/>
    <x v="49"/>
    <s v="Socio-economic Statistics"/>
    <s v="Other"/>
    <s v="StatCan-141314"/>
    <s v="In Production"/>
    <s v="desktop"/>
    <x v="1"/>
    <x v="2575"/>
  </r>
  <r>
    <x v="3"/>
    <x v="15"/>
    <x v="7029"/>
    <s v="MAD-GTAB"/>
    <m/>
    <s v=""/>
    <x v="1"/>
    <s v=""/>
    <x v="49"/>
    <s v="Cost-recovered Statistical Services"/>
    <s v="Other,Other"/>
    <s v="StatCan-141348"/>
    <s v="In Production"/>
    <s v="rich"/>
    <x v="1"/>
    <x v="2576"/>
  </r>
  <r>
    <x v="3"/>
    <x v="15"/>
    <x v="7030"/>
    <s v="CCJS - KIR"/>
    <m/>
    <s v=""/>
    <x v="1"/>
    <s v=""/>
    <x v="49"/>
    <s v="Socio-economic Statistics"/>
    <s v="Other,Other"/>
    <s v="StatCan-141372"/>
    <s v="In Production"/>
    <s v="rich"/>
    <x v="1"/>
    <x v="2577"/>
  </r>
  <r>
    <x v="3"/>
    <x v="15"/>
    <x v="7031"/>
    <s v="CCJS - SMEP"/>
    <m/>
    <s v=""/>
    <x v="1"/>
    <s v=""/>
    <x v="49"/>
    <s v="Socio-economic Statistics"/>
    <s v="Other,Other"/>
    <s v="StatCan-141405"/>
    <s v="In Production"/>
    <s v="rich"/>
    <x v="1"/>
    <x v="2578"/>
  </r>
  <r>
    <x v="3"/>
    <x v="15"/>
    <x v="7032"/>
    <s v="PRIMS"/>
    <m/>
    <s v=""/>
    <x v="1"/>
    <s v=""/>
    <x v="49"/>
    <s v="Socio-economic Statistics"/>
    <s v="Other,Other"/>
    <s v="StatCan-141406"/>
    <s v="In Production"/>
    <s v="rich"/>
    <x v="1"/>
    <x v="2579"/>
  </r>
  <r>
    <x v="3"/>
    <x v="15"/>
    <x v="7033"/>
    <s v="G-Series"/>
    <m/>
    <s v=""/>
    <x v="1"/>
    <s v=""/>
    <x v="49"/>
    <s v="Statistical Infrastructure"/>
    <s v="Information Technology Services"/>
    <s v="StatCan-141412"/>
    <s v="In Production"/>
    <s v="mini_main_super"/>
    <x v="1"/>
    <x v="2580"/>
  </r>
  <r>
    <x v="5"/>
    <x v="94"/>
    <x v="7034"/>
    <s v="LogiPlus"/>
    <m/>
    <s v=""/>
    <x v="1"/>
    <s v=""/>
    <x v="49"/>
    <s v="Statistical Infrastructure"/>
    <s v="Information Technology Services"/>
    <s v="StatCan-141413"/>
    <s v="In Production"/>
    <s v="desktop"/>
    <x v="1"/>
    <x v="2581"/>
  </r>
  <r>
    <x v="8"/>
    <x v="39"/>
    <x v="7035"/>
    <s v="Nexus"/>
    <m/>
    <s v="Other"/>
    <x v="1"/>
    <s v="Sonatype Nexus"/>
    <x v="49"/>
    <s v="IT Services"/>
    <s v="Information Technology Services"/>
    <s v="StatCan-141456"/>
    <s v="In Production"/>
    <s v="web"/>
    <x v="0"/>
    <x v="106"/>
  </r>
  <r>
    <x v="3"/>
    <x v="15"/>
    <x v="7036"/>
    <s v="TLAC v2.0"/>
    <m/>
    <s v=""/>
    <x v="1"/>
    <s v=""/>
    <x v="49"/>
    <s v="Socio-economic Statistics"/>
    <s v="Other"/>
    <s v="StatCan-141510"/>
    <s v="In Production"/>
    <s v="rich"/>
    <x v="1"/>
    <x v="2521"/>
  </r>
  <r>
    <x v="6"/>
    <x v="71"/>
    <x v="7037"/>
    <s v="ColorContrast"/>
    <s v="The SmartPub Color Contrast Analyzer is a utility program that will test the color contrast for a selected RGB value using the luminosity algorithm. The test is performed for level AA (a contrast of 5:1 is necessary to pass)."/>
    <s v=""/>
    <x v="1"/>
    <s v=""/>
    <x v="49"/>
    <s v="Internal Services"/>
    <s v="Information Technology Services"/>
    <s v="StatCan-141543"/>
    <s v="In Production"/>
    <s v="web"/>
    <x v="1"/>
    <x v="809"/>
  </r>
  <r>
    <x v="3"/>
    <x v="46"/>
    <x v="7038"/>
    <s v="Pcode_fp"/>
    <m/>
    <s v=""/>
    <x v="1"/>
    <s v=""/>
    <x v="49"/>
    <s v="Statistical Infrastructure"/>
    <s v="Information Management Services"/>
    <s v="StatCan-141572"/>
    <s v="In Production"/>
    <s v="rich"/>
    <x v="1"/>
    <x v="2582"/>
  </r>
  <r>
    <x v="8"/>
    <x v="29"/>
    <x v="7039"/>
    <s v="IntelliJ IDEA"/>
    <m/>
    <s v="Other"/>
    <x v="1"/>
    <s v="Jetbrains Intellij"/>
    <x v="49"/>
    <s v="IT Services"/>
    <s v="Information Technology Services"/>
    <s v="StatCan-141579"/>
    <s v="In Production"/>
    <s v="desktop"/>
    <x v="0"/>
    <x v="106"/>
  </r>
  <r>
    <x v="5"/>
    <x v="14"/>
    <x v="7040"/>
    <s v="GArDS 2016"/>
    <s v="Generalized Area Delineation System.  Desktop application which organizes smaller geographic areas, known as blocks or polygons, into larger units, according to a set of predetermined criteria.  Used to produce delimitation of boundaries for Census 2016 Collection/Dissemination, and by Election Canada for Electoral district."/>
    <s v="SAS_Institute_Canada_Inc"/>
    <x v="1"/>
    <s v=""/>
    <x v="49"/>
    <s v="Statistical Infrastructure"/>
    <s v="Other"/>
    <s v="StatCan-141774"/>
    <s v="In Production"/>
    <s v="web"/>
    <x v="1"/>
    <x v="2583"/>
  </r>
  <r>
    <x v="3"/>
    <x v="15"/>
    <x v="7041"/>
    <s v="NA"/>
    <m/>
    <s v=""/>
    <x v="1"/>
    <s v=""/>
    <x v="49"/>
    <s v="Socio-economic Statistics"/>
    <s v="Other,Other"/>
    <s v="StatCan-141905"/>
    <s v="In Production"/>
    <s v="desktop"/>
    <x v="1"/>
    <x v="2584"/>
  </r>
  <r>
    <x v="1"/>
    <x v="5"/>
    <x v="7042"/>
    <s v="Softerra LDAP Browser"/>
    <m/>
    <s v="Other"/>
    <x v="1"/>
    <s v="Softerra LDAP Browser"/>
    <x v="49"/>
    <s v="IT Services"/>
    <s v="Information Technology Services"/>
    <s v="StatCan-142185"/>
    <s v="In Production"/>
    <s v="desktop"/>
    <x v="0"/>
    <x v="301"/>
  </r>
  <r>
    <x v="5"/>
    <x v="25"/>
    <x v="7043"/>
    <s v="Bus"/>
    <m/>
    <s v=""/>
    <x v="1"/>
    <s v=""/>
    <x v="49"/>
    <s v="Economic and Environmental Statistics_x000a_"/>
    <s v="Information Technology Services,Other"/>
    <s v="StatCan-142345"/>
    <s v="In Production"/>
    <s v="desktop"/>
    <x v="1"/>
    <x v="2511"/>
  </r>
  <r>
    <x v="3"/>
    <x v="15"/>
    <x v="7044"/>
    <s v="DEM-PROJ"/>
    <m/>
    <s v=""/>
    <x v="1"/>
    <s v=""/>
    <x v="49"/>
    <s v="Socio-economic Statistics"/>
    <s v="Other,Other"/>
    <s v="StatCan-142475"/>
    <s v="In Production"/>
    <s v="rich"/>
    <x v="1"/>
    <x v="2585"/>
  </r>
  <r>
    <x v="3"/>
    <x v="15"/>
    <x v="7045"/>
    <s v="DEM-MIG"/>
    <m/>
    <s v=""/>
    <x v="1"/>
    <s v=""/>
    <x v="49"/>
    <s v="Socio-economic Statistics"/>
    <s v="Other,Other"/>
    <s v="StatCan-142477"/>
    <s v="In Production"/>
    <s v="rich"/>
    <x v="1"/>
    <x v="2586"/>
  </r>
  <r>
    <x v="0"/>
    <x v="11"/>
    <x v="7046"/>
    <s v="EAR"/>
    <s v="The Enterprise Architecture Repository (EAR) provides a mechanism to capture, view, collaborate and analyse the information that defines the key elements of the enterprise and their consumer-provider interrelationships so that we can analyse the activities of the Agency from an enterprise prospective."/>
    <s v=""/>
    <x v="1"/>
    <s v=""/>
    <x v="49"/>
    <s v="Internal Services"/>
    <s v="Information Technology Services,Management and Oversight Services"/>
    <s v="StatCan-142788"/>
    <s v="In Production"/>
    <s v="web"/>
    <x v="1"/>
    <x v="2587"/>
  </r>
  <r>
    <x v="0"/>
    <x v="18"/>
    <x v="7047"/>
    <s v="QCFS"/>
    <m/>
    <s v=""/>
    <x v="1"/>
    <s v=""/>
    <x v="49"/>
    <s v="Socio-economic Statistics"/>
    <s v="Other"/>
    <s v="StatCan-142806"/>
    <s v="In Production"/>
    <s v="rich"/>
    <x v="1"/>
    <x v="2501"/>
  </r>
  <r>
    <x v="0"/>
    <x v="19"/>
    <x v="7048"/>
    <s v="EQ3.2"/>
    <m/>
    <s v=""/>
    <x v="1"/>
    <s v=""/>
    <x v="49"/>
    <s v="Statistical Infrastructure"/>
    <s v="Other"/>
    <s v="StatCan-142820"/>
    <s v="In Production"/>
    <s v="web"/>
    <x v="1"/>
    <x v="2588"/>
  </r>
  <r>
    <x v="8"/>
    <x v="83"/>
    <x v="7049"/>
    <s v="EQGS3.0"/>
    <m/>
    <s v=""/>
    <x v="1"/>
    <s v=""/>
    <x v="49"/>
    <s v="Statistical Infrastructure"/>
    <s v="Other,Other"/>
    <s v="StatCan-142822"/>
    <s v="In Production"/>
    <s v="web"/>
    <x v="1"/>
    <x v="2589"/>
  </r>
  <r>
    <x v="1"/>
    <x v="12"/>
    <x v="7050"/>
    <s v="SMS"/>
    <m/>
    <s v=""/>
    <x v="1"/>
    <s v=""/>
    <x v="49"/>
    <s v="Statistical Infrastructure"/>
    <s v="Other,Other"/>
    <s v="StatCan-142823"/>
    <s v="In Production"/>
    <s v="rich"/>
    <x v="1"/>
    <x v="2590"/>
  </r>
  <r>
    <x v="0"/>
    <x v="7"/>
    <x v="7051"/>
    <s v="PAWC"/>
    <m/>
    <s v="Other"/>
    <x v="1"/>
    <s v="Conexsys, Private Ark Windows Client"/>
    <x v="49"/>
    <s v="Statistical Infrastructure"/>
    <s v="Information Technology Services,Other"/>
    <s v="StatCan-142825"/>
    <s v="In Production"/>
    <s v="desktop"/>
    <x v="0"/>
    <x v="2591"/>
  </r>
  <r>
    <x v="0"/>
    <x v="16"/>
    <x v="7052"/>
    <s v="BT"/>
    <m/>
    <s v=""/>
    <x v="1"/>
    <s v=""/>
    <x v="49"/>
    <s v="Statistical Infrastructure"/>
    <s v="Information Technology Services,Other"/>
    <s v="StatCan-142828"/>
    <s v="In Production"/>
    <s v="desktop"/>
    <x v="1"/>
    <x v="2591"/>
  </r>
  <r>
    <x v="0"/>
    <x v="7"/>
    <x v="7053"/>
    <s v="eFT3.0"/>
    <m/>
    <s v=""/>
    <x v="1"/>
    <s v=""/>
    <x v="49"/>
    <s v="Statistical Infrastructure"/>
    <s v="Information Technology Services,Other"/>
    <s v="StatCan-142829"/>
    <s v="In Production"/>
    <s v="web"/>
    <x v="1"/>
    <x v="2592"/>
  </r>
  <r>
    <x v="0"/>
    <x v="19"/>
    <x v="7054"/>
    <s v="EQGS Client Portal3.0"/>
    <m/>
    <s v=""/>
    <x v="1"/>
    <s v=""/>
    <x v="49"/>
    <s v="Statistical Infrastructure"/>
    <s v="Other,Other"/>
    <s v="StatCan-142830"/>
    <s v="In Production"/>
    <s v="web"/>
    <x v="1"/>
    <x v="2589"/>
  </r>
  <r>
    <x v="10"/>
    <x v="69"/>
    <x v="7055"/>
    <s v="SFTP"/>
    <m/>
    <s v=""/>
    <x v="1"/>
    <s v=""/>
    <x v="49"/>
    <s v="Socio-economic Statistics"/>
    <s v="Information Technology Services"/>
    <s v="StatCan-142941"/>
    <s v="In Production"/>
    <s v="desktop"/>
    <x v="1"/>
    <x v="2593"/>
  </r>
  <r>
    <x v="6"/>
    <x v="71"/>
    <x v="7056"/>
    <s v="ChartAccessibility"/>
    <m/>
    <s v="Other"/>
    <x v="1"/>
    <s v=""/>
    <x v="49"/>
    <s v="Internal Services"/>
    <s v="Information Technology Services"/>
    <s v="StatCan-142944"/>
    <s v="In Production"/>
    <s v="desktop"/>
    <x v="1"/>
    <x v="2508"/>
  </r>
  <r>
    <x v="6"/>
    <x v="33"/>
    <x v="7057"/>
    <s v="TradeProcessor"/>
    <m/>
    <s v=""/>
    <x v="1"/>
    <s v=""/>
    <x v="49"/>
    <s v="Socio-economic Statistics"/>
    <s v="Information Technology Services"/>
    <s v="StatCan-142959"/>
    <s v="In Production"/>
    <s v="web"/>
    <x v="1"/>
    <x v="2594"/>
  </r>
  <r>
    <x v="6"/>
    <x v="71"/>
    <x v="7058"/>
    <s v="AR Web"/>
    <s v="The Analysts and researchers web site present studies published by Statistics Canada."/>
    <s v=""/>
    <x v="1"/>
    <s v=""/>
    <x v="49"/>
    <s v="Statistical Infrastructure"/>
    <s v="Communications Services,Information Management Services,Information Technology Services,Other,Travel and Other Administrative Services"/>
    <s v="StatCan-142961"/>
    <s v="In Production"/>
    <s v="web"/>
    <x v="1"/>
    <x v="2595"/>
  </r>
  <r>
    <x v="5"/>
    <x v="98"/>
    <x v="7059"/>
    <s v="data gator"/>
    <m/>
    <s v=""/>
    <x v="1"/>
    <s v=""/>
    <x v="49"/>
    <s v="Censuses"/>
    <s v="Information Technology Services,Other"/>
    <s v="StatCan-142972"/>
    <s v="In Production"/>
    <s v="web"/>
    <x v="1"/>
    <x v="2596"/>
  </r>
  <r>
    <x v="8"/>
    <x v="83"/>
    <x v="7060"/>
    <s v="profiles"/>
    <s v="This profile presents information from the 2011 Census of Population for various levels of geography, including provinces and territories, census metropolitan areas, communities and census tracts. Using the tabs below, users can search for an area of interest by typing its 'place name' or by browsing a list, by entering a postal code or a geographic code."/>
    <s v=""/>
    <x v="1"/>
    <s v=""/>
    <x v="49"/>
    <s v="Censuses"/>
    <s v="Information Technology Services,Other"/>
    <s v="StatCan-142975"/>
    <s v="In Production"/>
    <s v="web"/>
    <x v="1"/>
    <x v="2597"/>
  </r>
  <r>
    <x v="8"/>
    <x v="83"/>
    <x v="7061"/>
    <s v="age pyramids"/>
    <s v="The visual and interactive tool that uses a dynamic age pyramid to show the age structure of the population of a given geography at either at the Canada, PR, CMA level. The data is also available in the table format."/>
    <s v=""/>
    <x v="1"/>
    <s v=""/>
    <x v="49"/>
    <s v="Censuses"/>
    <s v="Information Technology Services,Other"/>
    <s v="StatCan-142976"/>
    <s v="In Production"/>
    <s v="web"/>
    <x v="1"/>
    <x v="2598"/>
  </r>
  <r>
    <x v="8"/>
    <x v="83"/>
    <x v="7062"/>
    <s v="historical age pyramids"/>
    <s v="The visual (dynamic age pyramid) representation of age structure of Canada, provinces and territories over time. The data is also available in the table format."/>
    <s v=""/>
    <x v="1"/>
    <s v=""/>
    <x v="49"/>
    <s v="Censuses"/>
    <s v="Information Technology Services,Other"/>
    <s v="StatCan-142977"/>
    <s v="In Production"/>
    <s v="web"/>
    <x v="1"/>
    <x v="2598"/>
  </r>
  <r>
    <x v="8"/>
    <x v="83"/>
    <x v="7063"/>
    <s v="fogs"/>
    <s v="Provides quick access to key results from the census at different levels of geography."/>
    <s v=""/>
    <x v="1"/>
    <s v=""/>
    <x v="49"/>
    <s v="Censuses"/>
    <s v="Information Technology Services,Other"/>
    <s v="StatCan-142978"/>
    <s v="In Production"/>
    <s v="web"/>
    <x v="1"/>
    <x v="2598"/>
  </r>
  <r>
    <x v="8"/>
    <x v="83"/>
    <x v="7064"/>
    <s v="highlight table"/>
    <s v="Provides information highlights by topic, in tabular format, via key indicators for various levels of geography."/>
    <s v=""/>
    <x v="1"/>
    <s v=""/>
    <x v="49"/>
    <s v="Censuses"/>
    <s v="Information Technology Services,Other"/>
    <s v="StatCan-142979"/>
    <s v="In Production"/>
    <s v="web"/>
    <x v="1"/>
    <x v="2598"/>
  </r>
  <r>
    <x v="8"/>
    <x v="83"/>
    <x v="7065"/>
    <s v="tbts"/>
    <s v="Present a portrait of Canada based on the various census topics (ex: age, sex, language etc) in a tabular format."/>
    <s v=""/>
    <x v="1"/>
    <s v=""/>
    <x v="49"/>
    <s v="Censuses"/>
    <s v="Information Technology Services,Other"/>
    <s v="StatCan-142980"/>
    <s v="In Production"/>
    <s v="web"/>
    <x v="1"/>
    <x v="2598"/>
  </r>
  <r>
    <x v="8"/>
    <x v="83"/>
    <x v="7066"/>
    <s v="visual census"/>
    <s v="Facilitates the analysis and comparison of the changing demographic and socio composition of selected geographic areas across Canada."/>
    <s v=""/>
    <x v="1"/>
    <s v=""/>
    <x v="49"/>
    <s v="Censuses"/>
    <s v="Information Technology Services,Other"/>
    <s v="StatCan-142982"/>
    <s v="In Production"/>
    <s v="web"/>
    <x v="1"/>
    <x v="2598"/>
  </r>
  <r>
    <x v="8"/>
    <x v="83"/>
    <x v="7067"/>
    <s v="N/A"/>
    <s v="Application used to search all of Statscan public facing web content."/>
    <s v="Other"/>
    <x v="1"/>
    <s v="Lucidworks, Lucidworks Fusion"/>
    <x v="49"/>
    <s v="Census"/>
    <s v="Information Technology Services,Other"/>
    <s v="StatCan-142984"/>
    <s v="In Production"/>
    <s v="web"/>
    <x v="0"/>
    <x v="2599"/>
  </r>
  <r>
    <x v="3"/>
    <x v="15"/>
    <x v="7068"/>
    <s v="NESSTAR PUB"/>
    <m/>
    <s v="Other"/>
    <x v="1"/>
    <s v="Norwegian Social Science Data Services  AS, NESSTAR publishing v4"/>
    <x v="49"/>
    <s v="Cost-recovered Statistical Services"/>
    <s v="Other"/>
    <s v="StatCan-142997"/>
    <s v="In Production"/>
    <s v="web"/>
    <x v="0"/>
    <x v="2600"/>
  </r>
  <r>
    <x v="8"/>
    <x v="83"/>
    <x v="7069"/>
    <s v="N/A"/>
    <s v="A crowdsourcing tool to support idea generation Accessible from the Innovation Portal on the Intranet site Allows employees to: Post ideas Browse ideas Comment on other ideas Vote for ideas Rank ideas"/>
    <s v=""/>
    <x v="1"/>
    <s v=""/>
    <x v="49"/>
    <s v="Internal Services"/>
    <s v="Information Technology Services,Information Technology Services"/>
    <s v="StatCan-142999"/>
    <s v="In Production"/>
    <s v="web"/>
    <x v="1"/>
    <x v="2601"/>
  </r>
  <r>
    <x v="3"/>
    <x v="46"/>
    <x v="7070"/>
    <s v="HSFS"/>
    <m/>
    <s v=""/>
    <x v="1"/>
    <s v=""/>
    <x v="49"/>
    <s v="Statistical Infrastructure"/>
    <s v="Information Management Services"/>
    <s v="StatCan-143005"/>
    <s v="In Production"/>
    <s v="rich"/>
    <x v="1"/>
    <x v="2602"/>
  </r>
  <r>
    <x v="5"/>
    <x v="25"/>
    <x v="7071"/>
    <s v="Message Tracking"/>
    <m/>
    <s v=""/>
    <x v="1"/>
    <s v=""/>
    <x v="49"/>
    <s v="Statistical Infrastructure"/>
    <s v="Other"/>
    <s v="StatCan-143006"/>
    <s v="In Production"/>
    <s v="rich"/>
    <x v="1"/>
    <x v="2603"/>
  </r>
  <r>
    <x v="5"/>
    <x v="25"/>
    <x v="7072"/>
    <s v="Notification Tool"/>
    <m/>
    <s v=""/>
    <x v="1"/>
    <s v=""/>
    <x v="49"/>
    <s v="Statistical Infrastructure"/>
    <s v="Other"/>
    <s v="StatCan-143008"/>
    <s v="In Production"/>
    <s v="rich"/>
    <x v="1"/>
    <x v="2604"/>
  </r>
  <r>
    <x v="3"/>
    <x v="15"/>
    <x v="7073"/>
    <s v="NESSTAR WEB"/>
    <m/>
    <s v="Other"/>
    <x v="1"/>
    <s v="Norwegian Social Science Data Services  AS, NESSTAR WEB VIEWER v4"/>
    <x v="49"/>
    <s v="Cost-recovered Statistical Services"/>
    <s v="Other,Other"/>
    <s v="StatCan-143009"/>
    <s v="In Production"/>
    <s v="rich"/>
    <x v="0"/>
    <x v="523"/>
  </r>
  <r>
    <x v="0"/>
    <x v="88"/>
    <x v="7074"/>
    <s v="LISTSERV"/>
    <m/>
    <s v="Other"/>
    <x v="1"/>
    <s v="Vendor: L-soft, Product: LISTSERV® Classic Perpetual License"/>
    <x v="49"/>
    <s v="Cost-recovered Statistical Services"/>
    <s v="Other,Other"/>
    <s v="StatCan-143012"/>
    <s v="In Production"/>
    <s v="web"/>
    <x v="0"/>
    <x v="2605"/>
  </r>
  <r>
    <x v="6"/>
    <x v="35"/>
    <x v="7075"/>
    <s v="OrgPlus"/>
    <m/>
    <s v="Other"/>
    <x v="1"/>
    <s v="Insperity OrgPlus v9 Professional"/>
    <x v="49"/>
    <s v="Statistical Infrastructure"/>
    <s v="Other"/>
    <s v="StatCan-143022"/>
    <s v="In Production"/>
    <s v="desktop"/>
    <x v="0"/>
    <x v="2124"/>
  </r>
  <r>
    <x v="0"/>
    <x v="7"/>
    <x v="7076"/>
    <s v="OCT"/>
    <m/>
    <s v="Other"/>
    <x v="1"/>
    <s v="Conexsys, One Click Transfer"/>
    <x v="49"/>
    <s v="Statistical Infrastructure"/>
    <s v="Information Management Services,Other"/>
    <s v="StatCan-143028"/>
    <s v="In Production"/>
    <s v="appliance"/>
    <x v="0"/>
    <x v="2606"/>
  </r>
  <r>
    <x v="3"/>
    <x v="15"/>
    <x v="7077"/>
    <s v="G-Sam"/>
    <m/>
    <s v=""/>
    <x v="1"/>
    <s v=""/>
    <x v="49"/>
    <s v="Statistical Infrastructure"/>
    <s v="Information Technology Services"/>
    <s v="StatCan-143035"/>
    <s v="In Production"/>
    <s v="desktop"/>
    <x v="1"/>
    <x v="2607"/>
  </r>
  <r>
    <x v="8"/>
    <x v="29"/>
    <x v="7078"/>
    <s v="ZIM"/>
    <m/>
    <s v="Other"/>
    <x v="1"/>
    <s v=""/>
    <x v="49"/>
    <s v="IT Services"/>
    <s v="Information Technology Services"/>
    <s v="StatCan-143464"/>
    <s v="In Production"/>
    <s v="desktop"/>
    <x v="0"/>
    <x v="106"/>
  </r>
  <r>
    <x v="8"/>
    <x v="29"/>
    <x v="7079"/>
    <s v="Enscript"/>
    <m/>
    <s v="Other"/>
    <x v="1"/>
    <s v=""/>
    <x v="49"/>
    <s v="IT Services"/>
    <s v="Information Technology Services"/>
    <s v="StatCan-143465"/>
    <s v="In Production"/>
    <s v="desktop"/>
    <x v="0"/>
    <x v="106"/>
  </r>
  <r>
    <x v="0"/>
    <x v="16"/>
    <x v="7080"/>
    <s v="Blaise Social"/>
    <m/>
    <s v=""/>
    <x v="1"/>
    <s v=""/>
    <x v="49"/>
    <s v="Socio-economic Statistics"/>
    <s v="Other"/>
    <s v="StatCan-143615"/>
    <s v="In Production"/>
    <s v="rich"/>
    <x v="1"/>
    <x v="2608"/>
  </r>
  <r>
    <x v="0"/>
    <x v="16"/>
    <x v="7081"/>
    <s v="Blaise Business"/>
    <m/>
    <s v=""/>
    <x v="1"/>
    <s v=""/>
    <x v="49"/>
    <s v="Economic and Environmental Statistics_x000a_"/>
    <s v="Other"/>
    <s v="StatCan-143616"/>
    <s v="In Production"/>
    <s v="rich"/>
    <x v="1"/>
    <x v="2608"/>
  </r>
  <r>
    <x v="0"/>
    <x v="16"/>
    <x v="7082"/>
    <s v="Blaise Agriculture"/>
    <m/>
    <s v=""/>
    <x v="1"/>
    <s v=""/>
    <x v="49"/>
    <s v="Economic and Environmental Statistics"/>
    <s v="Other"/>
    <s v="StatCan-143617"/>
    <s v="In Production"/>
    <s v="rich"/>
    <x v="1"/>
    <x v="2609"/>
  </r>
  <r>
    <x v="8"/>
    <x v="29"/>
    <x v="7083"/>
    <s v="dataportwizard"/>
    <m/>
    <s v="Other"/>
    <x v="1"/>
    <s v="Primeworks"/>
    <x v="49"/>
    <s v="IT Services"/>
    <s v="Information Technology Services"/>
    <s v="StatCan-143856"/>
    <s v="In Production"/>
    <s v="desktop"/>
    <x v="0"/>
    <x v="106"/>
  </r>
  <r>
    <x v="8"/>
    <x v="37"/>
    <x v="5852"/>
    <s v="Soapui"/>
    <m/>
    <s v="Other"/>
    <x v="1"/>
    <s v="SmartBear SoapUI"/>
    <x v="49"/>
    <s v="IT Services"/>
    <s v="Information Technology Services"/>
    <s v="StatCan-143977"/>
    <s v="In Production"/>
    <s v="desktop"/>
    <x v="0"/>
    <x v="106"/>
  </r>
  <r>
    <x v="1"/>
    <x v="86"/>
    <x v="7084"/>
    <s v="Jmeter"/>
    <m/>
    <s v="Other"/>
    <x v="1"/>
    <s v="Apache Jmeter"/>
    <x v="49"/>
    <s v="IT Services"/>
    <s v="Information Technology Services"/>
    <s v="StatCan-144053"/>
    <s v="In Production"/>
    <s v="desktop"/>
    <x v="0"/>
    <x v="106"/>
  </r>
  <r>
    <x v="0"/>
    <x v="43"/>
    <x v="7085"/>
    <s v=""/>
    <m/>
    <s v="Other"/>
    <x v="1"/>
    <s v="Free IE Extension"/>
    <x v="49"/>
    <s v="IT Services"/>
    <s v="Other"/>
    <s v="StatCan-144181"/>
    <s v="In Production"/>
    <s v="desktop"/>
    <x v="0"/>
    <x v="86"/>
  </r>
  <r>
    <x v="0"/>
    <x v="18"/>
    <x v="7086"/>
    <s v=""/>
    <m/>
    <s v="Other"/>
    <x v="1"/>
    <s v="Pearl programming language"/>
    <x v="49"/>
    <s v="IT Services"/>
    <s v="Information Technology Services"/>
    <s v="StatCan-144202"/>
    <s v="In Production"/>
    <s v="web"/>
    <x v="0"/>
    <x v="86"/>
  </r>
  <r>
    <x v="8"/>
    <x v="37"/>
    <x v="7087"/>
    <s v=""/>
    <m/>
    <s v="Other"/>
    <x v="1"/>
    <s v="Open Source - Source Forge"/>
    <x v="49"/>
    <s v="IT Services"/>
    <s v="Information Technology Services"/>
    <s v="StatCan-144268"/>
    <s v="In Production"/>
    <s v="desktop"/>
    <x v="0"/>
    <x v="86"/>
  </r>
  <r>
    <x v="8"/>
    <x v="5"/>
    <x v="7088"/>
    <s v=""/>
    <m/>
    <s v="Other"/>
    <x v="1"/>
    <s v="MicroSoft"/>
    <x v="49"/>
    <s v="Statistical Infrastructure"/>
    <s v="Information Technology Services"/>
    <s v="StatCan-144274"/>
    <s v="In Production"/>
    <s v="rich"/>
    <x v="0"/>
    <x v="86"/>
  </r>
  <r>
    <x v="8"/>
    <x v="29"/>
    <x v="7089"/>
    <s v="Oracle Jdeveloper"/>
    <m/>
    <s v="Other"/>
    <x v="1"/>
    <s v="Oracle jdeveloper"/>
    <x v="49"/>
    <s v="IT Services"/>
    <s v="Information Technology Services"/>
    <s v="StatCan-144409"/>
    <s v="In Production"/>
    <s v="desktop"/>
    <x v="0"/>
    <x v="86"/>
  </r>
  <r>
    <x v="8"/>
    <x v="29"/>
    <x v="111"/>
    <s v=""/>
    <m/>
    <s v="Other"/>
    <x v="1"/>
    <s v=""/>
    <x v="49"/>
    <s v="IT Services"/>
    <s v="Information Technology Services"/>
    <s v="StatCan-144616"/>
    <s v="In Production"/>
    <s v="desktop"/>
    <x v="0"/>
    <x v="106"/>
  </r>
  <r>
    <x v="0"/>
    <x v="16"/>
    <x v="7090"/>
    <s v="JIRA"/>
    <m/>
    <s v="Other"/>
    <x v="1"/>
    <s v="Atlassian JIRA"/>
    <x v="49"/>
    <s v="IT Services"/>
    <s v="Information Technology Services,Other"/>
    <s v="StatCan-144630"/>
    <s v="In Production"/>
    <s v="web"/>
    <x v="0"/>
    <x v="106"/>
  </r>
  <r>
    <x v="3"/>
    <x v="15"/>
    <x v="7091"/>
    <s v="SFS_PV"/>
    <m/>
    <s v=""/>
    <x v="1"/>
    <s v=""/>
    <x v="49"/>
    <s v="Socio-economic Statistics"/>
    <s v="Other"/>
    <s v="StatCan-144800"/>
    <s v="In Production"/>
    <s v="rich"/>
    <x v="1"/>
    <x v="2610"/>
  </r>
  <r>
    <x v="3"/>
    <x v="15"/>
    <x v="7092"/>
    <s v="DemoSim"/>
    <m/>
    <s v=""/>
    <x v="1"/>
    <s v=""/>
    <x v="49"/>
    <s v="Socio-economic Statistics"/>
    <s v="Other,Other"/>
    <s v="StatCan-144914"/>
    <s v="In Production"/>
    <s v="rich"/>
    <x v="1"/>
    <x v="2611"/>
  </r>
  <r>
    <x v="8"/>
    <x v="5"/>
    <x v="7093"/>
    <s v=""/>
    <m/>
    <s v="Other"/>
    <x v="1"/>
    <s v=""/>
    <x v="49"/>
    <s v="Statistical Infrastructure"/>
    <s v="Information Technology Services"/>
    <s v="StatCan-145531"/>
    <s v="In Production"/>
    <s v="rich"/>
    <x v="0"/>
    <x v="86"/>
  </r>
  <r>
    <x v="8"/>
    <x v="38"/>
    <x v="7094"/>
    <s v="Hudson Integration Server v3.0"/>
    <m/>
    <s v="Other"/>
    <x v="1"/>
    <s v="Hudson"/>
    <x v="49"/>
    <s v="IT Services"/>
    <s v="Information Technology Services"/>
    <s v="StatCan-145812"/>
    <s v="In Production"/>
    <s v="web"/>
    <x v="0"/>
    <x v="106"/>
  </r>
  <r>
    <x v="3"/>
    <x v="15"/>
    <x v="7095"/>
    <s v="GES"/>
    <m/>
    <s v=""/>
    <x v="1"/>
    <s v=""/>
    <x v="49"/>
    <s v="Statistical Infrastructure"/>
    <s v="Information Technology Services"/>
    <s v="StatCan-145850"/>
    <s v="In Production"/>
    <s v="desktop"/>
    <x v="1"/>
    <x v="2607"/>
  </r>
  <r>
    <x v="8"/>
    <x v="5"/>
    <x v="7096"/>
    <s v=""/>
    <m/>
    <s v="Other"/>
    <x v="1"/>
    <s v=""/>
    <x v="49"/>
    <s v=""/>
    <s v="Information Technology Services"/>
    <s v="StatCan-145983"/>
    <s v="In Production"/>
    <s v="desktop"/>
    <x v="0"/>
    <x v="86"/>
  </r>
  <r>
    <x v="3"/>
    <x v="45"/>
    <x v="7097"/>
    <s v="MySQL Workbench"/>
    <m/>
    <s v="Oracle_Canada_ULC"/>
    <x v="115"/>
    <s v=""/>
    <x v="49"/>
    <s v="IT Services"/>
    <s v="Information Technology Services"/>
    <s v="StatCan-146192"/>
    <s v="In Production"/>
    <s v="desktop"/>
    <x v="0"/>
    <x v="2612"/>
  </r>
  <r>
    <x v="3"/>
    <x v="45"/>
    <x v="7098"/>
    <s v="OEM"/>
    <m/>
    <s v="Oracle_Canada_ULC"/>
    <x v="1"/>
    <s v=""/>
    <x v="49"/>
    <s v="IT Services"/>
    <s v="Information Technology Services"/>
    <s v="StatCan-146214"/>
    <s v="In Production"/>
    <s v="web"/>
    <x v="0"/>
    <x v="2568"/>
  </r>
  <r>
    <x v="3"/>
    <x v="45"/>
    <x v="7099"/>
    <s v="Toad"/>
    <m/>
    <s v="Other"/>
    <x v="1"/>
    <s v="Quest"/>
    <x v="49"/>
    <s v="IT Services"/>
    <s v="Information Technology Services"/>
    <s v="StatCan-146221"/>
    <s v="In Production"/>
    <s v="desktop"/>
    <x v="0"/>
    <x v="1812"/>
  </r>
  <r>
    <x v="3"/>
    <x v="45"/>
    <x v="7100"/>
    <s v="Toad"/>
    <m/>
    <s v="Other"/>
    <x v="1"/>
    <s v="Quest"/>
    <x v="49"/>
    <s v="IT Services"/>
    <s v="Information Technology Services"/>
    <s v="StatCan-146222"/>
    <s v="In Production"/>
    <s v="desktop"/>
    <x v="0"/>
    <x v="1812"/>
  </r>
  <r>
    <x v="3"/>
    <x v="45"/>
    <x v="7101"/>
    <s v="Toad"/>
    <m/>
    <s v="Other"/>
    <x v="1"/>
    <s v="Quest"/>
    <x v="49"/>
    <s v="IT Services"/>
    <s v="Information Technology Services"/>
    <s v="StatCan-146249"/>
    <s v="In Production"/>
    <s v="desktop"/>
    <x v="0"/>
    <x v="1812"/>
  </r>
  <r>
    <x v="3"/>
    <x v="45"/>
    <x v="7102"/>
    <s v="Toad"/>
    <m/>
    <s v="Other"/>
    <x v="1"/>
    <s v="Quest"/>
    <x v="49"/>
    <s v="IT Services"/>
    <s v="Information Technology Services"/>
    <s v="StatCan-146250"/>
    <s v="In Production"/>
    <s v="desktop"/>
    <x v="0"/>
    <x v="1812"/>
  </r>
  <r>
    <x v="3"/>
    <x v="45"/>
    <x v="7103"/>
    <s v="ODP.Net"/>
    <m/>
    <s v="Oracle_Canada_ULC"/>
    <x v="1"/>
    <s v=""/>
    <x v="49"/>
    <s v="IT Services"/>
    <s v="Information Technology Services"/>
    <s v="StatCan-146266"/>
    <s v="In Production"/>
    <s v="desktop"/>
    <x v="0"/>
    <x v="2568"/>
  </r>
  <r>
    <x v="5"/>
    <x v="90"/>
    <x v="7104"/>
    <s v="ArcSDE"/>
    <m/>
    <s v="ESRI_Canada_Limited"/>
    <x v="5"/>
    <s v=""/>
    <x v="49"/>
    <s v="IT Services"/>
    <s v="Information Technology Services"/>
    <s v="StatCan-146378"/>
    <s v="In Production"/>
    <s v="rich"/>
    <x v="0"/>
    <x v="2613"/>
  </r>
  <r>
    <x v="8"/>
    <x v="29"/>
    <x v="7105"/>
    <s v="Balsamiq"/>
    <m/>
    <s v="Other"/>
    <x v="1"/>
    <s v="Balsamiq"/>
    <x v="49"/>
    <s v="IT Services"/>
    <s v="Information Technology Services"/>
    <s v="StatCan-146388"/>
    <s v="In Production"/>
    <s v="desktop"/>
    <x v="0"/>
    <x v="106"/>
  </r>
  <r>
    <x v="1"/>
    <x v="1"/>
    <x v="7106"/>
    <s v="Subversion Client"/>
    <m/>
    <s v="Other"/>
    <x v="1"/>
    <s v="Collabnet subversion"/>
    <x v="49"/>
    <s v="IT Services"/>
    <s v="Information Technology Services"/>
    <s v="StatCan-146480"/>
    <s v="In Production"/>
    <s v="desktop"/>
    <x v="0"/>
    <x v="106"/>
  </r>
  <r>
    <x v="8"/>
    <x v="29"/>
    <x v="7107"/>
    <s v=""/>
    <m/>
    <s v="Other"/>
    <x v="1"/>
    <s v="FIS Global"/>
    <x v="49"/>
    <s v="IT Services"/>
    <s v="Information Technology Services"/>
    <s v="StatCan-146503"/>
    <s v="In Production"/>
    <s v="desktop"/>
    <x v="0"/>
    <x v="106"/>
  </r>
  <r>
    <x v="8"/>
    <x v="5"/>
    <x v="7108"/>
    <s v=""/>
    <m/>
    <s v=""/>
    <x v="1"/>
    <s v=""/>
    <x v="49"/>
    <s v=""/>
    <s v="Information Technology Services"/>
    <s v="StatCan-146538"/>
    <s v="In Production"/>
    <s v="desktop"/>
    <x v="1"/>
    <x v="86"/>
  </r>
  <r>
    <x v="3"/>
    <x v="45"/>
    <x v="7109"/>
    <s v="Toad"/>
    <m/>
    <s v="Other"/>
    <x v="1"/>
    <s v="Quest"/>
    <x v="49"/>
    <s v="IT Services"/>
    <s v="Information Technology Services"/>
    <s v="StatCan-146556"/>
    <s v="In Production"/>
    <s v="desktop"/>
    <x v="0"/>
    <x v="1812"/>
  </r>
  <r>
    <x v="10"/>
    <x v="55"/>
    <x v="7110"/>
    <s v=""/>
    <m/>
    <s v="Microsoft_Corporation"/>
    <x v="1"/>
    <s v="BizTalk 2009"/>
    <x v="49"/>
    <s v="IT Services"/>
    <s v="Information Technology Services"/>
    <s v="StatCan-146562"/>
    <s v="In Production"/>
    <s v="rich"/>
    <x v="0"/>
    <x v="86"/>
  </r>
  <r>
    <x v="8"/>
    <x v="29"/>
    <x v="7111"/>
    <s v=""/>
    <m/>
    <s v="Other"/>
    <x v="1"/>
    <s v="Oracle"/>
    <x v="49"/>
    <s v="IT Services"/>
    <s v="Information Technology Services"/>
    <s v="StatCan-146872"/>
    <s v="In Production"/>
    <s v="desktop"/>
    <x v="0"/>
    <x v="351"/>
  </r>
  <r>
    <x v="5"/>
    <x v="25"/>
    <x v="7112"/>
    <s v="SAS AMO v6.1"/>
    <m/>
    <s v="SAS_Institute_Canada_Inc"/>
    <x v="1"/>
    <s v="SAS Add_In For Microsoft Office v7.1"/>
    <x v="49"/>
    <s v="IT Services"/>
    <s v="Information Technology Services"/>
    <s v="StatCan-147187"/>
    <s v="In Production"/>
    <s v="desktop"/>
    <x v="0"/>
    <x v="2552"/>
  </r>
  <r>
    <x v="8"/>
    <x v="5"/>
    <x v="7113"/>
    <s v="SAS DI Studio v4.4"/>
    <m/>
    <s v="SAS_Institute_Canada_Inc"/>
    <x v="1"/>
    <s v=""/>
    <x v="49"/>
    <s v="Statistical Infrastructure"/>
    <s v="Information Technology Services"/>
    <s v="StatCan-147189"/>
    <s v="In Production"/>
    <s v="desktop"/>
    <x v="0"/>
    <x v="86"/>
  </r>
  <r>
    <x v="5"/>
    <x v="25"/>
    <x v="7114"/>
    <s v="SAS EG v7.1"/>
    <m/>
    <s v="SAS_Institute_Canada_Inc"/>
    <x v="1"/>
    <s v=""/>
    <x v="49"/>
    <s v="Statistical Infrastructure"/>
    <s v="Information Technology Services"/>
    <s v="StatCan-147190"/>
    <s v="In Production"/>
    <s v="desktop"/>
    <x v="0"/>
    <x v="86"/>
  </r>
  <r>
    <x v="8"/>
    <x v="29"/>
    <x v="7115"/>
    <s v="SAS"/>
    <m/>
    <s v="SAS_Institute_Canada_Inc"/>
    <x v="1"/>
    <s v=""/>
    <x v="49"/>
    <s v="Statistical Infrastructure"/>
    <s v="Information Technology Services"/>
    <s v="StatCan-147192"/>
    <s v="In Production"/>
    <s v="desktop"/>
    <x v="0"/>
    <x v="86"/>
  </r>
  <r>
    <x v="5"/>
    <x v="25"/>
    <x v="7116"/>
    <s v="SASGrid"/>
    <m/>
    <s v="SAS_Institute_Canada_Inc"/>
    <x v="1"/>
    <s v=""/>
    <x v="49"/>
    <s v="IT Services"/>
    <s v="Information Technology Services"/>
    <s v="StatCan-147193"/>
    <s v="In Production"/>
    <s v="mini_main_super"/>
    <x v="0"/>
    <x v="2614"/>
  </r>
  <r>
    <x v="8"/>
    <x v="5"/>
    <x v="7117"/>
    <s v="SAS Info Map Studio v4.4"/>
    <m/>
    <s v="SAS_Institute_Canada_Inc"/>
    <x v="1"/>
    <s v=""/>
    <x v="49"/>
    <s v="Statistical Infrastructure"/>
    <s v="Information Technology Services"/>
    <s v="StatCan-147194"/>
    <s v="In Production"/>
    <s v="desktop"/>
    <x v="0"/>
    <x v="86"/>
  </r>
  <r>
    <x v="8"/>
    <x v="5"/>
    <x v="7118"/>
    <s v="SAS/AF v9.4"/>
    <m/>
    <s v="SAS_Institute_Canada_Inc"/>
    <x v="1"/>
    <s v=""/>
    <x v="49"/>
    <s v="Statistical Infrastructure"/>
    <s v="Information Technology Services"/>
    <s v="StatCan-147200"/>
    <s v="In Production"/>
    <s v="desktop"/>
    <x v="0"/>
    <x v="86"/>
  </r>
  <r>
    <x v="8"/>
    <x v="29"/>
    <x v="7119"/>
    <s v=""/>
    <m/>
    <s v="SAS_Institute_Canada_Inc"/>
    <x v="1"/>
    <s v=""/>
    <x v="49"/>
    <s v="Statistical Infrastructure"/>
    <s v="Information Technology Services"/>
    <s v="StatCan-147201"/>
    <s v="In Production"/>
    <s v="desktop"/>
    <x v="0"/>
    <x v="86"/>
  </r>
  <r>
    <x v="8"/>
    <x v="29"/>
    <x v="7120"/>
    <s v="VS 2013"/>
    <m/>
    <s v="Microsoft_Corporation"/>
    <x v="116"/>
    <s v=""/>
    <x v="49"/>
    <s v="IT Services"/>
    <s v="Information Technology Services"/>
    <s v="StatCan-147254"/>
    <s v="In Production"/>
    <s v="desktop"/>
    <x v="0"/>
    <x v="301"/>
  </r>
  <r>
    <x v="5"/>
    <x v="90"/>
    <x v="7121"/>
    <s v="Google Earth"/>
    <m/>
    <s v="Google"/>
    <x v="84"/>
    <s v=""/>
    <x v="49"/>
    <s v="Statistical Infrastructure"/>
    <s v="Information Technology Services"/>
    <s v="StatCan-147540"/>
    <s v="In Production"/>
    <s v="desktop"/>
    <x v="0"/>
    <x v="106"/>
  </r>
  <r>
    <x v="5"/>
    <x v="90"/>
    <x v="7122"/>
    <s v="MapInfo"/>
    <m/>
    <s v="Other"/>
    <x v="1"/>
    <s v=" Pitney Bowes "/>
    <x v="49"/>
    <s v="Statistical Infrastructure"/>
    <s v="Information Technology Services"/>
    <s v="StatCan-148813"/>
    <s v="In Production"/>
    <s v="desktop"/>
    <x v="0"/>
    <x v="106"/>
  </r>
  <r>
    <x v="8"/>
    <x v="29"/>
    <x v="7123"/>
    <s v="TFS"/>
    <m/>
    <s v="Microsoft_Corporation"/>
    <x v="116"/>
    <s v=""/>
    <x v="49"/>
    <s v="IT Services"/>
    <s v="Information Technology Services"/>
    <s v="StatCan-148854"/>
    <s v="In Production"/>
    <s v="desktop"/>
    <x v="0"/>
    <x v="301"/>
  </r>
  <r>
    <x v="5"/>
    <x v="25"/>
    <x v="7124"/>
    <s v="GERD"/>
    <m/>
    <s v=""/>
    <x v="1"/>
    <s v=""/>
    <x v="49"/>
    <s v="Economic and Environmental Statistics_x000a_"/>
    <s v="Information Technology Services,Other"/>
    <s v="StatCan-149900"/>
    <s v="In Production"/>
    <s v="rich"/>
    <x v="1"/>
    <x v="2615"/>
  </r>
  <r>
    <x v="8"/>
    <x v="29"/>
    <x v="7125"/>
    <s v=""/>
    <m/>
    <s v="Other"/>
    <x v="1"/>
    <s v="SyncFusion"/>
    <x v="49"/>
    <s v="IT Services"/>
    <s v="Information Technology Services"/>
    <s v="StatCan-152703"/>
    <s v="In Production"/>
    <s v="desktop"/>
    <x v="0"/>
    <x v="301"/>
  </r>
  <r>
    <x v="8"/>
    <x v="29"/>
    <x v="7126"/>
    <s v=""/>
    <m/>
    <s v="Other"/>
    <x v="1"/>
    <s v="Krypton Toolkit v4.x.x"/>
    <x v="49"/>
    <s v="IT Services"/>
    <s v="Information Technology Services"/>
    <s v="StatCan-152722"/>
    <s v="In Production"/>
    <s v="desktop"/>
    <x v="0"/>
    <x v="301"/>
  </r>
  <r>
    <x v="3"/>
    <x v="15"/>
    <x v="7127"/>
    <s v="Banff"/>
    <m/>
    <s v=""/>
    <x v="1"/>
    <s v=""/>
    <x v="49"/>
    <s v="Statistical Infrastructure"/>
    <s v="Information Technology Services"/>
    <s v="StatCan-152794"/>
    <s v="In Production"/>
    <s v="mini_main_super"/>
    <x v="1"/>
    <x v="2580"/>
  </r>
  <r>
    <x v="2"/>
    <x v="10"/>
    <x v="7128"/>
    <s v=""/>
    <m/>
    <s v="Other"/>
    <x v="1"/>
    <s v=""/>
    <x v="49"/>
    <s v="IT Services"/>
    <s v="Information Technology Services"/>
    <s v="StatCan-154605"/>
    <s v="In Production"/>
    <s v="desktop"/>
    <x v="0"/>
    <x v="106"/>
  </r>
  <r>
    <x v="5"/>
    <x v="25"/>
    <x v="7129"/>
    <s v="PET"/>
    <m/>
    <s v=""/>
    <x v="1"/>
    <s v=""/>
    <x v="49"/>
    <s v="Economic and Environmental Statistics_x000a_"/>
    <s v="Other"/>
    <s v="StatCan-161017"/>
    <s v="In Production"/>
    <s v="desktop"/>
    <x v="1"/>
    <x v="2616"/>
  </r>
  <r>
    <x v="5"/>
    <x v="25"/>
    <x v="7130"/>
    <s v="SDRT"/>
    <m/>
    <s v=""/>
    <x v="1"/>
    <s v=""/>
    <x v="49"/>
    <s v="Economic and Environmental Statistics_x000a_"/>
    <s v="Other"/>
    <s v="StatCan-161020"/>
    <s v="In Production"/>
    <s v="desktop"/>
    <x v="1"/>
    <x v="2617"/>
  </r>
  <r>
    <x v="8"/>
    <x v="29"/>
    <x v="7131"/>
    <s v="PyCharm"/>
    <m/>
    <s v="Other"/>
    <x v="1"/>
    <s v="JetBrains - PyCharm"/>
    <x v="49"/>
    <s v="IT Services"/>
    <s v="Information Technology Services"/>
    <s v="StatCan-161338"/>
    <s v="In Production"/>
    <s v="desktop"/>
    <x v="0"/>
    <x v="10"/>
  </r>
  <r>
    <x v="3"/>
    <x v="15"/>
    <x v="7132"/>
    <s v="SLIDRET"/>
    <m/>
    <s v=""/>
    <x v="1"/>
    <s v=""/>
    <x v="49"/>
    <s v="Socio-economic Statistics"/>
    <s v="Other,Other"/>
    <s v="StatCan-161617"/>
    <s v="In Production"/>
    <s v="rich"/>
    <x v="1"/>
    <x v="2618"/>
  </r>
  <r>
    <x v="6"/>
    <x v="5"/>
    <x v="7133"/>
    <s v=""/>
    <m/>
    <s v="Other"/>
    <x v="1"/>
    <s v=""/>
    <x v="49"/>
    <s v="IT Services"/>
    <s v="Information Technology Services"/>
    <s v="StatCan-161643"/>
    <s v="In Production"/>
    <s v="desktop"/>
    <x v="0"/>
    <x v="106"/>
  </r>
  <r>
    <x v="5"/>
    <x v="25"/>
    <x v="7134"/>
    <s v="SAS Forecast Studio"/>
    <m/>
    <s v="SAS_Institute_Canada_Inc"/>
    <x v="1"/>
    <s v=""/>
    <x v="49"/>
    <s v="IT Services"/>
    <s v="Information Technology Services"/>
    <s v="StatCan-161826"/>
    <s v="In Production"/>
    <s v="desktop"/>
    <x v="0"/>
    <x v="2619"/>
  </r>
  <r>
    <x v="5"/>
    <x v="25"/>
    <x v="7135"/>
    <s v="SAS Time Series Studio"/>
    <m/>
    <s v="SAS_Institute_Canada_Inc"/>
    <x v="1"/>
    <s v=""/>
    <x v="49"/>
    <s v="IT Services"/>
    <s v="Information Technology Services"/>
    <s v="StatCan-161832"/>
    <s v="In Production"/>
    <s v="desktop"/>
    <x v="0"/>
    <x v="86"/>
  </r>
  <r>
    <x v="6"/>
    <x v="21"/>
    <x v="7136"/>
    <s v="XMEDIUS"/>
    <m/>
    <s v="Other"/>
    <x v="1"/>
    <s v="Sagem (Xmedius Fax)"/>
    <x v="49"/>
    <s v="Socio-economic Statistics"/>
    <s v="Information Technology Services"/>
    <s v="StatCan-163773"/>
    <s v="In Production"/>
    <s v="rich"/>
    <x v="0"/>
    <x v="2620"/>
  </r>
  <r>
    <x v="0"/>
    <x v="8"/>
    <x v="7137"/>
    <s v="E-Dict.Net"/>
    <m/>
    <s v=""/>
    <x v="1"/>
    <s v=""/>
    <x v="49"/>
    <s v="Censuses"/>
    <s v="Other"/>
    <s v="StatCan-164033"/>
    <s v="In Production"/>
    <s v="rich"/>
    <x v="1"/>
    <x v="2621"/>
  </r>
  <r>
    <x v="3"/>
    <x v="15"/>
    <x v="7138"/>
    <s v="CCE ICODE"/>
    <m/>
    <s v=""/>
    <x v="1"/>
    <s v=""/>
    <x v="49"/>
    <s v="Socio-economic Statistics"/>
    <s v="Other,Other"/>
    <s v="StatCan-164076"/>
    <s v="InDevelopment"/>
    <s v="web"/>
    <x v="1"/>
    <x v="2622"/>
  </r>
  <r>
    <x v="3"/>
    <x v="15"/>
    <x v="7139"/>
    <s v="MAD-MetaManager"/>
    <m/>
    <s v="Other"/>
    <x v="1"/>
    <s v="Metedata Technoloy North America"/>
    <x v="49"/>
    <s v="Cost-recovered Statistical Services"/>
    <s v="Other,Other"/>
    <s v="StatCan-165585"/>
    <s v="In Production"/>
    <s v="desktop"/>
    <x v="0"/>
    <x v="2623"/>
  </r>
  <r>
    <x v="3"/>
    <x v="15"/>
    <x v="7140"/>
    <s v="MAD-DBuilder"/>
    <m/>
    <s v="Other"/>
    <x v="1"/>
    <s v="Metedata Technoloy North America"/>
    <x v="49"/>
    <s v="Cost-recovered Statistical Services"/>
    <s v="Other,Other"/>
    <s v="StatCan-165733"/>
    <s v="In Production"/>
    <s v="desktop"/>
    <x v="0"/>
    <x v="2623"/>
  </r>
  <r>
    <x v="3"/>
    <x v="15"/>
    <x v="7141"/>
    <s v="MAD-Colectica"/>
    <m/>
    <s v="Other"/>
    <x v="1"/>
    <s v="Colectica - Product is Colectica-Designer"/>
    <x v="49"/>
    <s v="Cost-recovered Statistical Services"/>
    <s v="Other,Other"/>
    <s v="StatCan-165734"/>
    <s v="In Production"/>
    <s v="desktop"/>
    <x v="0"/>
    <x v="2624"/>
  </r>
  <r>
    <x v="5"/>
    <x v="90"/>
    <x v="7142"/>
    <s v="ArcGIS Desktop"/>
    <m/>
    <s v="ESRI_Canada_Limited"/>
    <x v="5"/>
    <s v=""/>
    <x v="49"/>
    <s v="Statistical Infrastructure"/>
    <s v="Information Technology Services"/>
    <s v="StatCan-172575"/>
    <s v="In Production"/>
    <s v="desktop"/>
    <x v="0"/>
    <x v="106"/>
  </r>
  <r>
    <x v="8"/>
    <x v="29"/>
    <x v="7143"/>
    <s v="NetBeans"/>
    <m/>
    <s v="Other"/>
    <x v="1"/>
    <s v="Sun Netbeans"/>
    <x v="49"/>
    <s v="IT Services"/>
    <s v="Information Technology Services"/>
    <s v="StatCan-173875"/>
    <s v="In Production"/>
    <s v="desktop"/>
    <x v="0"/>
    <x v="106"/>
  </r>
  <r>
    <x v="1"/>
    <x v="1"/>
    <x v="7144"/>
    <s v="TortoiseCVS"/>
    <m/>
    <s v="Other"/>
    <x v="1"/>
    <s v="TortoiseSVN"/>
    <x v="49"/>
    <s v="IT Services"/>
    <s v="Information Technology Services"/>
    <s v="StatCan-173876"/>
    <s v="In Production"/>
    <s v="desktop"/>
    <x v="0"/>
    <x v="106"/>
  </r>
  <r>
    <x v="1"/>
    <x v="1"/>
    <x v="7145"/>
    <s v="Stash"/>
    <m/>
    <s v="Other"/>
    <x v="1"/>
    <s v="Atlassian Bitbucket Server"/>
    <x v="49"/>
    <s v="IT Services"/>
    <s v="Information Technology Services"/>
    <s v="StatCan-173995"/>
    <s v="In Production"/>
    <s v="web"/>
    <x v="0"/>
    <x v="106"/>
  </r>
  <r>
    <x v="8"/>
    <x v="29"/>
    <x v="7146"/>
    <s v=""/>
    <m/>
    <s v="SAS_Institute_Canada_Inc"/>
    <x v="1"/>
    <s v=""/>
    <x v="49"/>
    <s v="Statistical Infrastructure"/>
    <s v="Information Technology Services"/>
    <s v="StatCan-178188"/>
    <s v="In Production"/>
    <s v="desktop"/>
    <x v="0"/>
    <x v="86"/>
  </r>
  <r>
    <x v="8"/>
    <x v="5"/>
    <x v="7147"/>
    <s v="SAS DI Studio v4.8"/>
    <m/>
    <s v="SAS_Institute_Canada_Inc"/>
    <x v="1"/>
    <s v=""/>
    <x v="49"/>
    <s v="Statistical Infrastructure"/>
    <s v="Information Technology Services"/>
    <s v="StatCan-178197"/>
    <s v="In Production"/>
    <s v="desktop"/>
    <x v="0"/>
    <x v="86"/>
  </r>
  <r>
    <x v="8"/>
    <x v="5"/>
    <x v="7148"/>
    <s v="SAS OlAP"/>
    <m/>
    <s v="SAS_Institute_Canada_Inc"/>
    <x v="1"/>
    <s v=""/>
    <x v="49"/>
    <s v="Statistical Infrastructure"/>
    <s v="Information Technology Services"/>
    <s v="StatCan-178213"/>
    <s v="In Production"/>
    <s v="desktop"/>
    <x v="0"/>
    <x v="86"/>
  </r>
  <r>
    <x v="5"/>
    <x v="90"/>
    <x v="7149"/>
    <s v="ArcGIS Desktop"/>
    <m/>
    <s v="ESRI_Canada_Limited"/>
    <x v="5"/>
    <s v=""/>
    <x v="49"/>
    <s v="Statistical Infrastructure"/>
    <s v="Information Technology Services"/>
    <s v="StatCan-182681"/>
    <s v="In Production"/>
    <s v="desktop"/>
    <x v="0"/>
    <x v="106"/>
  </r>
  <r>
    <x v="8"/>
    <x v="29"/>
    <x v="7150"/>
    <s v=""/>
    <m/>
    <s v="SAS_Institute_Canada_Inc"/>
    <x v="1"/>
    <s v=""/>
    <x v="49"/>
    <s v="Statistical Infrastructure"/>
    <s v="Information Technology Services"/>
    <s v="StatCan-182763"/>
    <s v="In Production"/>
    <s v="desktop"/>
    <x v="0"/>
    <x v="86"/>
  </r>
  <r>
    <x v="8"/>
    <x v="38"/>
    <x v="7151"/>
    <s v="Jenkins"/>
    <m/>
    <s v="Other"/>
    <x v="1"/>
    <s v="Jenkins"/>
    <x v="49"/>
    <s v="IT Services"/>
    <s v="Information Technology Services"/>
    <s v="StatCan-184212"/>
    <s v="In Production"/>
    <s v="web"/>
    <x v="0"/>
    <x v="106"/>
  </r>
  <r>
    <x v="8"/>
    <x v="38"/>
    <x v="7152"/>
    <s v="Jrebel"/>
    <m/>
    <s v="Other"/>
    <x v="1"/>
    <s v="Zeroturnaround Jrebel"/>
    <x v="49"/>
    <s v="IT Services"/>
    <s v="Information Technology Services"/>
    <s v="StatCan-184436"/>
    <s v="In Production"/>
    <s v="desktop"/>
    <x v="0"/>
    <x v="106"/>
  </r>
  <r>
    <x v="9"/>
    <x v="50"/>
    <x v="7153"/>
    <s v=""/>
    <m/>
    <s v=""/>
    <x v="1"/>
    <s v="Open Source"/>
    <x v="49"/>
    <s v="Financial Management"/>
    <s v="Financial Management Services"/>
    <s v="StatCan-184531"/>
    <s v="In Production"/>
    <s v="desktop"/>
    <x v="0"/>
    <x v="106"/>
  </r>
  <r>
    <x v="5"/>
    <x v="25"/>
    <x v="7154"/>
    <s v="Security Manager"/>
    <m/>
    <s v=""/>
    <x v="1"/>
    <s v=""/>
    <x v="49"/>
    <s v="Statistical Infrastructure"/>
    <s v="Other"/>
    <s v="StatCan-185984"/>
    <s v="In Production"/>
    <s v="rich"/>
    <x v="1"/>
    <x v="2625"/>
  </r>
  <r>
    <x v="5"/>
    <x v="14"/>
    <x v="7155"/>
    <s v="M2D 2016"/>
    <s v="GeoSearch 2016 is a web mapping application for Dissemination that makes it easy to find many places in Canada, see them on a map, and get basic geographic and demographic data for those places. To find a specific place of interest, users can click and zoom in on a map of Canada or they can search by place name, civic address and street name, street intersection or postal code.  GeoSearch displays the appropriate map showing boundaries and other features. GeoSearch automatically shows, for the selected places, the type of geographic area and its relationship to other geographic areas.  Uses Census 2016 data.  No external dependencies."/>
    <s v="ESRI_Canada_Limited"/>
    <x v="1"/>
    <s v=""/>
    <x v="49"/>
    <s v="Statistical Infrastructure"/>
    <s v="Other"/>
    <s v="StatCan-185985"/>
    <s v="In Production"/>
    <s v="web"/>
    <x v="1"/>
    <x v="2626"/>
  </r>
  <r>
    <x v="5"/>
    <x v="14"/>
    <x v="7156"/>
    <s v="D2M 2016"/>
    <s v="For a data user viewing statistical data in a table, Data-to-Map (D2M) allows the user to view a reference map, in order to understand which geographical area in Canada the data represents.  Uses Census 2016 data.  Is incorporated into several Census Products (Census Profile, Highlight Tables, Focus on Geography Series).  Partners are Census Dissemination and SRGD."/>
    <s v="ESRI_Canada_Limited"/>
    <x v="1"/>
    <s v=""/>
    <x v="49"/>
    <s v="Statistical Infrastructure"/>
    <s v="Other"/>
    <s v="StatCan-185986"/>
    <s v="In Production"/>
    <s v="web"/>
    <x v="1"/>
    <x v="2626"/>
  </r>
  <r>
    <x v="1"/>
    <x v="1"/>
    <x v="2497"/>
    <s v="Sourcetree"/>
    <m/>
    <s v="Other"/>
    <x v="1"/>
    <s v="Atlassian SourceTree"/>
    <x v="49"/>
    <s v="IT Services"/>
    <s v="Information Technology Services"/>
    <s v="StatCan-198588"/>
    <s v="In Production"/>
    <s v="desktop"/>
    <x v="0"/>
    <x v="106"/>
  </r>
  <r>
    <x v="3"/>
    <x v="15"/>
    <x v="7157"/>
    <s v="GCODE"/>
    <m/>
    <s v=""/>
    <x v="1"/>
    <s v=""/>
    <x v="49"/>
    <s v="Statistical Infrastructure"/>
    <s v="Information Technology Services"/>
    <s v="StatCan-200756"/>
    <s v="In Production"/>
    <s v="rich"/>
    <x v="1"/>
    <x v="2627"/>
  </r>
  <r>
    <x v="0"/>
    <x v="16"/>
    <x v="7158"/>
    <s v="VB Browser"/>
    <m/>
    <s v=""/>
    <x v="1"/>
    <s v=""/>
    <x v="49"/>
    <s v="Socio-economic Statistics"/>
    <s v="Other"/>
    <s v="StatCan-201308"/>
    <s v="In Production"/>
    <s v="rich"/>
    <x v="1"/>
    <x v="2628"/>
  </r>
  <r>
    <x v="8"/>
    <x v="29"/>
    <x v="7159"/>
    <s v="Blaise 4.8"/>
    <m/>
    <s v="Other"/>
    <x v="1"/>
    <s v="Blaise v484b1888  -  Suppplied by Westat Inc., Developed by Statistics Netherlands"/>
    <x v="49"/>
    <s v="Statistical Infrastructure"/>
    <s v="Information Technology Services"/>
    <s v="StatCan-201338"/>
    <s v="In Production"/>
    <s v="rich"/>
    <x v="0"/>
    <x v="2629"/>
  </r>
  <r>
    <x v="0"/>
    <x v="5"/>
    <x v="7160"/>
    <s v=""/>
    <m/>
    <s v="Other"/>
    <x v="1"/>
    <s v="unknown"/>
    <x v="49"/>
    <s v="IT Services"/>
    <s v="Information Technology Services"/>
    <s v="StatCan-201452"/>
    <s v="In Production"/>
    <s v="web"/>
    <x v="0"/>
    <x v="86"/>
  </r>
  <r>
    <x v="0"/>
    <x v="16"/>
    <x v="7161"/>
    <s v="ICOS - CMP"/>
    <m/>
    <s v=""/>
    <x v="1"/>
    <s v=""/>
    <x v="49"/>
    <s v="Statistical Infrastructure"/>
    <s v="Other"/>
    <s v="StatCan-201519"/>
    <s v="In Production"/>
    <s v="web"/>
    <x v="1"/>
    <x v="2630"/>
  </r>
  <r>
    <x v="5"/>
    <x v="25"/>
    <x v="7162"/>
    <s v="CPS*Pro"/>
    <m/>
    <s v=""/>
    <x v="1"/>
    <s v=""/>
    <x v="49"/>
    <s v="Censuses"/>
    <s v="Other"/>
    <s v="StatCan-201825"/>
    <s v="In Production"/>
    <s v="rich"/>
    <x v="1"/>
    <x v="2631"/>
  </r>
  <r>
    <x v="5"/>
    <x v="94"/>
    <x v="7163"/>
    <s v="CPPDP"/>
    <m/>
    <s v=""/>
    <x v="1"/>
    <s v=""/>
    <x v="49"/>
    <s v="Censuses"/>
    <s v="Other"/>
    <s v="StatCan-201844"/>
    <s v="In Production"/>
    <s v="rich"/>
    <x v="1"/>
    <x v="2632"/>
  </r>
  <r>
    <x v="5"/>
    <x v="14"/>
    <x v="7164"/>
    <s v="GeoValidator 2016"/>
    <s v="Web Mapping application - Geographic Search tool used for Collection in the regional offices.  Services for validation of planning assumptions for field ops."/>
    <s v="ESRI_Canada_Limited"/>
    <x v="1"/>
    <s v=""/>
    <x v="49"/>
    <s v="Statistical Infrastructure"/>
    <s v="Other"/>
    <s v="StatCan-202107"/>
    <s v="In Production"/>
    <s v="web"/>
    <x v="1"/>
    <x v="2633"/>
  </r>
  <r>
    <x v="5"/>
    <x v="94"/>
    <x v="7165"/>
    <s v="CMMT"/>
    <m/>
    <s v=""/>
    <x v="1"/>
    <s v=""/>
    <x v="49"/>
    <s v="Censuses"/>
    <s v="Other"/>
    <s v="StatCan-202675"/>
    <s v="In Production"/>
    <s v="rich"/>
    <x v="1"/>
    <x v="2634"/>
  </r>
  <r>
    <x v="5"/>
    <x v="25"/>
    <x v="7166"/>
    <s v="SPSD/M"/>
    <m/>
    <s v=""/>
    <x v="1"/>
    <s v=""/>
    <x v="49"/>
    <s v="Socio-economic Statistics"/>
    <s v="Information Technology Services"/>
    <s v="StatCan-202752"/>
    <s v="In Production"/>
    <s v="desktop"/>
    <x v="1"/>
    <x v="2635"/>
  </r>
  <r>
    <x v="0"/>
    <x v="11"/>
    <x v="7167"/>
    <s v="MCS"/>
    <m/>
    <s v=""/>
    <x v="1"/>
    <s v=""/>
    <x v="49"/>
    <s v="Censuses"/>
    <s v="Other"/>
    <s v="StatCan-212992"/>
    <s v="In Production"/>
    <s v="rich"/>
    <x v="1"/>
    <x v="2354"/>
  </r>
  <r>
    <x v="5"/>
    <x v="25"/>
    <x v="7168"/>
    <s v="ITD-CAED"/>
    <m/>
    <s v=""/>
    <x v="1"/>
    <s v=""/>
    <x v="49"/>
    <s v="Economic and Environmental Statistics_x000a_"/>
    <s v="Other"/>
    <s v="StatCan-213102"/>
    <s v="In Production"/>
    <s v="desktop"/>
    <x v="1"/>
    <x v="2636"/>
  </r>
  <r>
    <x v="8"/>
    <x v="29"/>
    <x v="7169"/>
    <s v=""/>
    <m/>
    <s v="Other"/>
    <x v="1"/>
    <s v="/n Software"/>
    <x v="49"/>
    <s v="IT Services"/>
    <s v="Information Technology Services"/>
    <s v="StatCan-213106"/>
    <s v="In Production"/>
    <s v="desktop"/>
    <x v="0"/>
    <x v="106"/>
  </r>
  <r>
    <x v="5"/>
    <x v="90"/>
    <x v="7170"/>
    <s v="Geomatica"/>
    <m/>
    <s v="PCI_Geomatics"/>
    <x v="8"/>
    <s v=""/>
    <x v="49"/>
    <s v="Statistical Infrastructure"/>
    <s v="Information Technology Services"/>
    <s v="StatCan-213162"/>
    <s v="In Production"/>
    <s v="desktop"/>
    <x v="0"/>
    <x v="106"/>
  </r>
  <r>
    <x v="3"/>
    <x v="15"/>
    <x v="7171"/>
    <s v="PSES"/>
    <m/>
    <s v=""/>
    <x v="1"/>
    <s v=""/>
    <x v="49"/>
    <s v="Socio-economic Statistics"/>
    <s v="Other"/>
    <s v="StatCan-213245"/>
    <s v="In Production"/>
    <s v="rich"/>
    <x v="1"/>
    <x v="2637"/>
  </r>
  <r>
    <x v="5"/>
    <x v="25"/>
    <x v="7172"/>
    <s v="EXEC2"/>
    <m/>
    <s v=""/>
    <x v="1"/>
    <s v=""/>
    <x v="49"/>
    <s v="Socio-economic Statistics"/>
    <s v="Information Technology Services"/>
    <s v="StatCan-213940"/>
    <s v="In Production"/>
    <s v="desktop"/>
    <x v="1"/>
    <x v="2638"/>
  </r>
  <r>
    <x v="3"/>
    <x v="15"/>
    <x v="7173"/>
    <s v="N/A"/>
    <m/>
    <s v=""/>
    <x v="1"/>
    <s v=""/>
    <x v="49"/>
    <s v="Socio-economic Statistics"/>
    <s v="Other,Other"/>
    <s v="StatCan-216771"/>
    <s v="In Production"/>
    <s v="rich"/>
    <x v="1"/>
    <x v="2639"/>
  </r>
  <r>
    <x v="3"/>
    <x v="15"/>
    <x v="7174"/>
    <s v="N/A"/>
    <m/>
    <s v=""/>
    <x v="1"/>
    <s v=""/>
    <x v="49"/>
    <s v="Socio-economic Statistics"/>
    <s v="Other,Other"/>
    <s v="StatCan-216773"/>
    <s v="In Production"/>
    <s v="rich"/>
    <x v="1"/>
    <x v="2639"/>
  </r>
  <r>
    <x v="5"/>
    <x v="25"/>
    <x v="7175"/>
    <s v="MODGEN"/>
    <m/>
    <s v=""/>
    <x v="1"/>
    <s v=""/>
    <x v="49"/>
    <s v="Socio-economic Statistics"/>
    <s v="Information Technology Services"/>
    <s v="StatCan-217597"/>
    <s v="In Production"/>
    <s v="desktop"/>
    <x v="1"/>
    <x v="2640"/>
  </r>
  <r>
    <x v="3"/>
    <x v="46"/>
    <x v="7176"/>
    <s v="JVWS"/>
    <m/>
    <s v=""/>
    <x v="1"/>
    <s v=""/>
    <x v="49"/>
    <s v="Socio-economic Statistics"/>
    <s v="Other"/>
    <s v="StatCan-218639"/>
    <s v="In Production"/>
    <s v="rich"/>
    <x v="1"/>
    <x v="2641"/>
  </r>
  <r>
    <x v="3"/>
    <x v="31"/>
    <x v="7177"/>
    <s v="Beyond 20/20"/>
    <m/>
    <s v="Other"/>
    <x v="1"/>
    <s v="Beyond 20/20"/>
    <x v="49"/>
    <s v="IT Services"/>
    <s v="Other"/>
    <s v="StatCan-221011"/>
    <s v="In Production"/>
    <s v="desktop"/>
    <x v="0"/>
    <x v="117"/>
  </r>
  <r>
    <x v="3"/>
    <x v="31"/>
    <x v="7178"/>
    <s v="Beyond 20/20"/>
    <m/>
    <s v="Other"/>
    <x v="1"/>
    <s v="Beyond 20/20"/>
    <x v="49"/>
    <s v="IT Services"/>
    <s v="Other"/>
    <s v="StatCan-221013"/>
    <s v="In Production"/>
    <s v="desktop"/>
    <x v="0"/>
    <x v="117"/>
  </r>
  <r>
    <x v="2"/>
    <x v="2"/>
    <x v="7179"/>
    <s v="ASP"/>
    <m/>
    <s v=""/>
    <x v="1"/>
    <s v=""/>
    <x v="49"/>
    <s v="Internal Services"/>
    <s v="Financial Management Services"/>
    <s v="StatCan-221120"/>
    <s v="In Production"/>
    <s v="rich"/>
    <x v="1"/>
    <x v="2642"/>
  </r>
  <r>
    <x v="2"/>
    <x v="3"/>
    <x v="7180"/>
    <s v="PERSIM"/>
    <m/>
    <s v=""/>
    <x v="1"/>
    <s v=""/>
    <x v="49"/>
    <s v="Internal Services"/>
    <s v="Human Resources Management Services"/>
    <s v="StatCan-221137"/>
    <s v="In Production"/>
    <s v="desktop"/>
    <x v="1"/>
    <x v="2643"/>
  </r>
  <r>
    <x v="8"/>
    <x v="39"/>
    <x v="7181"/>
    <s v="EA Sparx"/>
    <m/>
    <s v="Other"/>
    <x v="1"/>
    <s v="SPARX Systems"/>
    <x v="49"/>
    <s v="Statistical Infrastructure"/>
    <s v="Information Technology Services"/>
    <s v="StatCan-221677"/>
    <s v="In Production"/>
    <s v="rich"/>
    <x v="0"/>
    <x v="2644"/>
  </r>
  <r>
    <x v="0"/>
    <x v="28"/>
    <x v="7182"/>
    <s v="CARS"/>
    <m/>
    <s v=""/>
    <x v="1"/>
    <s v=""/>
    <x v="49"/>
    <s v="Internal Services"/>
    <s v="Information Management Services"/>
    <s v="StatCan-221682"/>
    <s v="In Production"/>
    <s v="rich"/>
    <x v="1"/>
    <x v="2645"/>
  </r>
  <r>
    <x v="3"/>
    <x v="15"/>
    <x v="7183"/>
    <s v="G-Confid"/>
    <m/>
    <s v=""/>
    <x v="1"/>
    <s v=""/>
    <x v="49"/>
    <s v="Statistical Infrastructure"/>
    <s v="Information Technology Services"/>
    <s v="StatCan-221743"/>
    <s v="In Production"/>
    <s v="mini_main_super"/>
    <x v="1"/>
    <x v="2646"/>
  </r>
  <r>
    <x v="3"/>
    <x v="31"/>
    <x v="7184"/>
    <s v="CPS"/>
    <m/>
    <s v=""/>
    <x v="1"/>
    <s v=""/>
    <x v="49"/>
    <s v="Censuses"/>
    <s v="Other"/>
    <s v="StatCan-225223"/>
    <s v="In Production"/>
    <s v="rich"/>
    <x v="1"/>
    <x v="2647"/>
  </r>
  <r>
    <x v="8"/>
    <x v="29"/>
    <x v="7185"/>
    <s v=""/>
    <m/>
    <s v="Other"/>
    <x v="1"/>
    <s v="Open source"/>
    <x v="49"/>
    <s v="IT Services"/>
    <s v="Information Technology Services"/>
    <s v="StatCan-225659"/>
    <s v="In Production"/>
    <s v="web"/>
    <x v="0"/>
    <x v="86"/>
  </r>
  <r>
    <x v="0"/>
    <x v="7"/>
    <x v="7186"/>
    <s v="AMO"/>
    <m/>
    <s v=""/>
    <x v="1"/>
    <s v=""/>
    <x v="49"/>
    <s v="Internal Services"/>
    <s v="Information Management Services"/>
    <s v="StatCan-237534"/>
    <s v="In Production"/>
    <s v="desktop"/>
    <x v="1"/>
    <x v="2648"/>
  </r>
  <r>
    <x v="0"/>
    <x v="13"/>
    <x v="7187"/>
    <s v="HRDMS"/>
    <m/>
    <s v=""/>
    <x v="1"/>
    <s v=""/>
    <x v="49"/>
    <s v="Internal Services"/>
    <s v="Human Resources Management Services,Information Management Services"/>
    <s v="StatCan-237535"/>
    <s v="In Production"/>
    <s v="rich"/>
    <x v="1"/>
    <x v="2649"/>
  </r>
  <r>
    <x v="0"/>
    <x v="13"/>
    <x v="7188"/>
    <s v="RPDS.NET"/>
    <m/>
    <s v=""/>
    <x v="1"/>
    <s v=""/>
    <x v="49"/>
    <s v="Internal Services"/>
    <s v="Information Management Services"/>
    <s v="StatCan-237538"/>
    <s v="In Production"/>
    <s v="rich"/>
    <x v="1"/>
    <x v="2566"/>
  </r>
  <r>
    <x v="3"/>
    <x v="15"/>
    <x v="7189"/>
    <s v="CHMS-FilePack"/>
    <m/>
    <s v=""/>
    <x v="1"/>
    <s v=""/>
    <x v="49"/>
    <s v="Socio-economic Statistics"/>
    <s v="Other"/>
    <s v="StatCan-237666"/>
    <s v="In Production"/>
    <s v="desktop"/>
    <x v="1"/>
    <x v="2650"/>
  </r>
  <r>
    <x v="5"/>
    <x v="25"/>
    <x v="7190"/>
    <s v="EDCDS"/>
    <m/>
    <s v=""/>
    <x v="1"/>
    <s v=""/>
    <x v="49"/>
    <s v="Economic and Environmental Statistics_x000a_"/>
    <s v="Other"/>
    <s v="StatCan-238467"/>
    <s v="In Production"/>
    <s v="desktop"/>
    <x v="1"/>
    <x v="2651"/>
  </r>
  <r>
    <x v="8"/>
    <x v="29"/>
    <x v="7191"/>
    <s v=""/>
    <m/>
    <s v="Other"/>
    <x v="1"/>
    <s v="Open source"/>
    <x v="49"/>
    <s v="IT Services"/>
    <s v="Information Technology Services"/>
    <s v="StatCan-238595"/>
    <s v="In Production"/>
    <s v="web"/>
    <x v="0"/>
    <x v="86"/>
  </r>
  <r>
    <x v="8"/>
    <x v="5"/>
    <x v="7192"/>
    <s v=""/>
    <m/>
    <s v="Other"/>
    <x v="1"/>
    <s v="Wilson WindowWare"/>
    <x v="49"/>
    <s v="Statistical Infrastructure"/>
    <s v="Information Technology Services"/>
    <s v="StatCan-238597"/>
    <s v="In Production"/>
    <s v="rich"/>
    <x v="0"/>
    <x v="86"/>
  </r>
  <r>
    <x v="8"/>
    <x v="29"/>
    <x v="7193"/>
    <s v="XRebel"/>
    <m/>
    <s v="Other"/>
    <x v="1"/>
    <s v="Zeroturnaround Jrebel"/>
    <x v="49"/>
    <s v="IT Services"/>
    <s v="Information Technology Services"/>
    <s v="StatCan-240737"/>
    <s v="In Production"/>
    <s v="desktop"/>
    <x v="0"/>
    <x v="106"/>
  </r>
  <r>
    <x v="8"/>
    <x v="29"/>
    <x v="7194"/>
    <s v=""/>
    <m/>
    <s v="SAS_Institute_Canada_Inc"/>
    <x v="1"/>
    <s v=""/>
    <x v="49"/>
    <s v="Statistical Infrastructure"/>
    <s v="Information Technology Services"/>
    <s v="StatCan-243700"/>
    <s v="In Production"/>
    <s v="desktop"/>
    <x v="0"/>
    <x v="86"/>
  </r>
  <r>
    <x v="5"/>
    <x v="25"/>
    <x v="7195"/>
    <s v="JMP 12"/>
    <m/>
    <s v="SAS_Institute_Canada_Inc"/>
    <x v="1"/>
    <s v=""/>
    <x v="49"/>
    <s v="IT Services"/>
    <s v="Information Technology Services"/>
    <s v="StatCan-243719"/>
    <s v="In Production"/>
    <s v="desktop"/>
    <x v="0"/>
    <x v="86"/>
  </r>
  <r>
    <x v="3"/>
    <x v="45"/>
    <x v="7196"/>
    <s v="Oracle SQL Developer"/>
    <m/>
    <s v="Oracle_Canada_ULC"/>
    <x v="1"/>
    <s v=""/>
    <x v="49"/>
    <s v="IT Services"/>
    <s v="Information Technology Services"/>
    <s v="StatCan-243742"/>
    <s v="In Production"/>
    <s v="desktop"/>
    <x v="0"/>
    <x v="1812"/>
  </r>
  <r>
    <x v="6"/>
    <x v="48"/>
    <x v="7197"/>
    <s v="CHMS-Mechanography"/>
    <m/>
    <s v=""/>
    <x v="1"/>
    <s v=""/>
    <x v="49"/>
    <s v="Socio-economic Statistics"/>
    <s v="Other"/>
    <s v="StatCan-245553"/>
    <s v="In Production"/>
    <s v="rich"/>
    <x v="1"/>
    <x v="2652"/>
  </r>
  <r>
    <x v="8"/>
    <x v="29"/>
    <x v="7198"/>
    <s v="VS 2015"/>
    <m/>
    <s v="Microsoft_Corporation"/>
    <x v="116"/>
    <s v=""/>
    <x v="49"/>
    <s v="IT Services"/>
    <s v="Information Technology Services"/>
    <s v="StatCan-246460"/>
    <s v="In Production"/>
    <s v="desktop"/>
    <x v="0"/>
    <x v="301"/>
  </r>
  <r>
    <x v="8"/>
    <x v="29"/>
    <x v="7199"/>
    <s v="TFS"/>
    <m/>
    <s v="Microsoft_Corporation"/>
    <x v="116"/>
    <s v=""/>
    <x v="49"/>
    <s v="IT Services"/>
    <s v="Information Technology Services"/>
    <s v="StatCan-246462"/>
    <s v="In Production"/>
    <s v="desktop"/>
    <x v="0"/>
    <x v="301"/>
  </r>
  <r>
    <x v="8"/>
    <x v="29"/>
    <x v="7200"/>
    <s v=""/>
    <m/>
    <s v="Microsoft_Corporation"/>
    <x v="116"/>
    <s v=""/>
    <x v="49"/>
    <s v="IT Services"/>
    <s v="Information Technology Services"/>
    <s v="StatCan-246463"/>
    <s v="In Production"/>
    <s v="desktop"/>
    <x v="0"/>
    <x v="86"/>
  </r>
  <r>
    <x v="3"/>
    <x v="15"/>
    <x v="7201"/>
    <s v="MyStatCan"/>
    <s v="Subscription system for updates available for STC products"/>
    <s v=""/>
    <x v="1"/>
    <s v=""/>
    <x v="49"/>
    <s v="Socio-economic Statistics"/>
    <s v="Other,Other"/>
    <s v="StatCan-246598"/>
    <s v="In Production"/>
    <s v="web"/>
    <x v="1"/>
    <x v="2653"/>
  </r>
  <r>
    <x v="0"/>
    <x v="7"/>
    <x v="7202"/>
    <s v="Getmail"/>
    <m/>
    <s v=""/>
    <x v="1"/>
    <s v=""/>
    <x v="49"/>
    <s v="Internal Services"/>
    <s v="Information Management Services"/>
    <s v="StatCan-246834"/>
    <s v="In Production"/>
    <s v="desktop"/>
    <x v="1"/>
    <x v="2654"/>
  </r>
  <r>
    <x v="0"/>
    <x v="16"/>
    <x v="7203"/>
    <s v="TeamMate"/>
    <m/>
    <s v="Other"/>
    <x v="1"/>
    <s v="Walter Kluwer"/>
    <x v="49"/>
    <s v="Internal Services"/>
    <s v="Management and Oversight Services"/>
    <s v="StatCan-246913"/>
    <s v="In Production"/>
    <s v="rich"/>
    <x v="0"/>
    <x v="2349"/>
  </r>
  <r>
    <x v="3"/>
    <x v="45"/>
    <x v="7204"/>
    <s v=""/>
    <m/>
    <s v="Other"/>
    <x v="1"/>
    <s v="Haver Analytics data and software Version 1.0"/>
    <x v="49"/>
    <s v="IT Services"/>
    <s v="Information Technology Services"/>
    <s v="StatCan-248739"/>
    <s v="In Production"/>
    <s v="desktop"/>
    <x v="0"/>
    <x v="106"/>
  </r>
  <r>
    <x v="1"/>
    <x v="86"/>
    <x v="7205"/>
    <s v="Jmeter"/>
    <m/>
    <s v="Other"/>
    <x v="1"/>
    <s v="Apache Jmeter"/>
    <x v="49"/>
    <s v="IT Services"/>
    <s v="Information Technology Services"/>
    <s v="StatCan-248913"/>
    <s v="In Production"/>
    <s v="desktop"/>
    <x v="0"/>
    <x v="106"/>
  </r>
  <r>
    <x v="3"/>
    <x v="15"/>
    <x v="7206"/>
    <s v="ISD: TPF EDR"/>
    <m/>
    <s v=""/>
    <x v="1"/>
    <s v=""/>
    <x v="49"/>
    <s v="Socio-economic Statistics"/>
    <s v="Other,Other"/>
    <s v="StatCan-249714"/>
    <s v="In Production"/>
    <s v="rich"/>
    <x v="1"/>
    <x v="2510"/>
  </r>
  <r>
    <x v="5"/>
    <x v="25"/>
    <x v="7207"/>
    <s v="SAS Forecast Studio"/>
    <m/>
    <s v="SAS_Institute_Canada_Inc"/>
    <x v="1"/>
    <s v=""/>
    <x v="49"/>
    <s v="IT Services"/>
    <s v="Information Technology Services"/>
    <s v="StatCan-250055"/>
    <s v="In Production"/>
    <s v="desktop"/>
    <x v="0"/>
    <x v="2619"/>
  </r>
  <r>
    <x v="5"/>
    <x v="25"/>
    <x v="7208"/>
    <s v="SAS Time Series Studio"/>
    <m/>
    <s v="SAS_Institute_Canada_Inc"/>
    <x v="1"/>
    <s v=""/>
    <x v="49"/>
    <s v="IT Services"/>
    <s v="Information Technology Services"/>
    <s v="StatCan-250056"/>
    <s v="In Production"/>
    <s v="desktop"/>
    <x v="0"/>
    <x v="86"/>
  </r>
  <r>
    <x v="8"/>
    <x v="29"/>
    <x v="7209"/>
    <s v=""/>
    <m/>
    <s v="SAS_Institute_Canada_Inc"/>
    <x v="1"/>
    <s v=""/>
    <x v="49"/>
    <s v="Statistical Infrastructure"/>
    <s v="Information Technology Services"/>
    <s v="StatCan-250057"/>
    <s v="In Production"/>
    <s v="desktop"/>
    <x v="0"/>
    <x v="86"/>
  </r>
  <r>
    <x v="8"/>
    <x v="29"/>
    <x v="7210"/>
    <s v=""/>
    <m/>
    <s v="SAS_Institute_Canada_Inc"/>
    <x v="1"/>
    <s v=""/>
    <x v="49"/>
    <s v="Statistical Infrastructure"/>
    <s v="Information Technology Services"/>
    <s v="StatCan-250059"/>
    <s v="In Production"/>
    <s v="desktop"/>
    <x v="0"/>
    <x v="86"/>
  </r>
  <r>
    <x v="5"/>
    <x v="90"/>
    <x v="7211"/>
    <s v="FME"/>
    <m/>
    <s v="Other"/>
    <x v="1"/>
    <s v="SafeSoftware"/>
    <x v="49"/>
    <s v="Statistical Infrastructure"/>
    <s v="Information Technology Services"/>
    <s v="StatCan-250085"/>
    <s v="In Production"/>
    <s v="desktop"/>
    <x v="0"/>
    <x v="106"/>
  </r>
  <r>
    <x v="5"/>
    <x v="25"/>
    <x v="7212"/>
    <s v="MODGEN"/>
    <m/>
    <s v=""/>
    <x v="1"/>
    <s v=""/>
    <x v="49"/>
    <s v="Socio-economic Statistics"/>
    <s v="Information Technology Services"/>
    <s v="StatCan-250624"/>
    <s v="In Production"/>
    <s v="desktop"/>
    <x v="1"/>
    <x v="2655"/>
  </r>
  <r>
    <x v="0"/>
    <x v="28"/>
    <x v="7213"/>
    <s v="LADMS"/>
    <m/>
    <s v=""/>
    <x v="1"/>
    <s v=""/>
    <x v="49"/>
    <s v="Internal Services"/>
    <s v="Information Management Services"/>
    <s v="StatCan-250638"/>
    <s v="In Production"/>
    <s v="rich"/>
    <x v="1"/>
    <x v="2656"/>
  </r>
  <r>
    <x v="3"/>
    <x v="15"/>
    <x v="7214"/>
    <s v="G-Est"/>
    <m/>
    <s v=""/>
    <x v="1"/>
    <s v=""/>
    <x v="49"/>
    <s v="Statistical Infrastructure"/>
    <s v="Information Technology Services"/>
    <s v="StatCan-252112"/>
    <s v="In Production"/>
    <s v="mini_main_super"/>
    <x v="1"/>
    <x v="2580"/>
  </r>
  <r>
    <x v="3"/>
    <x v="15"/>
    <x v="7215"/>
    <s v="ADI"/>
    <m/>
    <s v=""/>
    <x v="1"/>
    <s v=""/>
    <x v="49"/>
    <s v="Econoy Wide Statistics"/>
    <s v="Other"/>
    <s v="StatCan-252131"/>
    <s v="In Production"/>
    <s v="rich"/>
    <x v="1"/>
    <x v="2657"/>
  </r>
  <r>
    <x v="5"/>
    <x v="25"/>
    <x v="7216"/>
    <s v="MEA_HUB"/>
    <m/>
    <s v=""/>
    <x v="1"/>
    <s v=""/>
    <x v="49"/>
    <s v="Economic and Environmental Statistics_x000a_"/>
    <s v="Other"/>
    <s v="StatCan-252132"/>
    <s v="In Production"/>
    <s v="rich"/>
    <x v="1"/>
    <x v="2658"/>
  </r>
  <r>
    <x v="5"/>
    <x v="25"/>
    <x v="7217"/>
    <s v="ToRS"/>
    <m/>
    <s v=""/>
    <x v="1"/>
    <s v=""/>
    <x v="49"/>
    <s v="Economic and Environmental Statistics_x000a_"/>
    <s v="Other"/>
    <s v="StatCan-252133"/>
    <s v="In Production"/>
    <s v="rich"/>
    <x v="1"/>
    <x v="2658"/>
  </r>
  <r>
    <x v="5"/>
    <x v="25"/>
    <x v="7218"/>
    <s v="CPE"/>
    <m/>
    <s v=""/>
    <x v="1"/>
    <s v=""/>
    <x v="49"/>
    <s v="Economic and Environmental Statistics_x000a_"/>
    <s v="Other"/>
    <s v="StatCan-252137"/>
    <s v="In Production"/>
    <s v="rich"/>
    <x v="1"/>
    <x v="2659"/>
  </r>
  <r>
    <x v="3"/>
    <x v="15"/>
    <x v="7219"/>
    <s v="ISD_DIV: DMMS"/>
    <m/>
    <s v=""/>
    <x v="1"/>
    <s v=""/>
    <x v="49"/>
    <s v="Socio-economic Statistics"/>
    <s v="Other,Other"/>
    <s v="StatCan-252171"/>
    <s v="In Production"/>
    <s v="rich"/>
    <x v="1"/>
    <x v="2510"/>
  </r>
  <r>
    <x v="2"/>
    <x v="2"/>
    <x v="7220"/>
    <s v="ERA"/>
    <s v="Used for electronic approval for corporate services"/>
    <s v=""/>
    <x v="1"/>
    <s v=""/>
    <x v="49"/>
    <s v="Internal Services"/>
    <s v="Financial Management Services"/>
    <s v="StatCan-252229"/>
    <s v="In Production"/>
    <s v="rich"/>
    <x v="1"/>
    <x v="2645"/>
  </r>
  <r>
    <x v="1"/>
    <x v="101"/>
    <x v="7221"/>
    <s v="SAMIDB"/>
    <m/>
    <s v=""/>
    <x v="1"/>
    <s v=""/>
    <x v="49"/>
    <s v="Internal Services"/>
    <s v="Information Management Services"/>
    <s v="StatCan-252324"/>
    <s v="In Production"/>
    <s v="desktop"/>
    <x v="1"/>
    <x v="2660"/>
  </r>
  <r>
    <x v="3"/>
    <x v="15"/>
    <x v="7222"/>
    <s v="SSPE"/>
    <m/>
    <s v=""/>
    <x v="1"/>
    <s v=""/>
    <x v="49"/>
    <s v="Socio-economic Statistics"/>
    <s v="Other,Other"/>
    <s v="StatCan-252332"/>
    <s v="In Production"/>
    <s v="desktop"/>
    <x v="1"/>
    <x v="2661"/>
  </r>
  <r>
    <x v="3"/>
    <x v="15"/>
    <x v="7223"/>
    <s v="QDT"/>
    <m/>
    <s v=""/>
    <x v="1"/>
    <s v=""/>
    <x v="49"/>
    <s v="Socio-economic Statistics"/>
    <s v="Other,Other"/>
    <s v="StatCan-252333"/>
    <s v="In Production"/>
    <s v="desktop"/>
    <x v="1"/>
    <x v="2662"/>
  </r>
  <r>
    <x v="3"/>
    <x v="15"/>
    <x v="7224"/>
    <s v="DDT"/>
    <m/>
    <s v=""/>
    <x v="1"/>
    <s v=""/>
    <x v="49"/>
    <s v="Socio-economic Statistics"/>
    <s v="Other,Other"/>
    <s v="StatCan-252335"/>
    <s v="In Production"/>
    <s v="desktop"/>
    <x v="1"/>
    <x v="2663"/>
  </r>
  <r>
    <x v="3"/>
    <x v="15"/>
    <x v="7225"/>
    <s v="PFM"/>
    <m/>
    <s v=""/>
    <x v="1"/>
    <s v=""/>
    <x v="49"/>
    <s v="Socio-economic Statistics"/>
    <s v="Other,Other"/>
    <s v="StatCan-252336"/>
    <s v="In Production"/>
    <s v="desktop"/>
    <x v="1"/>
    <x v="2664"/>
  </r>
  <r>
    <x v="3"/>
    <x v="15"/>
    <x v="7226"/>
    <s v="PST"/>
    <m/>
    <s v=""/>
    <x v="1"/>
    <s v=""/>
    <x v="49"/>
    <s v="Socio-economic Statistics"/>
    <s v="Other,Other"/>
    <s v="StatCan-252343"/>
    <s v="In Production"/>
    <s v="desktop"/>
    <x v="1"/>
    <x v="2665"/>
  </r>
  <r>
    <x v="8"/>
    <x v="37"/>
    <x v="7227"/>
    <s v="Telerik"/>
    <m/>
    <s v="Other"/>
    <x v="1"/>
    <s v="Progress"/>
    <x v="49"/>
    <s v="IT Services"/>
    <s v="Information Technology Services"/>
    <s v="StatCan-252498"/>
    <s v="In Production"/>
    <s v="desktop"/>
    <x v="0"/>
    <x v="86"/>
  </r>
  <r>
    <x v="8"/>
    <x v="29"/>
    <x v="7228"/>
    <s v=""/>
    <m/>
    <s v="Other"/>
    <x v="1"/>
    <s v="Lucidworks"/>
    <x v="49"/>
    <s v="IT Services"/>
    <s v="Information Technology Services"/>
    <s v="StatCan-257453"/>
    <s v="In Production"/>
    <s v="web"/>
    <x v="0"/>
    <x v="86"/>
  </r>
  <r>
    <x v="8"/>
    <x v="29"/>
    <x v="7229"/>
    <s v=""/>
    <m/>
    <s v="Other"/>
    <x v="1"/>
    <s v="Open source"/>
    <x v="49"/>
    <s v="IT Services"/>
    <s v="Information Technology Services"/>
    <s v="StatCan-257670"/>
    <s v="InDevelopment"/>
    <s v="desktop"/>
    <x v="0"/>
    <x v="86"/>
  </r>
  <r>
    <x v="8"/>
    <x v="29"/>
    <x v="7230"/>
    <s v=""/>
    <m/>
    <s v="Other"/>
    <x v="1"/>
    <s v="Flexera"/>
    <x v="49"/>
    <s v="IT Services"/>
    <s v="Information Technology Services"/>
    <s v="StatCan-257894"/>
    <s v="In Production"/>
    <s v="desktop"/>
    <x v="0"/>
    <x v="106"/>
  </r>
  <r>
    <x v="5"/>
    <x v="99"/>
    <x v="7231"/>
    <s v="LEO"/>
    <m/>
    <s v="Other"/>
    <x v="1"/>
    <s v="Novotec Medical"/>
    <x v="49"/>
    <s v="Socio-economic Statistics"/>
    <s v="Other"/>
    <s v="StatCan-269251"/>
    <s v="In Production"/>
    <s v="rich"/>
    <x v="0"/>
    <x v="2666"/>
  </r>
  <r>
    <x v="2"/>
    <x v="3"/>
    <x v="7232"/>
    <s v="HRSSP"/>
    <m/>
    <s v=""/>
    <x v="1"/>
    <s v=""/>
    <x v="49"/>
    <s v="Internal Services"/>
    <s v="Human Resources Management Services"/>
    <s v="StatCan-272330"/>
    <s v="In Production"/>
    <s v="rich"/>
    <x v="1"/>
    <x v="2525"/>
  </r>
  <r>
    <x v="5"/>
    <x v="14"/>
    <x v="7233"/>
    <s v="GeoSuite 2016"/>
    <s v="GeoSuite is a web application that allows users to explore the links between geographic areas, obtain information on those areas, retrieve and query population and dwelling counts for the 2016 Census, and output data in tabular format."/>
    <s v=""/>
    <x v="1"/>
    <s v=""/>
    <x v="49"/>
    <s v="Statistical Infrastructure"/>
    <s v="Other"/>
    <s v="StatCan-272370"/>
    <s v="In Production"/>
    <s v="web"/>
    <x v="1"/>
    <x v="2667"/>
  </r>
  <r>
    <x v="5"/>
    <x v="25"/>
    <x v="7234"/>
    <s v="R&amp;D Personnel"/>
    <m/>
    <s v=""/>
    <x v="1"/>
    <s v=""/>
    <x v="49"/>
    <s v="Economic and Environmental Statistics_x000a_"/>
    <s v="Information Technology Services,Other"/>
    <s v="StatCan-274083"/>
    <s v="In Production"/>
    <s v="rich"/>
    <x v="1"/>
    <x v="2615"/>
  </r>
  <r>
    <x v="3"/>
    <x v="15"/>
    <x v="7235"/>
    <s v="MAD-GTAB"/>
    <m/>
    <s v=""/>
    <x v="1"/>
    <s v=""/>
    <x v="49"/>
    <s v="Cost-recovered Statistical Services"/>
    <s v="Other,Other"/>
    <s v="StatCan-274093"/>
    <s v="In Production"/>
    <s v="rich"/>
    <x v="1"/>
    <x v="2576"/>
  </r>
  <r>
    <x v="0"/>
    <x v="7"/>
    <x v="7236"/>
    <s v="PAWC"/>
    <m/>
    <s v="Other"/>
    <x v="1"/>
    <s v="Conexsys, Private Ark Windows Client"/>
    <x v="49"/>
    <s v="Statistical Infrastructure"/>
    <s v="Information Technology Services,Other"/>
    <s v="StatCan-275737"/>
    <s v="In Production"/>
    <s v="desktop"/>
    <x v="0"/>
    <x v="2591"/>
  </r>
  <r>
    <x v="3"/>
    <x v="15"/>
    <x v="7237"/>
    <s v="SDLE"/>
    <m/>
    <s v=""/>
    <x v="1"/>
    <s v=""/>
    <x v="49"/>
    <s v="Socio-economic Statistics"/>
    <s v="Other,Other"/>
    <s v="StatCan-275742"/>
    <s v="In Production"/>
    <s v="rich"/>
    <x v="1"/>
    <x v="2668"/>
  </r>
  <r>
    <x v="8"/>
    <x v="29"/>
    <x v="7238"/>
    <s v=""/>
    <m/>
    <s v="Other"/>
    <x v="1"/>
    <s v="Infragistics, inc."/>
    <x v="49"/>
    <s v="IT Services"/>
    <s v="Information Technology Services"/>
    <s v="StatCan-281737"/>
    <s v="In Production"/>
    <s v="desktop"/>
    <x v="0"/>
    <x v="86"/>
  </r>
  <r>
    <x v="1"/>
    <x v="1"/>
    <x v="7239"/>
    <s v="Git"/>
    <m/>
    <s v="Other"/>
    <x v="1"/>
    <s v="Git"/>
    <x v="49"/>
    <s v="IT Services"/>
    <s v="Information Technology Services"/>
    <s v="StatCan-285551"/>
    <s v="In Production"/>
    <s v="desktop"/>
    <x v="0"/>
    <x v="301"/>
  </r>
  <r>
    <x v="1"/>
    <x v="1"/>
    <x v="7240"/>
    <s v="Git"/>
    <m/>
    <s v="Other"/>
    <x v="1"/>
    <s v="Git"/>
    <x v="49"/>
    <s v="IT Services"/>
    <s v="Information Technology Services"/>
    <s v="StatCan-288197"/>
    <s v="In Production"/>
    <s v="desktop"/>
    <x v="0"/>
    <x v="106"/>
  </r>
  <r>
    <x v="3"/>
    <x v="45"/>
    <x v="4260"/>
    <s v="SSMS"/>
    <m/>
    <s v="Microsoft_Corporation"/>
    <x v="1"/>
    <s v=""/>
    <x v="49"/>
    <s v="IT Services"/>
    <s v="Information Technology Services"/>
    <s v="StatCan-298006"/>
    <s v="In Production"/>
    <s v="desktop"/>
    <x v="0"/>
    <x v="1813"/>
  </r>
  <r>
    <x v="3"/>
    <x v="45"/>
    <x v="7241"/>
    <s v=""/>
    <m/>
    <s v="Microsoft_Corporation"/>
    <x v="74"/>
    <s v=""/>
    <x v="49"/>
    <s v="IT Services"/>
    <s v="Information Technology Services"/>
    <s v="StatCan-299199"/>
    <s v="In Production"/>
    <s v="web"/>
    <x v="0"/>
    <x v="301"/>
  </r>
  <r>
    <x v="3"/>
    <x v="45"/>
    <x v="7242"/>
    <s v="Toad"/>
    <m/>
    <s v="Other"/>
    <x v="1"/>
    <s v="Quest"/>
    <x v="49"/>
    <s v="IT Services"/>
    <s v="Information Technology Services"/>
    <s v="StatCan-299219"/>
    <s v="In Production"/>
    <s v="desktop"/>
    <x v="0"/>
    <x v="2669"/>
  </r>
  <r>
    <x v="3"/>
    <x v="15"/>
    <x v="7243"/>
    <s v="G-Series"/>
    <m/>
    <s v=""/>
    <x v="1"/>
    <s v=""/>
    <x v="49"/>
    <s v="Statistical Infrastructure"/>
    <s v="Information Technology Services"/>
    <s v="StatCan-299849"/>
    <s v="In Production"/>
    <s v="mini_main_super"/>
    <x v="1"/>
    <x v="2607"/>
  </r>
  <r>
    <x v="8"/>
    <x v="29"/>
    <x v="7244"/>
    <s v=""/>
    <m/>
    <s v="Other"/>
    <x v="1"/>
    <s v="Secure Team"/>
    <x v="49"/>
    <s v="IT Services"/>
    <s v="Information Technology Services"/>
    <s v="StatCan-299876"/>
    <s v="In Production"/>
    <s v="desktop"/>
    <x v="0"/>
    <x v="106"/>
  </r>
  <r>
    <x v="8"/>
    <x v="83"/>
    <x v="7245"/>
    <s v="CSE HTML Validator Pro v16"/>
    <m/>
    <s v="Other"/>
    <x v="1"/>
    <s v="AI Internet Solutions LLC"/>
    <x v="49"/>
    <s v="IT Services"/>
    <s v="Other"/>
    <s v="StatCan-300282"/>
    <s v="In Production"/>
    <s v="desktop"/>
    <x v="0"/>
    <x v="117"/>
  </r>
  <r>
    <x v="3"/>
    <x v="45"/>
    <x v="7246"/>
    <s v="Toad"/>
    <m/>
    <s v="Other"/>
    <x v="1"/>
    <s v="Quest"/>
    <x v="49"/>
    <s v="IT Services"/>
    <s v="Information Technology Services"/>
    <s v="StatCan-300359"/>
    <s v="In Production"/>
    <s v="desktop"/>
    <x v="0"/>
    <x v="2669"/>
  </r>
  <r>
    <x v="5"/>
    <x v="99"/>
    <x v="7247"/>
    <s v="XCT"/>
    <m/>
    <s v="Other"/>
    <x v="1"/>
    <s v="Stratec"/>
    <x v="49"/>
    <s v="Socio-economic Statistics"/>
    <s v="Other"/>
    <s v="StatCan-302543"/>
    <s v="In Production"/>
    <s v="rich"/>
    <x v="0"/>
    <x v="2670"/>
  </r>
  <r>
    <x v="5"/>
    <x v="90"/>
    <x v="7248"/>
    <s v="Geomatica"/>
    <m/>
    <s v="PCI_Geomatics"/>
    <x v="8"/>
    <s v=""/>
    <x v="49"/>
    <s v="Statistical Infrastructure"/>
    <s v="Information Technology Services"/>
    <s v="StatCan-302606"/>
    <s v="In Production"/>
    <s v="desktop"/>
    <x v="0"/>
    <x v="106"/>
  </r>
  <r>
    <x v="5"/>
    <x v="99"/>
    <x v="7249"/>
    <s v="NavisEx"/>
    <m/>
    <s v="Other"/>
    <x v="1"/>
    <s v="NavisEx"/>
    <x v="49"/>
    <s v="Socio-economic Statistics"/>
    <s v="Other"/>
    <s v="StatCan-302612"/>
    <s v="In Production"/>
    <s v="rich"/>
    <x v="0"/>
    <x v="2671"/>
  </r>
  <r>
    <x v="5"/>
    <x v="99"/>
    <x v="7250"/>
    <s v=""/>
    <s v="This software is used to calibrate a Visual Acuity device for the Visual Acuity component of the Canadian Health Measures Survey (CHMS). This component is similar to an eye examination at an Optometrist office; the respondent is asked to identify the letters on the screen. The software is used to calibrate the device and allow the user to adjust letter sizes quickly when administering the tests."/>
    <s v="Other"/>
    <x v="1"/>
    <s v="M&amp;S Technologies"/>
    <x v="49"/>
    <s v="Socio-economic Statistics"/>
    <s v="Other"/>
    <s v="StatCan-302624"/>
    <s v="In Production"/>
    <s v="desktop"/>
    <x v="0"/>
    <x v="2672"/>
  </r>
  <r>
    <x v="3"/>
    <x v="45"/>
    <x v="7251"/>
    <s v="Dollar Universe"/>
    <m/>
    <s v="Other"/>
    <x v="1"/>
    <s v="Automic"/>
    <x v="49"/>
    <s v="IT Services"/>
    <s v="Information Technology Services"/>
    <s v="StatCan-302833"/>
    <s v="In Production"/>
    <s v="web"/>
    <x v="0"/>
    <x v="2673"/>
  </r>
  <r>
    <x v="0"/>
    <x v="19"/>
    <x v="7252"/>
    <s v="ICOS - EQ"/>
    <m/>
    <s v=""/>
    <x v="1"/>
    <s v=""/>
    <x v="49"/>
    <s v="Statistical Infrastructure"/>
    <s v="Other"/>
    <s v="StatCan-302852"/>
    <s v="In Production"/>
    <s v="web"/>
    <x v="1"/>
    <x v="2674"/>
  </r>
  <r>
    <x v="5"/>
    <x v="90"/>
    <x v="7253"/>
    <s v="Geomatica"/>
    <m/>
    <s v="PCI_Geomatics"/>
    <x v="8"/>
    <s v=""/>
    <x v="49"/>
    <s v="Statistical Infrastructure"/>
    <s v="Information Technology Services"/>
    <s v="StatCan-303933"/>
    <s v="In Production"/>
    <s v="desktop"/>
    <x v="0"/>
    <x v="106"/>
  </r>
  <r>
    <x v="5"/>
    <x v="90"/>
    <x v="7254"/>
    <s v="ArcIMS"/>
    <m/>
    <s v="ESRI_Canada_Limited"/>
    <x v="45"/>
    <s v="ArcIMS"/>
    <x v="49"/>
    <s v="IT Services"/>
    <s v="Information Technology Services"/>
    <s v="StatCan-303934"/>
    <s v="In Production"/>
    <s v="web"/>
    <x v="0"/>
    <x v="2546"/>
  </r>
  <r>
    <x v="3"/>
    <x v="34"/>
    <x v="7255"/>
    <s v="Oracle SQL Developer"/>
    <m/>
    <s v="Other"/>
    <x v="1"/>
    <s v="Oracle"/>
    <x v="49"/>
    <s v="Statistical Infrastructure"/>
    <s v="Information Technology Services"/>
    <s v="StatCan-303935"/>
    <s v="In Production"/>
    <s v="rich"/>
    <x v="0"/>
    <x v="10"/>
  </r>
  <r>
    <x v="5"/>
    <x v="90"/>
    <x v="7256"/>
    <s v=""/>
    <m/>
    <s v="ESRI_Canada_Limited"/>
    <x v="1"/>
    <s v=""/>
    <x v="49"/>
    <s v="Statistical Infrastructure"/>
    <s v="Information Technology Services"/>
    <s v="StatCan-305731"/>
    <s v="In Production"/>
    <s v="rich"/>
    <x v="0"/>
    <x v="106"/>
  </r>
  <r>
    <x v="5"/>
    <x v="90"/>
    <x v="7257"/>
    <s v=""/>
    <m/>
    <s v="ESRI_Canada_Limited"/>
    <x v="1"/>
    <s v=""/>
    <x v="49"/>
    <s v="Statistical Infrastructure"/>
    <s v="Information Technology Services"/>
    <s v="StatCan-305732"/>
    <s v="In Production"/>
    <s v="rich"/>
    <x v="0"/>
    <x v="106"/>
  </r>
  <r>
    <x v="1"/>
    <x v="75"/>
    <x v="7258"/>
    <s v="Onboarding"/>
    <m/>
    <s v=""/>
    <x v="1"/>
    <s v=""/>
    <x v="49"/>
    <s v="Internal Services"/>
    <s v="Information Technology Services"/>
    <s v="StatCan-306780"/>
    <s v="In Production"/>
    <s v="web"/>
    <x v="1"/>
    <x v="742"/>
  </r>
  <r>
    <x v="5"/>
    <x v="25"/>
    <x v="7259"/>
    <s v="SDMX"/>
    <m/>
    <s v=""/>
    <x v="1"/>
    <s v=""/>
    <x v="49"/>
    <s v="Economic and Environmental Statistics_x000a_"/>
    <s v="Other"/>
    <s v="StatCan-306785"/>
    <s v="In Production"/>
    <s v="rich"/>
    <x v="1"/>
    <x v="2658"/>
  </r>
  <r>
    <x v="5"/>
    <x v="25"/>
    <x v="7260"/>
    <s v="TFM to INDCOM"/>
    <m/>
    <s v=""/>
    <x v="1"/>
    <s v=""/>
    <x v="49"/>
    <s v="Economic and Environmental Statistics_x000a_"/>
    <s v="Other"/>
    <s v="StatCan-306786"/>
    <s v="In Production"/>
    <s v="rich"/>
    <x v="1"/>
    <x v="2675"/>
  </r>
  <r>
    <x v="5"/>
    <x v="25"/>
    <x v="7261"/>
    <s v="FAME"/>
    <m/>
    <s v="Other"/>
    <x v="1"/>
    <s v="FAME"/>
    <x v="49"/>
    <s v="Economic and Environmental Statistics_x000a_"/>
    <s v="Other"/>
    <s v="StatCan-306787"/>
    <s v="In Production"/>
    <s v="rich"/>
    <x v="0"/>
    <x v="2676"/>
  </r>
  <r>
    <x v="5"/>
    <x v="25"/>
    <x v="7262"/>
    <s v="NEAD Load"/>
    <m/>
    <s v=""/>
    <x v="1"/>
    <s v=""/>
    <x v="49"/>
    <s v="Economic and Environmental Statistics_x000a_"/>
    <s v="Other"/>
    <s v="StatCan-306788"/>
    <s v="In Production"/>
    <s v="rich"/>
    <x v="1"/>
    <x v="2677"/>
  </r>
  <r>
    <x v="5"/>
    <x v="25"/>
    <x v="7263"/>
    <s v="FAMEFUNC"/>
    <m/>
    <s v=""/>
    <x v="1"/>
    <s v=""/>
    <x v="49"/>
    <s v="Economic and Environmental Statistics_x000a_"/>
    <s v="Other"/>
    <s v="StatCan-307012"/>
    <s v="In Production"/>
    <s v="rich"/>
    <x v="1"/>
    <x v="2677"/>
  </r>
  <r>
    <x v="5"/>
    <x v="94"/>
    <x v="7264"/>
    <s v="YETI"/>
    <m/>
    <s v=""/>
    <x v="1"/>
    <s v=""/>
    <x v="49"/>
    <s v="Censuses"/>
    <s v="Other"/>
    <s v="StatCan-307030"/>
    <s v="InDevelopment"/>
    <s v="rich"/>
    <x v="1"/>
    <x v="2678"/>
  </r>
  <r>
    <x v="9"/>
    <x v="110"/>
    <x v="7265"/>
    <s v="On Guard"/>
    <m/>
    <s v="Other"/>
    <x v="1"/>
    <s v="Lenel"/>
    <x v="49"/>
    <s v="Internal Services"/>
    <s v="Materiel Services"/>
    <s v="StatCan-307085"/>
    <s v="In Production"/>
    <s v="rich"/>
    <x v="0"/>
    <x v="106"/>
  </r>
  <r>
    <x v="8"/>
    <x v="29"/>
    <x v="7266"/>
    <s v="PHPStorm"/>
    <m/>
    <s v="Other"/>
    <x v="1"/>
    <s v="JetBrains - PHP Storm"/>
    <x v="49"/>
    <s v="IT Services"/>
    <s v="Information Technology Services"/>
    <s v="StatCan-307319"/>
    <s v="In Production"/>
    <s v="desktop"/>
    <x v="0"/>
    <x v="10"/>
  </r>
  <r>
    <x v="8"/>
    <x v="29"/>
    <x v="7267"/>
    <s v="ReSharper"/>
    <m/>
    <s v="Other"/>
    <x v="1"/>
    <s v="JetBrains"/>
    <x v="49"/>
    <s v="IT Services"/>
    <s v="Information Technology Services"/>
    <s v="StatCan-307444"/>
    <s v="In Production"/>
    <s v="desktop"/>
    <x v="0"/>
    <x v="106"/>
  </r>
  <r>
    <x v="8"/>
    <x v="29"/>
    <x v="7268"/>
    <s v="Balsamiq"/>
    <m/>
    <s v="Other"/>
    <x v="1"/>
    <s v="Balsamiq"/>
    <x v="49"/>
    <s v="IT Services"/>
    <s v="Information Technology Services"/>
    <s v="StatCan-309477"/>
    <s v="In Production"/>
    <s v="desktop"/>
    <x v="0"/>
    <x v="106"/>
  </r>
  <r>
    <x v="5"/>
    <x v="25"/>
    <x v="7269"/>
    <s v="Mercury"/>
    <m/>
    <s v=""/>
    <x v="1"/>
    <s v=""/>
    <x v="49"/>
    <s v="Economic and Environmental Statistics_x000a_"/>
    <s v="Other"/>
    <s v="StatCan-313891"/>
    <s v="InDevelopment"/>
    <s v="rich"/>
    <x v="1"/>
    <x v="2679"/>
  </r>
  <r>
    <x v="5"/>
    <x v="90"/>
    <x v="7270"/>
    <s v=""/>
    <m/>
    <s v="ESRI_Canada_Limited"/>
    <x v="1"/>
    <s v=""/>
    <x v="49"/>
    <s v="Statistical Infrastructure"/>
    <s v="Information Technology Services"/>
    <s v="StatCan-314204"/>
    <s v="In Production"/>
    <s v="rich"/>
    <x v="0"/>
    <x v="2546"/>
  </r>
  <r>
    <x v="3"/>
    <x v="31"/>
    <x v="7271"/>
    <s v=""/>
    <m/>
    <s v="Microsoft_Corporation"/>
    <x v="1"/>
    <s v=""/>
    <x v="49"/>
    <s v="IT Services"/>
    <s v="Information Technology Services"/>
    <s v="StatCan-314273"/>
    <s v="In Production"/>
    <s v="desktop"/>
    <x v="0"/>
    <x v="106"/>
  </r>
  <r>
    <x v="5"/>
    <x v="90"/>
    <x v="7272"/>
    <s v=""/>
    <m/>
    <s v="ESRI_Canada_Limited"/>
    <x v="1"/>
    <s v=""/>
    <x v="49"/>
    <s v="Statistical Infrastructure"/>
    <s v="Information Technology Services"/>
    <s v="StatCan-314292"/>
    <s v="In Production"/>
    <s v="rich"/>
    <x v="0"/>
    <x v="2613"/>
  </r>
  <r>
    <x v="8"/>
    <x v="29"/>
    <x v="7273"/>
    <s v=""/>
    <m/>
    <s v="Other"/>
    <x v="1"/>
    <s v=""/>
    <x v="49"/>
    <s v="IT Services"/>
    <s v="Information Technology Services"/>
    <s v="StatCan-314488"/>
    <s v="In Production"/>
    <s v="desktop"/>
    <x v="0"/>
    <x v="86"/>
  </r>
  <r>
    <x v="8"/>
    <x v="29"/>
    <x v="7274"/>
    <s v=""/>
    <m/>
    <s v="Other"/>
    <x v="1"/>
    <s v=""/>
    <x v="49"/>
    <s v="IT Services"/>
    <s v="Information Technology Services"/>
    <s v="StatCan-315100"/>
    <s v="In Production"/>
    <s v="desktop"/>
    <x v="0"/>
    <x v="86"/>
  </r>
  <r>
    <x v="5"/>
    <x v="25"/>
    <x v="7275"/>
    <s v="CSISR"/>
    <m/>
    <s v=""/>
    <x v="1"/>
    <s v=""/>
    <x v="49"/>
    <s v="Censuses"/>
    <s v="Other"/>
    <s v="StatCan-345203"/>
    <s v="InDevelopment"/>
    <s v="desktop"/>
    <x v="1"/>
    <x v="2680"/>
  </r>
  <r>
    <x v="5"/>
    <x v="25"/>
    <x v="7276"/>
    <s v="ASPS"/>
    <m/>
    <s v=""/>
    <x v="1"/>
    <s v=""/>
    <x v="49"/>
    <s v="Statistical Infrastructure"/>
    <s v="Other"/>
    <s v="StatCan-348025"/>
    <s v="InDevelopment"/>
    <s v="desktop"/>
    <x v="1"/>
    <x v="2681"/>
  </r>
  <r>
    <x v="5"/>
    <x v="25"/>
    <x v="7277"/>
    <s v="ASMLSS"/>
    <m/>
    <s v=""/>
    <x v="1"/>
    <s v=""/>
    <x v="49"/>
    <s v="Economic and Environmental Statistics_x000a_"/>
    <s v="Other"/>
    <s v="StatCan-352064"/>
    <s v="In Production"/>
    <s v="desktop"/>
    <x v="1"/>
    <x v="2682"/>
  </r>
  <r>
    <x v="5"/>
    <x v="25"/>
    <x v="7278"/>
    <s v="SLAS"/>
    <m/>
    <s v=""/>
    <x v="1"/>
    <s v=""/>
    <x v="49"/>
    <s v="Economic and Environmental Statistics_x000a_"/>
    <s v="Other"/>
    <s v="StatCan-352067"/>
    <s v="In Production"/>
    <s v="desktop"/>
    <x v="1"/>
    <x v="2683"/>
  </r>
  <r>
    <x v="5"/>
    <x v="14"/>
    <x v="7279"/>
    <s v="MPower 2016"/>
    <s v="Place of Work Mapper. Web Mapping application - Geographic Search tool for Place of work Coding."/>
    <s v="ESRI_Canada_Limited"/>
    <x v="1"/>
    <s v=""/>
    <x v="49"/>
    <s v="Statistical Infrastructure"/>
    <s v="Other"/>
    <s v="StatCan-358030"/>
    <s v="In Production"/>
    <s v="web"/>
    <x v="1"/>
    <x v="2684"/>
  </r>
  <r>
    <x v="5"/>
    <x v="14"/>
    <x v="7280"/>
    <s v="CSD Validator"/>
    <s v="Used to validate CSDs (Census Subdivision). Contains a Viewer and allows users to comment."/>
    <s v="ESRI_Canada_Limited"/>
    <x v="1"/>
    <s v=""/>
    <x v="49"/>
    <s v="Statistical Infrastructure"/>
    <s v="Other"/>
    <s v="StatCan-358037"/>
    <s v="In Production"/>
    <s v="web"/>
    <x v="1"/>
    <x v="2685"/>
  </r>
  <r>
    <x v="5"/>
    <x v="14"/>
    <x v="7281"/>
    <s v="CAM"/>
    <s v="The Collection Area Mapping tools are used to assist in locating a geographic area, such as a Census Collection area.  It works in conjunction with the GeoCoding Service.  It was available to all staff within the Collection Management Portal (CMP) to support Human Resources and Case and Workload Management activities within CMP and EQ (Census Interviewer Portal).  It is built for providing consistent features, user interaction, and visual design to both applications.  It was also used by the general public in the Hiring Portal for the Census Collection.  Applications that are dependent on this tool are: Hiring Portal for the Census Collection, Collection Management Portal (CMP) and EQ."/>
    <s v="ESRI_Canada_Limited"/>
    <x v="1"/>
    <s v=""/>
    <x v="49"/>
    <s v="Statistical Infrastructure"/>
    <s v="Other"/>
    <s v="StatCan-358039"/>
    <s v="In Production"/>
    <s v="web"/>
    <x v="1"/>
    <x v="2626"/>
  </r>
  <r>
    <x v="5"/>
    <x v="14"/>
    <x v="7282"/>
    <s v="CWM"/>
    <s v="Case of Workload Management. Services to be used by ICOS."/>
    <s v="ESRI_Canada_Limited"/>
    <x v="1"/>
    <s v=""/>
    <x v="49"/>
    <s v="Statistical Infrastructure"/>
    <s v="Other"/>
    <s v="StatCan-358051"/>
    <s v="In Production"/>
    <s v="web"/>
    <x v="1"/>
    <x v="2626"/>
  </r>
  <r>
    <x v="5"/>
    <x v="14"/>
    <x v="7283"/>
    <s v="Geocode Mapping"/>
    <m/>
    <s v="ESRI_Canada_Limited"/>
    <x v="1"/>
    <s v=""/>
    <x v="49"/>
    <s v="Statistical Infrastructure"/>
    <s v="Other"/>
    <s v="StatCan-358053"/>
    <s v="In Production"/>
    <s v="web"/>
    <x v="1"/>
    <x v="2626"/>
  </r>
  <r>
    <x v="5"/>
    <x v="14"/>
    <x v="7284"/>
    <s v="GET"/>
    <s v="Geography Editing Tool used by external users (urbanists, etc. ).  Might be required for some new geographies (ADA) and others external to Census."/>
    <s v="ESRI_Canada_Limited"/>
    <x v="1"/>
    <s v=""/>
    <x v="49"/>
    <s v="Statistical Infrastructure"/>
    <s v="Other"/>
    <s v="StatCan-358054"/>
    <s v="In Production"/>
    <s v="web"/>
    <x v="1"/>
    <x v="2686"/>
  </r>
  <r>
    <x v="5"/>
    <x v="14"/>
    <x v="7285"/>
    <s v="LFS Viewer"/>
    <s v="Web Mapping application for LFS."/>
    <s v="ESRI_Canada_Limited"/>
    <x v="1"/>
    <s v=""/>
    <x v="49"/>
    <s v="Statistical Infrastructure"/>
    <s v="Other"/>
    <s v="StatCan-358055"/>
    <s v="In Production"/>
    <s v="web"/>
    <x v="1"/>
    <x v="2684"/>
  </r>
  <r>
    <x v="5"/>
    <x v="14"/>
    <x v="7286"/>
    <s v="GeoCollect"/>
    <m/>
    <s v="ESRI_Canada_Limited"/>
    <x v="117"/>
    <s v="MySQL"/>
    <x v="49"/>
    <s v="Statistical Infrastructure"/>
    <s v="Other"/>
    <s v="StatCan-358057"/>
    <s v="In Production"/>
    <s v="mobile"/>
    <x v="1"/>
    <x v="2687"/>
  </r>
  <r>
    <x v="5"/>
    <x v="14"/>
    <x v="7287"/>
    <s v="CCAP 2016"/>
    <s v="A web interface to observe, almost in real time, crop and pasture conditions in the Canadian and the US prairies using satellite images. A yield-forecast module is also included."/>
    <s v="ESRI_Canada_Limited"/>
    <x v="1"/>
    <s v=""/>
    <x v="49"/>
    <s v="Economic and Environmental Statistics_x000a_"/>
    <s v="Other"/>
    <s v="StatCan-362094"/>
    <s v="In Production"/>
    <s v="web"/>
    <x v="1"/>
    <x v="2688"/>
  </r>
  <r>
    <x v="5"/>
    <x v="14"/>
    <x v="7288"/>
    <s v="CEAG Mapping"/>
    <s v="Web mapping app consumed by Census of Agriculture."/>
    <s v="ESRI_Canada_Limited"/>
    <x v="1"/>
    <s v=""/>
    <x v="49"/>
    <s v="Statistical Infrastructure"/>
    <s v="Other"/>
    <s v="StatCan-362095"/>
    <s v="In Production"/>
    <s v="web"/>
    <x v="1"/>
    <x v="2684"/>
  </r>
  <r>
    <x v="8"/>
    <x v="29"/>
    <x v="7289"/>
    <s v="IntelliJ"/>
    <m/>
    <s v="Other"/>
    <x v="1"/>
    <s v="JetBrains"/>
    <x v="49"/>
    <s v="IT Services"/>
    <s v="Information Technology Services"/>
    <s v="StatCan-374949"/>
    <s v="In Production"/>
    <s v="desktop"/>
    <x v="0"/>
    <x v="106"/>
  </r>
  <r>
    <x v="8"/>
    <x v="29"/>
    <x v="7290"/>
    <s v="VS 2017"/>
    <m/>
    <s v="Microsoft_Corporation"/>
    <x v="116"/>
    <s v=""/>
    <x v="49"/>
    <s v="IT Services"/>
    <s v="Information Technology Services"/>
    <s v="StatCan-377354"/>
    <s v="In Production"/>
    <s v="desktop"/>
    <x v="0"/>
    <x v="86"/>
  </r>
  <r>
    <x v="8"/>
    <x v="29"/>
    <x v="7291"/>
    <s v="TFS"/>
    <m/>
    <s v="Microsoft_Corporation"/>
    <x v="116"/>
    <s v=""/>
    <x v="49"/>
    <s v="IT Services"/>
    <s v="Information Technology Services"/>
    <s v="StatCan-377355"/>
    <s v="In Production"/>
    <s v="desktop"/>
    <x v="0"/>
    <x v="86"/>
  </r>
  <r>
    <x v="8"/>
    <x v="29"/>
    <x v="7292"/>
    <s v="Web Performance Tester"/>
    <m/>
    <s v="Other"/>
    <x v="1"/>
    <s v="Web Performance"/>
    <x v="49"/>
    <s v="IT Services"/>
    <s v="Information Technology Services"/>
    <s v="StatCan-380109"/>
    <s v="In Production"/>
    <s v="desktop"/>
    <x v="0"/>
    <x v="106"/>
  </r>
  <r>
    <x v="3"/>
    <x v="15"/>
    <x v="7293"/>
    <s v="Banff"/>
    <m/>
    <s v=""/>
    <x v="1"/>
    <s v=""/>
    <x v="49"/>
    <s v="Statistical Infrastructure"/>
    <s v="Information Technology Services"/>
    <s v="StatCan-380165"/>
    <s v="In Production"/>
    <s v="mini_main_super"/>
    <x v="1"/>
    <x v="2580"/>
  </r>
  <r>
    <x v="5"/>
    <x v="90"/>
    <x v="7294"/>
    <s v=""/>
    <m/>
    <s v="ESRI_Canada_Limited"/>
    <x v="1"/>
    <s v=""/>
    <x v="49"/>
    <s v="Statistical Infrastructure"/>
    <s v="Information Technology Services"/>
    <s v="StatCan-380338"/>
    <s v="In Production"/>
    <s v="rich"/>
    <x v="0"/>
    <x v="106"/>
  </r>
  <r>
    <x v="5"/>
    <x v="90"/>
    <x v="7295"/>
    <s v=""/>
    <m/>
    <s v="ESRI_Canada_Limited"/>
    <x v="1"/>
    <s v=""/>
    <x v="49"/>
    <s v="Statistical Infrastructure"/>
    <s v="Information Technology Services"/>
    <s v="StatCan-380340"/>
    <s v="In Production"/>
    <s v="rich"/>
    <x v="0"/>
    <x v="106"/>
  </r>
  <r>
    <x v="3"/>
    <x v="46"/>
    <x v="7296"/>
    <s v="NTS QCS"/>
    <m/>
    <s v=""/>
    <x v="1"/>
    <s v=""/>
    <x v="49"/>
    <s v="Socio-economic Statistics"/>
    <s v="Other"/>
    <s v="StatCan-384079"/>
    <s v="In Production"/>
    <s v="rich"/>
    <x v="1"/>
    <x v="2689"/>
  </r>
  <r>
    <x v="8"/>
    <x v="29"/>
    <x v="7297"/>
    <s v=""/>
    <m/>
    <s v="Other"/>
    <x v="1"/>
    <s v="Novastrim, CreateInstall"/>
    <x v="49"/>
    <s v="IT Services"/>
    <s v="Information Technology Services"/>
    <s v="StatCan-384107"/>
    <s v="In Production"/>
    <s v="desktop"/>
    <x v="0"/>
    <x v="86"/>
  </r>
  <r>
    <x v="5"/>
    <x v="90"/>
    <x v="7298"/>
    <s v=""/>
    <m/>
    <s v="ESRI_Canada_Limited"/>
    <x v="1"/>
    <s v=""/>
    <x v="49"/>
    <s v="Statistical Infrastructure"/>
    <s v="Information Technology Services"/>
    <s v="StatCan-384801"/>
    <s v="In Production"/>
    <s v="desktop"/>
    <x v="0"/>
    <x v="106"/>
  </r>
  <r>
    <x v="1"/>
    <x v="101"/>
    <x v="7299"/>
    <s v="SW Self-serve portal"/>
    <m/>
    <s v="Flexera_Software_LLC"/>
    <x v="73"/>
    <s v=""/>
    <x v="49"/>
    <s v="Internal Services"/>
    <s v="Information Management Services"/>
    <s v="StatCan-385163"/>
    <s v="InDevelopment"/>
    <s v="web"/>
    <x v="0"/>
    <x v="2690"/>
  </r>
  <r>
    <x v="5"/>
    <x v="14"/>
    <x v="7300"/>
    <s v="ArMapper"/>
    <m/>
    <s v=""/>
    <x v="1"/>
    <s v=""/>
    <x v="49"/>
    <s v="Statistical Infrastructure"/>
    <s v="Other"/>
    <s v="StatCan-386969"/>
    <s v="In Production"/>
    <s v="web"/>
    <x v="1"/>
    <x v="2691"/>
  </r>
  <r>
    <x v="5"/>
    <x v="25"/>
    <x v="7301"/>
    <s v="CPF"/>
    <m/>
    <s v=""/>
    <x v="1"/>
    <s v=""/>
    <x v="49"/>
    <s v="Economic and Environmental Statistics_x000a_"/>
    <s v="Other"/>
    <s v="StatCan-386977"/>
    <s v="In Production"/>
    <s v="desktop"/>
    <x v="1"/>
    <x v="86"/>
  </r>
  <r>
    <x v="5"/>
    <x v="25"/>
    <x v="7302"/>
    <s v="FBAS"/>
    <m/>
    <s v=""/>
    <x v="1"/>
    <s v=""/>
    <x v="49"/>
    <s v="Economic and Environmental Statistics"/>
    <s v="Other"/>
    <s v="StatCan-386982"/>
    <s v="InDevelopment"/>
    <s v="rich"/>
    <x v="1"/>
    <x v="86"/>
  </r>
  <r>
    <x v="5"/>
    <x v="25"/>
    <x v="7303"/>
    <s v="AMS"/>
    <m/>
    <s v=""/>
    <x v="1"/>
    <s v=""/>
    <x v="49"/>
    <s v="Economic and Environmental Statistics"/>
    <s v="Other"/>
    <s v="StatCan-386985"/>
    <s v="InDevelopment"/>
    <s v="desktop"/>
    <x v="1"/>
    <x v="86"/>
  </r>
  <r>
    <x v="3"/>
    <x v="15"/>
    <x v="7304"/>
    <s v="ISD_DIV: STATAS"/>
    <m/>
    <s v=""/>
    <x v="1"/>
    <s v=""/>
    <x v="49"/>
    <s v="Socio-economic Statistics"/>
    <s v="Other,Other"/>
    <s v="StatCan-387991"/>
    <s v="In Production"/>
    <s v="rich"/>
    <x v="1"/>
    <x v="2639"/>
  </r>
  <r>
    <x v="8"/>
    <x v="29"/>
    <x v="7305"/>
    <s v=""/>
    <m/>
    <s v="Other"/>
    <x v="1"/>
    <s v="Infragistics, inc."/>
    <x v="49"/>
    <s v="IT Services"/>
    <s v="Information Technology Services"/>
    <s v="StatCan-393845"/>
    <s v="In Production"/>
    <s v="desktop"/>
    <x v="0"/>
    <x v="86"/>
  </r>
  <r>
    <x v="0"/>
    <x v="43"/>
    <x v="7306"/>
    <s v=""/>
    <m/>
    <s v=""/>
    <x v="1"/>
    <s v=""/>
    <x v="49"/>
    <s v="Statistical Infrastructure"/>
    <s v="Communications Services,Information Management Services"/>
    <s v="StatCan-397156"/>
    <s v="In Production"/>
    <s v="web"/>
    <x v="1"/>
    <x v="99"/>
  </r>
  <r>
    <x v="4"/>
    <x v="5"/>
    <x v="7307"/>
    <s v=""/>
    <s v=""/>
    <s v=""/>
    <x v="1"/>
    <s v=""/>
    <x v="49"/>
    <s v=""/>
    <s v=""/>
    <s v="StatCan-398830"/>
    <s v="In Production"/>
    <s v="rich"/>
    <x v="1"/>
    <x v="106"/>
  </r>
  <r>
    <x v="3"/>
    <x v="45"/>
    <x v="7308"/>
    <s v=""/>
    <m/>
    <s v="Other"/>
    <x v="1"/>
    <s v=""/>
    <x v="49"/>
    <s v="Program 3 Census"/>
    <s v="Information Technology Services"/>
    <s v="StatCan-401855"/>
    <s v="In Production"/>
    <s v="desktop"/>
    <x v="0"/>
    <x v="2692"/>
  </r>
  <r>
    <x v="4"/>
    <x v="5"/>
    <x v="7309"/>
    <s v=""/>
    <m/>
    <s v="Other"/>
    <x v="1"/>
    <s v="Accusoft/Prizm"/>
    <x v="49"/>
    <s v="Program 3 Census"/>
    <s v="Information Technology Services"/>
    <s v="StatCan-401863"/>
    <s v="In Production"/>
    <s v="desktop"/>
    <x v="0"/>
    <x v="2557"/>
  </r>
  <r>
    <x v="3"/>
    <x v="15"/>
    <x v="7310"/>
    <s v="SHS-R"/>
    <m/>
    <s v=""/>
    <x v="1"/>
    <s v=""/>
    <x v="49"/>
    <s v="Socio-economic Statistics"/>
    <s v="Other,Other"/>
    <s v="StatCan-402920"/>
    <s v="In Production"/>
    <s v="rich"/>
    <x v="1"/>
    <x v="2693"/>
  </r>
  <r>
    <x v="3"/>
    <x v="15"/>
    <x v="7311"/>
    <s v="DCCS"/>
    <m/>
    <s v=""/>
    <x v="1"/>
    <s v=""/>
    <x v="49"/>
    <s v="Socio-economic Statistics"/>
    <s v="Other,Other"/>
    <s v="StatCan-402921"/>
    <s v="In Production"/>
    <s v="rich"/>
    <x v="1"/>
    <x v="2693"/>
  </r>
  <r>
    <x v="3"/>
    <x v="45"/>
    <x v="7312"/>
    <s v="SSDTVS"/>
    <m/>
    <s v="Microsoft_Corporation"/>
    <x v="1"/>
    <s v=""/>
    <x v="49"/>
    <s v="IT Services"/>
    <s v="Information Technology Services"/>
    <s v="StatCan-402940"/>
    <s v="In Production"/>
    <s v="desktop"/>
    <x v="0"/>
    <x v="1813"/>
  </r>
  <r>
    <x v="5"/>
    <x v="25"/>
    <x v="7313"/>
    <s v="NMVDCS"/>
    <m/>
    <s v=""/>
    <x v="1"/>
    <s v=""/>
    <x v="49"/>
    <s v="Economic and Environmental Statistics_x000a_"/>
    <s v="Other"/>
    <s v="StatCan-404652"/>
    <s v="In Production"/>
    <s v="desktop"/>
    <x v="1"/>
    <x v="2694"/>
  </r>
  <r>
    <x v="5"/>
    <x v="25"/>
    <x v="7314"/>
    <s v="IOFD - CRA"/>
    <m/>
    <s v=""/>
    <x v="1"/>
    <s v=""/>
    <x v="49"/>
    <s v="Economic and Environmental Statistics_x000a_"/>
    <s v="Other"/>
    <s v="StatCan-404743"/>
    <s v="InDevelopment"/>
    <s v="web"/>
    <x v="1"/>
    <x v="2695"/>
  </r>
  <r>
    <x v="5"/>
    <x v="25"/>
    <x v="7315"/>
    <s v="IOFD - ESP"/>
    <m/>
    <s v=""/>
    <x v="1"/>
    <s v=""/>
    <x v="49"/>
    <s v="Economic and Environmental Statistics_x000a_"/>
    <s v="Other"/>
    <s v="StatCan-404744"/>
    <s v="InDevelopment"/>
    <s v="web"/>
    <x v="1"/>
    <x v="2696"/>
  </r>
  <r>
    <x v="5"/>
    <x v="25"/>
    <x v="7316"/>
    <s v="ISTD - Investment"/>
    <m/>
    <s v=""/>
    <x v="1"/>
    <s v=""/>
    <x v="49"/>
    <s v="Economic and Environmental Statistics_x000a_"/>
    <s v="Other"/>
    <s v="StatCan-404745"/>
    <s v="InDevelopment"/>
    <s v="web"/>
    <x v="1"/>
    <x v="2695"/>
  </r>
  <r>
    <x v="5"/>
    <x v="25"/>
    <x v="7317"/>
    <s v="G-Tab"/>
    <m/>
    <s v=""/>
    <x v="1"/>
    <s v=""/>
    <x v="49"/>
    <s v="Socio-economic Statistics"/>
    <s v="Information Technology Services"/>
    <s v="StatCan-404779"/>
    <s v="In Production"/>
    <s v="mini_main_super"/>
    <x v="1"/>
    <x v="2697"/>
  </r>
  <r>
    <x v="5"/>
    <x v="25"/>
    <x v="7318"/>
    <s v="G-Tab"/>
    <m/>
    <s v=""/>
    <x v="1"/>
    <s v=""/>
    <x v="49"/>
    <s v="Socio-economic Statistics"/>
    <s v="Information Technology Services"/>
    <s v="StatCan-404780"/>
    <s v="InDevelopment"/>
    <s v="mini_main_super"/>
    <x v="1"/>
    <x v="2697"/>
  </r>
  <r>
    <x v="3"/>
    <x v="15"/>
    <x v="7319"/>
    <s v="G-Confid"/>
    <m/>
    <s v=""/>
    <x v="1"/>
    <s v=""/>
    <x v="49"/>
    <s v="Statistical Infrastructure"/>
    <s v="Information Technology Services"/>
    <s v="StatCan-404781"/>
    <s v="In Production"/>
    <s v="mini_main_super"/>
    <x v="1"/>
    <x v="2698"/>
  </r>
  <r>
    <x v="5"/>
    <x v="25"/>
    <x v="7320"/>
    <s v="CPI - ADS"/>
    <m/>
    <s v=""/>
    <x v="1"/>
    <s v=""/>
    <x v="49"/>
    <s v="Economic and Environmental Statistics"/>
    <s v="Other"/>
    <s v="StatCan-410646"/>
    <s v="InDevelopment"/>
    <s v="rich"/>
    <x v="1"/>
    <x v="2699"/>
  </r>
  <r>
    <x v="5"/>
    <x v="25"/>
    <x v="7321"/>
    <s v="GOVALL - AQUILA"/>
    <m/>
    <s v=""/>
    <x v="1"/>
    <s v=""/>
    <x v="49"/>
    <s v="Economic and Environmental Statistics"/>
    <s v="Other"/>
    <s v="StatCan-410648"/>
    <s v="InDevelopment"/>
    <s v="rich"/>
    <x v="1"/>
    <x v="2700"/>
  </r>
  <r>
    <x v="8"/>
    <x v="29"/>
    <x v="7322"/>
    <s v=""/>
    <m/>
    <s v="Other"/>
    <x v="1"/>
    <s v="Open source"/>
    <x v="49"/>
    <s v="IT Services"/>
    <s v="Information Technology Services"/>
    <s v="StatCan-410649"/>
    <s v="In Production"/>
    <s v="web"/>
    <x v="0"/>
    <x v="86"/>
  </r>
  <r>
    <x v="8"/>
    <x v="5"/>
    <x v="7323"/>
    <s v=""/>
    <s v="Compiler for unix C applications"/>
    <s v="Other"/>
    <x v="1"/>
    <s v="IBM XL C/C++ Compiler"/>
    <x v="49"/>
    <s v="HSF"/>
    <s v="Information Technology Services"/>
    <s v="StatCan-411524"/>
    <s v="In Production"/>
    <s v="mini_main_super"/>
    <x v="0"/>
    <x v="86"/>
  </r>
  <r>
    <x v="5"/>
    <x v="25"/>
    <x v="7324"/>
    <s v="ISTD - PV"/>
    <m/>
    <s v=""/>
    <x v="1"/>
    <s v=""/>
    <x v="49"/>
    <s v="Economic and Environmental Statistics"/>
    <s v="Other"/>
    <s v="StatCan-411528"/>
    <s v="InDevelopment"/>
    <s v="web"/>
    <x v="1"/>
    <x v="2695"/>
  </r>
  <r>
    <x v="5"/>
    <x v="25"/>
    <x v="7325"/>
    <s v="ISTD - HSF"/>
    <m/>
    <s v=""/>
    <x v="1"/>
    <s v=""/>
    <x v="49"/>
    <s v="Economic and Environmental Statistics"/>
    <s v="Other"/>
    <s v="StatCan-411529"/>
    <s v="InDevelopment"/>
    <s v="rich"/>
    <x v="1"/>
    <x v="523"/>
  </r>
  <r>
    <x v="0"/>
    <x v="16"/>
    <x v="7326"/>
    <s v="BT"/>
    <m/>
    <s v=""/>
    <x v="1"/>
    <s v=""/>
    <x v="49"/>
    <s v="Statistical Infrastructure"/>
    <s v="Information Technology Services,Other"/>
    <s v="StatCan-413661"/>
    <s v="In Production"/>
    <s v="desktop"/>
    <x v="1"/>
    <x v="2591"/>
  </r>
  <r>
    <x v="0"/>
    <x v="7"/>
    <x v="7327"/>
    <s v="SFE"/>
    <m/>
    <s v="Other"/>
    <x v="1"/>
    <s v="Conexsys, Secure File Exchange"/>
    <x v="49"/>
    <s v="Statistical Infrastructure"/>
    <s v="Information Technology Services,Other"/>
    <s v="StatCan-413662"/>
    <s v="In Production"/>
    <s v="web"/>
    <x v="0"/>
    <x v="2592"/>
  </r>
  <r>
    <x v="1"/>
    <x v="101"/>
    <x v="7328"/>
    <s v="IISM"/>
    <m/>
    <s v=""/>
    <x v="1"/>
    <s v=""/>
    <x v="49"/>
    <s v="Internal Services"/>
    <s v="Information Management Services"/>
    <s v="StatCan-482635"/>
    <s v="In Production"/>
    <s v="web"/>
    <x v="1"/>
    <x v="2701"/>
  </r>
  <r>
    <x v="1"/>
    <x v="101"/>
    <x v="7329"/>
    <s v="IISD"/>
    <m/>
    <s v=""/>
    <x v="1"/>
    <s v=""/>
    <x v="49"/>
    <s v="Internal Services"/>
    <s v="Information Management Services"/>
    <s v="StatCan-482636"/>
    <s v="In Production"/>
    <s v="web"/>
    <x v="1"/>
    <x v="2701"/>
  </r>
  <r>
    <x v="1"/>
    <x v="101"/>
    <x v="7330"/>
    <s v="Hosting Inventory Admin"/>
    <m/>
    <s v=""/>
    <x v="1"/>
    <s v=""/>
    <x v="49"/>
    <s v="Internal Services"/>
    <s v="Information Management Services"/>
    <s v="StatCan-482637"/>
    <s v="In Production"/>
    <s v="web"/>
    <x v="1"/>
    <x v="2702"/>
  </r>
  <r>
    <x v="1"/>
    <x v="101"/>
    <x v="7331"/>
    <s v="Oracle Reset Password"/>
    <m/>
    <s v=""/>
    <x v="1"/>
    <s v=""/>
    <x v="49"/>
    <s v="Internal Services"/>
    <s v="Information Management Services"/>
    <s v="StatCan-482638"/>
    <s v="In Production"/>
    <s v="web"/>
    <x v="1"/>
    <x v="2703"/>
  </r>
  <r>
    <x v="3"/>
    <x v="15"/>
    <x v="7332"/>
    <s v="APS"/>
    <m/>
    <s v=""/>
    <x v="1"/>
    <s v=""/>
    <x v="49"/>
    <s v="Socio-economic Statistics"/>
    <s v="Other"/>
    <s v="StatCan-490829"/>
    <s v="In Production"/>
    <s v="rich"/>
    <x v="1"/>
    <x v="2704"/>
  </r>
  <r>
    <x v="3"/>
    <x v="15"/>
    <x v="7333"/>
    <s v="CSD"/>
    <m/>
    <s v=""/>
    <x v="1"/>
    <s v=""/>
    <x v="49"/>
    <s v="Socio-economic Statistics"/>
    <s v="Other"/>
    <s v="StatCan-490837"/>
    <s v="In Production"/>
    <s v="rich"/>
    <x v="1"/>
    <x v="2704"/>
  </r>
  <r>
    <x v="3"/>
    <x v="15"/>
    <x v="7334"/>
    <s v="LIRD"/>
    <m/>
    <s v=""/>
    <x v="1"/>
    <s v=""/>
    <x v="49"/>
    <s v="Socio-economic Statistics"/>
    <s v="Other"/>
    <s v="StatCan-490838"/>
    <s v="In Production"/>
    <s v="desktop"/>
    <x v="1"/>
    <x v="2643"/>
  </r>
  <r>
    <x v="3"/>
    <x v="15"/>
    <x v="7335"/>
    <s v="PAS"/>
    <m/>
    <s v=""/>
    <x v="1"/>
    <s v=""/>
    <x v="49"/>
    <s v="Socio-economic Statistics"/>
    <s v="Other"/>
    <s v="StatCan-490885"/>
    <s v="In Production"/>
    <s v="rich"/>
    <x v="1"/>
    <x v="2704"/>
  </r>
  <r>
    <x v="3"/>
    <x v="15"/>
    <x v="7336"/>
    <s v="SRFVA"/>
    <m/>
    <s v=""/>
    <x v="1"/>
    <s v=""/>
    <x v="49"/>
    <s v="Socio-economic Statistics"/>
    <s v="Other"/>
    <s v="StatCan-490889"/>
    <s v="In Production"/>
    <s v="rich"/>
    <x v="1"/>
    <x v="2704"/>
  </r>
  <r>
    <x v="3"/>
    <x v="15"/>
    <x v="7337"/>
    <s v="CCSS"/>
    <m/>
    <s v=""/>
    <x v="1"/>
    <s v=""/>
    <x v="49"/>
    <s v="Socio-economic Statistics"/>
    <s v="Other"/>
    <s v="StatCan-490891"/>
    <s v="In Production"/>
    <s v="rich"/>
    <x v="1"/>
    <x v="2704"/>
  </r>
  <r>
    <x v="3"/>
    <x v="15"/>
    <x v="7338"/>
    <s v="CCCS"/>
    <m/>
    <s v=""/>
    <x v="1"/>
    <s v=""/>
    <x v="49"/>
    <s v="Socio-economic Statistics"/>
    <s v="Other"/>
    <s v="StatCan-490901"/>
    <s v="In Production"/>
    <s v="rich"/>
    <x v="1"/>
    <x v="2704"/>
  </r>
  <r>
    <x v="8"/>
    <x v="83"/>
    <x v="7339"/>
    <s v="NDM"/>
    <m/>
    <s v=""/>
    <x v="1"/>
    <s v=""/>
    <x v="49"/>
    <s v="Statistical Infrastructure"/>
    <s v="Other"/>
    <s v="StatCan-491001"/>
    <s v="In Production"/>
    <s v="web"/>
    <x v="1"/>
    <x v="2508"/>
  </r>
  <r>
    <x v="0"/>
    <x v="8"/>
    <x v="7340"/>
    <s v="Wiki"/>
    <s v="The STCwiki was launched in September 2006 as part of the IMDB - Data Warehouse Link Project and has evolved into Statistic Canada's Knowledge Sharing / Collaborative Authoring site."/>
    <s v=""/>
    <x v="1"/>
    <s v=""/>
    <x v="49"/>
    <s v="Internal Services"/>
    <s v="Communications Services,Information Technology Services"/>
    <s v="StatCan-53311"/>
    <s v="In Production"/>
    <s v="web"/>
    <x v="1"/>
    <x v="2705"/>
  </r>
  <r>
    <x v="2"/>
    <x v="64"/>
    <x v="7341"/>
    <s v="BRMS"/>
    <s v="Application that allows users to manage budget and revenue, initiate budget transfers and perform budget forecasts"/>
    <s v=""/>
    <x v="1"/>
    <s v=""/>
    <x v="49"/>
    <s v="Internal Services"/>
    <s v="Financial Management Services"/>
    <s v="StatCan-55429"/>
    <s v="In Production"/>
    <s v="rich"/>
    <x v="1"/>
    <x v="2525"/>
  </r>
  <r>
    <x v="0"/>
    <x v="16"/>
    <x v="7342"/>
    <s v="Caseman"/>
    <m/>
    <s v=""/>
    <x v="1"/>
    <s v=""/>
    <x v="49"/>
    <s v="Socio-economic Statistics"/>
    <s v="Other"/>
    <s v="StatCan-55444"/>
    <s v="In Production"/>
    <s v="desktop"/>
    <x v="1"/>
    <x v="2706"/>
  </r>
  <r>
    <x v="2"/>
    <x v="2"/>
    <x v="7343"/>
    <s v="FRS"/>
    <s v="Integrated Financial Reporting System using the corporate administrative application information"/>
    <s v=""/>
    <x v="1"/>
    <s v=""/>
    <x v="49"/>
    <s v="Internal Services"/>
    <s v="Financial Management Services"/>
    <s v="StatCan-55449"/>
    <s v="In Production"/>
    <s v="rich"/>
    <x v="1"/>
    <x v="2707"/>
  </r>
  <r>
    <x v="5"/>
    <x v="25"/>
    <x v="7344"/>
    <s v="X12"/>
    <m/>
    <s v=""/>
    <x v="1"/>
    <s v=""/>
    <x v="49"/>
    <s v="Statistical Infrastructure"/>
    <s v="Information Technology Services"/>
    <s v="StatCan-56326"/>
    <s v="In Production"/>
    <s v="desktop"/>
    <x v="1"/>
    <x v="2607"/>
  </r>
  <r>
    <x v="2"/>
    <x v="2"/>
    <x v="7345"/>
    <s v="NSIMS"/>
    <s v="Statistics Canada's corporate application to manage non salary information"/>
    <s v=""/>
    <x v="1"/>
    <s v=""/>
    <x v="49"/>
    <s v="Internal Services"/>
    <s v="Financial Management Services"/>
    <s v="StatCan-57224"/>
    <s v="In Production"/>
    <s v="rich"/>
    <x v="1"/>
    <x v="2525"/>
  </r>
  <r>
    <x v="3"/>
    <x v="31"/>
    <x v="7346"/>
    <s v="Beyond 20/20"/>
    <m/>
    <s v="Other"/>
    <x v="1"/>
    <s v="Beyond 20/20"/>
    <x v="49"/>
    <s v="IT Services"/>
    <s v="Other"/>
    <s v="StatCan-57486"/>
    <s v="In Production"/>
    <s v="desktop"/>
    <x v="0"/>
    <x v="117"/>
  </r>
  <r>
    <x v="3"/>
    <x v="15"/>
    <x v="7347"/>
    <s v="PPIC"/>
    <m/>
    <s v=""/>
    <x v="1"/>
    <s v=""/>
    <x v="49"/>
    <s v="Socio-economic Statistics"/>
    <s v="Other,Other"/>
    <s v="StatCan-57603"/>
    <s v="In Production"/>
    <s v="rich"/>
    <x v="1"/>
    <x v="2708"/>
  </r>
  <r>
    <x v="2"/>
    <x v="2"/>
    <x v="7348"/>
    <s v="AACS"/>
    <m/>
    <s v=""/>
    <x v="1"/>
    <s v=""/>
    <x v="49"/>
    <s v="Internal Services"/>
    <s v="Financial Management Services"/>
    <s v="StatCan-57605"/>
    <s v="In Production"/>
    <s v="rich"/>
    <x v="1"/>
    <x v="2525"/>
  </r>
  <r>
    <x v="3"/>
    <x v="15"/>
    <x v="7349"/>
    <s v="PTDES"/>
    <m/>
    <s v=""/>
    <x v="1"/>
    <s v=""/>
    <x v="49"/>
    <s v="Socio-economic Statistics"/>
    <s v="Other,Other"/>
    <s v="StatCan-57663"/>
    <s v="In Production"/>
    <s v="rich"/>
    <x v="1"/>
    <x v="2709"/>
  </r>
  <r>
    <x v="3"/>
    <x v="15"/>
    <x v="7350"/>
    <s v="Prorate"/>
    <m/>
    <s v=""/>
    <x v="1"/>
    <s v=""/>
    <x v="49"/>
    <s v="Socio-economic Statistics"/>
    <s v="Other,Other"/>
    <s v="StatCan-57681"/>
    <s v="In Production"/>
    <s v="desktop"/>
    <x v="1"/>
    <x v="2563"/>
  </r>
  <r>
    <x v="3"/>
    <x v="15"/>
    <x v="7351"/>
    <s v="Convert"/>
    <m/>
    <s v=""/>
    <x v="1"/>
    <s v=""/>
    <x v="49"/>
    <s v="Socio-economic Statistics"/>
    <s v="Other,Other"/>
    <s v="StatCan-57684"/>
    <s v="In Production"/>
    <s v="desktop"/>
    <x v="1"/>
    <x v="2563"/>
  </r>
  <r>
    <x v="3"/>
    <x v="15"/>
    <x v="7352"/>
    <s v="PYRSYS"/>
    <m/>
    <s v=""/>
    <x v="1"/>
    <s v=""/>
    <x v="49"/>
    <s v="Socio-economic Statistics"/>
    <s v="Other,Other"/>
    <s v="StatCan-57685"/>
    <s v="In Production"/>
    <s v="desktop"/>
    <x v="1"/>
    <x v="2710"/>
  </r>
  <r>
    <x v="3"/>
    <x v="15"/>
    <x v="7353"/>
    <s v="PYRSYSCAT"/>
    <m/>
    <s v=""/>
    <x v="1"/>
    <s v=""/>
    <x v="49"/>
    <s v="Socio-economic Statistics"/>
    <s v="Other,Other"/>
    <s v="StatCan-57686"/>
    <s v="In Production"/>
    <s v="desktop"/>
    <x v="1"/>
    <x v="2710"/>
  </r>
  <r>
    <x v="0"/>
    <x v="16"/>
    <x v="7354"/>
    <s v="InfoDirect"/>
    <m/>
    <s v=""/>
    <x v="1"/>
    <s v=""/>
    <x v="49"/>
    <s v="Socio-economic Statistics"/>
    <s v="Other"/>
    <s v="StatCan-57816"/>
    <s v="In Production"/>
    <s v="web"/>
    <x v="1"/>
    <x v="2711"/>
  </r>
  <r>
    <x v="3"/>
    <x v="15"/>
    <x v="7355"/>
    <s v="SPES"/>
    <m/>
    <s v=""/>
    <x v="1"/>
    <s v=""/>
    <x v="49"/>
    <s v="Socio-economic Statistics"/>
    <s v="Other,Other"/>
    <s v="StatCan-57858"/>
    <s v="In Production"/>
    <s v="rich"/>
    <x v="1"/>
    <x v="2712"/>
  </r>
  <r>
    <x v="3"/>
    <x v="15"/>
    <x v="7356"/>
    <s v="GPS"/>
    <m/>
    <s v=""/>
    <x v="1"/>
    <s v=""/>
    <x v="49"/>
    <s v="Socio-economic Statistics"/>
    <s v="Other,Other"/>
    <s v="StatCan-57877"/>
    <s v="In Production"/>
    <s v="desktop"/>
    <x v="1"/>
    <x v="2584"/>
  </r>
  <r>
    <x v="3"/>
    <x v="15"/>
    <x v="7357"/>
    <s v="CDPS"/>
    <m/>
    <s v=""/>
    <x v="1"/>
    <s v=""/>
    <x v="49"/>
    <s v="Socio-economic Statistics"/>
    <s v="Other,Other"/>
    <s v="StatCan-57906"/>
    <s v="In Production"/>
    <s v="rich"/>
    <x v="1"/>
    <x v="2712"/>
  </r>
  <r>
    <x v="3"/>
    <x v="15"/>
    <x v="7358"/>
    <s v="HFES"/>
    <m/>
    <s v=""/>
    <x v="1"/>
    <s v=""/>
    <x v="49"/>
    <s v="Socio-economic Statistics"/>
    <s v="Other,Other"/>
    <s v="StatCan-57907"/>
    <s v="In Production"/>
    <s v="rich"/>
    <x v="1"/>
    <x v="2713"/>
  </r>
  <r>
    <x v="6"/>
    <x v="71"/>
    <x v="7359"/>
    <s v="CANSIM"/>
    <s v="CANSIM web application (internal)"/>
    <s v=""/>
    <x v="1"/>
    <s v=""/>
    <x v="49"/>
    <s v="Statistical Infrastructure"/>
    <s v="Communications Services,Information Management Services,Information Technology Services,Other,Travel and Other Administrative Services"/>
    <s v="StatCan-57934"/>
    <s v="In Production"/>
    <s v="web"/>
    <x v="1"/>
    <x v="2714"/>
  </r>
  <r>
    <x v="0"/>
    <x v="13"/>
    <x v="7360"/>
    <s v="FOP-Pay"/>
    <s v="The Census Pay system are used to pay Crew Leaders, Enumerators and other Statistics Act employees working on the Census, while at the same time satisfying government financial regulations and requirements"/>
    <s v=""/>
    <x v="1"/>
    <s v=""/>
    <x v="49"/>
    <s v="Censuses"/>
    <s v="Financial Management Services"/>
    <s v="StatCan-57949"/>
    <s v="In Production"/>
    <s v="desktop"/>
    <x v="1"/>
    <x v="2715"/>
  </r>
  <r>
    <x v="3"/>
    <x v="46"/>
    <x v="7361"/>
    <s v="TSRC - GCS"/>
    <m/>
    <s v=""/>
    <x v="1"/>
    <s v=""/>
    <x v="49"/>
    <s v="Socio-economic Statistics"/>
    <s v="Other"/>
    <s v="StatCan-57952"/>
    <s v="In Production"/>
    <s v="rich"/>
    <x v="1"/>
    <x v="2544"/>
  </r>
  <r>
    <x v="5"/>
    <x v="25"/>
    <x v="7362"/>
    <s v="Ag2kV9"/>
    <m/>
    <s v=""/>
    <x v="1"/>
    <s v=""/>
    <x v="49"/>
    <s v="Economic and Environmental Statistics_x000a_"/>
    <s v="Other"/>
    <s v="StatCan-58002"/>
    <s v="In Production"/>
    <s v="rich"/>
    <x v="1"/>
    <x v="2716"/>
  </r>
  <r>
    <x v="5"/>
    <x v="25"/>
    <x v="7363"/>
    <s v="CROPSANALY"/>
    <m/>
    <s v=""/>
    <x v="1"/>
    <s v=""/>
    <x v="49"/>
    <s v="Economic and Environmental Statistics_x000a_"/>
    <s v="Other"/>
    <s v="StatCan-58008"/>
    <s v="In Production"/>
    <s v="rich"/>
    <x v="1"/>
    <x v="2643"/>
  </r>
  <r>
    <x v="5"/>
    <x v="25"/>
    <x v="7364"/>
    <s v="DIAS"/>
    <m/>
    <s v=""/>
    <x v="1"/>
    <s v=""/>
    <x v="49"/>
    <s v="Economic and Environmental Statistics_x000a_"/>
    <s v="Other"/>
    <s v="StatCan-58009"/>
    <s v="In Production"/>
    <s v="rich"/>
    <x v="1"/>
    <x v="2511"/>
  </r>
  <r>
    <x v="5"/>
    <x v="25"/>
    <x v="7365"/>
    <s v="TAX"/>
    <m/>
    <s v=""/>
    <x v="1"/>
    <s v=""/>
    <x v="49"/>
    <s v="Economic and Environmental Statistics_x000a_"/>
    <s v="Other"/>
    <s v="StatCan-58033"/>
    <s v="In Production"/>
    <s v="rich"/>
    <x v="1"/>
    <x v="2716"/>
  </r>
  <r>
    <x v="5"/>
    <x v="25"/>
    <x v="7366"/>
    <s v="EASYVIEW (new)"/>
    <m/>
    <s v=""/>
    <x v="1"/>
    <s v=""/>
    <x v="49"/>
    <s v="Economic and Environmental Statistics_x000a_"/>
    <s v="Information Technology Services,Other"/>
    <s v="StatCan-58055"/>
    <s v="In Production"/>
    <s v="rich"/>
    <x v="1"/>
    <x v="2511"/>
  </r>
  <r>
    <x v="5"/>
    <x v="25"/>
    <x v="7367"/>
    <s v="FSEP"/>
    <m/>
    <s v=""/>
    <x v="1"/>
    <s v=""/>
    <x v="49"/>
    <s v="Economic and Environmental Statistics_x000a_"/>
    <s v="Information Technology Services,Other"/>
    <s v="StatCan-58056"/>
    <s v="In Production"/>
    <s v="rich"/>
    <x v="1"/>
    <x v="2717"/>
  </r>
  <r>
    <x v="5"/>
    <x v="25"/>
    <x v="7368"/>
    <s v="HERD(Excel)"/>
    <m/>
    <s v=""/>
    <x v="1"/>
    <s v=""/>
    <x v="49"/>
    <s v="Economic and Environmental Statistics_x000a_"/>
    <s v="Information Technology Services,Other"/>
    <s v="StatCan-58057"/>
    <s v="In Production"/>
    <s v="rich"/>
    <x v="1"/>
    <x v="2675"/>
  </r>
  <r>
    <x v="5"/>
    <x v="25"/>
    <x v="7369"/>
    <s v="PC BOSS"/>
    <m/>
    <s v=""/>
    <x v="1"/>
    <s v=""/>
    <x v="49"/>
    <s v="Economic and Environmental Statistics_x000a_"/>
    <s v="Information Technology Services,Other"/>
    <s v="StatCan-58059"/>
    <s v="In Production"/>
    <s v="rich"/>
    <x v="1"/>
    <x v="2717"/>
  </r>
  <r>
    <x v="5"/>
    <x v="25"/>
    <x v="7370"/>
    <s v="Provincial"/>
    <m/>
    <s v=""/>
    <x v="1"/>
    <s v=""/>
    <x v="49"/>
    <s v="Economic and Environmental Statistics_x000a_"/>
    <s v="Information Technology Services,Other"/>
    <s v="StatCan-58068"/>
    <s v="In Production"/>
    <s v="desktop"/>
    <x v="1"/>
    <x v="2511"/>
  </r>
  <r>
    <x v="5"/>
    <x v="25"/>
    <x v="7371"/>
    <s v="SIPCHES"/>
    <m/>
    <s v=""/>
    <x v="1"/>
    <s v=""/>
    <x v="49"/>
    <s v="Economic and Environmental Statistics_x000a_"/>
    <s v="Information Technology Services,Other"/>
    <s v="StatCan-58071"/>
    <s v="In Production"/>
    <s v="rich"/>
    <x v="1"/>
    <x v="2675"/>
  </r>
  <r>
    <x v="5"/>
    <x v="25"/>
    <x v="7372"/>
    <s v="TOSS"/>
    <m/>
    <s v=""/>
    <x v="1"/>
    <s v=""/>
    <x v="49"/>
    <s v="Economic and Environmental Statistics_x000a_"/>
    <s v="Information Technology Services,Other"/>
    <s v="StatCan-58073"/>
    <s v="In Production"/>
    <s v="rich"/>
    <x v="1"/>
    <x v="2717"/>
  </r>
  <r>
    <x v="5"/>
    <x v="25"/>
    <x v="7373"/>
    <s v="SME-DW"/>
    <m/>
    <s v=""/>
    <x v="1"/>
    <s v=""/>
    <x v="49"/>
    <s v="Economic and Environmental Statistics_x000a_"/>
    <s v="Information Technology Services,Other"/>
    <s v="StatCan-58078"/>
    <s v="In Production"/>
    <s v="desktop"/>
    <x v="1"/>
    <x v="2717"/>
  </r>
  <r>
    <x v="5"/>
    <x v="94"/>
    <x v="7374"/>
    <s v="E&amp;I"/>
    <m/>
    <s v=""/>
    <x v="1"/>
    <s v=""/>
    <x v="49"/>
    <s v="Censuses"/>
    <s v="Other"/>
    <s v="StatCan-58084"/>
    <s v="In Production"/>
    <s v="rich"/>
    <x v="1"/>
    <x v="2718"/>
  </r>
  <r>
    <x v="2"/>
    <x v="3"/>
    <x v="7375"/>
    <s v="HRSSP"/>
    <m/>
    <s v=""/>
    <x v="1"/>
    <s v=""/>
    <x v="49"/>
    <s v="Internal Services"/>
    <s v="Human Resources Management Services"/>
    <s v="StatCan-58111"/>
    <s v="In Production"/>
    <s v="rich"/>
    <x v="1"/>
    <x v="2525"/>
  </r>
  <r>
    <x v="2"/>
    <x v="3"/>
    <x v="7376"/>
    <s v="LRGS"/>
    <m/>
    <s v=""/>
    <x v="1"/>
    <s v=""/>
    <x v="49"/>
    <s v="Internal Services"/>
    <s v="Human Resources Management Services"/>
    <s v="StatCan-58113"/>
    <s v="In Production"/>
    <s v="rich"/>
    <x v="1"/>
    <x v="2525"/>
  </r>
  <r>
    <x v="2"/>
    <x v="3"/>
    <x v="7377"/>
    <s v="Orbit"/>
    <m/>
    <s v=""/>
    <x v="1"/>
    <s v=""/>
    <x v="49"/>
    <s v="Internal Services"/>
    <s v="Human Resources Management Services"/>
    <s v="StatCan-58114"/>
    <s v="In Production"/>
    <s v="rich"/>
    <x v="1"/>
    <x v="2525"/>
  </r>
  <r>
    <x v="5"/>
    <x v="25"/>
    <x v="7378"/>
    <s v="AMS"/>
    <m/>
    <s v=""/>
    <x v="1"/>
    <s v=""/>
    <x v="49"/>
    <s v="Economic and Environmental Statistics"/>
    <s v="Information Technology Services,Other"/>
    <s v="StatCan-58144"/>
    <s v="In Production"/>
    <s v="desktop"/>
    <x v="1"/>
    <x v="2717"/>
  </r>
  <r>
    <x v="5"/>
    <x v="25"/>
    <x v="7379"/>
    <s v="CVSFrame"/>
    <m/>
    <s v=""/>
    <x v="1"/>
    <s v=""/>
    <x v="49"/>
    <s v="Economic and Environmental Statistics_x000a_"/>
    <s v="Information Technology Services,Other"/>
    <s v="StatCan-58152"/>
    <s v="In Production"/>
    <s v="desktop"/>
    <x v="1"/>
    <x v="2511"/>
  </r>
  <r>
    <x v="5"/>
    <x v="14"/>
    <x v="7380"/>
    <s v="N/A"/>
    <m/>
    <s v="ESRI_Canada_Limited"/>
    <x v="5"/>
    <s v="ArcGIS Desktop (ArcMap) 10.2.2"/>
    <x v="49"/>
    <s v="Statistical Infrastructure"/>
    <s v="Other"/>
    <s v="StatCan-58158"/>
    <s v="In Production"/>
    <s v="desktop"/>
    <x v="1"/>
    <x v="2719"/>
  </r>
  <r>
    <x v="2"/>
    <x v="3"/>
    <x v="7381"/>
    <s v="SOPS"/>
    <m/>
    <s v=""/>
    <x v="1"/>
    <s v=""/>
    <x v="49"/>
    <s v="Internal Services"/>
    <s v="Human Resources Management Services"/>
    <s v="StatCan-58161"/>
    <s v="In Production"/>
    <s v="rich"/>
    <x v="1"/>
    <x v="2720"/>
  </r>
  <r>
    <x v="3"/>
    <x v="15"/>
    <x v="7382"/>
    <s v="N/A"/>
    <m/>
    <s v=""/>
    <x v="1"/>
    <s v=""/>
    <x v="49"/>
    <s v="Socio-economic Statistics"/>
    <s v="Other,Other"/>
    <s v="StatCan-58162"/>
    <s v="In Production"/>
    <s v="rich"/>
    <x v="1"/>
    <x v="2721"/>
  </r>
  <r>
    <x v="0"/>
    <x v="8"/>
    <x v="7383"/>
    <s v="IMDB"/>
    <m/>
    <s v=""/>
    <x v="1"/>
    <s v=""/>
    <x v="49"/>
    <s v="Statistical Infrastructure"/>
    <s v="Other"/>
    <s v="StatCan-58163"/>
    <s v="In Production"/>
    <s v="web"/>
    <x v="1"/>
    <x v="2722"/>
  </r>
  <r>
    <x v="0"/>
    <x v="8"/>
    <x v="7384"/>
    <s v="CMS"/>
    <m/>
    <s v=""/>
    <x v="1"/>
    <s v=""/>
    <x v="49"/>
    <s v="Statistical Infrastructure"/>
    <s v="Information Management Services"/>
    <s v="StatCan-58166"/>
    <s v="In Production"/>
    <s v="rich"/>
    <x v="1"/>
    <x v="2723"/>
  </r>
  <r>
    <x v="6"/>
    <x v="71"/>
    <x v="7385"/>
    <s v="COR Web"/>
    <s v="Miscellaneous COR web services (internal)"/>
    <s v=""/>
    <x v="1"/>
    <s v=""/>
    <x v="49"/>
    <s v="Internal Services"/>
    <s v="Communications Services,Information Management Services,Information Technology Services,Other,Travel and Other Administrative Services"/>
    <s v="StatCan-58185"/>
    <s v="In Production"/>
    <s v="web"/>
    <x v="1"/>
    <x v="2724"/>
  </r>
  <r>
    <x v="3"/>
    <x v="15"/>
    <x v="7386"/>
    <s v="N/A"/>
    <m/>
    <s v=""/>
    <x v="1"/>
    <s v=""/>
    <x v="49"/>
    <s v="Socio-economic Statistics"/>
    <s v="Other,Other"/>
    <s v="StatCan-58216"/>
    <s v="In Production"/>
    <s v="rich"/>
    <x v="1"/>
    <x v="2725"/>
  </r>
  <r>
    <x v="3"/>
    <x v="15"/>
    <x v="7387"/>
    <s v="N/A"/>
    <m/>
    <s v=""/>
    <x v="1"/>
    <s v=""/>
    <x v="49"/>
    <s v="Socio-economic Statistics"/>
    <s v="Other,Other"/>
    <s v="StatCan-58218"/>
    <s v="In Production"/>
    <s v="rich"/>
    <x v="1"/>
    <x v="2726"/>
  </r>
  <r>
    <x v="5"/>
    <x v="25"/>
    <x v="7388"/>
    <s v="FBAS"/>
    <m/>
    <s v=""/>
    <x v="1"/>
    <s v=""/>
    <x v="49"/>
    <s v="Economic and Environmental Statistics"/>
    <s v="Information Technology Services,Other"/>
    <s v="StatCan-58224"/>
    <s v="In Production"/>
    <s v="rich"/>
    <x v="1"/>
    <x v="2717"/>
  </r>
  <r>
    <x v="5"/>
    <x v="25"/>
    <x v="7389"/>
    <s v="POD"/>
    <m/>
    <s v=""/>
    <x v="1"/>
    <s v=""/>
    <x v="49"/>
    <s v="Economic and Environmental Statistics_x000a_"/>
    <s v="Information Technology Services,Other"/>
    <s v="StatCan-58230"/>
    <s v="In Production"/>
    <s v="desktop"/>
    <x v="1"/>
    <x v="2717"/>
  </r>
  <r>
    <x v="5"/>
    <x v="25"/>
    <x v="7390"/>
    <s v="RAILRep"/>
    <m/>
    <s v=""/>
    <x v="1"/>
    <s v=""/>
    <x v="49"/>
    <s v="Economic and Environmental Statistics_x000a_"/>
    <s v="Information Technology Services,Other"/>
    <s v="StatCan-58234"/>
    <s v="In Production"/>
    <s v="desktop"/>
    <x v="1"/>
    <x v="2717"/>
  </r>
  <r>
    <x v="5"/>
    <x v="25"/>
    <x v="7391"/>
    <s v="TCOD v2"/>
    <m/>
    <s v=""/>
    <x v="1"/>
    <s v=""/>
    <x v="49"/>
    <s v="Economic and Environmental Statistics_x000a_"/>
    <s v="Information Technology Services,Other"/>
    <s v="StatCan-58235"/>
    <s v="In Production"/>
    <s v="desktop"/>
    <x v="1"/>
    <x v="2511"/>
  </r>
  <r>
    <x v="3"/>
    <x v="15"/>
    <x v="7392"/>
    <s v="N/A"/>
    <m/>
    <s v=""/>
    <x v="1"/>
    <s v=""/>
    <x v="49"/>
    <s v="Socio-economic Statistics"/>
    <s v="Other,Other"/>
    <s v="StatCan-58249"/>
    <s v="In Production"/>
    <s v="rich"/>
    <x v="1"/>
    <x v="2727"/>
  </r>
  <r>
    <x v="2"/>
    <x v="3"/>
    <x v="7393"/>
    <s v="AMS"/>
    <m/>
    <s v=""/>
    <x v="1"/>
    <s v=""/>
    <x v="49"/>
    <s v="Internal Services"/>
    <s v="Human Resources Management Services"/>
    <s v="StatCan-58266"/>
    <s v="In Production"/>
    <s v="rich"/>
    <x v="1"/>
    <x v="2525"/>
  </r>
  <r>
    <x v="4"/>
    <x v="5"/>
    <x v="7394"/>
    <s v=""/>
    <m/>
    <s v="Other"/>
    <x v="1"/>
    <s v="Bantec/Floware"/>
    <x v="49"/>
    <s v="Program 3 Census"/>
    <s v="Information Technology Services"/>
    <s v="StatCan-58273"/>
    <s v="In Production"/>
    <s v="desktop"/>
    <x v="0"/>
    <x v="2692"/>
  </r>
  <r>
    <x v="5"/>
    <x v="25"/>
    <x v="7395"/>
    <s v="GSTS"/>
    <m/>
    <s v=""/>
    <x v="1"/>
    <s v=""/>
    <x v="49"/>
    <s v="Statistical Infrastructure"/>
    <s v="Other"/>
    <s v="StatCan-58300"/>
    <s v="In Production"/>
    <s v="desktop"/>
    <x v="1"/>
    <x v="2728"/>
  </r>
  <r>
    <x v="5"/>
    <x v="25"/>
    <x v="7396"/>
    <s v="T2PS"/>
    <m/>
    <s v=""/>
    <x v="1"/>
    <s v=""/>
    <x v="49"/>
    <s v="Statistical Infrastructure"/>
    <s v="Other"/>
    <s v="StatCan-58309"/>
    <s v="In Production"/>
    <s v="desktop"/>
    <x v="1"/>
    <x v="2729"/>
  </r>
  <r>
    <x v="0"/>
    <x v="28"/>
    <x v="7397"/>
    <s v="DACS"/>
    <m/>
    <s v=""/>
    <x v="1"/>
    <s v=""/>
    <x v="49"/>
    <s v="Internal Services"/>
    <s v="Information Management Services"/>
    <s v="StatCan-58312"/>
    <s v="In Production"/>
    <s v="rich"/>
    <x v="1"/>
    <x v="2566"/>
  </r>
  <r>
    <x v="5"/>
    <x v="25"/>
    <x v="7398"/>
    <s v="NHR"/>
    <m/>
    <s v=""/>
    <x v="1"/>
    <s v=""/>
    <x v="49"/>
    <s v="Statistical Infrastructure"/>
    <s v="Other"/>
    <s v="StatCan-58313"/>
    <s v="In Production"/>
    <s v="desktop"/>
    <x v="1"/>
    <x v="2728"/>
  </r>
  <r>
    <x v="5"/>
    <x v="25"/>
    <x v="7399"/>
    <s v="T1PS"/>
    <m/>
    <s v=""/>
    <x v="1"/>
    <s v=""/>
    <x v="49"/>
    <s v="Statistical Infrastructure"/>
    <s v="Other"/>
    <s v="StatCan-58315"/>
    <s v="In Production"/>
    <s v="desktop"/>
    <x v="1"/>
    <x v="2728"/>
  </r>
  <r>
    <x v="5"/>
    <x v="25"/>
    <x v="7400"/>
    <s v="IMAPS"/>
    <m/>
    <s v=""/>
    <x v="1"/>
    <s v=""/>
    <x v="49"/>
    <s v="Economic and Environmental Statistics_x000a_"/>
    <s v="Other"/>
    <s v="StatCan-58359"/>
    <s v="In Production"/>
    <s v="rich"/>
    <x v="1"/>
    <x v="2730"/>
  </r>
  <r>
    <x v="3"/>
    <x v="15"/>
    <x v="7401"/>
    <s v="IDS"/>
    <m/>
    <s v=""/>
    <x v="1"/>
    <s v=""/>
    <x v="49"/>
    <s v="Socio-economic Statistics"/>
    <s v="Other"/>
    <s v="StatCan-58361"/>
    <s v="In Production"/>
    <s v="rich"/>
    <x v="1"/>
    <x v="2731"/>
  </r>
  <r>
    <x v="5"/>
    <x v="25"/>
    <x v="7402"/>
    <s v="TMF"/>
    <m/>
    <s v=""/>
    <x v="1"/>
    <s v=""/>
    <x v="49"/>
    <s v="Economic and Environmental Statistics_x000a_"/>
    <s v="Other"/>
    <s v="StatCan-58409"/>
    <s v="In Production"/>
    <s v="rich"/>
    <x v="1"/>
    <x v="2732"/>
  </r>
  <r>
    <x v="3"/>
    <x v="31"/>
    <x v="7403"/>
    <s v="MIS"/>
    <m/>
    <s v=""/>
    <x v="1"/>
    <s v=""/>
    <x v="49"/>
    <s v="Censuses"/>
    <s v="Other"/>
    <s v="StatCan-58417"/>
    <s v="In Production"/>
    <s v="web"/>
    <x v="1"/>
    <x v="2733"/>
  </r>
  <r>
    <x v="3"/>
    <x v="15"/>
    <x v="7404"/>
    <s v="TPF_C_PS"/>
    <m/>
    <s v=""/>
    <x v="1"/>
    <s v=""/>
    <x v="49"/>
    <s v="Socio-economic Statistics"/>
    <s v="Other,Other"/>
    <s v="StatCan-58418"/>
    <s v="In Production"/>
    <s v="rich"/>
    <x v="1"/>
    <x v="2542"/>
  </r>
  <r>
    <x v="3"/>
    <x v="15"/>
    <x v="7405"/>
    <s v="SIPS"/>
    <m/>
    <s v=""/>
    <x v="1"/>
    <s v=""/>
    <x v="49"/>
    <s v="Socio-economic Statistics"/>
    <s v="Other,Other"/>
    <s v="StatCan-58419"/>
    <s v="In Production"/>
    <s v="rich"/>
    <x v="1"/>
    <x v="2734"/>
  </r>
  <r>
    <x v="3"/>
    <x v="15"/>
    <x v="7406"/>
    <s v="N/A"/>
    <m/>
    <s v=""/>
    <x v="1"/>
    <s v=""/>
    <x v="49"/>
    <s v="Socio-economic Statistics"/>
    <s v="Other,Other"/>
    <s v="StatCan-58426"/>
    <s v="In Production"/>
    <s v="rich"/>
    <x v="1"/>
    <x v="2735"/>
  </r>
  <r>
    <x v="3"/>
    <x v="15"/>
    <x v="7407"/>
    <s v="ESP"/>
    <m/>
    <s v=""/>
    <x v="1"/>
    <s v=""/>
    <x v="49"/>
    <s v="Socio-economic Statistics"/>
    <s v="Other,Other"/>
    <s v="StatCan-58435"/>
    <s v="In Production"/>
    <s v="rich"/>
    <x v="1"/>
    <x v="2736"/>
  </r>
  <r>
    <x v="5"/>
    <x v="25"/>
    <x v="7408"/>
    <s v="BAMF"/>
    <m/>
    <s v=""/>
    <x v="1"/>
    <s v=""/>
    <x v="49"/>
    <s v="Economic and Environmental Statistics_x000a_"/>
    <s v="Other"/>
    <s v="StatCan-58451"/>
    <s v="In Production"/>
    <s v="rich"/>
    <x v="1"/>
    <x v="2502"/>
  </r>
  <r>
    <x v="5"/>
    <x v="25"/>
    <x v="7409"/>
    <s v="BP2000"/>
    <m/>
    <s v=""/>
    <x v="1"/>
    <s v=""/>
    <x v="49"/>
    <s v="Economic and Environmental Statistics_x000a_"/>
    <s v="Other"/>
    <s v="StatCan-58455"/>
    <s v="In Production"/>
    <s v="rich"/>
    <x v="1"/>
    <x v="2502"/>
  </r>
  <r>
    <x v="5"/>
    <x v="25"/>
    <x v="7410"/>
    <s v="CAMIE"/>
    <m/>
    <s v=""/>
    <x v="1"/>
    <s v=""/>
    <x v="49"/>
    <s v="Economic and Environmental Statistics_x000a_"/>
    <s v="Other"/>
    <s v="StatCan-58486"/>
    <s v="In Production"/>
    <s v="rich"/>
    <x v="1"/>
    <x v="2502"/>
  </r>
  <r>
    <x v="5"/>
    <x v="25"/>
    <x v="7411"/>
    <s v="DRT"/>
    <m/>
    <s v=""/>
    <x v="1"/>
    <s v=""/>
    <x v="49"/>
    <s v="Economic and Environmental Statistics_x000a_"/>
    <s v="Other"/>
    <s v="StatCan-58488"/>
    <s v="In Production"/>
    <s v="rich"/>
    <x v="1"/>
    <x v="2502"/>
  </r>
  <r>
    <x v="5"/>
    <x v="25"/>
    <x v="7412"/>
    <s v="PMT"/>
    <m/>
    <s v=""/>
    <x v="1"/>
    <s v=""/>
    <x v="49"/>
    <s v="Economic and Environmental Statistics_x000a_"/>
    <s v="Other"/>
    <s v="StatCan-58502"/>
    <s v="In Production"/>
    <s v="rich"/>
    <x v="1"/>
    <x v="2502"/>
  </r>
  <r>
    <x v="5"/>
    <x v="25"/>
    <x v="7413"/>
    <s v="SCPI"/>
    <m/>
    <s v=""/>
    <x v="1"/>
    <s v=""/>
    <x v="49"/>
    <s v="Economic and Environmental Statistics_x000a_"/>
    <s v="Other"/>
    <s v="StatCan-58504"/>
    <s v="In Production"/>
    <s v="rich"/>
    <x v="1"/>
    <x v="2502"/>
  </r>
  <r>
    <x v="5"/>
    <x v="25"/>
    <x v="7414"/>
    <s v="SISII"/>
    <m/>
    <s v=""/>
    <x v="1"/>
    <s v=""/>
    <x v="49"/>
    <s v="Economic and Environmental Statistics_x000a_"/>
    <s v="Other"/>
    <s v="StatCan-58505"/>
    <s v="In Production"/>
    <s v="rich"/>
    <x v="1"/>
    <x v="2502"/>
  </r>
  <r>
    <x v="3"/>
    <x v="15"/>
    <x v="7415"/>
    <s v="N/A"/>
    <m/>
    <s v=""/>
    <x v="1"/>
    <s v=""/>
    <x v="49"/>
    <s v="Socio-economic Statistics"/>
    <s v="Other,Other"/>
    <s v="StatCan-58512"/>
    <s v="In Production"/>
    <s v="rich"/>
    <x v="1"/>
    <x v="2737"/>
  </r>
  <r>
    <x v="3"/>
    <x v="46"/>
    <x v="7416"/>
    <s v="IMDBCL"/>
    <m/>
    <s v=""/>
    <x v="1"/>
    <s v=""/>
    <x v="49"/>
    <s v="Statistical Infrastructure"/>
    <s v="Other"/>
    <s v="StatCan-58550"/>
    <s v="In Production"/>
    <s v="rich"/>
    <x v="1"/>
    <x v="2505"/>
  </r>
  <r>
    <x v="3"/>
    <x v="46"/>
    <x v="7417"/>
    <s v="IMDBVDL"/>
    <m/>
    <s v=""/>
    <x v="1"/>
    <s v=""/>
    <x v="49"/>
    <s v="Statistical Infrastructure"/>
    <s v="Other"/>
    <s v="StatCan-58551"/>
    <s v="In Production"/>
    <s v="rich"/>
    <x v="1"/>
    <x v="2505"/>
  </r>
  <r>
    <x v="5"/>
    <x v="25"/>
    <x v="7418"/>
    <s v="IBSP-SMAP"/>
    <m/>
    <s v=""/>
    <x v="1"/>
    <s v=""/>
    <x v="49"/>
    <s v="Economic and Environmental Statistics_x000a_"/>
    <s v="Other"/>
    <s v="StatCan-58596"/>
    <s v="In Production"/>
    <s v="desktop"/>
    <x v="1"/>
    <x v="2738"/>
  </r>
  <r>
    <x v="5"/>
    <x v="25"/>
    <x v="7419"/>
    <s v="DCA"/>
    <m/>
    <s v=""/>
    <x v="1"/>
    <s v=""/>
    <x v="49"/>
    <s v="Economic and Environmental Statistics_x000a_"/>
    <s v="Other"/>
    <s v="StatCan-58600"/>
    <s v="In Production"/>
    <s v="desktop"/>
    <x v="1"/>
    <x v="2739"/>
  </r>
  <r>
    <x v="5"/>
    <x v="25"/>
    <x v="7420"/>
    <s v="BRS"/>
    <m/>
    <s v=""/>
    <x v="1"/>
    <s v=""/>
    <x v="49"/>
    <s v="Statistical Infrastructure"/>
    <s v="Other"/>
    <s v="StatCan-58632"/>
    <s v="In Production"/>
    <s v="rich"/>
    <x v="1"/>
    <x v="2740"/>
  </r>
  <r>
    <x v="5"/>
    <x v="25"/>
    <x v="7421"/>
    <s v="StEPS"/>
    <m/>
    <s v=""/>
    <x v="1"/>
    <s v=""/>
    <x v="49"/>
    <s v="Economic and Environmental Statistics_x000a_"/>
    <s v="Other"/>
    <s v="StatCan-58637"/>
    <s v="In Production"/>
    <s v="desktop"/>
    <x v="1"/>
    <x v="2741"/>
  </r>
  <r>
    <x v="1"/>
    <x v="75"/>
    <x v="7422"/>
    <s v="IAP"/>
    <s v="A web-based application that allows employees to modify network services for their accounts as well as requesting new network accounts and services for new employees."/>
    <s v=""/>
    <x v="1"/>
    <s v=""/>
    <x v="49"/>
    <s v="Internal Services"/>
    <s v="Information Technology Services"/>
    <s v="StatCan-58714"/>
    <s v="In Production"/>
    <s v="web"/>
    <x v="1"/>
    <x v="742"/>
  </r>
  <r>
    <x v="1"/>
    <x v="75"/>
    <x v="7423"/>
    <s v="NUPA"/>
    <m/>
    <s v=""/>
    <x v="1"/>
    <s v=""/>
    <x v="49"/>
    <s v="Internal Services"/>
    <s v="Information Technology Services"/>
    <s v="StatCan-58715"/>
    <s v="In Production"/>
    <s v="web"/>
    <x v="1"/>
    <x v="2742"/>
  </r>
  <r>
    <x v="1"/>
    <x v="12"/>
    <x v="7424"/>
    <s v="IB-Web Alerts"/>
    <s v="Allows ITSD staff to post generic and custom alerts on the IB site. IT Alerts are viewable to all statscan through the IB website. NetA for creating and posting alerts. Display only on NetB (access database)."/>
    <s v=""/>
    <x v="1"/>
    <s v=""/>
    <x v="49"/>
    <s v="Internal Services"/>
    <s v="Information Technology Services"/>
    <s v="StatCan-58716"/>
    <s v="In Production"/>
    <s v="web"/>
    <x v="1"/>
    <x v="742"/>
  </r>
  <r>
    <x v="1"/>
    <x v="75"/>
    <x v="7425"/>
    <s v="IB-Preventive Maintenance"/>
    <s v="A web-based application that allows employees in ITSD to request and subsequently post an upcoming preventative maintenance bulletin."/>
    <s v=""/>
    <x v="1"/>
    <s v=""/>
    <x v="49"/>
    <s v="Internal Services"/>
    <s v="Information Technology Services"/>
    <s v="StatCan-58719"/>
    <s v="In Production"/>
    <s v="web"/>
    <x v="1"/>
    <x v="742"/>
  </r>
  <r>
    <x v="1"/>
    <x v="75"/>
    <x v="7426"/>
    <s v="IB-Password Tool"/>
    <s v="A web-based application that allows employees to change the password that they use to access the Internet."/>
    <s v=""/>
    <x v="1"/>
    <s v=""/>
    <x v="49"/>
    <s v="Internal Services"/>
    <s v="Information Technology Services"/>
    <s v="StatCan-58724"/>
    <s v="In Production"/>
    <s v="web"/>
    <x v="1"/>
    <x v="742"/>
  </r>
  <r>
    <x v="0"/>
    <x v="28"/>
    <x v="7427"/>
    <s v="IOCS"/>
    <m/>
    <s v=""/>
    <x v="1"/>
    <s v=""/>
    <x v="49"/>
    <s v="Socio-economic Statistics"/>
    <s v="Information Technology Services"/>
    <s v="StatCan-58780"/>
    <s v="In Production"/>
    <s v="rich"/>
    <x v="1"/>
    <x v="2563"/>
  </r>
  <r>
    <x v="8"/>
    <x v="5"/>
    <x v="7428"/>
    <s v=""/>
    <m/>
    <s v="Other"/>
    <x v="1"/>
    <s v=""/>
    <x v="49"/>
    <s v=""/>
    <s v="Information Technology Services"/>
    <s v="StatCan-58790"/>
    <s v="In Production"/>
    <s v="desktop"/>
    <x v="0"/>
    <x v="86"/>
  </r>
  <r>
    <x v="0"/>
    <x v="28"/>
    <x v="7429"/>
    <s v="ITSFC"/>
    <m/>
    <s v=""/>
    <x v="1"/>
    <s v=""/>
    <x v="49"/>
    <s v="Socio-economic Statistics"/>
    <s v="Information Technology Services"/>
    <s v="StatCan-58802"/>
    <s v="In Production"/>
    <s v="rich"/>
    <x v="1"/>
    <x v="2563"/>
  </r>
  <r>
    <x v="0"/>
    <x v="16"/>
    <x v="7430"/>
    <s v="QLTS"/>
    <m/>
    <s v=""/>
    <x v="1"/>
    <s v=""/>
    <x v="49"/>
    <s v="Socio-economic Statistics"/>
    <s v="Other"/>
    <s v="StatCan-58817"/>
    <s v="In Production"/>
    <s v="rich"/>
    <x v="1"/>
    <x v="2523"/>
  </r>
  <r>
    <x v="0"/>
    <x v="16"/>
    <x v="7431"/>
    <s v="GTS"/>
    <m/>
    <s v=""/>
    <x v="1"/>
    <s v=""/>
    <x v="49"/>
    <s v="Socio-economic Statistics"/>
    <s v="Other"/>
    <s v="StatCan-58834"/>
    <s v="In Production"/>
    <s v="web"/>
    <x v="1"/>
    <x v="2501"/>
  </r>
  <r>
    <x v="0"/>
    <x v="16"/>
    <x v="7432"/>
    <s v="BITS"/>
    <m/>
    <s v=""/>
    <x v="1"/>
    <s v=""/>
    <x v="49"/>
    <s v="Socio-economic Statistics"/>
    <s v="Information Technology Services"/>
    <s v="StatCan-58846"/>
    <s v="In Production"/>
    <s v="rich"/>
    <x v="1"/>
    <x v="2563"/>
  </r>
  <r>
    <x v="5"/>
    <x v="25"/>
    <x v="7433"/>
    <s v="BDP"/>
    <m/>
    <s v=""/>
    <x v="1"/>
    <s v=""/>
    <x v="49"/>
    <s v="Economic and Environmental Statistics_x000a_"/>
    <s v="Information Technology Services,Other"/>
    <s v="StatCan-58855"/>
    <s v="In Production"/>
    <s v="rich"/>
    <x v="1"/>
    <x v="2717"/>
  </r>
  <r>
    <x v="5"/>
    <x v="25"/>
    <x v="7434"/>
    <s v="CURS"/>
    <m/>
    <s v=""/>
    <x v="1"/>
    <s v=""/>
    <x v="49"/>
    <s v="Economic and Environmental Statistics_x000a_"/>
    <s v="Information Technology Services,Other"/>
    <s v="StatCan-58938"/>
    <s v="In Production"/>
    <s v="rich"/>
    <x v="1"/>
    <x v="2511"/>
  </r>
  <r>
    <x v="5"/>
    <x v="25"/>
    <x v="7435"/>
    <s v="PVAL"/>
    <m/>
    <s v=""/>
    <x v="1"/>
    <s v=""/>
    <x v="49"/>
    <s v="Economic and Environmental Statistics_x000a_"/>
    <s v="Information Technology Services,Other"/>
    <s v="StatCan-58947"/>
    <s v="In Production"/>
    <s v="rich"/>
    <x v="1"/>
    <x v="2511"/>
  </r>
  <r>
    <x v="3"/>
    <x v="46"/>
    <x v="7436"/>
    <s v="FEDEX"/>
    <m/>
    <s v=""/>
    <x v="1"/>
    <s v=""/>
    <x v="49"/>
    <s v="Socio-economic Statistics"/>
    <s v="Other"/>
    <s v="StatCan-58965"/>
    <s v="In Production"/>
    <s v="rich"/>
    <x v="1"/>
    <x v="2743"/>
  </r>
  <r>
    <x v="3"/>
    <x v="63"/>
    <x v="7437"/>
    <s v="CIP - Website"/>
    <m/>
    <s v=""/>
    <x v="1"/>
    <s v=""/>
    <x v="49"/>
    <s v="Socio-economic Statistics"/>
    <s v="Other"/>
    <s v="StatCan-58982"/>
    <s v="In Production"/>
    <s v="web"/>
    <x v="1"/>
    <x v="2744"/>
  </r>
  <r>
    <x v="3"/>
    <x v="15"/>
    <x v="7438"/>
    <s v="PSIS - CIP Link"/>
    <m/>
    <s v=""/>
    <x v="1"/>
    <s v=""/>
    <x v="49"/>
    <s v="Socio-economic Statistics"/>
    <s v="Other"/>
    <s v="StatCan-58984"/>
    <s v="In Production"/>
    <s v="rich"/>
    <x v="1"/>
    <x v="2544"/>
  </r>
  <r>
    <x v="3"/>
    <x v="46"/>
    <x v="7439"/>
    <s v="PSIS - Data Loader"/>
    <m/>
    <s v=""/>
    <x v="1"/>
    <s v=""/>
    <x v="49"/>
    <s v="Socio-economic Statistics"/>
    <s v="Other"/>
    <s v="StatCan-58985"/>
    <s v="In Production"/>
    <s v="rich"/>
    <x v="1"/>
    <x v="2745"/>
  </r>
  <r>
    <x v="3"/>
    <x v="15"/>
    <x v="7440"/>
    <s v="PSIS - DVC v3.3"/>
    <m/>
    <s v=""/>
    <x v="1"/>
    <s v=""/>
    <x v="49"/>
    <s v="Socio-economic Statistics"/>
    <s v="Other"/>
    <s v="StatCan-58986"/>
    <s v="In Production"/>
    <s v="rich"/>
    <x v="1"/>
    <x v="2544"/>
  </r>
  <r>
    <x v="3"/>
    <x v="15"/>
    <x v="7441"/>
    <s v="PSIS - RDRC v1.0"/>
    <m/>
    <s v=""/>
    <x v="1"/>
    <s v=""/>
    <x v="49"/>
    <s v="Socio-economic Statistics"/>
    <s v="Other"/>
    <s v="StatCan-59042"/>
    <s v="In Production"/>
    <s v="rich"/>
    <x v="1"/>
    <x v="2544"/>
  </r>
  <r>
    <x v="3"/>
    <x v="15"/>
    <x v="7442"/>
    <s v="PSIS E&amp;I v1.3"/>
    <m/>
    <s v=""/>
    <x v="1"/>
    <s v=""/>
    <x v="49"/>
    <s v="Socio-economic Statistics"/>
    <s v="Other"/>
    <s v="StatCan-59064"/>
    <s v="In Production"/>
    <s v="rich"/>
    <x v="1"/>
    <x v="2745"/>
  </r>
  <r>
    <x v="3"/>
    <x v="15"/>
    <x v="7443"/>
    <s v="PSIS - Codeset Mgr v1.0"/>
    <m/>
    <s v=""/>
    <x v="1"/>
    <s v=""/>
    <x v="49"/>
    <s v="Socio-economic Statistics"/>
    <s v="Other"/>
    <s v="StatCan-59071"/>
    <s v="In Production"/>
    <s v="rich"/>
    <x v="1"/>
    <x v="2544"/>
  </r>
  <r>
    <x v="3"/>
    <x v="15"/>
    <x v="7444"/>
    <s v="PSIS - Flat File Exporter"/>
    <m/>
    <s v=""/>
    <x v="1"/>
    <s v=""/>
    <x v="49"/>
    <s v="Socio-economic Statistics"/>
    <s v="Other"/>
    <s v="StatCan-59072"/>
    <s v="In Production"/>
    <s v="rich"/>
    <x v="1"/>
    <x v="2544"/>
  </r>
  <r>
    <x v="3"/>
    <x v="15"/>
    <x v="7445"/>
    <s v="PSIS - Reports System"/>
    <m/>
    <s v=""/>
    <x v="1"/>
    <s v=""/>
    <x v="49"/>
    <s v="Socio-economic Statistics"/>
    <s v="Other"/>
    <s v="StatCan-59079"/>
    <s v="In Production"/>
    <s v="rich"/>
    <x v="1"/>
    <x v="2745"/>
  </r>
  <r>
    <x v="3"/>
    <x v="15"/>
    <x v="7446"/>
    <s v="PSIS - Flat File Freq."/>
    <m/>
    <s v=""/>
    <x v="1"/>
    <s v=""/>
    <x v="49"/>
    <s v="Socio-economic Statistics"/>
    <s v="Other"/>
    <s v="StatCan-59080"/>
    <s v="In Production"/>
    <s v="rich"/>
    <x v="1"/>
    <x v="2544"/>
  </r>
  <r>
    <x v="3"/>
    <x v="15"/>
    <x v="7447"/>
    <s v="PSIS - Response Freq."/>
    <m/>
    <s v=""/>
    <x v="1"/>
    <s v=""/>
    <x v="49"/>
    <s v="Socio-economic Statistics"/>
    <s v="Other"/>
    <s v="StatCan-59081"/>
    <s v="In Production"/>
    <s v="rich"/>
    <x v="1"/>
    <x v="2745"/>
  </r>
  <r>
    <x v="3"/>
    <x v="15"/>
    <x v="7448"/>
    <s v="PSIS - Imputation System"/>
    <m/>
    <s v=""/>
    <x v="1"/>
    <s v=""/>
    <x v="49"/>
    <s v="Socio-economic Statistics"/>
    <s v="Other"/>
    <s v="StatCan-59082"/>
    <s v="In Production"/>
    <s v="rich"/>
    <x v="1"/>
    <x v="2544"/>
  </r>
  <r>
    <x v="3"/>
    <x v="15"/>
    <x v="7449"/>
    <s v="PSIS - QPS v1.0"/>
    <m/>
    <s v=""/>
    <x v="1"/>
    <s v=""/>
    <x v="49"/>
    <s v="Socio-economic Statistics"/>
    <s v="Other"/>
    <s v="StatCan-59083"/>
    <s v="In Production"/>
    <s v="rich"/>
    <x v="1"/>
    <x v="2745"/>
  </r>
  <r>
    <x v="3"/>
    <x v="15"/>
    <x v="7450"/>
    <s v="RAIS v1.2"/>
    <m/>
    <s v=""/>
    <x v="1"/>
    <s v=""/>
    <x v="49"/>
    <s v="Socio-economic Statistics"/>
    <s v="Other"/>
    <s v="StatCan-59098"/>
    <s v="In Production"/>
    <s v="rich"/>
    <x v="1"/>
    <x v="2746"/>
  </r>
  <r>
    <x v="3"/>
    <x v="15"/>
    <x v="7451"/>
    <s v="ITS FC"/>
    <m/>
    <s v=""/>
    <x v="1"/>
    <s v=""/>
    <x v="49"/>
    <s v="Socio-economic Statistics"/>
    <s v="Other"/>
    <s v="StatCan-59135"/>
    <s v="In Production"/>
    <s v="rich"/>
    <x v="1"/>
    <x v="2747"/>
  </r>
  <r>
    <x v="3"/>
    <x v="46"/>
    <x v="7452"/>
    <s v="YITS - Extract v2.1"/>
    <m/>
    <s v=""/>
    <x v="1"/>
    <s v=""/>
    <x v="49"/>
    <s v="Socio-economic Statistics"/>
    <s v="Other"/>
    <s v="StatCan-59206"/>
    <s v="In Production"/>
    <s v="rich"/>
    <x v="1"/>
    <x v="2748"/>
  </r>
  <r>
    <x v="5"/>
    <x v="25"/>
    <x v="7453"/>
    <s v="CPI_Spatial"/>
    <m/>
    <s v=""/>
    <x v="1"/>
    <s v=""/>
    <x v="49"/>
    <s v="Economic and Environmental Statistics_x000a_"/>
    <s v="Other"/>
    <s v="StatCan-59234"/>
    <s v="In Production"/>
    <s v="desktop"/>
    <x v="1"/>
    <x v="2749"/>
  </r>
  <r>
    <x v="5"/>
    <x v="25"/>
    <x v="7454"/>
    <s v="LCD"/>
    <m/>
    <s v=""/>
    <x v="1"/>
    <s v=""/>
    <x v="49"/>
    <s v="Economic and Environmental Statistics_x000a_"/>
    <s v="Other"/>
    <s v="StatCan-59242"/>
    <s v="In Production"/>
    <s v="rich"/>
    <x v="1"/>
    <x v="2750"/>
  </r>
  <r>
    <x v="5"/>
    <x v="25"/>
    <x v="7455"/>
    <s v="MICI"/>
    <m/>
    <s v=""/>
    <x v="1"/>
    <s v=""/>
    <x v="49"/>
    <s v="Economic and Environmental Statistics_x000a_"/>
    <s v="Other"/>
    <s v="StatCan-59243"/>
    <s v="In Production"/>
    <s v="rich"/>
    <x v="1"/>
    <x v="2751"/>
  </r>
  <r>
    <x v="5"/>
    <x v="25"/>
    <x v="7456"/>
    <s v="PHOENIX"/>
    <m/>
    <s v=""/>
    <x v="1"/>
    <s v=""/>
    <x v="49"/>
    <s v="Economic and Environmental Statistics_x000a_"/>
    <s v="Other"/>
    <s v="StatCan-59252"/>
    <s v="In Production"/>
    <s v="rich"/>
    <x v="1"/>
    <x v="2752"/>
  </r>
  <r>
    <x v="5"/>
    <x v="25"/>
    <x v="7457"/>
    <s v="PTAX"/>
    <m/>
    <s v=""/>
    <x v="1"/>
    <s v=""/>
    <x v="49"/>
    <s v="Economic and Environmental Statistics_x000a_"/>
    <s v="Other"/>
    <s v="StatCan-59254"/>
    <s v="In Production"/>
    <s v="rich"/>
    <x v="1"/>
    <x v="2753"/>
  </r>
  <r>
    <x v="5"/>
    <x v="25"/>
    <x v="7458"/>
    <s v="RENT"/>
    <m/>
    <s v=""/>
    <x v="1"/>
    <s v=""/>
    <x v="49"/>
    <s v="Economic and Environmental Statistics_x000a_"/>
    <s v="Other"/>
    <s v="StatCan-59256"/>
    <s v="In Production"/>
    <s v="rich"/>
    <x v="1"/>
    <x v="2751"/>
  </r>
  <r>
    <x v="5"/>
    <x v="25"/>
    <x v="7459"/>
    <s v="SEA"/>
    <m/>
    <s v=""/>
    <x v="1"/>
    <s v=""/>
    <x v="49"/>
    <s v="Economic and Environmental Statistics_x000a_"/>
    <s v="Other"/>
    <s v="StatCan-59257"/>
    <s v="In Production"/>
    <s v="rich"/>
    <x v="1"/>
    <x v="2750"/>
  </r>
  <r>
    <x v="1"/>
    <x v="1"/>
    <x v="7460"/>
    <s v="SVN"/>
    <m/>
    <s v="Other"/>
    <x v="1"/>
    <s v="Apache subversion"/>
    <x v="49"/>
    <s v="IT Services"/>
    <s v="Information Technology Services"/>
    <s v="StatCan-59290"/>
    <s v="In Production"/>
    <s v="web"/>
    <x v="0"/>
    <x v="106"/>
  </r>
  <r>
    <x v="8"/>
    <x v="83"/>
    <x v="7461"/>
    <s v="Census2006"/>
    <s v="Web site used to disseminate all 2006 Census releases."/>
    <s v=""/>
    <x v="1"/>
    <s v=""/>
    <x v="49"/>
    <s v="Censuses"/>
    <s v="Information Technology Services,Other"/>
    <s v="StatCan-59307"/>
    <s v="In Production"/>
    <s v="web"/>
    <x v="1"/>
    <x v="2596"/>
  </r>
  <r>
    <x v="3"/>
    <x v="15"/>
    <x v="7462"/>
    <s v="UCR2.3"/>
    <m/>
    <s v=""/>
    <x v="1"/>
    <s v=""/>
    <x v="49"/>
    <s v="Socio-economic Statistics"/>
    <s v="Other,Other"/>
    <s v="StatCan-59337"/>
    <s v="In Production"/>
    <s v="rich"/>
    <x v="1"/>
    <x v="2754"/>
  </r>
  <r>
    <x v="3"/>
    <x v="15"/>
    <x v="7463"/>
    <s v="CCJS-HOMICIDE"/>
    <m/>
    <s v=""/>
    <x v="1"/>
    <s v=""/>
    <x v="49"/>
    <s v="Socio-economic Statistics"/>
    <s v="Other,Other"/>
    <s v="StatCan-59352"/>
    <s v="In Production"/>
    <s v="rich"/>
    <x v="1"/>
    <x v="2585"/>
  </r>
  <r>
    <x v="5"/>
    <x v="25"/>
    <x v="7464"/>
    <s v="SAS Estimation"/>
    <m/>
    <s v=""/>
    <x v="1"/>
    <s v=""/>
    <x v="49"/>
    <s v="Economic and Environmental Statistics_x000a_"/>
    <s v="Other"/>
    <s v="StatCan-59365"/>
    <s v="In Production"/>
    <s v="desktop"/>
    <x v="1"/>
    <x v="10"/>
  </r>
  <r>
    <x v="3"/>
    <x v="15"/>
    <x v="7465"/>
    <s v="PAS"/>
    <m/>
    <s v=""/>
    <x v="1"/>
    <s v=""/>
    <x v="49"/>
    <s v="Socio-economic Statistics"/>
    <s v="Other,Other"/>
    <s v="StatCan-59371"/>
    <s v="In Production"/>
    <s v="rich"/>
    <x v="1"/>
    <x v="2755"/>
  </r>
  <r>
    <x v="3"/>
    <x v="15"/>
    <x v="7466"/>
    <s v="ICSS"/>
    <m/>
    <s v=""/>
    <x v="1"/>
    <s v=""/>
    <x v="49"/>
    <s v="Socio-economic Statistics"/>
    <s v="Other,Other"/>
    <s v="StatCan-59406"/>
    <s v="In Production"/>
    <s v="rich"/>
    <x v="1"/>
    <x v="2756"/>
  </r>
  <r>
    <x v="5"/>
    <x v="25"/>
    <x v="7467"/>
    <s v="IOFD-AFTS_PS"/>
    <m/>
    <s v=""/>
    <x v="1"/>
    <s v=""/>
    <x v="49"/>
    <s v="Economic and Environmental Statistics_x000a_"/>
    <s v="Other"/>
    <s v="StatCan-59486"/>
    <s v="In Production"/>
    <s v="rich"/>
    <x v="1"/>
    <x v="2511"/>
  </r>
  <r>
    <x v="5"/>
    <x v="25"/>
    <x v="7468"/>
    <s v="IOFD-AFTS_TM"/>
    <m/>
    <s v=""/>
    <x v="1"/>
    <s v=""/>
    <x v="49"/>
    <s v="Economic and Environmental Statistics_x000a_"/>
    <s v="Other"/>
    <s v="StatCan-59489"/>
    <s v="In Production"/>
    <s v="rich"/>
    <x v="1"/>
    <x v="2511"/>
  </r>
  <r>
    <x v="5"/>
    <x v="25"/>
    <x v="7469"/>
    <s v="AFTS_TS"/>
    <m/>
    <s v=""/>
    <x v="1"/>
    <s v=""/>
    <x v="49"/>
    <s v="Economic and Environmental Statistics_x000a_"/>
    <s v="Other"/>
    <s v="StatCan-59490"/>
    <s v="In Production"/>
    <s v="rich"/>
    <x v="1"/>
    <x v="2511"/>
  </r>
  <r>
    <x v="5"/>
    <x v="25"/>
    <x v="7470"/>
    <s v="CRA_DC"/>
    <m/>
    <s v=""/>
    <x v="1"/>
    <s v=""/>
    <x v="49"/>
    <s v="Economic and Environmental Statistics_x000a_"/>
    <s v="Other"/>
    <s v="StatCan-59493"/>
    <s v="In Production"/>
    <s v="rich"/>
    <x v="1"/>
    <x v="2511"/>
  </r>
  <r>
    <x v="5"/>
    <x v="25"/>
    <x v="7471"/>
    <s v="FA_PS"/>
    <m/>
    <s v=""/>
    <x v="1"/>
    <s v=""/>
    <x v="49"/>
    <s v="Economic and Environmental Statistics_x000a_"/>
    <s v="Other"/>
    <s v="StatCan-59501"/>
    <s v="In Production"/>
    <s v="rich"/>
    <x v="1"/>
    <x v="2511"/>
  </r>
  <r>
    <x v="5"/>
    <x v="25"/>
    <x v="7472"/>
    <s v="FDAC"/>
    <m/>
    <s v=""/>
    <x v="1"/>
    <s v=""/>
    <x v="49"/>
    <s v="Economic and Environmental Statistics_x000a_"/>
    <s v="Other"/>
    <s v="StatCan-59502"/>
    <s v="In Production"/>
    <s v="rich"/>
    <x v="1"/>
    <x v="2511"/>
  </r>
  <r>
    <x v="5"/>
    <x v="25"/>
    <x v="7473"/>
    <s v="FITART"/>
    <m/>
    <s v=""/>
    <x v="1"/>
    <s v=""/>
    <x v="49"/>
    <s v="Economic and Environmental Statistics_x000a_"/>
    <s v="Other"/>
    <s v="StatCan-59503"/>
    <s v="In Production"/>
    <s v="rich"/>
    <x v="1"/>
    <x v="2511"/>
  </r>
  <r>
    <x v="5"/>
    <x v="25"/>
    <x v="7474"/>
    <s v="QFS_PR"/>
    <m/>
    <s v=""/>
    <x v="1"/>
    <s v=""/>
    <x v="49"/>
    <s v="Economic and Environmental Statistics_x000a_"/>
    <s v="Other"/>
    <s v="StatCan-59517"/>
    <s v="In Production"/>
    <s v="rich"/>
    <x v="1"/>
    <x v="2511"/>
  </r>
  <r>
    <x v="5"/>
    <x v="25"/>
    <x v="7475"/>
    <s v="ITD-EXP OP"/>
    <m/>
    <s v=""/>
    <x v="1"/>
    <s v=""/>
    <x v="49"/>
    <s v="Economic and Environmental Statistics_x000a_"/>
    <s v="Other"/>
    <s v="StatCan-59524"/>
    <s v="In Production"/>
    <s v="web"/>
    <x v="1"/>
    <x v="2757"/>
  </r>
  <r>
    <x v="5"/>
    <x v="25"/>
    <x v="7476"/>
    <s v="ITD-XCollection"/>
    <m/>
    <s v=""/>
    <x v="1"/>
    <s v=""/>
    <x v="49"/>
    <s v="Economic and Environmental Statistics_x000a_"/>
    <s v="Other"/>
    <s v="StatCan-59528"/>
    <s v="In Production"/>
    <s v="web"/>
    <x v="1"/>
    <x v="2757"/>
  </r>
  <r>
    <x v="5"/>
    <x v="25"/>
    <x v="7477"/>
    <s v="ITD-IMP OP"/>
    <m/>
    <s v=""/>
    <x v="1"/>
    <s v=""/>
    <x v="49"/>
    <s v="Economic and Environmental Statistics_x000a_"/>
    <s v="Other"/>
    <s v="StatCan-59531"/>
    <s v="In Production"/>
    <s v="web"/>
    <x v="1"/>
    <x v="2757"/>
  </r>
  <r>
    <x v="5"/>
    <x v="25"/>
    <x v="7478"/>
    <s v="ITD-REG OP"/>
    <m/>
    <s v=""/>
    <x v="1"/>
    <s v=""/>
    <x v="49"/>
    <s v="Economic and Environmental Statistics_x000a_"/>
    <s v="Other"/>
    <s v="StatCan-59535"/>
    <s v="In Production"/>
    <s v="web"/>
    <x v="1"/>
    <x v="2757"/>
  </r>
  <r>
    <x v="5"/>
    <x v="25"/>
    <x v="7479"/>
    <s v="ITD-DISS"/>
    <m/>
    <s v=""/>
    <x v="1"/>
    <s v=""/>
    <x v="49"/>
    <s v="Economic and Environmental Statistics_x000a_"/>
    <s v="Other"/>
    <s v="StatCan-59539"/>
    <s v="In Production"/>
    <s v="web"/>
    <x v="1"/>
    <x v="2757"/>
  </r>
  <r>
    <x v="5"/>
    <x v="25"/>
    <x v="7480"/>
    <s v="ITD-AE"/>
    <m/>
    <s v=""/>
    <x v="1"/>
    <s v=""/>
    <x v="49"/>
    <s v="Economic and Environmental Statistics_x000a_"/>
    <s v="Other"/>
    <s v="StatCan-59540"/>
    <s v="In Production"/>
    <s v="web"/>
    <x v="1"/>
    <x v="2757"/>
  </r>
  <r>
    <x v="5"/>
    <x v="25"/>
    <x v="7481"/>
    <s v="ITD-IJS"/>
    <m/>
    <s v=""/>
    <x v="1"/>
    <s v=""/>
    <x v="49"/>
    <s v="Economic and Environmental Statistics_x000a_"/>
    <s v="Other"/>
    <s v="StatCan-59541"/>
    <s v="In Production"/>
    <s v="web"/>
    <x v="1"/>
    <x v="2757"/>
  </r>
  <r>
    <x v="6"/>
    <x v="61"/>
    <x v="7482"/>
    <s v="DIPP"/>
    <m/>
    <s v=""/>
    <x v="1"/>
    <s v=""/>
    <x v="49"/>
    <s v="Internal Services"/>
    <s v="Management and Oversight Services"/>
    <s v="StatCan-59564"/>
    <s v="In Production"/>
    <s v="web"/>
    <x v="1"/>
    <x v="2758"/>
  </r>
  <r>
    <x v="0"/>
    <x v="43"/>
    <x v="7483"/>
    <s v="ICN"/>
    <m/>
    <s v=""/>
    <x v="1"/>
    <s v=""/>
    <x v="49"/>
    <s v="Internal Services"/>
    <s v="Information Management Services"/>
    <s v="StatCan-59577"/>
    <s v="In Production"/>
    <s v="web"/>
    <x v="1"/>
    <x v="2759"/>
  </r>
  <r>
    <x v="3"/>
    <x v="15"/>
    <x v="7484"/>
    <s v="Qmanager"/>
    <m/>
    <s v=""/>
    <x v="1"/>
    <s v=""/>
    <x v="49"/>
    <s v="Socio-economic Statistics"/>
    <s v="Other"/>
    <s v="StatCan-59585"/>
    <s v="In Production"/>
    <s v="rich"/>
    <x v="1"/>
    <x v="2760"/>
  </r>
  <r>
    <x v="3"/>
    <x v="15"/>
    <x v="7485"/>
    <s v="CODCO"/>
    <m/>
    <s v=""/>
    <x v="1"/>
    <s v=""/>
    <x v="49"/>
    <s v="Socio-economic Statistics"/>
    <s v="Other"/>
    <s v="StatCan-59592"/>
    <s v="In Production"/>
    <s v="web"/>
    <x v="1"/>
    <x v="2761"/>
  </r>
  <r>
    <x v="6"/>
    <x v="71"/>
    <x v="7486"/>
    <s v="SmartDaily"/>
    <m/>
    <s v=""/>
    <x v="1"/>
    <s v=""/>
    <x v="49"/>
    <s v="Socio-economic Statistics"/>
    <s v="Information Technology Services"/>
    <s v="StatCan-59611"/>
    <s v="In Production"/>
    <s v="desktop"/>
    <x v="1"/>
    <x v="2762"/>
  </r>
  <r>
    <x v="2"/>
    <x v="52"/>
    <x v="7487"/>
    <s v="CRMS"/>
    <m/>
    <s v="Oracle_Canada_ULC"/>
    <x v="1"/>
    <s v=""/>
    <x v="49"/>
    <s v="Statistical Infrastructure"/>
    <s v="Communications Services"/>
    <s v="StatCan-59622"/>
    <s v="In Production"/>
    <s v="rich"/>
    <x v="0"/>
    <x v="2763"/>
  </r>
  <r>
    <x v="10"/>
    <x v="59"/>
    <x v="7488"/>
    <s v="OLC"/>
    <s v="Web base application used by external clients that allows them to view the list of STC publications."/>
    <s v=""/>
    <x v="1"/>
    <s v=""/>
    <x v="49"/>
    <s v="Socio-economic Statistics"/>
    <s v="Information Management Services"/>
    <s v="StatCan-59666"/>
    <s v="In Production"/>
    <s v="web"/>
    <x v="1"/>
    <x v="2724"/>
  </r>
  <r>
    <x v="6"/>
    <x v="71"/>
    <x v="7489"/>
    <s v="CIMT"/>
    <s v="Online database of detailed trade data at the 8- and 10-digit commodity level (Harmonized System). Results in value (dollars) are provided monthly for customized examination of trade trends with a particular foreign market or for a specific commodity."/>
    <s v=""/>
    <x v="1"/>
    <s v=""/>
    <x v="49"/>
    <s v="Statistical Infrastructure"/>
    <s v="Communications Services,Information Management Services,Information Technology Services,Other,Travel and Other Administrative Services"/>
    <s v="StatCan-59668"/>
    <s v="In Production"/>
    <s v="web"/>
    <x v="1"/>
    <x v="2764"/>
  </r>
  <r>
    <x v="6"/>
    <x v="5"/>
    <x v="7490"/>
    <s v=""/>
    <m/>
    <s v="Other"/>
    <x v="1"/>
    <s v=""/>
    <x v="49"/>
    <s v=""/>
    <s v="Information Technology Services"/>
    <s v="StatCan-59801"/>
    <s v="In Production"/>
    <s v="desktop"/>
    <x v="0"/>
    <x v="86"/>
  </r>
  <r>
    <x v="0"/>
    <x v="8"/>
    <x v="7491"/>
    <s v="EHSELF"/>
    <m/>
    <s v=""/>
    <x v="1"/>
    <s v=""/>
    <x v="49"/>
    <s v="Censuses"/>
    <s v="Other"/>
    <s v="StatCan-59852"/>
    <s v="In Production"/>
    <s v="rich"/>
    <x v="1"/>
    <x v="2765"/>
  </r>
  <r>
    <x v="3"/>
    <x v="15"/>
    <x v="7492"/>
    <s v="CAS"/>
    <m/>
    <s v=""/>
    <x v="1"/>
    <s v=""/>
    <x v="49"/>
    <s v="Socio-economic Statistics"/>
    <s v="Other,Other"/>
    <s v="StatCan-59865"/>
    <s v="In Production"/>
    <s v="rich"/>
    <x v="1"/>
    <x v="2585"/>
  </r>
  <r>
    <x v="3"/>
    <x v="15"/>
    <x v="7493"/>
    <s v="N/A"/>
    <m/>
    <s v=""/>
    <x v="1"/>
    <s v=""/>
    <x v="49"/>
    <s v="Socio-economic Statistics"/>
    <s v="Other,Other"/>
    <s v="StatCan-59899"/>
    <s v="In Production"/>
    <s v="rich"/>
    <x v="1"/>
    <x v="2766"/>
  </r>
  <r>
    <x v="5"/>
    <x v="94"/>
    <x v="7494"/>
    <s v="MISP"/>
    <m/>
    <s v=""/>
    <x v="1"/>
    <s v=""/>
    <x v="49"/>
    <s v="Censuses"/>
    <s v="Other"/>
    <s v="StatCan-59911"/>
    <s v="In Production"/>
    <s v="rich"/>
    <x v="1"/>
    <x v="2767"/>
  </r>
  <r>
    <x v="2"/>
    <x v="2"/>
    <x v="7495"/>
    <s v="SIMS"/>
    <s v="Statistics Canada's corporate application to manage and forecast employees' salaries"/>
    <s v=""/>
    <x v="1"/>
    <s v=""/>
    <x v="49"/>
    <s v="Internal Services"/>
    <s v="Financial Management Services"/>
    <s v="StatCan-60069"/>
    <s v="In Production"/>
    <s v="rich"/>
    <x v="1"/>
    <x v="2525"/>
  </r>
  <r>
    <x v="2"/>
    <x v="2"/>
    <x v="7496"/>
    <s v="RTMS"/>
    <s v="Statistics Canada's corporate application to manage all reference tables used by the administrative systems."/>
    <s v=""/>
    <x v="1"/>
    <s v=""/>
    <x v="49"/>
    <s v="Internal Services"/>
    <s v="Financial Management Services"/>
    <s v="StatCan-60135"/>
    <s v="In Production"/>
    <s v="rich"/>
    <x v="1"/>
    <x v="2525"/>
  </r>
  <r>
    <x v="2"/>
    <x v="2"/>
    <x v="7497"/>
    <s v="TMS"/>
    <s v="Statistics Canada's corporate application to manage employee's time entries, schedule, leave request and overtime management system"/>
    <s v=""/>
    <x v="1"/>
    <s v=""/>
    <x v="49"/>
    <s v="Internal Services"/>
    <s v="Financial Management Services"/>
    <s v="StatCan-60140"/>
    <s v="In Production"/>
    <s v="rich"/>
    <x v="1"/>
    <x v="2525"/>
  </r>
  <r>
    <x v="2"/>
    <x v="2"/>
    <x v="7498"/>
    <s v="IDEA"/>
    <s v="IDEA can display, read, analyse, manipulate, sample, or extract data from almost any source, including reports printed to a file.  It is a computer-based file interrogation tool for use by auditors, accountants, investigators, and IT staff. It analyzes data in many ways and allows extraction, sampling, and manipulation of data in order to identify errors, problems, specific issues, and trends."/>
    <s v="Other"/>
    <x v="1"/>
    <s v="CaseWare"/>
    <x v="49"/>
    <s v="Internal Services"/>
    <s v="Financial Management Services"/>
    <s v="StatCan-60221"/>
    <s v="In Production"/>
    <s v="desktop"/>
    <x v="0"/>
    <x v="2572"/>
  </r>
  <r>
    <x v="2"/>
    <x v="2"/>
    <x v="7499"/>
    <s v="SCES"/>
    <s v="System that provides Survey Operations costing templates."/>
    <s v=""/>
    <x v="1"/>
    <s v=""/>
    <x v="49"/>
    <s v="Internal Services"/>
    <s v="Financial Management Services"/>
    <s v="StatCan-60223"/>
    <s v="In Production"/>
    <s v="rich"/>
    <x v="1"/>
    <x v="2525"/>
  </r>
  <r>
    <x v="2"/>
    <x v="2"/>
    <x v="7500"/>
    <s v="DFSA"/>
    <s v="Application used to ensure that appropriate financial and management controls are applied to the decision-making process in spending public money. It also allows for the management of DFSA charts"/>
    <s v=""/>
    <x v="1"/>
    <s v=""/>
    <x v="49"/>
    <s v="Internal Services"/>
    <s v="Financial Management Services"/>
    <s v="StatCan-60224"/>
    <s v="In Production"/>
    <s v="rich"/>
    <x v="1"/>
    <x v="2525"/>
  </r>
  <r>
    <x v="0"/>
    <x v="19"/>
    <x v="7501"/>
    <s v="FC"/>
    <s v="Statistics Canada Electronic Forms Catalogue."/>
    <s v="Other"/>
    <x v="1"/>
    <s v="Access FSA, LLC - formatta"/>
    <x v="49"/>
    <s v="Internal Services"/>
    <s v="Financial Management Services"/>
    <s v="StatCan-60228"/>
    <s v="In Production"/>
    <s v="rich"/>
    <x v="0"/>
    <x v="2768"/>
  </r>
  <r>
    <x v="5"/>
    <x v="25"/>
    <x v="7502"/>
    <s v="LCBS"/>
    <m/>
    <s v=""/>
    <x v="1"/>
    <s v=""/>
    <x v="49"/>
    <s v="Economic and Environmental Statistics_x000a_"/>
    <s v="Other"/>
    <s v="StatCan-60234"/>
    <s v="In Production"/>
    <s v="rich"/>
    <x v="1"/>
    <x v="2519"/>
  </r>
  <r>
    <x v="5"/>
    <x v="25"/>
    <x v="7503"/>
    <s v="CoM"/>
    <m/>
    <s v=""/>
    <x v="1"/>
    <s v=""/>
    <x v="49"/>
    <s v="Economic and Environmental Statistics_x000a_"/>
    <s v="Other"/>
    <s v="StatCan-60238"/>
    <s v="In Production"/>
    <s v="rich"/>
    <x v="1"/>
    <x v="2769"/>
  </r>
  <r>
    <x v="5"/>
    <x v="25"/>
    <x v="7504"/>
    <s v="PILODET"/>
    <m/>
    <s v=""/>
    <x v="1"/>
    <s v=""/>
    <x v="49"/>
    <s v="Economic and Environmental Statistics_x000a_"/>
    <s v="Other"/>
    <s v="StatCan-60242"/>
    <s v="In Production"/>
    <s v="rich"/>
    <x v="1"/>
    <x v="2770"/>
  </r>
  <r>
    <x v="5"/>
    <x v="25"/>
    <x v="7505"/>
    <s v="QSLOC"/>
    <m/>
    <s v=""/>
    <x v="1"/>
    <s v=""/>
    <x v="49"/>
    <s v="Economic and Environmental Statistics_x000a_"/>
    <s v="Other"/>
    <s v="StatCan-60243"/>
    <s v="In Production"/>
    <s v="rich"/>
    <x v="1"/>
    <x v="2519"/>
  </r>
  <r>
    <x v="3"/>
    <x v="15"/>
    <x v="7506"/>
    <s v="CCHS - Processing"/>
    <m/>
    <s v=""/>
    <x v="1"/>
    <s v=""/>
    <x v="49"/>
    <s v="Socio-economic Statistics"/>
    <s v="Other"/>
    <s v="StatCan-60337"/>
    <s v="In Production"/>
    <s v="rich"/>
    <x v="1"/>
    <x v="2521"/>
  </r>
  <r>
    <x v="3"/>
    <x v="15"/>
    <x v="7507"/>
    <s v="YCCS"/>
    <m/>
    <s v=""/>
    <x v="1"/>
    <s v=""/>
    <x v="49"/>
    <s v="Socio-economic Statistics"/>
    <s v="Other,Other"/>
    <s v="StatCan-60344"/>
    <s v="In Production"/>
    <s v="rich"/>
    <x v="1"/>
    <x v="2547"/>
  </r>
  <r>
    <x v="5"/>
    <x v="14"/>
    <x v="7508"/>
    <s v="N/A"/>
    <m/>
    <s v=""/>
    <x v="1"/>
    <s v=""/>
    <x v="49"/>
    <s v="Statistical Infrastructure"/>
    <s v="Other"/>
    <s v="StatCan-60480"/>
    <s v="In Production"/>
    <s v="desktop"/>
    <x v="1"/>
    <x v="2771"/>
  </r>
  <r>
    <x v="5"/>
    <x v="14"/>
    <x v="7509"/>
    <s v="N/A"/>
    <m/>
    <s v=""/>
    <x v="1"/>
    <s v=""/>
    <x v="49"/>
    <s v="Statistical Infrastructure"/>
    <s v="Other"/>
    <s v="StatCan-60494"/>
    <s v="In Production"/>
    <s v="desktop"/>
    <x v="1"/>
    <x v="2771"/>
  </r>
  <r>
    <x v="5"/>
    <x v="14"/>
    <x v="7510"/>
    <s v="AUS"/>
    <m/>
    <s v="ESRI_Canada_Limited"/>
    <x v="1"/>
    <s v=""/>
    <x v="49"/>
    <s v="Statistical Infrastructure"/>
    <s v="Other"/>
    <s v="StatCan-60495"/>
    <s v="In Production"/>
    <s v="web"/>
    <x v="1"/>
    <x v="2772"/>
  </r>
  <r>
    <x v="5"/>
    <x v="14"/>
    <x v="7511"/>
    <s v="CACS"/>
    <m/>
    <s v="ESRI_Canada_Limited"/>
    <x v="1"/>
    <s v="Esri ArcObjects SDK 10.3.x, for the Microsoft .NET Framework 3.5 Service Pack 1"/>
    <x v="49"/>
    <s v="Statistical Infrastructure"/>
    <s v="Other"/>
    <s v="StatCan-60498"/>
    <s v="In Production"/>
    <s v="web"/>
    <x v="1"/>
    <x v="2773"/>
  </r>
  <r>
    <x v="5"/>
    <x v="90"/>
    <x v="7512"/>
    <s v=""/>
    <m/>
    <s v="ESRI_Canada_Limited"/>
    <x v="1"/>
    <s v=""/>
    <x v="49"/>
    <s v="Statistical Infrastructure"/>
    <s v="Information Technology Services"/>
    <s v="StatCan-60500"/>
    <s v="In Production"/>
    <s v="rich"/>
    <x v="0"/>
    <x v="106"/>
  </r>
  <r>
    <x v="5"/>
    <x v="14"/>
    <x v="7513"/>
    <s v="PCUS"/>
    <m/>
    <s v="SAS_Institute_Canada_Inc"/>
    <x v="1"/>
    <s v=""/>
    <x v="49"/>
    <s v="Statistical Infrastructure"/>
    <s v="Other"/>
    <s v="StatCan-60501"/>
    <s v="In Production"/>
    <s v="desktop"/>
    <x v="1"/>
    <x v="2774"/>
  </r>
  <r>
    <x v="5"/>
    <x v="14"/>
    <x v="7514"/>
    <s v="ArMapper"/>
    <m/>
    <s v=""/>
    <x v="1"/>
    <s v=""/>
    <x v="49"/>
    <s v="Statistical Infrastructure"/>
    <s v="Other"/>
    <s v="StatCan-60502"/>
    <s v="In Production"/>
    <s v="web"/>
    <x v="1"/>
    <x v="2775"/>
  </r>
  <r>
    <x v="5"/>
    <x v="90"/>
    <x v="7515"/>
    <s v="Geomatica"/>
    <m/>
    <s v="PCI_Geomatics"/>
    <x v="8"/>
    <s v=""/>
    <x v="49"/>
    <s v="Statistical Infrastructure"/>
    <s v="Information Technology Services"/>
    <s v="StatCan-60543"/>
    <s v="In Production"/>
    <s v="desktop"/>
    <x v="0"/>
    <x v="106"/>
  </r>
  <r>
    <x v="5"/>
    <x v="14"/>
    <x v="7516"/>
    <s v="GMS"/>
    <m/>
    <s v="ESRI_Canada_Limited"/>
    <x v="1"/>
    <s v="Esri ArcObjects SDK 10.3.x, for the Microsoft .NET Framework 3.5 Service Pack 1"/>
    <x v="49"/>
    <s v="Statistical Infrastructure"/>
    <s v="Other"/>
    <s v="StatCan-60665"/>
    <s v="In Production"/>
    <s v="desktop"/>
    <x v="1"/>
    <x v="2776"/>
  </r>
  <r>
    <x v="8"/>
    <x v="29"/>
    <x v="7517"/>
    <s v=""/>
    <m/>
    <s v="Other"/>
    <x v="1"/>
    <s v="unknown"/>
    <x v="49"/>
    <s v="IT Services"/>
    <s v="Information Technology Services"/>
    <s v="StatCan-60738"/>
    <s v="In Production"/>
    <s v="desktop"/>
    <x v="0"/>
    <x v="86"/>
  </r>
  <r>
    <x v="3"/>
    <x v="46"/>
    <x v="7518"/>
    <s v="CCR"/>
    <m/>
    <s v=""/>
    <x v="1"/>
    <s v=""/>
    <x v="49"/>
    <s v="Socio-economic Statistics"/>
    <s v="Other"/>
    <s v="StatCan-60802"/>
    <s v="In Production"/>
    <s v="rich"/>
    <x v="1"/>
    <x v="2777"/>
  </r>
  <r>
    <x v="3"/>
    <x v="46"/>
    <x v="7519"/>
    <s v="CCMED - DCT"/>
    <m/>
    <s v=""/>
    <x v="1"/>
    <s v=""/>
    <x v="49"/>
    <s v="Socio-economic Statistics"/>
    <s v="Other"/>
    <s v="StatCan-60804"/>
    <s v="In Production"/>
    <s v="rich"/>
    <x v="1"/>
    <x v="2778"/>
  </r>
  <r>
    <x v="3"/>
    <x v="30"/>
    <x v="7520"/>
    <s v="CCMED - Processing"/>
    <m/>
    <s v=""/>
    <x v="1"/>
    <s v=""/>
    <x v="49"/>
    <s v="Socio-economic Statistics"/>
    <s v="Other"/>
    <s v="StatCan-60805"/>
    <s v="In Production"/>
    <s v="rich"/>
    <x v="1"/>
    <x v="2521"/>
  </r>
  <r>
    <x v="3"/>
    <x v="15"/>
    <x v="7521"/>
    <s v="HSD-DvDoc"/>
    <m/>
    <s v=""/>
    <x v="1"/>
    <s v=""/>
    <x v="49"/>
    <s v="Socio-economic Statistics"/>
    <s v="Other"/>
    <s v="StatCan-60810"/>
    <s v="In Production"/>
    <s v="desktop"/>
    <x v="1"/>
    <x v="1803"/>
  </r>
  <r>
    <x v="3"/>
    <x v="15"/>
    <x v="7522"/>
    <s v="HSD-CodingDB"/>
    <m/>
    <s v=""/>
    <x v="1"/>
    <s v=""/>
    <x v="49"/>
    <s v="Socio-economic Statistics"/>
    <s v="Other"/>
    <s v="StatCan-60815"/>
    <s v="In Production"/>
    <s v="desktop"/>
    <x v="1"/>
    <x v="1803"/>
  </r>
  <r>
    <x v="3"/>
    <x v="46"/>
    <x v="7523"/>
    <s v="NRS Export"/>
    <m/>
    <s v=""/>
    <x v="1"/>
    <s v=""/>
    <x v="49"/>
    <s v="Socio-economic Statistics"/>
    <s v="Other"/>
    <s v="StatCan-60821"/>
    <s v="In Production"/>
    <s v="rich"/>
    <x v="1"/>
    <x v="2779"/>
  </r>
  <r>
    <x v="3"/>
    <x v="15"/>
    <x v="7524"/>
    <s v="VS - Reports"/>
    <m/>
    <s v=""/>
    <x v="1"/>
    <s v=""/>
    <x v="49"/>
    <s v="Socio-economic Statistics"/>
    <s v="Other"/>
    <s v="StatCan-60825"/>
    <s v="In Production"/>
    <s v="rich"/>
    <x v="1"/>
    <x v="2521"/>
  </r>
  <r>
    <x v="0"/>
    <x v="13"/>
    <x v="7525"/>
    <s v="CALURA"/>
    <m/>
    <s v=""/>
    <x v="1"/>
    <s v=""/>
    <x v="49"/>
    <s v="Internal Services"/>
    <s v="Information Management Services"/>
    <s v="StatCan-60826"/>
    <s v="In Production"/>
    <s v="desktop"/>
    <x v="1"/>
    <x v="2780"/>
  </r>
  <r>
    <x v="10"/>
    <x v="53"/>
    <x v="7526"/>
    <s v="Store"/>
    <m/>
    <s v="Other"/>
    <x v="1"/>
    <s v="AbleCommerce"/>
    <x v="49"/>
    <s v="Internal Services"/>
    <s v="Financial Management Services"/>
    <s v="StatCan-60827"/>
    <s v="In Production"/>
    <s v="rich"/>
    <x v="0"/>
    <x v="2781"/>
  </r>
  <r>
    <x v="0"/>
    <x v="7"/>
    <x v="7527"/>
    <s v="DMC"/>
    <m/>
    <s v=""/>
    <x v="1"/>
    <s v=""/>
    <x v="49"/>
    <s v="Internal Services"/>
    <s v="Information Management Services"/>
    <s v="StatCan-60829"/>
    <s v="In Production"/>
    <s v="desktop"/>
    <x v="1"/>
    <x v="2782"/>
  </r>
  <r>
    <x v="0"/>
    <x v="7"/>
    <x v="7528"/>
    <s v="CMCQA"/>
    <m/>
    <s v=""/>
    <x v="1"/>
    <s v=""/>
    <x v="49"/>
    <s v="Internal Services"/>
    <s v="Information Management Services"/>
    <s v="StatCan-60831"/>
    <s v="In Production"/>
    <s v="desktop"/>
    <x v="1"/>
    <x v="2783"/>
  </r>
  <r>
    <x v="6"/>
    <x v="61"/>
    <x v="7529"/>
    <s v="PWI"/>
    <m/>
    <s v=""/>
    <x v="1"/>
    <s v=""/>
    <x v="49"/>
    <s v="Internal Services"/>
    <s v="Human Resources Management Services"/>
    <s v="StatCan-60833"/>
    <s v="In Production"/>
    <s v="web"/>
    <x v="1"/>
    <x v="2784"/>
  </r>
  <r>
    <x v="0"/>
    <x v="13"/>
    <x v="7530"/>
    <s v="RIMPS"/>
    <m/>
    <s v=""/>
    <x v="1"/>
    <s v=""/>
    <x v="49"/>
    <s v="Internal Services"/>
    <s v="Information Management Services"/>
    <s v="StatCan-60838"/>
    <s v="In Production"/>
    <s v="rich"/>
    <x v="1"/>
    <x v="2785"/>
  </r>
  <r>
    <x v="2"/>
    <x v="3"/>
    <x v="7531"/>
    <s v="MPS"/>
    <m/>
    <s v=""/>
    <x v="1"/>
    <s v=""/>
    <x v="49"/>
    <s v="Internal Services"/>
    <s v="Human Resources Management Services"/>
    <s v="StatCan-60959"/>
    <s v="In Production"/>
    <s v="rich"/>
    <x v="1"/>
    <x v="2525"/>
  </r>
  <r>
    <x v="5"/>
    <x v="25"/>
    <x v="7532"/>
    <s v="SNADW"/>
    <m/>
    <s v=""/>
    <x v="1"/>
    <s v=""/>
    <x v="49"/>
    <s v="Economic and Environmental Statistics_x000a_"/>
    <s v="Information Technology Services,Other"/>
    <s v="StatCan-60965"/>
    <s v="In Production"/>
    <s v="rich"/>
    <x v="1"/>
    <x v="2786"/>
  </r>
  <r>
    <x v="5"/>
    <x v="25"/>
    <x v="7533"/>
    <s v="INDCOM"/>
    <m/>
    <s v=""/>
    <x v="1"/>
    <s v=""/>
    <x v="49"/>
    <s v="Economic and Environmental Statistics_x000a_"/>
    <s v="Other"/>
    <s v="StatCan-60971"/>
    <s v="In Production"/>
    <s v="rich"/>
    <x v="1"/>
    <x v="2658"/>
  </r>
  <r>
    <x v="5"/>
    <x v="25"/>
    <x v="7534"/>
    <s v="Dissemination"/>
    <m/>
    <s v=""/>
    <x v="1"/>
    <s v=""/>
    <x v="49"/>
    <s v="Economic and Environmental Statistics_x000a_"/>
    <s v="Other"/>
    <s v="StatCan-60972"/>
    <s v="In Production"/>
    <s v="rich"/>
    <x v="1"/>
    <x v="2675"/>
  </r>
  <r>
    <x v="5"/>
    <x v="25"/>
    <x v="7535"/>
    <s v="Taxes"/>
    <m/>
    <s v=""/>
    <x v="1"/>
    <s v=""/>
    <x v="49"/>
    <s v="Economic and Environmental Statistics_x000a_"/>
    <s v="Other"/>
    <s v="StatCan-60984"/>
    <s v="In Production"/>
    <s v="rich"/>
    <x v="1"/>
    <x v="2675"/>
  </r>
  <r>
    <x v="5"/>
    <x v="25"/>
    <x v="7536"/>
    <s v="Deflation"/>
    <m/>
    <s v=""/>
    <x v="1"/>
    <s v=""/>
    <x v="49"/>
    <s v="Economic and Environmental Statistics_x000a_"/>
    <s v="Other"/>
    <s v="StatCan-60988"/>
    <s v="In Production"/>
    <s v="rich"/>
    <x v="1"/>
    <x v="2717"/>
  </r>
  <r>
    <x v="5"/>
    <x v="25"/>
    <x v="7537"/>
    <s v="Synthetic Tables"/>
    <m/>
    <s v=""/>
    <x v="1"/>
    <s v=""/>
    <x v="49"/>
    <s v="Economic and Environmental Statistics_x000a_"/>
    <s v="Other"/>
    <s v="StatCan-61017"/>
    <s v="In Production"/>
    <s v="rich"/>
    <x v="1"/>
    <x v="2675"/>
  </r>
  <r>
    <x v="5"/>
    <x v="25"/>
    <x v="7538"/>
    <s v="Confid"/>
    <m/>
    <s v=""/>
    <x v="1"/>
    <s v=""/>
    <x v="49"/>
    <s v="Economic and Environmental Statistics_x000a_"/>
    <s v="Other"/>
    <s v="StatCan-61018"/>
    <s v="In Production"/>
    <s v="rich"/>
    <x v="1"/>
    <x v="2675"/>
  </r>
  <r>
    <x v="5"/>
    <x v="25"/>
    <x v="7539"/>
    <s v="I/O Models"/>
    <m/>
    <s v=""/>
    <x v="1"/>
    <s v=""/>
    <x v="49"/>
    <s v="Economic and Environmental Statistics_x000a_"/>
    <s v="Other"/>
    <s v="StatCan-61019"/>
    <s v="In Production"/>
    <s v="rich"/>
    <x v="1"/>
    <x v="2675"/>
  </r>
  <r>
    <x v="5"/>
    <x v="25"/>
    <x v="7540"/>
    <s v="ESTIMEX"/>
    <m/>
    <s v=""/>
    <x v="1"/>
    <s v=""/>
    <x v="49"/>
    <s v="Economic and Environmental Statistics"/>
    <s v="Other"/>
    <s v="StatCan-61232"/>
    <s v="In Production"/>
    <s v="rich"/>
    <x v="1"/>
    <x v="2716"/>
  </r>
  <r>
    <x v="5"/>
    <x v="25"/>
    <x v="7541"/>
    <s v="KLEMS"/>
    <m/>
    <s v=""/>
    <x v="1"/>
    <s v=""/>
    <x v="49"/>
    <s v="Socio-economic Statistics"/>
    <s v="Other"/>
    <s v="StatCan-61301"/>
    <s v="In Production"/>
    <s v="desktop"/>
    <x v="1"/>
    <x v="2787"/>
  </r>
  <r>
    <x v="5"/>
    <x v="25"/>
    <x v="7542"/>
    <s v="AutoInsurance"/>
    <m/>
    <s v=""/>
    <x v="1"/>
    <s v=""/>
    <x v="49"/>
    <s v="Economic and Environmental Statistics_x000a_"/>
    <s v="Other"/>
    <s v="StatCan-61319"/>
    <s v="In Production"/>
    <s v="rich"/>
    <x v="1"/>
    <x v="2788"/>
  </r>
  <r>
    <x v="5"/>
    <x v="25"/>
    <x v="7543"/>
    <s v="HomeOwnerInsurance"/>
    <m/>
    <s v=""/>
    <x v="1"/>
    <s v=""/>
    <x v="49"/>
    <s v="Economic and Environmental Statistics_x000a_"/>
    <s v="Other"/>
    <s v="StatCan-61322"/>
    <s v="In Production"/>
    <s v="rich"/>
    <x v="1"/>
    <x v="2789"/>
  </r>
  <r>
    <x v="8"/>
    <x v="5"/>
    <x v="7544"/>
    <s v="SAS/AF"/>
    <m/>
    <s v="SAS_Institute_Canada_Inc"/>
    <x v="1"/>
    <s v=""/>
    <x v="49"/>
    <s v="Statistical Infrastructure"/>
    <s v="Information Technology Services"/>
    <s v="StatCan-61648"/>
    <s v="In Production"/>
    <s v="desktop"/>
    <x v="0"/>
    <x v="86"/>
  </r>
  <r>
    <x v="8"/>
    <x v="5"/>
    <x v="7545"/>
    <s v="SAS Info Map Studio v4.2"/>
    <m/>
    <s v="SAS_Institute_Canada_Inc"/>
    <x v="1"/>
    <s v=""/>
    <x v="49"/>
    <s v="Statistical Infrastructure"/>
    <s v="Information Technology Services"/>
    <s v="StatCan-61674"/>
    <s v="In Production"/>
    <s v="desktop"/>
    <x v="0"/>
    <x v="86"/>
  </r>
  <r>
    <x v="8"/>
    <x v="29"/>
    <x v="7546"/>
    <s v=""/>
    <m/>
    <s v="SAS_Institute_Canada_Inc"/>
    <x v="1"/>
    <s v=""/>
    <x v="49"/>
    <s v="Statistical Infrastructure"/>
    <s v="Information Technology Services"/>
    <s v="StatCan-61700"/>
    <s v="In Production"/>
    <s v="desktop"/>
    <x v="0"/>
    <x v="86"/>
  </r>
  <r>
    <x v="8"/>
    <x v="29"/>
    <x v="7547"/>
    <s v="SAS"/>
    <m/>
    <s v="SAS_Institute_Canada_Inc"/>
    <x v="1"/>
    <s v=""/>
    <x v="49"/>
    <s v="Statistical Infrastructure"/>
    <s v="Information Technology Services"/>
    <s v="StatCan-61714"/>
    <s v="In Production"/>
    <s v="desktop"/>
    <x v="0"/>
    <x v="86"/>
  </r>
  <r>
    <x v="8"/>
    <x v="29"/>
    <x v="7548"/>
    <s v=""/>
    <m/>
    <s v="Other"/>
    <x v="1"/>
    <s v="SoftGroup"/>
    <x v="49"/>
    <s v="IT Services"/>
    <s v="Information Technology Services"/>
    <s v="StatCan-61878"/>
    <s v="In Production"/>
    <s v="desktop"/>
    <x v="0"/>
    <x v="106"/>
  </r>
  <r>
    <x v="5"/>
    <x v="94"/>
    <x v="7549"/>
    <s v="DIVA"/>
    <m/>
    <s v=""/>
    <x v="1"/>
    <s v=""/>
    <x v="49"/>
    <s v="Censuses"/>
    <s v="Other"/>
    <s v="StatCan-61931"/>
    <s v="In Production"/>
    <s v="rich"/>
    <x v="1"/>
    <x v="2790"/>
  </r>
  <r>
    <x v="3"/>
    <x v="15"/>
    <x v="7550"/>
    <s v="CCJS-CCS"/>
    <m/>
    <s v=""/>
    <x v="1"/>
    <s v=""/>
    <x v="49"/>
    <s v="Socio-economic Statistics"/>
    <s v="Other,Other"/>
    <s v="StatCan-62067"/>
    <s v="In Production"/>
    <s v="rich"/>
    <x v="1"/>
    <x v="2791"/>
  </r>
  <r>
    <x v="5"/>
    <x v="25"/>
    <x v="7551"/>
    <s v="ITD-TM OP"/>
    <m/>
    <s v=""/>
    <x v="1"/>
    <s v=""/>
    <x v="49"/>
    <s v="Economic and Environmental Statistics_x000a_"/>
    <s v="Other"/>
    <s v="StatCan-62625"/>
    <s v="In Production"/>
    <s v="web"/>
    <x v="1"/>
    <x v="2757"/>
  </r>
  <r>
    <x v="3"/>
    <x v="45"/>
    <x v="7552"/>
    <s v="Toad"/>
    <m/>
    <s v="Other"/>
    <x v="1"/>
    <s v="Quest"/>
    <x v="49"/>
    <s v="IT Services"/>
    <s v="Information Technology Services"/>
    <s v="StatCan-62692"/>
    <s v="In Production"/>
    <s v="desktop"/>
    <x v="0"/>
    <x v="1812"/>
  </r>
  <r>
    <x v="3"/>
    <x v="45"/>
    <x v="7553"/>
    <s v="Toad"/>
    <m/>
    <s v="Other"/>
    <x v="1"/>
    <s v="Quest"/>
    <x v="49"/>
    <s v="IT Services"/>
    <s v="Information Technology Services"/>
    <s v="StatCan-62696"/>
    <s v="In Production"/>
    <s v="desktop"/>
    <x v="0"/>
    <x v="1812"/>
  </r>
  <r>
    <x v="3"/>
    <x v="45"/>
    <x v="7554"/>
    <s v="Toad"/>
    <m/>
    <s v="Other"/>
    <x v="1"/>
    <s v="Quest"/>
    <x v="49"/>
    <s v="IT Services"/>
    <s v="Information Technology Services"/>
    <s v="StatCan-62697"/>
    <s v="In Production"/>
    <s v="desktop"/>
    <x v="0"/>
    <x v="1812"/>
  </r>
  <r>
    <x v="2"/>
    <x v="3"/>
    <x v="7555"/>
    <s v="Klick"/>
    <m/>
    <s v=""/>
    <x v="1"/>
    <s v=""/>
    <x v="49"/>
    <s v="Internal Services"/>
    <s v="Human Resources Management Services"/>
    <s v="StatCan-64186"/>
    <s v="In Production"/>
    <s v="rich"/>
    <x v="1"/>
    <x v="2792"/>
  </r>
  <r>
    <x v="5"/>
    <x v="25"/>
    <x v="7556"/>
    <s v="CPI Excel"/>
    <m/>
    <s v=""/>
    <x v="1"/>
    <s v=""/>
    <x v="49"/>
    <s v="Economic and Environmental Statistics_x000a_"/>
    <s v="Other"/>
    <s v="StatCan-64359"/>
    <s v="In Production"/>
    <s v="desktop"/>
    <x v="1"/>
    <x v="1851"/>
  </r>
  <r>
    <x v="1"/>
    <x v="12"/>
    <x v="7557"/>
    <s v="SRM - Portal"/>
    <m/>
    <s v="Other"/>
    <x v="1"/>
    <s v="Frontrange HEAT (backend)"/>
    <x v="49"/>
    <s v="Internal Services"/>
    <s v="Information Technology Services"/>
    <s v="StatCan-65371"/>
    <s v="In Production"/>
    <s v="web"/>
    <x v="0"/>
    <x v="742"/>
  </r>
  <r>
    <x v="5"/>
    <x v="25"/>
    <x v="7558"/>
    <s v="QFS_EDR"/>
    <m/>
    <s v=""/>
    <x v="1"/>
    <s v=""/>
    <x v="49"/>
    <s v="Economic and Environmental Statistics_x000a_"/>
    <s v="Other"/>
    <s v="StatCan-66691"/>
    <s v="In Production"/>
    <s v="rich"/>
    <x v="1"/>
    <x v="2511"/>
  </r>
  <r>
    <x v="5"/>
    <x v="25"/>
    <x v="7559"/>
    <s v="EDIT_MGT"/>
    <m/>
    <s v=""/>
    <x v="1"/>
    <s v=""/>
    <x v="49"/>
    <s v="Economic and Environmental Statistics_x000a_"/>
    <s v="Other"/>
    <s v="StatCan-66695"/>
    <s v="In Production"/>
    <s v="rich"/>
    <x v="1"/>
    <x v="2511"/>
  </r>
  <r>
    <x v="3"/>
    <x v="45"/>
    <x v="7560"/>
    <s v="Mysql Admin"/>
    <m/>
    <s v="Oracle_Canada_ULC"/>
    <x v="115"/>
    <s v=""/>
    <x v="49"/>
    <s v="IT Services"/>
    <s v="Information Technology Services"/>
    <s v="StatCan-73505"/>
    <s v="In Production"/>
    <s v="desktop"/>
    <x v="0"/>
    <x v="2793"/>
  </r>
  <r>
    <x v="0"/>
    <x v="7"/>
    <x v="7202"/>
    <s v=""/>
    <m/>
    <s v=""/>
    <x v="1"/>
    <s v=""/>
    <x v="49"/>
    <s v="Internal Services"/>
    <s v="Information Management Services"/>
    <s v="StatCan-74095"/>
    <s v="In Production"/>
    <s v="rich"/>
    <x v="1"/>
    <x v="2794"/>
  </r>
  <r>
    <x v="8"/>
    <x v="29"/>
    <x v="7561"/>
    <s v="IShelf Replication"/>
    <m/>
    <s v=""/>
    <x v="1"/>
    <s v=""/>
    <x v="49"/>
    <s v="Censuses"/>
    <s v="Information Technology Services,Other"/>
    <s v="StatCan-74540"/>
    <s v="In Production"/>
    <s v="web"/>
    <x v="1"/>
    <x v="2795"/>
  </r>
  <r>
    <x v="5"/>
    <x v="94"/>
    <x v="7562"/>
    <s v="Post-CAPSS"/>
    <m/>
    <s v=""/>
    <x v="1"/>
    <s v=""/>
    <x v="49"/>
    <s v="Censuses"/>
    <s v="Other"/>
    <s v="StatCan-74550"/>
    <s v="In Production"/>
    <s v="rich"/>
    <x v="1"/>
    <x v="2796"/>
  </r>
  <r>
    <x v="0"/>
    <x v="42"/>
    <x v="7563"/>
    <s v=""/>
    <m/>
    <s v="Other"/>
    <x v="1"/>
    <s v="Developed in-house"/>
    <x v="49"/>
    <s v="IT Services"/>
    <s v="Information Technology Services"/>
    <s v="StatCan-80723"/>
    <s v="In Production"/>
    <s v="desktop"/>
    <x v="0"/>
    <x v="86"/>
  </r>
  <r>
    <x v="5"/>
    <x v="25"/>
    <x v="7564"/>
    <s v="TOSS Annual"/>
    <m/>
    <s v=""/>
    <x v="1"/>
    <s v=""/>
    <x v="49"/>
    <s v="Economic and Environmental Statistics_x000a_"/>
    <s v="Information Technology Services,Other"/>
    <s v="StatCan-80780"/>
    <s v="In Production"/>
    <s v="rich"/>
    <x v="1"/>
    <x v="2717"/>
  </r>
  <r>
    <x v="0"/>
    <x v="28"/>
    <x v="7565"/>
    <s v="PCCF+"/>
    <s v="The Postal CodeOM Conversion File Plus (PCCF+) is a SAS© control program and set of associated datasets derived from the Postal CodeOM Conversion File (PCCF), a postal code population weight file, the Geographic Attribute File, Health Region boundary files, and other supplementary data. PCCF+ automatically assigns a range of Statistics Canada standard geographic areas and other geographic identifiers based on postal codes. PCCF+ differs from the PCCF in that it uses population-weighted random allocation for many postal codes that link to more than one geographic area. Options are available for institutional postal codes and for postal codes in British Columbia moved by Canada Post Corporation. Procedures are included to link partial postal codes to geo"/>
    <s v=""/>
    <x v="1"/>
    <s v=""/>
    <x v="49"/>
    <s v="Socio-economic Statistics"/>
    <s v="Other"/>
    <s v="StatCan-81220"/>
    <s v="In Production"/>
    <s v="desktop"/>
    <x v="1"/>
    <x v="2797"/>
  </r>
  <r>
    <x v="3"/>
    <x v="15"/>
    <x v="7566"/>
    <s v="CHMS-Barcode"/>
    <m/>
    <s v=""/>
    <x v="1"/>
    <s v=""/>
    <x v="49"/>
    <s v="Socio-economic Statistics"/>
    <s v="Other"/>
    <s v="StatCan-81253"/>
    <s v="In Production"/>
    <s v="desktop"/>
    <x v="1"/>
    <x v="2650"/>
  </r>
  <r>
    <x v="3"/>
    <x v="15"/>
    <x v="7567"/>
    <s v="CHMS-Coulter"/>
    <m/>
    <s v=""/>
    <x v="1"/>
    <s v=""/>
    <x v="49"/>
    <s v="Socio-economic Statistics"/>
    <s v="Other"/>
    <s v="StatCan-81256"/>
    <s v="In Production"/>
    <s v="rich"/>
    <x v="1"/>
    <x v="2798"/>
  </r>
  <r>
    <x v="3"/>
    <x v="15"/>
    <x v="7568"/>
    <s v="CHMS-HealthListener"/>
    <m/>
    <s v=""/>
    <x v="1"/>
    <s v=""/>
    <x v="49"/>
    <s v="Socio-economic Statistics"/>
    <s v="Other"/>
    <s v="StatCan-81257"/>
    <s v="In Production"/>
    <s v="desktop"/>
    <x v="1"/>
    <x v="2650"/>
  </r>
  <r>
    <x v="3"/>
    <x v="15"/>
    <x v="7569"/>
    <s v="CHMS - Tracking"/>
    <m/>
    <s v=""/>
    <x v="1"/>
    <s v=""/>
    <x v="49"/>
    <s v="Socio-economic Statistics"/>
    <s v="Other"/>
    <s v="StatCan-81259"/>
    <s v="In Production"/>
    <s v="rich"/>
    <x v="1"/>
    <x v="2799"/>
  </r>
  <r>
    <x v="2"/>
    <x v="3"/>
    <x v="7570"/>
    <s v="SAMS"/>
    <m/>
    <s v=""/>
    <x v="1"/>
    <s v=""/>
    <x v="49"/>
    <s v="Internal Services"/>
    <s v="Human Resources Management Services"/>
    <s v="StatCan-84151"/>
    <s v="In Production"/>
    <s v="rich"/>
    <x v="1"/>
    <x v="2800"/>
  </r>
  <r>
    <x v="5"/>
    <x v="14"/>
    <x v="7571"/>
    <s v="N/A"/>
    <s v="Web Mapping application - Geographic Search tool for dissemination of 2006 Census"/>
    <s v="ESRI_Canada_Limited"/>
    <x v="1"/>
    <s v=""/>
    <x v="49"/>
    <s v="Statistical Infrastructure"/>
    <s v="Other"/>
    <s v="StatCan-87092"/>
    <s v="In Production"/>
    <s v="web"/>
    <x v="1"/>
    <x v="2558"/>
  </r>
  <r>
    <x v="5"/>
    <x v="94"/>
    <x v="7572"/>
    <s v="CANCEIS"/>
    <m/>
    <s v=""/>
    <x v="1"/>
    <s v=""/>
    <x v="49"/>
    <s v="Censuses"/>
    <s v="Other"/>
    <s v="StatCan-87116"/>
    <s v="In Production"/>
    <s v="rich"/>
    <x v="1"/>
    <x v="2801"/>
  </r>
  <r>
    <x v="5"/>
    <x v="25"/>
    <x v="7573"/>
    <s v="ISBMSS"/>
    <m/>
    <s v=""/>
    <x v="1"/>
    <s v=""/>
    <x v="49"/>
    <s v="Economic and Environmental Statistics_x000a_"/>
    <s v="Other"/>
    <s v="StatCan-89083"/>
    <s v="In Production"/>
    <s v="desktop"/>
    <x v="1"/>
    <x v="2802"/>
  </r>
  <r>
    <x v="5"/>
    <x v="25"/>
    <x v="7574"/>
    <s v="PPD-GPS"/>
    <m/>
    <s v=""/>
    <x v="1"/>
    <s v=""/>
    <x v="49"/>
    <s v="Economic and Environmental Statistics_x000a_"/>
    <s v="Other"/>
    <s v="StatCan-95611"/>
    <s v="In Production"/>
    <s v="rich"/>
    <x v="1"/>
    <x v="2657"/>
  </r>
  <r>
    <x v="5"/>
    <x v="94"/>
    <x v="7575"/>
    <s v="IBSPPS"/>
    <m/>
    <s v=""/>
    <x v="1"/>
    <s v=""/>
    <x v="49"/>
    <s v="Economic and Environmental Statistics_x000a_"/>
    <s v="Other"/>
    <s v="StatCan-95824"/>
    <s v="In Production"/>
    <s v="rich"/>
    <x v="1"/>
    <x v="2803"/>
  </r>
  <r>
    <x v="8"/>
    <x v="38"/>
    <x v="7576"/>
    <s v="Maven"/>
    <m/>
    <s v="Other"/>
    <x v="1"/>
    <s v="Apache Maven"/>
    <x v="49"/>
    <s v="IT Services"/>
    <s v="Information Technology Services"/>
    <s v="StatCan-96996"/>
    <s v="In Production"/>
    <s v="desktop"/>
    <x v="0"/>
    <x v="106"/>
  </r>
  <r>
    <x v="3"/>
    <x v="45"/>
    <x v="7577"/>
    <s v="Redgate"/>
    <m/>
    <s v="Other"/>
    <x v="1"/>
    <s v="RedGate"/>
    <x v="49"/>
    <s v="IT Services"/>
    <s v="Information Technology Services"/>
    <s v="StatCan-97125"/>
    <s v="In Production"/>
    <s v="desktop"/>
    <x v="0"/>
    <x v="1813"/>
  </r>
  <r>
    <x v="8"/>
    <x v="5"/>
    <x v="7578"/>
    <s v="SAS Info Map Studio v4.3"/>
    <m/>
    <s v="SAS_Institute_Canada_Inc"/>
    <x v="1"/>
    <s v=""/>
    <x v="49"/>
    <s v="Statistical Infrastructure"/>
    <s v="Information Technology Services"/>
    <s v="StatCan-97126"/>
    <s v="In Production"/>
    <s v="desktop"/>
    <x v="0"/>
    <x v="86"/>
  </r>
  <r>
    <x v="5"/>
    <x v="25"/>
    <x v="7579"/>
    <s v="SAS Enterprise Guide v4.3"/>
    <m/>
    <s v="SAS_Institute_Canada_Inc"/>
    <x v="1"/>
    <s v=""/>
    <x v="49"/>
    <s v="Statistical Infrastructure"/>
    <s v="Information Technology Services"/>
    <s v="StatCan-97127"/>
    <s v="In Production"/>
    <s v="desktop"/>
    <x v="0"/>
    <x v="86"/>
  </r>
  <r>
    <x v="8"/>
    <x v="5"/>
    <x v="7580"/>
    <s v="SAS DI Studio v4.3"/>
    <m/>
    <s v="SAS_Institute_Canada_Inc"/>
    <x v="1"/>
    <s v=""/>
    <x v="49"/>
    <s v="Statistical Infrastructure"/>
    <s v="Information Technology Services"/>
    <s v="StatCan-97128"/>
    <s v="In Production"/>
    <s v="desktop"/>
    <x v="0"/>
    <x v="86"/>
  </r>
  <r>
    <x v="3"/>
    <x v="45"/>
    <x v="7581"/>
    <s v="OEM"/>
    <m/>
    <s v="Oracle_Canada_ULC"/>
    <x v="1"/>
    <s v=""/>
    <x v="49"/>
    <s v="IT Services"/>
    <s v="Information Technology Services"/>
    <s v="StatCan-98285"/>
    <s v="In Production"/>
    <s v="web"/>
    <x v="0"/>
    <x v="2568"/>
  </r>
  <r>
    <x v="2"/>
    <x v="3"/>
    <x v="7582"/>
    <s v="Pulsar"/>
    <m/>
    <s v=""/>
    <x v="1"/>
    <s v=""/>
    <x v="49"/>
    <s v="Internal Services"/>
    <s v="Human Resources Management Services"/>
    <s v="StatCan-9900001"/>
    <s v="In Production"/>
    <s v="rich"/>
    <x v="1"/>
    <x v="2525"/>
  </r>
  <r>
    <x v="2"/>
    <x v="3"/>
    <x v="7583"/>
    <s v="GeoAS"/>
    <m/>
    <s v=""/>
    <x v="1"/>
    <s v=""/>
    <x v="49"/>
    <s v="Statistical Infrastructure"/>
    <s v="Information Technology Services"/>
    <s v="StatCan-9900002"/>
    <s v="In Production"/>
    <s v="rich"/>
    <x v="1"/>
    <x v="2804"/>
  </r>
  <r>
    <x v="0"/>
    <x v="28"/>
    <x v="7584"/>
    <s v=""/>
    <s v="Open Government Web services used to create, update and delete record from the registry."/>
    <s v=""/>
    <x v="1"/>
    <s v=""/>
    <x v="49"/>
    <s v="Statistical Infrastructure"/>
    <s v="Other"/>
    <s v="StatCan-9900003"/>
    <s v="In Production"/>
    <s v="web"/>
    <x v="1"/>
    <x v="2805"/>
  </r>
  <r>
    <x v="3"/>
    <x v="15"/>
    <x v="7585"/>
    <s v="GCodeWeb"/>
    <m/>
    <s v=""/>
    <x v="1"/>
    <s v=""/>
    <x v="49"/>
    <s v="Statistical Infrastructure"/>
    <s v="Other"/>
    <s v="StatCan-9900004"/>
    <s v="In Production"/>
    <s v="web"/>
    <x v="1"/>
    <x v="2627"/>
  </r>
  <r>
    <x v="3"/>
    <x v="15"/>
    <x v="7586"/>
    <s v="ICOSWeb"/>
    <m/>
    <s v=""/>
    <x v="1"/>
    <s v=""/>
    <x v="49"/>
    <s v="Statistical Infrastructure"/>
    <s v="Other"/>
    <s v="StatCan-9900005"/>
    <s v="In Production"/>
    <s v="web"/>
    <x v="1"/>
    <x v="2806"/>
  </r>
  <r>
    <x v="9"/>
    <x v="78"/>
    <x v="7587"/>
    <s v="Security-Hub"/>
    <s v="This solution is a set of micro services helping system applications comply to a certain number of ITSG-33 controls"/>
    <s v=""/>
    <x v="1"/>
    <s v=""/>
    <x v="49"/>
    <s v="Internal Services"/>
    <s v="Information Technology Services"/>
    <s v="StatCan-9900006"/>
    <s v="In Production"/>
    <s v="web"/>
    <x v="1"/>
    <x v="2807"/>
  </r>
  <r>
    <x v="4"/>
    <x v="5"/>
    <x v="4421"/>
    <s v=""/>
    <s v=""/>
    <s v="CSDC Systems"/>
    <x v="14"/>
    <s v="Privasoft AccessPro Case Management"/>
    <x v="50"/>
    <s v=""/>
    <s v=""/>
    <s v="APP-01891"/>
    <s v="In Production"/>
    <s v=""/>
    <x v="0"/>
    <x v="106"/>
  </r>
  <r>
    <x v="4"/>
    <x v="5"/>
    <x v="7588"/>
    <s v=""/>
    <s v=""/>
    <s v="Sophos"/>
    <x v="14"/>
    <s v="Sophos Enterprise Server"/>
    <x v="50"/>
    <s v=""/>
    <s v=""/>
    <s v="APP-01907"/>
    <s v="In Production"/>
    <s v=""/>
    <x v="0"/>
    <x v="106"/>
  </r>
  <r>
    <x v="4"/>
    <x v="5"/>
    <x v="7589"/>
    <s v=""/>
    <s v=""/>
    <s v=""/>
    <x v="118"/>
    <s v=""/>
    <x v="50"/>
    <s v=""/>
    <s v=""/>
    <s v="APP-01893"/>
    <s v="In Production"/>
    <s v=""/>
    <x v="0"/>
    <x v="106"/>
  </r>
  <r>
    <x v="4"/>
    <x v="5"/>
    <x v="7590"/>
    <s v=""/>
    <s v=""/>
    <s v="BlackBerry"/>
    <x v="14"/>
    <s v="BlackBerry Enterprise Server 5"/>
    <x v="50"/>
    <s v=""/>
    <s v=""/>
    <s v="APP-01895"/>
    <s v="In Production"/>
    <s v=""/>
    <x v="0"/>
    <x v="106"/>
  </r>
  <r>
    <x v="4"/>
    <x v="5"/>
    <x v="7591"/>
    <s v=""/>
    <s v=""/>
    <s v="BlackBerry"/>
    <x v="14"/>
    <s v="BlackBerry Enterprise Server 10"/>
    <x v="50"/>
    <s v=""/>
    <s v=""/>
    <s v="APP-01897"/>
    <s v="In Production"/>
    <s v=""/>
    <x v="0"/>
    <x v="106"/>
  </r>
  <r>
    <x v="4"/>
    <x v="5"/>
    <x v="5957"/>
    <s v=""/>
    <s v=""/>
    <s v=""/>
    <x v="0"/>
    <s v=""/>
    <x v="50"/>
    <s v=""/>
    <s v=""/>
    <s v="APP-01923"/>
    <s v="In Production"/>
    <s v=""/>
    <x v="0"/>
    <x v="106"/>
  </r>
  <r>
    <x v="4"/>
    <x v="5"/>
    <x v="7592"/>
    <s v=""/>
    <s v="Provides workflow notifications to CCM users. Installed on a different server than CCM Mercury."/>
    <s v="WorkDynamics"/>
    <x v="0"/>
    <s v="CCM Workflow Service"/>
    <x v="50"/>
    <s v=""/>
    <s v=""/>
    <s v="APP-01929"/>
    <s v="In Production"/>
    <s v=""/>
    <x v="0"/>
    <x v="106"/>
  </r>
  <r>
    <x v="4"/>
    <x v="5"/>
    <x v="7593"/>
    <s v=""/>
    <s v="Primary Domain Controller (all roles), DNS, DHCP, and Certificate Authority."/>
    <s v=""/>
    <x v="119"/>
    <s v=""/>
    <x v="50"/>
    <s v=""/>
    <s v=""/>
    <s v="APP-01899"/>
    <s v="In Production"/>
    <s v=""/>
    <x v="0"/>
    <x v="106"/>
  </r>
  <r>
    <x v="4"/>
    <x v="5"/>
    <x v="7594"/>
    <s v=""/>
    <s v="Backup Domain Controller. Also running IAS (Internet Authentication Services) used for enterprise WiFi authentication."/>
    <s v=""/>
    <x v="119"/>
    <s v=""/>
    <x v="50"/>
    <s v=""/>
    <s v=""/>
    <s v="APP-01937"/>
    <s v="In Production"/>
    <s v=""/>
    <x v="0"/>
    <x v="106"/>
  </r>
  <r>
    <x v="4"/>
    <x v="5"/>
    <x v="7595"/>
    <s v=""/>
    <s v=""/>
    <s v="OpenText"/>
    <x v="14"/>
    <s v="eDocs DM 5.3 (RDIMS)"/>
    <x v="50"/>
    <s v=""/>
    <s v=""/>
    <s v="APP-01915"/>
    <s v="In Production"/>
    <s v=""/>
    <x v="0"/>
    <x v="106"/>
  </r>
  <r>
    <x v="4"/>
    <x v="5"/>
    <x v="7596"/>
    <s v=""/>
    <s v="Anti-Spam and Anti-Virus email filter"/>
    <s v="DataEnter"/>
    <x v="14"/>
    <s v="XWALL"/>
    <x v="50"/>
    <s v=""/>
    <s v=""/>
    <s v="APP-01901"/>
    <s v="In Production"/>
    <s v=""/>
    <x v="0"/>
    <x v="106"/>
  </r>
  <r>
    <x v="4"/>
    <x v="5"/>
    <x v="7597"/>
    <s v=""/>
    <s v="Financial System"/>
    <s v="Freebalance"/>
    <x v="14"/>
    <s v="Freebalance 6.5e"/>
    <x v="50"/>
    <s v=""/>
    <s v=""/>
    <s v="APP-01884"/>
    <s v="In Production"/>
    <s v=""/>
    <x v="0"/>
    <x v="106"/>
  </r>
  <r>
    <x v="4"/>
    <x v="5"/>
    <x v="7598"/>
    <s v=""/>
    <s v="File and print server."/>
    <s v=""/>
    <x v="119"/>
    <s v=""/>
    <x v="50"/>
    <s v=""/>
    <s v=""/>
    <s v="APP-01939"/>
    <s v="In Production"/>
    <s v=""/>
    <x v="0"/>
    <x v="106"/>
  </r>
  <r>
    <x v="4"/>
    <x v="5"/>
    <x v="7599"/>
    <s v=""/>
    <s v="Grants and Contributions Management System. SQL Server backup with MS Access front end."/>
    <s v=""/>
    <x v="1"/>
    <s v=""/>
    <x v="50"/>
    <s v=""/>
    <s v=""/>
    <s v="APP-01925"/>
    <s v="In Production"/>
    <s v=""/>
    <x v="1"/>
    <x v="106"/>
  </r>
  <r>
    <x v="4"/>
    <x v="5"/>
    <x v="7600"/>
    <s v=""/>
    <s v=""/>
    <s v="PWGSC"/>
    <x v="14"/>
    <s v="HRIS"/>
    <x v="50"/>
    <s v=""/>
    <s v=""/>
    <s v="APP-01889"/>
    <s v="In Production"/>
    <s v=""/>
    <x v="0"/>
    <x v="106"/>
  </r>
  <r>
    <x v="4"/>
    <x v="5"/>
    <x v="458"/>
    <s v=""/>
    <s v="Paper Records Management System"/>
    <s v="OpenText"/>
    <x v="14"/>
    <s v="iRIMS 7"/>
    <x v="50"/>
    <s v=""/>
    <s v=""/>
    <s v="APP-01921"/>
    <s v="In Production"/>
    <s v=""/>
    <x v="0"/>
    <x v="106"/>
  </r>
  <r>
    <x v="4"/>
    <x v="5"/>
    <x v="7601"/>
    <s v=""/>
    <s v=""/>
    <s v="Microsofot"/>
    <x v="119"/>
    <s v="Lync Server 2010"/>
    <x v="50"/>
    <s v=""/>
    <s v=""/>
    <s v="APP-01903"/>
    <s v="In Production"/>
    <s v=""/>
    <x v="0"/>
    <x v="106"/>
  </r>
  <r>
    <x v="4"/>
    <x v="5"/>
    <x v="7602"/>
    <s v=""/>
    <s v=""/>
    <s v="Microsoft"/>
    <x v="119"/>
    <s v="Exchange Server Standard 2007"/>
    <x v="50"/>
    <s v=""/>
    <s v=""/>
    <s v="APP-01905"/>
    <s v="In Production"/>
    <s v=""/>
    <x v="0"/>
    <x v="106"/>
  </r>
  <r>
    <x v="4"/>
    <x v="5"/>
    <x v="477"/>
    <s v=""/>
    <s v="MSFT server used to securely send and receive files to/from PWGSC"/>
    <s v=""/>
    <x v="1"/>
    <s v=""/>
    <x v="50"/>
    <s v=""/>
    <s v=""/>
    <s v="APP-01913"/>
    <s v="In Production"/>
    <s v=""/>
    <x v="1"/>
    <x v="106"/>
  </r>
  <r>
    <x v="4"/>
    <x v="5"/>
    <x v="7603"/>
    <s v=""/>
    <s v="Web based tools used for data entry and file generation for proactive disclosures of Contracts, G&amp;Cs, and Travel/Hosp. Expenses."/>
    <s v=""/>
    <x v="1"/>
    <s v=""/>
    <x v="50"/>
    <s v=""/>
    <s v=""/>
    <s v="APP-01933"/>
    <s v="In Production"/>
    <s v=""/>
    <x v="1"/>
    <x v="106"/>
  </r>
  <r>
    <x v="4"/>
    <x v="5"/>
    <x v="7604"/>
    <s v=""/>
    <s v="eDocs RM server used in conjunction with eDocs DM server."/>
    <s v="OpenText"/>
    <x v="14"/>
    <s v="eDocs RM 5.3"/>
    <x v="50"/>
    <s v=""/>
    <s v=""/>
    <s v="APP-01943"/>
    <s v="In Production"/>
    <s v=""/>
    <x v="0"/>
    <x v="106"/>
  </r>
  <r>
    <x v="4"/>
    <x v="5"/>
    <x v="7605"/>
    <s v=""/>
    <s v="Management console to manage corporate Stonesoft firewall (McAfee Next Generation Firewall)"/>
    <s v=""/>
    <x v="120"/>
    <s v=""/>
    <x v="50"/>
    <s v=""/>
    <s v=""/>
    <s v="APP-01917"/>
    <s v="In Production"/>
    <s v=""/>
    <x v="0"/>
    <x v="106"/>
  </r>
  <r>
    <x v="4"/>
    <x v="5"/>
    <x v="7606"/>
    <s v=""/>
    <s v=""/>
    <s v="Microsoft"/>
    <x v="119"/>
    <s v="SQL Server 2005"/>
    <x v="50"/>
    <s v=""/>
    <s v=""/>
    <s v="APP-01919"/>
    <s v="In Production"/>
    <s v=""/>
    <x v="0"/>
    <x v="106"/>
  </r>
  <r>
    <x v="4"/>
    <x v="5"/>
    <x v="7607"/>
    <s v=""/>
    <s v="Web-based tool used to create and administer internal surveys."/>
    <s v=""/>
    <x v="1"/>
    <s v=""/>
    <x v="50"/>
    <s v=""/>
    <s v=""/>
    <s v="APP-01935"/>
    <s v="In Production"/>
    <s v=""/>
    <x v="1"/>
    <x v="106"/>
  </r>
  <r>
    <x v="4"/>
    <x v="5"/>
    <x v="7608"/>
    <s v=""/>
    <s v="Help Desk and IT Asset Management System"/>
    <s v="Numara"/>
    <x v="14"/>
    <s v="Track-It 9"/>
    <x v="50"/>
    <s v=""/>
    <s v=""/>
    <s v="APP-01911"/>
    <s v="In Production"/>
    <s v=""/>
    <x v="0"/>
    <x v="106"/>
  </r>
  <r>
    <x v="4"/>
    <x v="5"/>
    <x v="7609"/>
    <s v=""/>
    <s v="Translation Management System"/>
    <s v=""/>
    <x v="58"/>
    <s v=""/>
    <x v="50"/>
    <s v=""/>
    <s v=""/>
    <s v="APP-01887"/>
    <s v="In Production"/>
    <s v=""/>
    <x v="0"/>
    <x v="106"/>
  </r>
  <r>
    <x v="4"/>
    <x v="5"/>
    <x v="7610"/>
    <s v=""/>
    <s v="Software used in conjunction with WSUS to publish/push non-MS software and updates."/>
    <s v=""/>
    <x v="1"/>
    <s v=""/>
    <x v="50"/>
    <s v=""/>
    <s v=""/>
    <s v="APP-01941"/>
    <s v="In Production"/>
    <s v=""/>
    <x v="1"/>
    <x v="106"/>
  </r>
  <r>
    <x v="4"/>
    <x v="5"/>
    <x v="7611"/>
    <s v=""/>
    <s v=""/>
    <s v=""/>
    <x v="121"/>
    <s v=""/>
    <x v="50"/>
    <s v=""/>
    <s v=""/>
    <s v="APP-01927"/>
    <s v="In Production"/>
    <s v=""/>
    <x v="0"/>
    <x v="106"/>
  </r>
  <r>
    <x v="4"/>
    <x v="5"/>
    <x v="7612"/>
    <s v=""/>
    <s v="Internal Web server used for dev. Contains Apache 2.2, Tomcat 4.1, MySQL 5.6, Active Perl 5.10, PHP5, and WordPress."/>
    <s v="Apache"/>
    <x v="14"/>
    <s v="Apache Web Server"/>
    <x v="50"/>
    <s v=""/>
    <s v=""/>
    <s v="APP-01931"/>
    <s v="In Production"/>
    <s v=""/>
    <x v="0"/>
    <x v="106"/>
  </r>
  <r>
    <x v="4"/>
    <x v="5"/>
    <x v="7613"/>
    <s v=""/>
    <s v=""/>
    <s v="Microsoft"/>
    <x v="119"/>
    <s v="Windows Server Update Server"/>
    <x v="50"/>
    <s v=""/>
    <s v=""/>
    <s v="APP-01909"/>
    <s v="In Production"/>
    <s v=""/>
    <x v="0"/>
    <x v="106"/>
  </r>
  <r>
    <x v="4"/>
    <x v="5"/>
    <x v="7614"/>
    <s v=""/>
    <s v="XWALL Exchange addon to manage Junk-E-Mail Folder."/>
    <s v="DataEnter"/>
    <x v="14"/>
    <s v="XWALL addon for Exchange"/>
    <x v="50"/>
    <s v=""/>
    <s v=""/>
    <s v="APP-01945"/>
    <s v="In Production"/>
    <s v=""/>
    <x v="0"/>
    <x v="106"/>
  </r>
  <r>
    <x v="0"/>
    <x v="0"/>
    <x v="7615"/>
    <s v="CCMMERCURY"/>
    <s v="This is the replacement  COTS  software product for CCM Plus - now ccmMercury."/>
    <s v="WorkDynamics_Technologies_Inc"/>
    <x v="0"/>
    <s v=""/>
    <x v="51"/>
    <s v="P 4.1 Internal Services"/>
    <s v="Information Management Services"/>
    <s v="TC-101"/>
    <s v="In Production"/>
    <s v="rich"/>
    <x v="0"/>
    <x v="2808"/>
  </r>
  <r>
    <x v="6"/>
    <x v="82"/>
    <x v="7616"/>
    <s v="VAFUS"/>
    <s v="This application provides Canadians with a list of vehicles they are permitted to import from the United States and lists which modifications are required to have them match Canadian safety standards."/>
    <s v=""/>
    <x v="1"/>
    <s v=""/>
    <x v="51"/>
    <s v="P 3.4 Motor Vehicle Safety"/>
    <s v="Other"/>
    <s v="TC-1016"/>
    <s v="In Production"/>
    <s v="web"/>
    <x v="1"/>
    <x v="2809"/>
  </r>
  <r>
    <x v="0"/>
    <x v="19"/>
    <x v="7617"/>
    <s v="EXTFCAT"/>
    <s v="The External Forms Catalogue provides access to electronic PDF forms that need to be made available to the general public."/>
    <s v=""/>
    <x v="1"/>
    <s v=""/>
    <x v="51"/>
    <s v="P 4.1 Internal Services"/>
    <s v="Information Management Services"/>
    <s v="TC-107"/>
    <s v="In Production"/>
    <s v="web"/>
    <x v="1"/>
    <x v="2810"/>
  </r>
  <r>
    <x v="0"/>
    <x v="16"/>
    <x v="7618"/>
    <s v="CAIMS"/>
    <s v="The Civil Aviation Integrated Management System (CAIMS) is defined as all the interrelated Civil Aviation activities necessary to manage and conduct the Civil Aviation Program. IMS is an initiative arising from Civil Aviation Directive (CAD) 37 - Civil Av"/>
    <s v=""/>
    <x v="1"/>
    <s v=""/>
    <x v="51"/>
    <s v="P 3.1 Aviation Safety"/>
    <s v="Other"/>
    <s v="TC-1076"/>
    <s v="In Production"/>
    <s v="web"/>
    <x v="1"/>
    <x v="2811"/>
  </r>
  <r>
    <x v="6"/>
    <x v="33"/>
    <x v="7619"/>
    <s v="FPAK"/>
    <s v="FlightPak is used by Aircraft Services nationally for flight scheduling, crew management and reporting for the purposes of client billing and capturing flying hours."/>
    <s v="Other"/>
    <x v="14"/>
    <s v="Universal Weather and Aviation Inc"/>
    <x v="51"/>
    <s v="P 3.1 Aviation Safety"/>
    <s v="Other"/>
    <s v="TC-1077"/>
    <s v="In Production"/>
    <s v="web"/>
    <x v="0"/>
    <x v="2812"/>
  </r>
  <r>
    <x v="0"/>
    <x v="19"/>
    <x v="7620"/>
    <s v="FORMCAT"/>
    <s v="The Forms Catalogue web application provides access to all electronic forms to all TC users."/>
    <s v=""/>
    <x v="1"/>
    <s v=""/>
    <x v="51"/>
    <s v="P 4.1 Internal Services"/>
    <s v="Information Management Services"/>
    <s v="TC-109"/>
    <s v="In Production"/>
    <s v="web"/>
    <x v="1"/>
    <x v="2810"/>
  </r>
  <r>
    <x v="0"/>
    <x v="88"/>
    <x v="7621"/>
    <s v="VLD"/>
    <s v="Creation of a Video Tape Logging Catalog using Microsoft Access.  The application will be used to log / catalogue information from Camera Original Videotapes."/>
    <s v=""/>
    <x v="1"/>
    <s v=""/>
    <x v="51"/>
    <s v="P 3.1 Aviation Safety"/>
    <s v="Other"/>
    <s v="TC-1099"/>
    <s v="In Production"/>
    <s v="web"/>
    <x v="1"/>
    <x v="2813"/>
  </r>
  <r>
    <x v="0"/>
    <x v="19"/>
    <x v="7622"/>
    <s v="FMS"/>
    <s v="This application allows Forms Management Group to update the Forms Catalogue data."/>
    <s v=""/>
    <x v="1"/>
    <s v=""/>
    <x v="51"/>
    <s v="P 4.1 Internal Services"/>
    <s v="Information Management Services"/>
    <s v="TC-110"/>
    <s v="In Production"/>
    <s v="rich"/>
    <x v="1"/>
    <x v="2814"/>
  </r>
  <r>
    <x v="0"/>
    <x v="11"/>
    <x v="7623"/>
    <s v="AVIS"/>
    <s v="The HR Management Advisories application (a.k.a. “HR Triggers”), is an Intranet application (GOL#126) where key HR events are monitored (via Oracle triggers on the Corporate HR Database), and, upon their occurrence, generate advisory messages which are displayed for the line managers concerned. While architecture has not yet been confirmed, e-mail has generally (if not conclusively), been dismissed (due to mail burden), as an appropriate means of delivery and it appears far more likely that a “manager’s dashboard” model, Web-based, will be used instead."/>
    <s v=""/>
    <x v="1"/>
    <s v=""/>
    <x v="51"/>
    <s v="P 4.1 Internal Services"/>
    <s v="Human Resources Management Services,Information Management Services"/>
    <s v="TC-114"/>
    <s v="In Production"/>
    <s v="web"/>
    <x v="1"/>
    <x v="2815"/>
  </r>
  <r>
    <x v="2"/>
    <x v="2"/>
    <x v="542"/>
    <s v="IDEA"/>
    <s v="IDEA is a read-only software developed by the Office of the Auditor General and permits statistical sampling of transactions in a database.  Accounting Offices are the primary departmental users of the system."/>
    <s v="Other"/>
    <x v="14"/>
    <s v="Caseware IDEA"/>
    <x v="51"/>
    <s v="P 4.1 Internal Services"/>
    <s v="Financial Management Services"/>
    <s v="TC-115"/>
    <s v="In Production"/>
    <s v="rich"/>
    <x v="0"/>
    <x v="10"/>
  </r>
  <r>
    <x v="0"/>
    <x v="0"/>
    <x v="7624"/>
    <s v="EDMTS"/>
    <s v="The ccmMercury - EDM Tracking System (EDMTS) is used to track tasks, initiatives, change requests, and other assignments within the Electronic Document Management division of Transport Canada, as well as producing reports on status and performance management."/>
    <s v="WorkDynamics_Technologies_Inc"/>
    <x v="0"/>
    <s v=""/>
    <x v="51"/>
    <s v="P 4.1 Internal Services"/>
    <s v="Information Management Services"/>
    <s v="TC-1194"/>
    <s v="In Production"/>
    <s v="rich"/>
    <x v="0"/>
    <x v="2808"/>
  </r>
  <r>
    <x v="0"/>
    <x v="28"/>
    <x v="5241"/>
    <s v="TRAINING"/>
    <s v="Training database."/>
    <s v=""/>
    <x v="1"/>
    <s v=""/>
    <x v="51"/>
    <s v="P 4.1 Internal Services"/>
    <s v="Human Resources Management Services"/>
    <s v="TC-12"/>
    <s v="In Production"/>
    <s v="web"/>
    <x v="1"/>
    <x v="2816"/>
  </r>
  <r>
    <x v="6"/>
    <x v="33"/>
    <x v="7625"/>
    <s v="DCRA Admin"/>
    <s v="An online registration form for the Delegates Conference 2006. TC employees and TC Business Partners will be provided the URL with their invitation to the conference and those who wish to participate will use this registration page to indicate their inten"/>
    <s v=""/>
    <x v="1"/>
    <s v=""/>
    <x v="51"/>
    <s v="P 3.1 Aviation Safety"/>
    <s v="Other"/>
    <s v="TC-1211"/>
    <s v="In Production"/>
    <s v="web"/>
    <x v="1"/>
    <x v="2811"/>
  </r>
  <r>
    <x v="6"/>
    <x v="24"/>
    <x v="7626"/>
    <s v="MACROSCOPE"/>
    <s v="The Macroscope Productivity Centre/ Management Suite V4.5 is a COTS SDLC methology software. The software is comprised of both a Web and a client/server component. The client/server component provides access to Productivity Center / Management Suite's tools and deliverable templates"/>
    <s v="Other"/>
    <x v="14"/>
    <s v="Fujitsu, Macroscope"/>
    <x v="51"/>
    <s v="P 4.1 Internal Services"/>
    <s v="Information Management Services"/>
    <s v="TC-125"/>
    <s v="In Production"/>
    <s v="rich"/>
    <x v="0"/>
    <x v="99"/>
  </r>
  <r>
    <x v="2"/>
    <x v="2"/>
    <x v="7627"/>
    <s v="ORACLE R12"/>
    <s v="Oracle Financials 11i is a fully bilingual Integrated Departmental Financial and Materiel Management System designed to reflect and respect federal government financial and materiel management  business rules. It includes the following modules: Accounts Payable(AP), Accounts Receivable(AR), General Ledger(GL), Inventory(INV), Order Management(OM), Purchasing(PO), iProcurement(ICX),  Fixed Assets(FA), Applications Desktop Integrator(ADI), Customer Online(OCO), Combined Basis Accounting(CBA), iPayment(IBY), Advanced Pricing(QP), iReceivables(OIR)/Transact, iStore(IBE)/Transact,  Transport Canada Billing System(TCBS), iTravel(XXITR), Contract Tracking System(XXCTS), National sampling Plan(XXNSP), Learning Activity Requests(LAR), Cluster group FIS applicat"/>
    <s v="Oracle_Canada_ULC"/>
    <x v="122"/>
    <s v=""/>
    <x v="51"/>
    <s v="P 4.1 Internal Services"/>
    <s v="Financial Management Services,Information Management Services,Real Property Services,Travel and Other Administrative Services"/>
    <s v="TC-127"/>
    <s v="In Production"/>
    <s v="rich"/>
    <x v="0"/>
    <x v="2817"/>
  </r>
  <r>
    <x v="0"/>
    <x v="11"/>
    <x v="7628"/>
    <s v="NEATS"/>
    <s v="This application is used to track and manage TC's environmental assessment projects which are required under the Canadian Environmental Assessment Act."/>
    <s v=""/>
    <x v="1"/>
    <s v=""/>
    <x v="51"/>
    <s v="P 2.3 Environmental Stewardship of Transportation"/>
    <s v="Other"/>
    <s v="TC-1271"/>
    <s v="In Production"/>
    <s v="web"/>
    <x v="1"/>
    <x v="2818"/>
  </r>
  <r>
    <x v="0"/>
    <x v="7"/>
    <x v="7629"/>
    <s v="RIMS"/>
    <s v="Records Managament application to replace RMIS.  This application is part of the RDIMS suite.  This is the records management component of RDIMS and is also used to manage and enable access to the department's paper records including those related to safety and security of the travelling public."/>
    <s v="Other"/>
    <x v="14"/>
    <s v="Open Text"/>
    <x v="51"/>
    <s v="P 4.1 Internal Services"/>
    <s v="Information Management Services"/>
    <s v="TC-138"/>
    <s v="In Production"/>
    <s v="rich"/>
    <x v="0"/>
    <x v="2808"/>
  </r>
  <r>
    <x v="0"/>
    <x v="7"/>
    <x v="7630"/>
    <s v="RDIMS"/>
    <s v="An Electronic Document Management System is an automated solution for managing information objects (i.e. text, spreadsheets, images, e-mail messages, etc.) throughout the Information Life Cycle.  There are both full desktop and thin client versions available."/>
    <s v="Other"/>
    <x v="14"/>
    <s v="Open Text"/>
    <x v="51"/>
    <s v="P 4.1 Internal Services"/>
    <s v="Information Management Services"/>
    <s v="TC-140"/>
    <s v="In Production"/>
    <s v="rich"/>
    <x v="0"/>
    <x v="2808"/>
  </r>
  <r>
    <x v="0"/>
    <x v="13"/>
    <x v="7631"/>
    <s v="RMIS WEB"/>
    <s v="RMIS web Inquiry replaces its mainframe predecessor, ARMIS."/>
    <s v=""/>
    <x v="1"/>
    <s v=""/>
    <x v="51"/>
    <s v="P 4.1 Internal Services"/>
    <s v="Information Management Services"/>
    <s v="TC-144"/>
    <s v="In Production"/>
    <s v="web"/>
    <x v="1"/>
    <x v="2819"/>
  </r>
  <r>
    <x v="0"/>
    <x v="42"/>
    <x v="7632"/>
    <s v="ESS Portal"/>
    <m/>
    <s v=""/>
    <x v="1"/>
    <s v=""/>
    <x v="51"/>
    <s v="P 4.1 Internal Services"/>
    <s v="Human Resources Management Services,Information Management Services"/>
    <s v="TC-148"/>
    <s v="In Production"/>
    <s v="web"/>
    <x v="1"/>
    <x v="1906"/>
  </r>
  <r>
    <x v="0"/>
    <x v="28"/>
    <x v="7633"/>
    <s v="MMEL"/>
    <s v="This application is a repository for the Master Minimum Equipment List used by Headquarters, Regional and Industry personnel and contains all the relevant information with respect to the philosophy, development and approval of MMELs along with current app"/>
    <s v=""/>
    <x v="1"/>
    <s v=""/>
    <x v="51"/>
    <s v="P 3.1 Aviation Safety"/>
    <s v="Other"/>
    <s v="TC-1493"/>
    <s v="In Production"/>
    <s v="web"/>
    <x v="1"/>
    <x v="2820"/>
  </r>
  <r>
    <x v="2"/>
    <x v="51"/>
    <x v="7634"/>
    <s v="CPSCSWEB"/>
    <s v="The Canadian Port State Control System Web (CPSCSWEB) is used internally by Transport Canada Marine Safety Port State Control (PSC) officers to record the inspections of foreign vessels which are under the auspices of the Canadian PSC program. The applica"/>
    <s v=""/>
    <x v="1"/>
    <s v=""/>
    <x v="51"/>
    <s v="P 3.2 Marine Safety"/>
    <s v="Other"/>
    <s v="TC-1551"/>
    <s v="In Production"/>
    <s v="rich"/>
    <x v="1"/>
    <x v="2821"/>
  </r>
  <r>
    <x v="0"/>
    <x v="11"/>
    <x v="7635"/>
    <s v="TIPS_BP"/>
    <m/>
    <s v=""/>
    <x v="1"/>
    <s v=""/>
    <x v="51"/>
    <s v="P 4.1 Internal Services"/>
    <s v="Human Resources Management Services,Information Management Services"/>
    <s v="TC-158"/>
    <s v="In Production"/>
    <s v="rich"/>
    <x v="1"/>
    <x v="1891"/>
  </r>
  <r>
    <x v="0"/>
    <x v="11"/>
    <x v="7636"/>
    <s v="TIPS_CLASS"/>
    <m/>
    <s v=""/>
    <x v="1"/>
    <s v=""/>
    <x v="51"/>
    <s v="P 4.1 Internal Services"/>
    <s v="Human Resources Management Services,Information Management Services"/>
    <s v="TC-159"/>
    <s v="In Production"/>
    <s v="rich"/>
    <x v="1"/>
    <x v="1891"/>
  </r>
  <r>
    <x v="0"/>
    <x v="11"/>
    <x v="7637"/>
    <s v="TIPS_CORP_INT"/>
    <m/>
    <s v=""/>
    <x v="1"/>
    <s v=""/>
    <x v="51"/>
    <s v="P 4.1 Internal Services"/>
    <s v="Human Resources Management Services,Information Management Services"/>
    <s v="TC-160"/>
    <s v="In Production"/>
    <s v="rich"/>
    <x v="1"/>
    <x v="1891"/>
  </r>
  <r>
    <x v="0"/>
    <x v="11"/>
    <x v="7638"/>
    <s v="EE"/>
    <m/>
    <s v=""/>
    <x v="1"/>
    <s v=""/>
    <x v="51"/>
    <s v="P 4.1 Internal Services"/>
    <s v="Human Resources Management Services,Information Management Services"/>
    <s v="TC-162"/>
    <s v="In Production"/>
    <s v="web"/>
    <x v="1"/>
    <x v="1906"/>
  </r>
  <r>
    <x v="0"/>
    <x v="11"/>
    <x v="7639"/>
    <s v="TIPS_INQY"/>
    <m/>
    <s v=""/>
    <x v="1"/>
    <s v=""/>
    <x v="51"/>
    <s v="P 4.1 Internal Services"/>
    <s v="Human Resources Management Services,Information Management Services"/>
    <s v="TC-163"/>
    <s v="In Production"/>
    <s v="rich"/>
    <x v="1"/>
    <x v="1891"/>
  </r>
  <r>
    <x v="0"/>
    <x v="11"/>
    <x v="7640"/>
    <s v="EIS"/>
    <s v="This application provides users access to various Environmental Programs data through a web-type interface supported by a GIS (Geographical Information System)"/>
    <s v=""/>
    <x v="1"/>
    <s v=""/>
    <x v="51"/>
    <s v="P 4.1 Internal Services"/>
    <s v="Information Management Services,Management and Oversight Services,Real Property Services"/>
    <s v="TC-1631"/>
    <s v="In Production"/>
    <s v="web"/>
    <x v="1"/>
    <x v="2822"/>
  </r>
  <r>
    <x v="0"/>
    <x v="11"/>
    <x v="7641"/>
    <s v="LEX"/>
    <m/>
    <s v=""/>
    <x v="1"/>
    <s v=""/>
    <x v="51"/>
    <s v="P 4.1 Internal Services"/>
    <s v="Human Resources Management Services,Information Management Services"/>
    <s v="TC-164"/>
    <s v="In Production"/>
    <s v="web"/>
    <x v="1"/>
    <x v="1906"/>
  </r>
  <r>
    <x v="0"/>
    <x v="11"/>
    <x v="7642"/>
    <s v="LEX ADMIN"/>
    <m/>
    <s v=""/>
    <x v="1"/>
    <s v=""/>
    <x v="51"/>
    <s v="P 4.1 Internal Services"/>
    <s v="Human Resources Management Services,Information Management Services"/>
    <s v="TC-165"/>
    <s v="In Production"/>
    <s v="rich"/>
    <x v="1"/>
    <x v="1891"/>
  </r>
  <r>
    <x v="3"/>
    <x v="4"/>
    <x v="7643"/>
    <s v="CIRS"/>
    <s v="This system collects information, images and data with regards to Collision Investigations commissioned by TC."/>
    <s v=""/>
    <x v="1"/>
    <s v=""/>
    <x v="51"/>
    <s v="P 3.4 Motor Vehicle Safety"/>
    <s v="Other"/>
    <s v="TC-1651"/>
    <s v="In Production"/>
    <s v="rich"/>
    <x v="1"/>
    <x v="2823"/>
  </r>
  <r>
    <x v="0"/>
    <x v="11"/>
    <x v="7644"/>
    <s v="OSH"/>
    <m/>
    <s v=""/>
    <x v="1"/>
    <s v=""/>
    <x v="51"/>
    <s v="P 4.1 Internal Services"/>
    <s v="Human Resources Management Services,Information Management Services"/>
    <s v="TC-166"/>
    <s v="In Production"/>
    <s v="rich"/>
    <x v="1"/>
    <x v="1891"/>
  </r>
  <r>
    <x v="0"/>
    <x v="11"/>
    <x v="7645"/>
    <s v="OL"/>
    <s v="Process support for identifying position language requirements and profiles, scheduling SLEs and recording employee language proficiencies and administering the Bilingualism Bonus."/>
    <s v=""/>
    <x v="1"/>
    <s v=""/>
    <x v="51"/>
    <s v="P 4.1 Internal Services"/>
    <s v="Human Resources Management Services,Information Management Services"/>
    <s v="TC-167"/>
    <s v="In Production"/>
    <s v="rich"/>
    <x v="1"/>
    <x v="1891"/>
  </r>
  <r>
    <x v="0"/>
    <x v="0"/>
    <x v="7646"/>
    <s v="PIMS"/>
    <s v="The ccmMercury - Project Information Management System (PIMS) is a database for capturing information to track and report on Departmental Evaluation Services’ projects and activities, and also for producing reports."/>
    <s v="WorkDynamics_Technologies_Inc"/>
    <x v="0"/>
    <s v=""/>
    <x v="51"/>
    <s v="P 4.1 Internal Services"/>
    <s v="Information Management Services"/>
    <s v="TC-1691"/>
    <s v="In Production"/>
    <s v="rich"/>
    <x v="0"/>
    <x v="2808"/>
  </r>
  <r>
    <x v="0"/>
    <x v="11"/>
    <x v="7647"/>
    <s v="TRAC"/>
    <m/>
    <s v=""/>
    <x v="1"/>
    <s v=""/>
    <x v="51"/>
    <s v="P 4.1 Internal Services"/>
    <s v="Human Resources Management Services,Information Management Services"/>
    <s v="TC-170"/>
    <s v="In Production"/>
    <s v="rich"/>
    <x v="1"/>
    <x v="1891"/>
  </r>
  <r>
    <x v="0"/>
    <x v="11"/>
    <x v="7648"/>
    <s v="TIPS_SEC_ERR"/>
    <m/>
    <s v=""/>
    <x v="1"/>
    <s v=""/>
    <x v="51"/>
    <s v="P 4.1 Internal Services"/>
    <s v="Human Resources Management Services,Information Management Services"/>
    <s v="TC-171"/>
    <s v="In Production"/>
    <s v="rich"/>
    <x v="1"/>
    <x v="1891"/>
  </r>
  <r>
    <x v="0"/>
    <x v="11"/>
    <x v="7649"/>
    <s v="TIPS_LR"/>
    <m/>
    <s v=""/>
    <x v="1"/>
    <s v=""/>
    <x v="51"/>
    <s v="P 4.1 Internal Services"/>
    <s v="Human Resources Management Services,Information Management Services"/>
    <s v="TC-172"/>
    <s v="In Production"/>
    <s v="rich"/>
    <x v="1"/>
    <x v="1891"/>
  </r>
  <r>
    <x v="0"/>
    <x v="11"/>
    <x v="7650"/>
    <s v="TIPS_STFG"/>
    <m/>
    <s v=""/>
    <x v="1"/>
    <s v=""/>
    <x v="51"/>
    <s v="P 4.1 Internal Services"/>
    <s v="Human Resources Management Services,Information Management Services"/>
    <s v="TC-173"/>
    <s v="In Production"/>
    <s v="rich"/>
    <x v="1"/>
    <x v="1891"/>
  </r>
  <r>
    <x v="0"/>
    <x v="11"/>
    <x v="7651"/>
    <s v="TIPS_STFPRI"/>
    <m/>
    <s v=""/>
    <x v="1"/>
    <s v=""/>
    <x v="51"/>
    <s v="P 4.1 Internal Services"/>
    <s v="Human Resources Management Services,Information Management Services"/>
    <s v="TC-174"/>
    <s v="In Production"/>
    <s v="rich"/>
    <x v="1"/>
    <x v="1891"/>
  </r>
  <r>
    <x v="0"/>
    <x v="11"/>
    <x v="7652"/>
    <s v="TIPS_TMPASS"/>
    <m/>
    <s v=""/>
    <x v="1"/>
    <s v=""/>
    <x v="51"/>
    <s v="P 4.1 Internal Services"/>
    <s v="Human Resources Management Services,Information Management Services"/>
    <s v="TC-175"/>
    <s v="In Production"/>
    <s v="rich"/>
    <x v="1"/>
    <x v="1891"/>
  </r>
  <r>
    <x v="0"/>
    <x v="11"/>
    <x v="7653"/>
    <s v="CTES"/>
    <s v="Process support for capturing UCS ratings, applying generic evaluations and modeling conversion scenarios."/>
    <s v=""/>
    <x v="1"/>
    <s v=""/>
    <x v="51"/>
    <s v="P 4.1 Internal Services"/>
    <s v="Human Resources Management Services,Information Management Services"/>
    <s v="TC-176"/>
    <s v="In Production"/>
    <s v="rich"/>
    <x v="1"/>
    <x v="1891"/>
  </r>
  <r>
    <x v="0"/>
    <x v="28"/>
    <x v="7654"/>
    <s v="SRAS"/>
    <m/>
    <s v=""/>
    <x v="1"/>
    <s v=""/>
    <x v="51"/>
    <s v="P 3.6 Aviation Security"/>
    <s v="Other"/>
    <s v="TC-1792"/>
    <s v="In Production"/>
    <s v="web"/>
    <x v="1"/>
    <x v="2824"/>
  </r>
  <r>
    <x v="0"/>
    <x v="0"/>
    <x v="7655"/>
    <s v="RSCLS"/>
    <s v="The ccmMercury - Road Safety Call Log System (RSCLS) is used by the Road Safety group of Transport Canada to monitor and follow-up on requests submitted via e-mail or telephone."/>
    <s v="WorkDynamics_Technologies_Inc"/>
    <x v="0"/>
    <s v=""/>
    <x v="51"/>
    <s v="P 4.1 Internal Services"/>
    <s v="Information Management Services"/>
    <s v="TC-1831"/>
    <s v="In Production"/>
    <s v="rich"/>
    <x v="0"/>
    <x v="2825"/>
  </r>
  <r>
    <x v="2"/>
    <x v="51"/>
    <x v="7656"/>
    <s v="SIRS"/>
    <s v="SIRS database stores information related to vessel inspection and oversight activities providing Marine Safety and Security inspectors, TC delegated authorities, Department of Fisheries and Oceans and the Transportation Safety Board the most up to date sa"/>
    <s v=""/>
    <x v="1"/>
    <s v=""/>
    <x v="51"/>
    <s v="P 3.2 Marine Safety"/>
    <s v="Other"/>
    <s v="TC-1852"/>
    <s v="In Production"/>
    <s v="web"/>
    <x v="1"/>
    <x v="2826"/>
  </r>
  <r>
    <x v="0"/>
    <x v="28"/>
    <x v="7657"/>
    <s v="SRCS"/>
    <s v="SRCS is the legislated system used to identify Canadian registered vessels and provides vessel tombstone information such as type, tonnage, length etc, to marine inspectors and law enforcement agencies to support their operational activities."/>
    <s v=""/>
    <x v="1"/>
    <s v=""/>
    <x v="51"/>
    <s v="P 3.2 Marine Safety"/>
    <s v="Other"/>
    <s v="TC-1853"/>
    <s v="In Production"/>
    <s v="web"/>
    <x v="1"/>
    <x v="2827"/>
  </r>
  <r>
    <x v="3"/>
    <x v="45"/>
    <x v="7658"/>
    <s v="ACA_ESA"/>
    <m/>
    <s v=""/>
    <x v="1"/>
    <s v=""/>
    <x v="51"/>
    <s v="P 1.4 Transportation Analysis and Innovation"/>
    <s v="Information Management Services,Information Technology Services"/>
    <s v="TC-189"/>
    <s v="In Production"/>
    <s v="rich"/>
    <x v="1"/>
    <x v="2828"/>
  </r>
  <r>
    <x v="5"/>
    <x v="25"/>
    <x v="7659"/>
    <s v="ACDB"/>
    <m/>
    <s v=""/>
    <x v="1"/>
    <s v=""/>
    <x v="51"/>
    <s v="P 1.1 Transportation Marketplace Frameworks"/>
    <s v="Other"/>
    <s v="TC-191"/>
    <s v="In Production"/>
    <s v="rich"/>
    <x v="1"/>
    <x v="2828"/>
  </r>
  <r>
    <x v="6"/>
    <x v="82"/>
    <x v="7660"/>
    <s v="PCDB-Web"/>
    <s v="Database of vehicle complaints received from the public.  This web-based version will replace the older PC version (WINPCS)."/>
    <s v=""/>
    <x v="1"/>
    <s v=""/>
    <x v="51"/>
    <s v="P 3.4 Motor Vehicle Safety"/>
    <s v="Other"/>
    <s v="TC-1911"/>
    <s v="In Production"/>
    <s v="web"/>
    <x v="1"/>
    <x v="2829"/>
  </r>
  <r>
    <x v="6"/>
    <x v="82"/>
    <x v="7661"/>
    <s v="FTMS"/>
    <s v="This Road Safety application is used to manage the purchasing, component testing and reservations for a fleet of TC vehicles."/>
    <s v=""/>
    <x v="1"/>
    <s v=""/>
    <x v="51"/>
    <s v="P 3.4 Motor Vehicle Safety"/>
    <s v="Other"/>
    <s v="TC-1951"/>
    <s v="In Production"/>
    <s v="rich"/>
    <x v="1"/>
    <x v="2830"/>
  </r>
  <r>
    <x v="2"/>
    <x v="51"/>
    <x v="7662"/>
    <s v="CAIRS Int"/>
    <s v="The CAIRS provides Transport Canada employees with a means to raise issues (concerns, complaints, compliments, and suggestions for improvement), and identify hazards to management. External stakeholders may also raise issues with Transport Canada through"/>
    <s v=""/>
    <x v="1"/>
    <s v=""/>
    <x v="51"/>
    <s v="P 3.1 Aviation Safety"/>
    <s v="Other"/>
    <s v="TC-1971"/>
    <s v="In Production"/>
    <s v="web"/>
    <x v="1"/>
    <x v="2811"/>
  </r>
  <r>
    <x v="0"/>
    <x v="0"/>
    <x v="7663"/>
    <s v="CDTS"/>
    <m/>
    <s v="WorkDynamics_Technologies_Inc"/>
    <x v="0"/>
    <s v=""/>
    <x v="51"/>
    <s v="P 4.1 Internal Services"/>
    <s v="Information Management Services"/>
    <s v="TC-198"/>
    <s v="In Production"/>
    <s v="rich"/>
    <x v="0"/>
    <x v="2808"/>
  </r>
  <r>
    <x v="0"/>
    <x v="11"/>
    <x v="7664"/>
    <s v="CSMAA"/>
    <m/>
    <s v=""/>
    <x v="1"/>
    <s v=""/>
    <x v="51"/>
    <s v="P 3.2 Marine Safety"/>
    <s v="Other"/>
    <s v="TC-199"/>
    <s v="In Production"/>
    <s v="web"/>
    <x v="1"/>
    <x v="2831"/>
  </r>
  <r>
    <x v="0"/>
    <x v="18"/>
    <x v="7665"/>
    <s v="CUS"/>
    <s v="Survey of internal communications questions for Transport Canada employees, available on the intranet.  The questionnnaire changes weekly.  Questions are stored in an Oracle 11g database.  The application has a C#.NET front end."/>
    <s v=""/>
    <x v="1"/>
    <s v=""/>
    <x v="51"/>
    <s v="P 4.1 Internal Services"/>
    <s v="Communications Services,Information Management Services"/>
    <s v="TC-1991"/>
    <s v="In Production"/>
    <s v="web"/>
    <x v="1"/>
    <x v="2832"/>
  </r>
  <r>
    <x v="5"/>
    <x v="94"/>
    <x v="7666"/>
    <s v="MG_DNR"/>
    <m/>
    <s v=""/>
    <x v="1"/>
    <s v=""/>
    <x v="51"/>
    <s v="P 1.4 Transportation Analysis and Innovation"/>
    <s v="Information Management Services,Information Technology Services"/>
    <s v="TC-203"/>
    <s v="In Production"/>
    <s v="rich"/>
    <x v="1"/>
    <x v="2828"/>
  </r>
  <r>
    <x v="0"/>
    <x v="8"/>
    <x v="5529"/>
    <s v="COMMPORT"/>
    <s v="CommPort is a bilingual web application used for sharing and tracking key Communications activities between Communications, Regions, MO, and DMO staff at Transport Canada. The application is written in VB.NET and uses Oracle 11g as back-end."/>
    <s v=""/>
    <x v="1"/>
    <s v=""/>
    <x v="51"/>
    <s v="P 4.1 Internal Services"/>
    <s v="Communications Services,Information Management Services"/>
    <s v="TC-2031"/>
    <s v="In Production"/>
    <s v="web"/>
    <x v="1"/>
    <x v="2832"/>
  </r>
  <r>
    <x v="6"/>
    <x v="82"/>
    <x v="7667"/>
    <s v="TSC On-Line Application"/>
    <s v="This web application executes on the user’s computer (client) to prepare the TSC Application form for employment requiring a TC clearance utilizing logic (via a “wizard”) to ensure the printed output (the TSC form) contains all the required personal information covering specific date parameters determined by the business rules.  No data is transmitted to the server or retained by this application.  The output provided by the application (i.e.  the completed TSC form) will be signed at the Airport Pass Control Office (APCO) by the TC representative and forwarded to ABB as per the current standard.  The prime purpose of this initiative is to provide a legible document containing all the required information in order to accelerate the clearance process av"/>
    <s v=""/>
    <x v="1"/>
    <s v=""/>
    <x v="51"/>
    <s v="P 3.9 Multimodal Safety and Security"/>
    <s v="Other"/>
    <s v="TC-2051"/>
    <s v="In Production"/>
    <s v="web"/>
    <x v="1"/>
    <x v="2833"/>
  </r>
  <r>
    <x v="5"/>
    <x v="90"/>
    <x v="7668"/>
    <s v="MAPINFO"/>
    <m/>
    <s v=""/>
    <x v="1"/>
    <s v=""/>
    <x v="51"/>
    <s v="P 1.4 Transportation Analysis and Innovation"/>
    <s v="Information Management Services,Information Technology Services"/>
    <s v="TC-210"/>
    <s v="In Production"/>
    <s v="rich"/>
    <x v="1"/>
    <x v="88"/>
  </r>
  <r>
    <x v="0"/>
    <x v="11"/>
    <x v="7669"/>
    <s v="M_MODS2"/>
    <s v="This application works with a redesigned database design by Statistics Canada.  It is a complete redesign and the old application is still in use so not merely a new version of the application."/>
    <s v=""/>
    <x v="1"/>
    <s v=""/>
    <x v="51"/>
    <s v="P 1.1 Transportation Marketplace Frameworks"/>
    <s v="Other"/>
    <s v="TC-212"/>
    <s v="In Production"/>
    <s v="rich"/>
    <x v="1"/>
    <x v="2828"/>
  </r>
  <r>
    <x v="8"/>
    <x v="37"/>
    <x v="7670"/>
    <s v="PIU"/>
    <s v="The Problem Isolation Utility (PIU), also known as “SC Demo”, is a web-based utility to be used for troubleshooting when Secure Channel problems are reported in relation to an application. PIU will help the web infrastructure team determine if the problem comes from the application, one of the components of our own infrastructure, the firewall, the Secure Channel infrastructure, etc… The tool allows the user to invoke each Secure Channel service, and to receive a response or error message.  There isn't any data associated with this application."/>
    <s v=""/>
    <x v="1"/>
    <s v=""/>
    <x v="51"/>
    <s v="P 4.1 Internal Services"/>
    <s v="Information Technology Services"/>
    <s v="TC-2151"/>
    <s v="In Production"/>
    <s v="rich"/>
    <x v="1"/>
    <x v="2834"/>
  </r>
  <r>
    <x v="0"/>
    <x v="11"/>
    <x v="7671"/>
    <s v="NAA"/>
    <s v="The National Award Application is a web-based application, accessed via the HR Self Service Portal, that provides full process support to its user base of awards coordinators across Canada. This application facilitates the ongoing monitoring and effectiveness of the Awards Program by allowing coordinators to track awards in one central database. This application will be used primarily to record awards granted to Transport Canada employees including long service awards, retirement certificates, appreciation awards, TC awards of excellence, and awards from other organizations."/>
    <s v=""/>
    <x v="1"/>
    <s v=""/>
    <x v="51"/>
    <s v="P 4.1 Internal Services"/>
    <s v="Human Resources Management Services,Information Management Services"/>
    <s v="TC-2153"/>
    <s v="In Production"/>
    <s v="web"/>
    <x v="1"/>
    <x v="1906"/>
  </r>
  <r>
    <x v="5"/>
    <x v="25"/>
    <x v="7672"/>
    <s v="PODM"/>
    <m/>
    <s v=""/>
    <x v="1"/>
    <s v=""/>
    <x v="51"/>
    <s v="P 1.1 Transportation Marketplace Frameworks"/>
    <s v="Information Management Services,Information Technology Services"/>
    <s v="TC-217"/>
    <s v="In Production"/>
    <s v="rich"/>
    <x v="1"/>
    <x v="88"/>
  </r>
  <r>
    <x v="0"/>
    <x v="28"/>
    <x v="7673"/>
    <s v="BWD"/>
    <m/>
    <s v=""/>
    <x v="1"/>
    <s v=""/>
    <x v="51"/>
    <s v="P 3.2 Marine Safety"/>
    <s v="Other"/>
    <s v="TC-2171"/>
    <s v="In Production"/>
    <s v="web"/>
    <x v="1"/>
    <x v="2835"/>
  </r>
  <r>
    <x v="5"/>
    <x v="25"/>
    <x v="7674"/>
    <s v="PTAM"/>
    <m/>
    <s v=""/>
    <x v="1"/>
    <s v=""/>
    <x v="51"/>
    <s v="P 1.1 Transportation Marketplace Frameworks"/>
    <s v="Information Management Services,Information Technology Services"/>
    <s v="TC-218"/>
    <s v="In Production"/>
    <s v="rich"/>
    <x v="1"/>
    <x v="88"/>
  </r>
  <r>
    <x v="5"/>
    <x v="25"/>
    <x v="7675"/>
    <s v="R_RARD"/>
    <s v="Routine to query Annual Report submissions by Class I and Class II carriers and ability to aggregate the values."/>
    <s v=""/>
    <x v="1"/>
    <s v=""/>
    <x v="51"/>
    <s v="P 1.1 Transportation Marketplace Frameworks"/>
    <s v="Other"/>
    <s v="TC-220"/>
    <s v="In Production"/>
    <s v="rich"/>
    <x v="1"/>
    <x v="2828"/>
  </r>
  <r>
    <x v="5"/>
    <x v="25"/>
    <x v="7676"/>
    <s v="R_RODS"/>
    <m/>
    <s v=""/>
    <x v="1"/>
    <s v=""/>
    <x v="51"/>
    <s v="P 1.1 Transportation Marketplace Frameworks"/>
    <s v="Other"/>
    <s v="TC-222"/>
    <s v="In Production"/>
    <s v="rich"/>
    <x v="1"/>
    <x v="2828"/>
  </r>
  <r>
    <x v="2"/>
    <x v="51"/>
    <x v="7677"/>
    <s v="FLT DUTY XLS"/>
    <s v="The FLT Duty XLS software was developed by a pilot to help rotary wing pilots meet Canadian flight duty requirements.FLT Duty XLS is written in VB and accesses text files (not Excel despite its name)"/>
    <s v=""/>
    <x v="1"/>
    <s v=""/>
    <x v="51"/>
    <s v="P 3.1 Aviation Safety"/>
    <s v="Other"/>
    <s v="TC-2231"/>
    <s v="In Production"/>
    <s v="desktop"/>
    <x v="1"/>
    <x v="2836"/>
  </r>
  <r>
    <x v="5"/>
    <x v="25"/>
    <x v="7678"/>
    <s v="TRADE APPLICATION"/>
    <s v="This application allows users access to Trade data holding information about the Origin, Destination, Border crossing (some restrictions on import) and Commodity for Imports and Exports."/>
    <s v=""/>
    <x v="1"/>
    <s v=""/>
    <x v="51"/>
    <s v="P 1.1 Transportation Marketplace Frameworks"/>
    <s v="Other"/>
    <s v="TC-227"/>
    <s v="In Production"/>
    <s v="rich"/>
    <x v="1"/>
    <x v="2828"/>
  </r>
  <r>
    <x v="5"/>
    <x v="25"/>
    <x v="7679"/>
    <s v="O_TAF"/>
    <m/>
    <s v=""/>
    <x v="1"/>
    <s v=""/>
    <x v="51"/>
    <s v="P 1.1 Transportation Marketplace Frameworks"/>
    <s v="Information Management Services,Information Technology Services"/>
    <s v="TC-228"/>
    <s v="In Production"/>
    <s v="rich"/>
    <x v="1"/>
    <x v="88"/>
  </r>
  <r>
    <x v="5"/>
    <x v="25"/>
    <x v="7680"/>
    <s v="TRUCKNRS"/>
    <m/>
    <s v=""/>
    <x v="1"/>
    <s v=""/>
    <x v="51"/>
    <s v="P 1.1 Transportation Marketplace Frameworks"/>
    <s v="Information Management Services,Information Technology Services"/>
    <s v="TC-230"/>
    <s v="In Production"/>
    <s v="web"/>
    <x v="1"/>
    <x v="88"/>
  </r>
  <r>
    <x v="2"/>
    <x v="51"/>
    <x v="7681"/>
    <s v="GALRO"/>
    <m/>
    <s v=""/>
    <x v="1"/>
    <s v=""/>
    <x v="51"/>
    <s v="P 3.1 Aviation Safety"/>
    <s v="Other"/>
    <s v="TC-2331"/>
    <s v="In Production"/>
    <s v="web"/>
    <x v="1"/>
    <x v="2837"/>
  </r>
  <r>
    <x v="2"/>
    <x v="51"/>
    <x v="7682"/>
    <s v="RIDMS"/>
    <s v="The Radio Inspection Database Management System is a collaborative inspective system on the Internet between DFO and TC."/>
    <s v=""/>
    <x v="1"/>
    <s v=""/>
    <x v="51"/>
    <s v="P 3.2 Marine Safety"/>
    <s v="Other"/>
    <s v="TC-2412"/>
    <s v="In Production"/>
    <s v="web"/>
    <x v="1"/>
    <x v="2838"/>
  </r>
  <r>
    <x v="2"/>
    <x v="40"/>
    <x v="7683"/>
    <s v="ARASS"/>
    <s v="ARASS is a computerized management information system used to provide Civil Aviation management with a comprehensive resource management tool, recognized throughout the department to justify the existing resource base as well as new program resources. The"/>
    <s v=""/>
    <x v="1"/>
    <s v=""/>
    <x v="51"/>
    <s v="P 3.1 Aviation Safety"/>
    <s v="Other"/>
    <s v="TC-247"/>
    <s v="In Production"/>
    <s v="web"/>
    <x v="1"/>
    <x v="2811"/>
  </r>
  <r>
    <x v="2"/>
    <x v="51"/>
    <x v="7684"/>
    <s v="NASD-NET"/>
    <s v="Addition to the NASD application. Enables airport site operators to respond to audit finding online and to create and record self-inspection checklists."/>
    <s v=""/>
    <x v="1"/>
    <s v=""/>
    <x v="51"/>
    <s v="P 3.1 Aviation Safety"/>
    <s v="Other"/>
    <s v="TC-250"/>
    <s v="In Production"/>
    <s v="web"/>
    <x v="1"/>
    <x v="2812"/>
  </r>
  <r>
    <x v="1"/>
    <x v="109"/>
    <x v="7685"/>
    <s v="TCNCI"/>
    <s v="Transport Canada Network Computer Inventory (TCNCI) provides an automated and centralized solution in which the status of all Windows-x86 hardware and software systems is updated nationally on a daily basis. The system has a user base of around 200 persons who are located in the NCR and in the regions. Upon machine startup, workstations execute a script that is contained within a Group Policy, commonly applied to all workstations. This script instructs workstations to query themselves for hardware and software information. The information collected is then transferred to an Oracle 10G database Server."/>
    <s v=""/>
    <x v="1"/>
    <s v=""/>
    <x v="51"/>
    <s v="P 4.1 Internal Services"/>
    <s v="Information Technology Services"/>
    <s v="TC-2511"/>
    <s v="In Production"/>
    <s v="web"/>
    <x v="1"/>
    <x v="2810"/>
  </r>
  <r>
    <x v="9"/>
    <x v="54"/>
    <x v="7686"/>
    <s v="AMES"/>
    <m/>
    <s v=""/>
    <x v="1"/>
    <s v=""/>
    <x v="51"/>
    <s v="P 3.1 Aviation Safety"/>
    <s v="Other"/>
    <s v="TC-256"/>
    <s v="In Production"/>
    <s v="web"/>
    <x v="1"/>
    <x v="2811"/>
  </r>
  <r>
    <x v="0"/>
    <x v="28"/>
    <x v="7687"/>
    <s v="CAME SEARCH"/>
    <s v="This online application allows internal and external users to search for Civil Aviation Medical Examiners by location."/>
    <s v=""/>
    <x v="1"/>
    <s v=""/>
    <x v="51"/>
    <s v="P 3.1 Aviation Safety"/>
    <s v="Other"/>
    <s v="TC-2571"/>
    <s v="In Production"/>
    <s v="web"/>
    <x v="1"/>
    <x v="2812"/>
  </r>
  <r>
    <x v="0"/>
    <x v="16"/>
    <x v="7688"/>
    <s v="MYCT"/>
    <s v="This application, allows Ontario Region employees to apply, manage, cancel, view training application offered through the TC Learning Center."/>
    <s v=""/>
    <x v="1"/>
    <s v=""/>
    <x v="51"/>
    <s v="P 4.1 Internal Services"/>
    <s v="Human Resources Management Services"/>
    <s v="TC-26"/>
    <s v="In Production"/>
    <s v="web"/>
    <x v="1"/>
    <x v="2839"/>
  </r>
  <r>
    <x v="0"/>
    <x v="28"/>
    <x v="7689"/>
    <s v="APPORG"/>
    <s v="Transport Canada Approved Organization website for Maintenance, Manufacturing, Distributors, JAR 145 and Bilateral Arrangements"/>
    <s v=""/>
    <x v="1"/>
    <s v=""/>
    <x v="51"/>
    <s v="P 3.1 Aviation Safety"/>
    <s v="Other"/>
    <s v="TC-260"/>
    <s v="In Production"/>
    <s v="web"/>
    <x v="1"/>
    <x v="2812"/>
  </r>
  <r>
    <x v="0"/>
    <x v="28"/>
    <x v="7690"/>
    <s v="APCI"/>
    <s v="Database compilation of Marine Safety product approvals.  Includes: approved &amp; registered diesel engines and gear, lifesaving equipment, structural fire prevention, approved electrical cables, doors &amp; hatches, Pollution Prevention Equipment etc."/>
    <s v=""/>
    <x v="1"/>
    <s v=""/>
    <x v="51"/>
    <s v="P 3.2 Marine Safety"/>
    <s v="Other"/>
    <s v="TC-261"/>
    <s v="In Production"/>
    <s v="web"/>
    <x v="1"/>
    <x v="2840"/>
  </r>
  <r>
    <x v="0"/>
    <x v="16"/>
    <x v="7691"/>
    <s v="ACES"/>
    <s v="ACES is an administrative tool of the Transport Canada Ship Inspection Directorate. It processes all seafarer identity, training, examination and certification transactions.This is a national system with regional access and input."/>
    <s v=""/>
    <x v="1"/>
    <s v=""/>
    <x v="51"/>
    <s v="P 3.2 Marine Safety"/>
    <s v="Other"/>
    <s v="TC-262"/>
    <s v="In Production"/>
    <s v="web"/>
    <x v="1"/>
    <x v="2841"/>
  </r>
  <r>
    <x v="6"/>
    <x v="82"/>
    <x v="7692"/>
    <s v="ASD-AERAP"/>
    <s v="Automated tracking and reporting mechanism for Emergency Response Plans filed with the TDG Directorate"/>
    <s v=""/>
    <x v="1"/>
    <s v=""/>
    <x v="51"/>
    <s v="P 3.5 Transportation of Dangerous Goods"/>
    <s v="Other"/>
    <s v="TC-263"/>
    <s v="In Production"/>
    <s v="rich"/>
    <x v="1"/>
    <x v="2842"/>
  </r>
  <r>
    <x v="0"/>
    <x v="11"/>
    <x v="7693"/>
    <s v="TAP"/>
    <s v="The TIPS Training and Profiles application supports the PSMA requirements for the maintenance, monitoring and reporting of training and profile related information for both employees and positions. Once training and profile information is established for a position, processes in TIPS provide reporting and workflows to the appropriate authorities such as learning coordinators, indicating when employees do not fully meet the requirements of the positions they occupy. These requirements can be specific to a certain position or type of position such as Financial or Staffing Delegation for a managerial position; to a specific employee such as an Orientation to the Public Service course for a first appointment in the Public Service; or can be generic to all"/>
    <s v=""/>
    <x v="1"/>
    <s v=""/>
    <x v="51"/>
    <s v="P 4.1 Internal Services"/>
    <s v="Human Resources Management Services,Information Management Services"/>
    <s v="TC-2631"/>
    <s v="In Production"/>
    <s v="web"/>
    <x v="1"/>
    <x v="1906"/>
  </r>
  <r>
    <x v="5"/>
    <x v="25"/>
    <x v="7694"/>
    <s v="AFP"/>
    <m/>
    <s v=""/>
    <x v="1"/>
    <s v=""/>
    <x v="51"/>
    <s v="P 1.1 Transportation Marketplace Frameworks"/>
    <s v="Other"/>
    <s v="TC-266"/>
    <s v="In Production"/>
    <s v="rich"/>
    <x v="1"/>
    <x v="2828"/>
  </r>
  <r>
    <x v="0"/>
    <x v="62"/>
    <x v="7695"/>
    <s v="AIRA Int"/>
    <s v="This is a web based interface to an TC access data base for outside clients to report Aviation Incidents."/>
    <s v=""/>
    <x v="1"/>
    <s v=""/>
    <x v="51"/>
    <s v="P 3.1 Aviation Safety"/>
    <s v="Other"/>
    <s v="TC-267"/>
    <s v="In Production"/>
    <s v="web"/>
    <x v="1"/>
    <x v="2843"/>
  </r>
  <r>
    <x v="4"/>
    <x v="5"/>
    <x v="7696"/>
    <s v="ASTRA"/>
    <s v="Aviation Safety Response and Transmittal Action (ASTRA) is used by the Aviation Safety Intelligence group in Transport Canada to tracks safety activities implemented within Transport Canada to eliminate identified system deficiencies."/>
    <s v=""/>
    <x v="1"/>
    <s v=""/>
    <x v="51"/>
    <s v="P 3.1 Aviation Safety"/>
    <s v=""/>
    <s v="TC-268"/>
    <s v="In Production"/>
    <s v="desktop"/>
    <x v="1"/>
    <x v="106"/>
  </r>
  <r>
    <x v="0"/>
    <x v="62"/>
    <x v="7697"/>
    <s v="BSIS Int"/>
    <s v="Provides inventory and analysis capability for the Canadian Bird Strike Database."/>
    <s v=""/>
    <x v="1"/>
    <s v=""/>
    <x v="51"/>
    <s v="P 3.1 Aviation Safety"/>
    <s v="Other"/>
    <s v="TC-269"/>
    <s v="In Production"/>
    <s v="web"/>
    <x v="1"/>
    <x v="2820"/>
  </r>
  <r>
    <x v="0"/>
    <x v="28"/>
    <x v="7698"/>
    <s v="GCWCC TCB"/>
    <s v="This software is an online auction that is used during the GCWCC Campaign. The current production version is written in ASP .Net and it uses an Oracle database. Each year, the online auction runs for approximatively one month. The application is in both official languages and intended for use by NCR employees only. The application is in both offical languages and intended for use by NCR employees only."/>
    <s v=""/>
    <x v="1"/>
    <s v=""/>
    <x v="51"/>
    <s v="P 4.1 Internal Services"/>
    <s v="Travel and Other Administrative Services"/>
    <s v="TC-2691"/>
    <s v="In Production"/>
    <s v="web"/>
    <x v="1"/>
    <x v="2844"/>
  </r>
  <r>
    <x v="2"/>
    <x v="51"/>
    <x v="7699"/>
    <s v="PCOCDS"/>
    <s v="The Pleasure Craft Operators Competency Database System (PCOCDS) is needed to give Transport Canada the ability to meet the requirements of the Competency of Operators of Pleasure Craft Regulations. It will allow Transport Canada to centrally manage Pleas"/>
    <s v=""/>
    <x v="1"/>
    <s v=""/>
    <x v="51"/>
    <s v="P 3.2 Marine Safety"/>
    <s v="Other"/>
    <s v="TC-2753"/>
    <s v="In Production"/>
    <s v="web"/>
    <x v="1"/>
    <x v="2845"/>
  </r>
  <r>
    <x v="0"/>
    <x v="28"/>
    <x v="7700"/>
    <s v="CCARCSE"/>
    <s v="National system for registering aircraft, and maintaining and publishing the Canadian Civil Aviation Aircraft Register."/>
    <s v=""/>
    <x v="1"/>
    <s v=""/>
    <x v="51"/>
    <s v="P 3.1 Aviation Safety"/>
    <s v="Other"/>
    <s v="TC-276"/>
    <s v="In Production"/>
    <s v="rich"/>
    <x v="1"/>
    <x v="2846"/>
  </r>
  <r>
    <x v="0"/>
    <x v="28"/>
    <x v="7701"/>
    <s v="CCARCS WEB"/>
    <s v="NATIONAL SYSTEM WHICH PROVIDES AUTOMATED SYSTEM FOR REGISTERING AIRCRAFT, AND MAINTAINING AND PUBLISHING THE CANADIAN CIVIL AVIATION AIRCRAFT REGISTER."/>
    <s v=""/>
    <x v="1"/>
    <s v=""/>
    <x v="51"/>
    <s v="P 3.1 Aviation Safety"/>
    <s v="Other"/>
    <s v="TC-277"/>
    <s v="In Production"/>
    <s v="web"/>
    <x v="1"/>
    <x v="2811"/>
  </r>
  <r>
    <x v="4"/>
    <x v="5"/>
    <x v="7702"/>
    <s v="CPSCS"/>
    <s v="The CPSCS is designed to work with similar international systems to identify, track and minimise deficient vessels, owners &amp; operators.  This new system is a secure client server application with accessibility nation wide, via the Internet."/>
    <s v=""/>
    <x v="1"/>
    <s v=""/>
    <x v="51"/>
    <s v="P 3.2 Marine Safety"/>
    <s v="Information Technology Services,Management and Oversight Services"/>
    <s v="TC-278"/>
    <s v="In Production"/>
    <s v="web"/>
    <x v="1"/>
    <x v="2835"/>
  </r>
  <r>
    <x v="6"/>
    <x v="82"/>
    <x v="7703"/>
    <s v="ASD-CRS"/>
    <s v="The CRS is use 1] to process, index and manage material safety data sheets [MSDSs] maintained by CANUTEC, 2] to allow companies who register with CANUTEC to submit their registration information on-line, and 3]to manage emergency contact information"/>
    <s v=""/>
    <x v="1"/>
    <s v=""/>
    <x v="51"/>
    <s v="P 3.5 Transportation of Dangerous Goods"/>
    <s v="Other"/>
    <s v="TC-281"/>
    <s v="In Production"/>
    <s v="rich"/>
    <x v="1"/>
    <x v="2847"/>
  </r>
  <r>
    <x v="0"/>
    <x v="28"/>
    <x v="7704"/>
    <s v="TCISD"/>
    <s v="The Transport Canada Internal Staff Directory is a web application that is available on the TC Intranet site. It displays a query form, queries the TCDirectory database and displays the results in html. This Web application allows users to look up TC staff or organizations using different search criteria, to navigate through the organization structure and to obtain organization information."/>
    <s v=""/>
    <x v="1"/>
    <s v=""/>
    <x v="51"/>
    <s v="P 4.1 Internal Services"/>
    <s v="Travel and Other Administrative Services"/>
    <s v="TC-2811"/>
    <s v="In Production"/>
    <s v="web"/>
    <x v="1"/>
    <x v="2848"/>
  </r>
  <r>
    <x v="0"/>
    <x v="7"/>
    <x v="7705"/>
    <s v="TP NUMBERING"/>
    <s v="Issuance of TP numbers for publications"/>
    <s v=""/>
    <x v="1"/>
    <s v=""/>
    <x v="51"/>
    <s v="P 3.1 Aviation Safety"/>
    <s v="Other"/>
    <s v="TC-2831"/>
    <s v="In Production"/>
    <s v="web"/>
    <x v="1"/>
    <x v="2811"/>
  </r>
  <r>
    <x v="0"/>
    <x v="62"/>
    <x v="7706"/>
    <s v="CADORS"/>
    <s v="The CADORS system was established in 1985 to provide senior management with timely information concerning operational occurrences within the National Civil Air Transportation System. Occurrence information is captured on a daily basis by external entities"/>
    <s v=""/>
    <x v="1"/>
    <s v=""/>
    <x v="51"/>
    <s v="P 3.1 Aviation Safety"/>
    <s v="Other"/>
    <s v="TC-285"/>
    <s v="In Production"/>
    <s v="web"/>
    <x v="1"/>
    <x v="2849"/>
  </r>
  <r>
    <x v="2"/>
    <x v="51"/>
    <x v="7707"/>
    <s v="CAMIS"/>
    <m/>
    <s v=""/>
    <x v="1"/>
    <s v=""/>
    <x v="51"/>
    <s v="P 3.1 Aviation Safety"/>
    <s v="Other"/>
    <s v="TC-286"/>
    <s v="In Production"/>
    <s v="web"/>
    <x v="1"/>
    <x v="2850"/>
  </r>
  <r>
    <x v="0"/>
    <x v="28"/>
    <x v="7708"/>
    <s v="CARs Exemption"/>
    <s v="Contains information regarding exemptions, requested by industry, from the CARs and is available on the Intranet/Internet."/>
    <s v=""/>
    <x v="1"/>
    <s v=""/>
    <x v="51"/>
    <s v="P 3.1 Aviation Safety"/>
    <s v="Other"/>
    <s v="TC-288"/>
    <s v="In Production"/>
    <s v="web"/>
    <x v="1"/>
    <x v="2820"/>
  </r>
  <r>
    <x v="0"/>
    <x v="28"/>
    <x v="7709"/>
    <s v="CARAC NPA Int"/>
    <s v="contains information regarding the status of proposed amendments to the CARs and is available to AARBH staff only"/>
    <s v=""/>
    <x v="1"/>
    <s v=""/>
    <x v="51"/>
    <s v="P 3.1 Aviation Safety"/>
    <s v="Other"/>
    <s v="TC-289"/>
    <s v="In Production"/>
    <s v="web"/>
    <x v="1"/>
    <x v="2851"/>
  </r>
  <r>
    <x v="6"/>
    <x v="27"/>
    <x v="7710"/>
    <s v="CATS"/>
    <s v="Terminology bank for Civil Aviation."/>
    <s v=""/>
    <x v="1"/>
    <s v=""/>
    <x v="51"/>
    <s v="P 3.1 Aviation Safety"/>
    <s v="Other"/>
    <s v="TC-290"/>
    <s v="In Production"/>
    <s v="web"/>
    <x v="1"/>
    <x v="2811"/>
  </r>
  <r>
    <x v="6"/>
    <x v="82"/>
    <x v="7711"/>
    <s v="CAFS"/>
    <s v="The application is a tool used by Road Safety Enforcement Officers of ASFAB to track and record enforcement and compliance activities of more than 4000 automotive vehicle and tire manufacturers that import or manufacture products for consumption in Canada"/>
    <s v=""/>
    <x v="1"/>
    <s v=""/>
    <x v="51"/>
    <s v="P 3.4 Motor Vehicle Safety"/>
    <s v="Other"/>
    <s v="TC-294"/>
    <s v="In Production"/>
    <s v="rich"/>
    <x v="1"/>
    <x v="2830"/>
  </r>
  <r>
    <x v="5"/>
    <x v="25"/>
    <x v="7712"/>
    <s v="CSMD"/>
    <s v="This application is designed to give users within Environmental Programs group the ability to collect and report to TBS on all data pertaining to Contaminated Sites."/>
    <s v=""/>
    <x v="1"/>
    <s v=""/>
    <x v="51"/>
    <s v="P 2.3 Environmental Stewardship of Transportation"/>
    <s v="Other"/>
    <s v="TC-297"/>
    <s v="In Production"/>
    <s v="web"/>
    <x v="1"/>
    <x v="2852"/>
  </r>
  <r>
    <x v="6"/>
    <x v="82"/>
    <x v="7713"/>
    <s v="TVIS-Web"/>
    <s v="This system allows the Road Safety group to enter, track and search many documents they call the 'Schedule 7' forms also known as the 'Declaration of Importation of a Vehicle for Exhibition, Demonstration, Evaluation, Testing or Special Purposes' form."/>
    <s v=""/>
    <x v="1"/>
    <s v=""/>
    <x v="51"/>
    <s v="P 3.4 Motor Vehicle Safety"/>
    <s v="Other"/>
    <s v="TC-2971"/>
    <s v="In Production"/>
    <s v="web"/>
    <x v="1"/>
    <x v="2853"/>
  </r>
  <r>
    <x v="2"/>
    <x v="40"/>
    <x v="7714"/>
    <s v="NTARS"/>
    <s v="The system is used to track performance and activity information against all Marine Safety and Security related activities, generating service requests in order dispatch employees to conduct servcies on behalf of stakeholders.  The system is extended to a"/>
    <s v=""/>
    <x v="1"/>
    <s v=""/>
    <x v="51"/>
    <s v="P 3.2 Marine Safety"/>
    <s v="Other"/>
    <s v="TC-3"/>
    <s v="In Production"/>
    <s v="web"/>
    <x v="1"/>
    <x v="2838"/>
  </r>
  <r>
    <x v="6"/>
    <x v="82"/>
    <x v="7715"/>
    <s v="ASD-DGAIS"/>
    <s v="The Dangerous Goods Accident Information System (DGAIS) was created in Clipper &amp; FoxPro in a DOSenvironment.  Accident information collected from TDG Dangerous Occurrence Reports [DORs]and a variety of other reports, is recorded in data files by year."/>
    <s v=""/>
    <x v="1"/>
    <s v=""/>
    <x v="51"/>
    <s v="P 3.5 Transportation of Dangerous Goods"/>
    <s v="Other"/>
    <s v="TC-302"/>
    <s v="In Production"/>
    <s v="desktop"/>
    <x v="1"/>
    <x v="106"/>
  </r>
  <r>
    <x v="0"/>
    <x v="28"/>
    <x v="7716"/>
    <s v="DIS V2"/>
    <s v="The DIS V2 application will allow HQ and Regional Aircraft Certification staff to enter and edit information for their Delegates through the Web.  Statistical reports will also be produced from the application as well as some other delegate information."/>
    <s v=""/>
    <x v="1"/>
    <s v=""/>
    <x v="51"/>
    <s v="P 3.1 Aviation Safety"/>
    <s v="Other"/>
    <s v="TC-303"/>
    <s v="In Production"/>
    <s v="web"/>
    <x v="1"/>
    <x v="2811"/>
  </r>
  <r>
    <x v="0"/>
    <x v="0"/>
    <x v="7717"/>
    <s v="APCM"/>
    <m/>
    <s v="Other"/>
    <x v="1"/>
    <s v="CSDC, AccessPro Case Management"/>
    <x v="51"/>
    <s v="P 4.1 Internal Services"/>
    <s v="Information Management Services"/>
    <s v="TC-3031"/>
    <s v="In Production"/>
    <s v="web"/>
    <x v="0"/>
    <x v="2854"/>
  </r>
  <r>
    <x v="2"/>
    <x v="51"/>
    <x v="7718"/>
    <s v="DAPLS"/>
    <m/>
    <s v=""/>
    <x v="1"/>
    <s v=""/>
    <x v="51"/>
    <s v="P 3.1 Aviation Safety"/>
    <s v="Other"/>
    <s v="TC-306"/>
    <s v="In Production"/>
    <s v="rich"/>
    <x v="1"/>
    <x v="2846"/>
  </r>
  <r>
    <x v="0"/>
    <x v="85"/>
    <x v="7719"/>
    <s v="APR"/>
    <m/>
    <s v="Other"/>
    <x v="1"/>
    <s v="CSDC, AccessPro Redaction"/>
    <x v="51"/>
    <s v="P 4.1 Internal Services"/>
    <s v="Information Management Services"/>
    <s v="TC-3071"/>
    <s v="In Production"/>
    <s v="rich"/>
    <x v="0"/>
    <x v="2855"/>
  </r>
  <r>
    <x v="0"/>
    <x v="11"/>
    <x v="7720"/>
    <s v="SIS"/>
    <s v="This application is designed to manage contributions to surface program agreements throughout Canada.  It also tracks the financial data for each agreement between TC and its partners (Provinces &amp; Territories, Municipalities and other organizations)."/>
    <s v=""/>
    <x v="1"/>
    <s v=""/>
    <x v="51"/>
    <s v="P 1.3 Transportation Infrastructure"/>
    <s v="Other"/>
    <s v="TC-3111"/>
    <s v="In Production"/>
    <s v="web"/>
    <x v="1"/>
    <x v="2811"/>
  </r>
  <r>
    <x v="0"/>
    <x v="28"/>
    <x v="7721"/>
    <s v="FOAEA"/>
    <m/>
    <s v=""/>
    <x v="1"/>
    <s v=""/>
    <x v="51"/>
    <s v="P 3.1 Aviation Safety"/>
    <s v="Other"/>
    <s v="TC-312"/>
    <s v="In Production"/>
    <s v="web"/>
    <x v="1"/>
    <x v="2856"/>
  </r>
  <r>
    <x v="2"/>
    <x v="51"/>
    <x v="7722"/>
    <s v="FEDPROV"/>
    <s v="The application contain data relating to the most frequently asked queries and provide visitors access to railroad safety information including accidents and incidents and highway-rail crossing inventory data. From this site users can run dynamic queries,"/>
    <s v=""/>
    <x v="1"/>
    <s v=""/>
    <x v="51"/>
    <s v="P 3.3 Rail Safety"/>
    <s v="Management and Oversight Services"/>
    <s v="TC-313"/>
    <s v="In Production"/>
    <s v="web"/>
    <x v="1"/>
    <x v="2857"/>
  </r>
  <r>
    <x v="0"/>
    <x v="0"/>
    <x v="7723"/>
    <s v="WSTS"/>
    <s v="The ccmMercury - Web Services Tracking System application allows Web Editors to track all their web work requests. This application is used by the Web Services group of Transport Canada."/>
    <s v="WorkDynamics_Technologies_Inc"/>
    <x v="0"/>
    <s v=""/>
    <x v="51"/>
    <s v="P 4.1 Internal Services"/>
    <s v="Information Management Services"/>
    <s v="TC-3151"/>
    <s v="In Production"/>
    <s v="rich"/>
    <x v="0"/>
    <x v="2808"/>
  </r>
  <r>
    <x v="0"/>
    <x v="16"/>
    <x v="7724"/>
    <s v="FTAE WEB"/>
    <s v="Web search interface for the FTAE application."/>
    <s v=""/>
    <x v="1"/>
    <s v=""/>
    <x v="51"/>
    <s v="P 3.1 Aviation Safety"/>
    <s v="Other"/>
    <s v="TC-316"/>
    <s v="In Production"/>
    <s v="web"/>
    <x v="1"/>
    <x v="2812"/>
  </r>
  <r>
    <x v="3"/>
    <x v="92"/>
    <x v="7725"/>
    <s v="EPL"/>
    <s v="Management system for scheduled maintenance of the office building."/>
    <s v=""/>
    <x v="1"/>
    <s v="N/A"/>
    <x v="51"/>
    <s v="P 4.1 Internal Services"/>
    <s v="Materiel Services"/>
    <s v="TC-3212"/>
    <s v="In Production"/>
    <s v="rich"/>
    <x v="1"/>
    <x v="2858"/>
  </r>
  <r>
    <x v="2"/>
    <x v="3"/>
    <x v="7726"/>
    <s v="FORMATION"/>
    <s v="Training system for Aviation employees."/>
    <s v=""/>
    <x v="1"/>
    <s v="N/A"/>
    <x v="51"/>
    <s v="P 3.1 Aviation Safety"/>
    <s v="Other"/>
    <s v="TC-3214"/>
    <s v="In Production"/>
    <s v="rich"/>
    <x v="1"/>
    <x v="2859"/>
  </r>
  <r>
    <x v="2"/>
    <x v="2"/>
    <x v="7727"/>
    <s v="NMVRS"/>
    <s v="The reservation System allows an employee to make a reservation of a departmental vehicle for business needs. After creating a reservation, they can change the reservation at any time until the vehicle is loaned to the user. When booking, several parameters are entered to lend a vehicle that meets their needs."/>
    <s v=""/>
    <x v="1"/>
    <s v=""/>
    <x v="51"/>
    <s v="P 4.1 Internal Services"/>
    <s v="Financial Management Services"/>
    <s v="TC-3222"/>
    <s v="In Production"/>
    <s v="web"/>
    <x v="1"/>
    <x v="2860"/>
  </r>
  <r>
    <x v="0"/>
    <x v="11"/>
    <x v="7728"/>
    <s v="SAMS"/>
    <m/>
    <s v=""/>
    <x v="1"/>
    <s v=""/>
    <x v="51"/>
    <s v="P 4.1 Internal Services"/>
    <s v="Human Resources Management Services,Information Management Services"/>
    <s v="TC-3232"/>
    <s v="In Production"/>
    <s v="web"/>
    <x v="1"/>
    <x v="1906"/>
  </r>
  <r>
    <x v="0"/>
    <x v="16"/>
    <x v="7729"/>
    <s v="QAIMS"/>
    <s v="The Quebec Aboriginal Issue Management system aims to provide support to employees involved in the management of Aboriginal issues. Its ultimate objective is to ensure the department respect for aboriginal communities rights, good governance and an integrated and concerted approach."/>
    <s v=""/>
    <x v="1"/>
    <s v=""/>
    <x v="51"/>
    <s v="P 2.3 Environmental Stewardship of Transportation"/>
    <s v="Other"/>
    <s v="TC-3233"/>
    <s v="In Production"/>
    <s v="web"/>
    <x v="1"/>
    <x v="2816"/>
  </r>
  <r>
    <x v="6"/>
    <x v="82"/>
    <x v="7730"/>
    <s v="ASD-IDT"/>
    <s v="This application contains a database of inspector designation and TDG course information and is used to generate TDG inspector ID cards and to produce reports related to training."/>
    <s v=""/>
    <x v="1"/>
    <s v=""/>
    <x v="51"/>
    <s v="P 3.5 Transportation of Dangerous Goods"/>
    <s v="Other"/>
    <s v="TC-324"/>
    <s v="In Production"/>
    <s v="rich"/>
    <x v="1"/>
    <x v="2861"/>
  </r>
  <r>
    <x v="3"/>
    <x v="92"/>
    <x v="7731"/>
    <s v="CDT-PLAN"/>
    <s v="Plans management system."/>
    <s v=""/>
    <x v="1"/>
    <s v="N/A"/>
    <x v="51"/>
    <s v="P 1.3 Transportation Infrastructure"/>
    <s v="Real Property Services"/>
    <s v="TC-3271"/>
    <s v="In Production"/>
    <s v="rich"/>
    <x v="1"/>
    <x v="2858"/>
  </r>
  <r>
    <x v="2"/>
    <x v="32"/>
    <x v="7732"/>
    <s v="COMMENCE"/>
    <s v="Lease management system for ports."/>
    <s v=""/>
    <x v="1"/>
    <s v="Commence Corporation"/>
    <x v="51"/>
    <s v="P 1.3 Transportation Infrastructure"/>
    <s v="Other"/>
    <s v="TC-3272"/>
    <s v="In Production"/>
    <s v="rich"/>
    <x v="0"/>
    <x v="2862"/>
  </r>
  <r>
    <x v="3"/>
    <x v="92"/>
    <x v="7733"/>
    <s v="PROJETCERTI"/>
    <s v="Project management system for Aircraft Certification."/>
    <s v=""/>
    <x v="1"/>
    <s v="N/A"/>
    <x v="51"/>
    <s v="P 3.1 Aviation Safety"/>
    <s v="Other"/>
    <s v="TC-3275"/>
    <s v="In Production"/>
    <s v="rich"/>
    <x v="1"/>
    <x v="2859"/>
  </r>
  <r>
    <x v="0"/>
    <x v="62"/>
    <x v="7734"/>
    <s v="WND"/>
    <s v="Winter Navigation Database"/>
    <s v=""/>
    <x v="1"/>
    <s v=""/>
    <x v="51"/>
    <s v="P 3.2 Marine Safety"/>
    <s v="Other"/>
    <s v="TC-3277"/>
    <s v="In Production"/>
    <s v="web"/>
    <x v="1"/>
    <x v="2863"/>
  </r>
  <r>
    <x v="2"/>
    <x v="3"/>
    <x v="7735"/>
    <s v="PROFIL-FORM-NAX"/>
    <s v="Training system for Commercial and Business Aviation employees."/>
    <s v=""/>
    <x v="1"/>
    <s v="N/A"/>
    <x v="51"/>
    <s v="P 3.1 Aviation Safety"/>
    <s v="Other"/>
    <s v="TC-3278"/>
    <s v="In Production"/>
    <s v="rich"/>
    <x v="1"/>
    <x v="2859"/>
  </r>
  <r>
    <x v="6"/>
    <x v="33"/>
    <x v="7736"/>
    <s v="AMDS"/>
    <s v="Browser based system for aircraft maintenance and material management"/>
    <s v=""/>
    <x v="1"/>
    <s v=""/>
    <x v="51"/>
    <s v="P 3.1 Aviation Safety"/>
    <s v="Other"/>
    <s v="TC-3291"/>
    <s v="In Production"/>
    <s v="web"/>
    <x v="1"/>
    <x v="2820"/>
  </r>
  <r>
    <x v="6"/>
    <x v="82"/>
    <x v="7737"/>
    <s v="Training Organizations"/>
    <s v="The TDG Directorate maintains a listing of organizations that provide dangerous goods training."/>
    <s v=""/>
    <x v="1"/>
    <s v=""/>
    <x v="51"/>
    <s v="P 3.5 Transportation of Dangerous Goods"/>
    <s v="Other"/>
    <s v="TC-330"/>
    <s v="In Production"/>
    <s v="rich"/>
    <x v="1"/>
    <x v="2864"/>
  </r>
  <r>
    <x v="6"/>
    <x v="82"/>
    <x v="7738"/>
    <s v="ASD-BUFFET"/>
    <m/>
    <s v=""/>
    <x v="1"/>
    <s v=""/>
    <x v="51"/>
    <s v="P 3.5 Transportation of Dangerous Goods"/>
    <s v="Other"/>
    <s v="TC-3312"/>
    <s v="In Production"/>
    <s v="rich"/>
    <x v="1"/>
    <x v="2865"/>
  </r>
  <r>
    <x v="0"/>
    <x v="0"/>
    <x v="7739"/>
    <s v="GC"/>
    <s v="ccmMercury - General Correspondence (GC) tracks incoming and outgoing departmental correspondence at the Assistant Deputy Minister (ADM) level and below."/>
    <s v="WorkDynamics_Technologies_Inc"/>
    <x v="0"/>
    <s v=""/>
    <x v="51"/>
    <s v="P 4.1 Internal Services"/>
    <s v="Information Management Services"/>
    <s v="TC-3347"/>
    <s v="In Production"/>
    <s v="rich"/>
    <x v="0"/>
    <x v="2808"/>
  </r>
  <r>
    <x v="0"/>
    <x v="0"/>
    <x v="7740"/>
    <s v="DMCD"/>
    <s v="The ccmMercury - Deputy Minister Correspondence Database (DMCD) is used by the Corporate Secretariat group of Transport Canada to track correspondence and other internal matters."/>
    <s v="WorkDynamics_Technologies_Inc"/>
    <x v="0"/>
    <s v=""/>
    <x v="51"/>
    <s v="P 4.1 Internal Services"/>
    <s v="Information Management Services"/>
    <s v="TC-3348"/>
    <s v="In Production"/>
    <s v="rich"/>
    <x v="0"/>
    <x v="2808"/>
  </r>
  <r>
    <x v="0"/>
    <x v="0"/>
    <x v="7741"/>
    <s v="BMDB"/>
    <s v="The ccmMercury - Briefing Material Database (BMDB) is used by the Corporate Secretariat group of Transport Canada to track Deputy Minister briefing material requests from former transportation liaison office."/>
    <s v="WorkDynamics_Technologies_Inc"/>
    <x v="0"/>
    <s v=""/>
    <x v="51"/>
    <s v="P 4.1 Internal Services"/>
    <s v="Information Management Services"/>
    <s v="TC-3349"/>
    <s v="In Production"/>
    <s v="rich"/>
    <x v="0"/>
    <x v="2808"/>
  </r>
  <r>
    <x v="0"/>
    <x v="0"/>
    <x v="7742"/>
    <s v="TDG"/>
    <s v="ccmMercury - Transport Dangerous Goods Permits Tracking (ASD-TDGPT) is used by Transportation of Dangerous Goods (TDG) Directorateto of Transport Canada to  track information related to TDG Equivalency Certificates and Permits for Equivalent Level of Safe"/>
    <s v="WorkDynamics_Technologies_Inc"/>
    <x v="0"/>
    <s v=""/>
    <x v="51"/>
    <s v="P 4.1 Internal Services"/>
    <s v="Information Management Services"/>
    <s v="TC-3350"/>
    <s v="In Production"/>
    <s v="rich"/>
    <x v="0"/>
    <x v="2825"/>
  </r>
  <r>
    <x v="0"/>
    <x v="0"/>
    <x v="7743"/>
    <s v="ECD"/>
    <s v="The ccmMercury - Executive Correspondence Database (ECD) is used by the Corporate Secretariat group of Transport Canada to track incoming and outgoing correspondence and all executive documents for the Minister and Deputy Minister."/>
    <s v="WorkDynamics_Technologies_Inc"/>
    <x v="0"/>
    <s v=""/>
    <x v="51"/>
    <s v="P 4.1 Internal Services"/>
    <s v="Information Management Services"/>
    <s v="TC-3353"/>
    <s v="In Production"/>
    <s v="rich"/>
    <x v="0"/>
    <x v="2808"/>
  </r>
  <r>
    <x v="0"/>
    <x v="0"/>
    <x v="7744"/>
    <s v="CCCD"/>
    <s v="Tracks incoming and outgoing correspondence and all executive documents for the minister and deputy minister concerning non TC crown corporations."/>
    <s v="WorkDynamics_Technologies_Inc"/>
    <x v="0"/>
    <s v=""/>
    <x v="51"/>
    <s v="P 4.1 Internal Services"/>
    <s v="Information Management Services"/>
    <s v="TC-3354"/>
    <s v="In Production"/>
    <s v="rich"/>
    <x v="0"/>
    <x v="2808"/>
  </r>
  <r>
    <x v="0"/>
    <x v="0"/>
    <x v="7745"/>
    <s v="ICD"/>
    <s v="Tracks incoming and outgoig correspondence and all executive documents for the minister and the deputy minister concerning the infrastructure and Communities portfolio."/>
    <s v="WorkDynamics_Technologies_Inc"/>
    <x v="0"/>
    <s v=""/>
    <x v="51"/>
    <s v="P 4.1 Internal Services"/>
    <s v="Information Management Services"/>
    <s v="TC-3356"/>
    <s v="In Production"/>
    <s v="rich"/>
    <x v="0"/>
    <x v="2808"/>
  </r>
  <r>
    <x v="0"/>
    <x v="0"/>
    <x v="7746"/>
    <s v="PGCD"/>
    <s v="Tracks incoming and outgoing correspondence and executive documents for the minister and deputy minister concerning the Pacific Gateway subject."/>
    <s v="WorkDynamics_Technologies_Inc"/>
    <x v="0"/>
    <s v=""/>
    <x v="51"/>
    <s v="P 4.1 Internal Services"/>
    <s v="Information Management Services"/>
    <s v="TC-3357"/>
    <s v="In Production"/>
    <s v="rich"/>
    <x v="0"/>
    <x v="2808"/>
  </r>
  <r>
    <x v="0"/>
    <x v="0"/>
    <x v="7747"/>
    <s v="ATS"/>
    <s v="The ccmMercury - Activity Tracking System (ATS) tracks and routes external Transport Canada Civil Aviation service related transactions, as well as internal administrative workflows within each Region and National Operations."/>
    <s v="WorkDynamics_Technologies_Inc"/>
    <x v="0"/>
    <s v=""/>
    <x v="51"/>
    <s v="P 4.1 Internal Services"/>
    <s v="Information Management Services"/>
    <s v="TC-3359"/>
    <s v="In Production"/>
    <s v="rich"/>
    <x v="0"/>
    <x v="2825"/>
  </r>
  <r>
    <x v="0"/>
    <x v="0"/>
    <x v="7748"/>
    <s v="PAMS"/>
    <s v="The ccmMercury - Portfolio Appointments Management System (PAMS) tracks data for the board membership on over 330 appointments for 57 portfolio organizations within the Department's or Minister of Transport's responsibility.  The Minister's Office can also create reports on current vacancies and upcoming term expires in the portfolio."/>
    <s v="WorkDynamics_Technologies_Inc"/>
    <x v="0"/>
    <s v=""/>
    <x v="51"/>
    <s v="P 4.1 Internal Services"/>
    <s v="Information Management Services"/>
    <s v="TC-3362"/>
    <s v="In Production"/>
    <s v="rich"/>
    <x v="0"/>
    <x v="2808"/>
  </r>
  <r>
    <x v="0"/>
    <x v="0"/>
    <x v="7749"/>
    <s v="FNAD"/>
    <s v="The ccmMercury - First Nations Agreement Database (FNAD) tracks correspondence and other documents concerning First Nations and their agreements within the department of Transport."/>
    <s v="WorkDynamics_Technologies_Inc"/>
    <x v="0"/>
    <s v=""/>
    <x v="51"/>
    <s v="P 4.1 Internal Services"/>
    <s v="Information Management Services"/>
    <s v="TC-3363"/>
    <s v="In Production"/>
    <s v="rich"/>
    <x v="0"/>
    <x v="2808"/>
  </r>
  <r>
    <x v="0"/>
    <x v="0"/>
    <x v="7750"/>
    <s v="AGCD"/>
    <s v="Tracks incoming and outgoing correspondence and all executive documents for the minister and the deputy minister concerning the Atlantic Gateway subject. (uses ccmMercury)"/>
    <s v="WorkDynamics_Technologies_Inc"/>
    <x v="0"/>
    <s v=""/>
    <x v="51"/>
    <s v="P 4.1 Internal Services"/>
    <s v="Information Management Services"/>
    <s v="TC-3364"/>
    <s v="In Production"/>
    <s v="rich"/>
    <x v="0"/>
    <x v="2808"/>
  </r>
  <r>
    <x v="0"/>
    <x v="8"/>
    <x v="7751"/>
    <s v="MIRA"/>
    <s v="Communications and Marketing Group has developed a web-based system called the Market Information and Research Application (MIRA) to make it easier for employees to search and retrieve both public opinion research (POR), and other market information via a searchable database."/>
    <s v=""/>
    <x v="1"/>
    <s v=""/>
    <x v="51"/>
    <s v="P 4.1 Internal Services"/>
    <s v="Communications Services,Information Management Services"/>
    <s v="TC-3365"/>
    <s v="In Production"/>
    <s v="web"/>
    <x v="1"/>
    <x v="2813"/>
  </r>
  <r>
    <x v="3"/>
    <x v="4"/>
    <x v="7752"/>
    <s v="CVS"/>
    <s v="The Canadian Vehicle Specifications (CVS) is a database of vehicle measurements and weights maintained and used by the Collision Investigations and Research group of Transport Canada."/>
    <s v="Microsoft_Corporation"/>
    <x v="1"/>
    <s v="Visual Basic 5"/>
    <x v="51"/>
    <s v="P 3.4 Motor Vehicle Safety"/>
    <s v="Other"/>
    <s v="TC-337"/>
    <s v="In Production"/>
    <s v="rich"/>
    <x v="1"/>
    <x v="2866"/>
  </r>
  <r>
    <x v="0"/>
    <x v="16"/>
    <x v="7753"/>
    <s v="NDWL"/>
    <s v="The NAPA - Delegate link provides a working user interface for use by delegates to apply for, track, and issue Limited Supplemental Type Certificates, Repair Design Certificates and Parts Design Approvals. It also enables delegates to submit applications"/>
    <s v=""/>
    <x v="1"/>
    <s v=""/>
    <x v="51"/>
    <s v="P 3.1 Aviation Safety"/>
    <s v="Other"/>
    <s v="TC-338"/>
    <s v="In Production"/>
    <s v="web"/>
    <x v="1"/>
    <x v="2867"/>
  </r>
  <r>
    <x v="0"/>
    <x v="18"/>
    <x v="7754"/>
    <s v="E-SURVEY_INT"/>
    <s v="The purpose of the ESurvey is to provide a generic application for several clients, to assist them in assessing their own client’s satisfaction or opinions. It is used for surveys for the TC Compensation unit and the TIMSD Help Desk group."/>
    <s v=""/>
    <x v="1"/>
    <s v=""/>
    <x v="51"/>
    <s v="P 4.1 Internal Services"/>
    <s v="Information Technology Services"/>
    <s v="TC-3385"/>
    <s v="In Production"/>
    <s v="web"/>
    <x v="1"/>
    <x v="2868"/>
  </r>
  <r>
    <x v="2"/>
    <x v="51"/>
    <x v="7755"/>
    <s v="NASD"/>
    <s v="Web based application linked to an Oracle database for the purpose of producing Inspection or Audit checklists and reports to be used by Aerodrome Safety inspectors."/>
    <s v=""/>
    <x v="1"/>
    <s v=""/>
    <x v="51"/>
    <s v="P 3.1 Aviation Safety"/>
    <s v="Other"/>
    <s v="TC-339"/>
    <s v="In Production"/>
    <s v="web"/>
    <x v="1"/>
    <x v="2820"/>
  </r>
  <r>
    <x v="4"/>
    <x v="5"/>
    <x v="7756"/>
    <s v="WGS"/>
    <s v="Billing system for CNs use of hopper rail cars. Two databses, one tracking the rail car inventory, the other tracking and billing on lease of the hoppers to Canadian National Rail"/>
    <s v=""/>
    <x v="1"/>
    <s v=""/>
    <x v="51"/>
    <s v="P 4.1 Internal Services"/>
    <s v=""/>
    <s v="TC-34"/>
    <s v="In Production"/>
    <s v="desktop"/>
    <x v="1"/>
    <x v="106"/>
  </r>
  <r>
    <x v="0"/>
    <x v="16"/>
    <x v="7757"/>
    <s v="NAPA"/>
    <s v="NAPA assists in the process of aeronautical product approval. The system is used to record and track the approval of aeronautical products which include aircraft, engines, propellers, floats and other miscellaneous products."/>
    <s v=""/>
    <x v="1"/>
    <s v=""/>
    <x v="51"/>
    <s v="P 3.1 Aviation Safety"/>
    <s v="Other"/>
    <s v="TC-340"/>
    <s v="In Production"/>
    <s v="rich"/>
    <x v="1"/>
    <x v="2846"/>
  </r>
  <r>
    <x v="2"/>
    <x v="2"/>
    <x v="7758"/>
    <s v="SMS"/>
    <s v="Salary Management System is a COTS system used across TC to forecast salary expenses, with a user base of about 300.  This client/server application, which uses an Oracle database, was originally developed by Influatec Inc, but is now owned by FreeBalance."/>
    <s v="Other"/>
    <x v="14"/>
    <s v="FreeBalance - Performance Budgeting for Human Capital"/>
    <x v="51"/>
    <s v="P 4.1 Internal Services"/>
    <s v="Financial Management Services"/>
    <s v="TC-3405"/>
    <s v="In Production"/>
    <s v="rich"/>
    <x v="0"/>
    <x v="2869"/>
  </r>
  <r>
    <x v="2"/>
    <x v="51"/>
    <x v="7759"/>
    <s v="NACIS"/>
    <m/>
    <s v=""/>
    <x v="1"/>
    <s v=""/>
    <x v="51"/>
    <s v="P 3.1 Aviation Safety"/>
    <s v="Other"/>
    <s v="TC-341"/>
    <s v="In Production"/>
    <s v="rich"/>
    <x v="1"/>
    <x v="2846"/>
  </r>
  <r>
    <x v="0"/>
    <x v="28"/>
    <x v="7760"/>
    <s v="NCDB ONLINE"/>
    <s v="This system contains all road traffic collisions reported to TC by thirteen Canadian jurisdictions. It is used by the public to query data about fatal and injury road collisions and to create their own tables of data."/>
    <s v=""/>
    <x v="1"/>
    <s v=""/>
    <x v="51"/>
    <s v="P 3.4 Motor Vehicle Safety"/>
    <s v="Other"/>
    <s v="TC-342"/>
    <s v="In Production"/>
    <s v="web"/>
    <x v="1"/>
    <x v="2870"/>
  </r>
  <r>
    <x v="0"/>
    <x v="11"/>
    <x v="7761"/>
    <s v="GCWCC VA"/>
    <s v="This software is used during the GCWCC Campaign to manage some information about the GCWCC volunteers, to communicate information to these volunteers via emails and to produce reports for the GCWCC committee."/>
    <s v=""/>
    <x v="1"/>
    <s v=""/>
    <x v="51"/>
    <s v="P 4.1 Internal Services"/>
    <s v="Travel and Other Administrative Services"/>
    <s v="TC-3425"/>
    <s v="In Production"/>
    <s v="web"/>
    <x v="1"/>
    <x v="2871"/>
  </r>
  <r>
    <x v="2"/>
    <x v="51"/>
    <x v="7762"/>
    <s v="TCMDG"/>
    <s v="Accumulates dangerous data regarding containers, portable tanks, ferry terminals, Board decision rulings pertaining to marine transportation of dangerous goods, corporate contacts, address information, and data regarding accidents related to dangerous goo"/>
    <s v=""/>
    <x v="1"/>
    <s v=""/>
    <x v="51"/>
    <s v="P 3.2 Marine Safety"/>
    <s v="Other"/>
    <s v="TC-343"/>
    <s v="In Production"/>
    <s v="web"/>
    <x v="1"/>
    <x v="2826"/>
  </r>
  <r>
    <x v="0"/>
    <x v="28"/>
    <x v="7763"/>
    <s v="OLS"/>
    <s v="Operator List Search, The Operator Search list is a web site which allows the users to view and print contact information from Approved Operators"/>
    <s v=""/>
    <x v="1"/>
    <s v=""/>
    <x v="51"/>
    <s v="P 3.1 Aviation Safety"/>
    <s v="Other"/>
    <s v="TC-346"/>
    <s v="In Production"/>
    <s v="web"/>
    <x v="1"/>
    <x v="2812"/>
  </r>
  <r>
    <x v="2"/>
    <x v="51"/>
    <x v="7764"/>
    <s v="PID"/>
    <s v="PID is used to track marine pollution incidents and identifies,  investigations, prosecutions, quantities polluted as well as the causes of pollution incidents."/>
    <s v=""/>
    <x v="1"/>
    <s v=""/>
    <x v="51"/>
    <s v="P 2.2 Clean Water from Transportation"/>
    <s v="Other"/>
    <s v="TC-348"/>
    <s v="In Production"/>
    <s v="web"/>
    <x v="1"/>
    <x v="2872"/>
  </r>
  <r>
    <x v="3"/>
    <x v="92"/>
    <x v="7765"/>
    <s v="AÉRODROME"/>
    <s v="DB for monitoring aerodrome certification inspections and managing obstacles to airport zoning."/>
    <s v=""/>
    <x v="1"/>
    <s v="N/A"/>
    <x v="51"/>
    <s v="P 3.1 Aviation Safety"/>
    <s v="Other"/>
    <s v="TC-35"/>
    <s v="In Production"/>
    <s v="rich"/>
    <x v="1"/>
    <x v="2859"/>
  </r>
  <r>
    <x v="0"/>
    <x v="11"/>
    <x v="7766"/>
    <s v="GCWCC SCRC"/>
    <s v="In the past years, this software has been used on the Blitz day during the GCWCC Campaign to search for Canadian registered charities. The list of Canadian registered charities is obtained from the Canada Revenue Agency web site. The Search Canadian Registered Charities database is updated with new information prior to the start of the GCWCC Campaign. This application allows Transport Canada employees to search for registered charities when an employee wants to donate on blitz day."/>
    <s v=""/>
    <x v="1"/>
    <s v=""/>
    <x v="51"/>
    <s v="P 4.1 Internal Services"/>
    <s v="Travel and Other Administrative Services"/>
    <s v="TC-3505"/>
    <s v="In Production"/>
    <s v="rich"/>
    <x v="1"/>
    <x v="2873"/>
  </r>
  <r>
    <x v="2"/>
    <x v="51"/>
    <x v="7767"/>
    <s v="ROFS"/>
    <s v="Employees of Rail Safety nationally have access to occurrences that have been reported to the Transportation Safety Board and the TC Provincial Rail Occurrence System (PROS). The users of this system will enter information relating to non-compliance. From"/>
    <s v=""/>
    <x v="1"/>
    <s v=""/>
    <x v="51"/>
    <s v="P 3.3 Rail Safety"/>
    <s v="Management and Oversight Services"/>
    <s v="TC-351"/>
    <s v="In Production"/>
    <s v="web"/>
    <x v="1"/>
    <x v="2874"/>
  </r>
  <r>
    <x v="2"/>
    <x v="51"/>
    <x v="7768"/>
    <s v="RSIG"/>
    <m/>
    <s v=""/>
    <x v="1"/>
    <s v=""/>
    <x v="51"/>
    <s v="P 3.3 Rail Safety"/>
    <s v="Management and Oversight Services"/>
    <s v="TC-352"/>
    <s v="In Production"/>
    <s v="web"/>
    <x v="1"/>
    <x v="2875"/>
  </r>
  <r>
    <x v="6"/>
    <x v="82"/>
    <x v="7769"/>
    <s v="VRDB-Web"/>
    <s v="Database of recalls of vehicles, tires and child restraints"/>
    <s v=""/>
    <x v="1"/>
    <s v=""/>
    <x v="51"/>
    <s v="P 3.4 Motor Vehicle Safety"/>
    <s v="Other"/>
    <s v="TC-353"/>
    <s v="In Production"/>
    <s v="web"/>
    <x v="1"/>
    <x v="2853"/>
  </r>
  <r>
    <x v="6"/>
    <x v="24"/>
    <x v="7770"/>
    <s v="SPPA"/>
    <s v="This application allows the Civil Aviation Standards Branch to to plan and monitor the status of all branch projects and associated tasks."/>
    <s v=""/>
    <x v="1"/>
    <s v=""/>
    <x v="51"/>
    <s v="P 3.1 Aviation Safety"/>
    <s v="Other"/>
    <s v="TC-3545"/>
    <s v="In Production"/>
    <s v="web"/>
    <x v="1"/>
    <x v="2811"/>
  </r>
  <r>
    <x v="9"/>
    <x v="54"/>
    <x v="7771"/>
    <s v="LOGCAS"/>
    <s v="This is the security system used to control access to T-58 and O-276.  This is a COTS product from Lenel"/>
    <s v="Other"/>
    <x v="14"/>
    <s v="Diebold Systems, Lenel OnGuard"/>
    <x v="51"/>
    <s v="P 3.1 Aviation Safety"/>
    <s v="Other"/>
    <s v="TC-3565"/>
    <s v="In Production"/>
    <s v="rich"/>
    <x v="0"/>
    <x v="2876"/>
  </r>
  <r>
    <x v="9"/>
    <x v="54"/>
    <x v="7772"/>
    <s v="SRCCS_OLD"/>
    <m/>
    <s v=""/>
    <x v="1"/>
    <s v=""/>
    <x v="51"/>
    <s v="P 3.9 Multimodal Safety and Security"/>
    <s v="Other"/>
    <s v="TC-361"/>
    <s v="In Production"/>
    <s v="rich"/>
    <x v="1"/>
    <x v="1842"/>
  </r>
  <r>
    <x v="2"/>
    <x v="51"/>
    <x v="7773"/>
    <s v="MIUS"/>
    <s v="Foreign vessels traveling through Canadian waterways are required to provide proof of insurance to the Canadian Federal Government, indicating that they are insured against any pollution or oil damage that may occur within Canadian waterways on their voya"/>
    <s v=""/>
    <x v="1"/>
    <s v=""/>
    <x v="51"/>
    <s v="P 3.2 Marine Safety"/>
    <s v="Other"/>
    <s v="TC-3665"/>
    <s v="In Production"/>
    <s v="web"/>
    <x v="1"/>
    <x v="2826"/>
  </r>
  <r>
    <x v="0"/>
    <x v="28"/>
    <x v="7774"/>
    <s v="MASIS"/>
    <s v="Currently Transport Canada conducts flights over Canadian waterways with Environment Canada employees to monitor pollution incidents. All recorded data is tracked with the MS6000 surveillance systems which reside on board the aircraft. The data from these"/>
    <s v=""/>
    <x v="1"/>
    <s v=""/>
    <x v="51"/>
    <s v="P 2.2 Clean Water from Transportation"/>
    <s v="Other"/>
    <s v="TC-3666"/>
    <s v="In Production"/>
    <s v="web"/>
    <x v="1"/>
    <x v="2826"/>
  </r>
  <r>
    <x v="2"/>
    <x v="51"/>
    <x v="7775"/>
    <s v="NASIMS"/>
    <s v="Audit and inspection system for airspace and air navigation inspections and audits."/>
    <s v=""/>
    <x v="1"/>
    <s v=""/>
    <x v="51"/>
    <s v="P 3.1 Aviation Safety"/>
    <s v="Other"/>
    <s v="TC-3705"/>
    <s v="In Production"/>
    <s v="web"/>
    <x v="1"/>
    <x v="2849"/>
  </r>
  <r>
    <x v="2"/>
    <x v="51"/>
    <x v="7776"/>
    <s v="SCVRS"/>
    <s v="Secured Intranet .asp application that creates and manages small vessel license certificates."/>
    <s v=""/>
    <x v="1"/>
    <s v=""/>
    <x v="51"/>
    <s v="P 3.2 Marine Safety"/>
    <s v="Other"/>
    <s v="TC-371"/>
    <s v="In Production"/>
    <s v="web"/>
    <x v="1"/>
    <x v="2826"/>
  </r>
  <r>
    <x v="2"/>
    <x v="40"/>
    <x v="7777"/>
    <s v="SCRAM"/>
    <s v="The Standardized Cost Recovery and Activity Monitoring System (SCRAM) Version 3.1 is a system used by identified Transport Canada staff to enter hours worked on projects. The time entered on these projects is gathered and submitted to ARASS. Time entered"/>
    <s v=""/>
    <x v="1"/>
    <s v=""/>
    <x v="51"/>
    <s v="P 3.1 Aviation Safety"/>
    <s v="Other"/>
    <s v="TC-372"/>
    <s v="In Production"/>
    <s v="web"/>
    <x v="1"/>
    <x v="2820"/>
  </r>
  <r>
    <x v="6"/>
    <x v="33"/>
    <x v="7778"/>
    <s v="ACTS V2"/>
    <s v="The ACTS application will be used by the Aircraft Certification Branch to manage their meetings with Regional Office, the FAA, and Aircraft Companies.  There is an MS Access component available to selected individuals in the Branch for entering data and p"/>
    <s v=""/>
    <x v="1"/>
    <s v=""/>
    <x v="51"/>
    <s v="P 3.1 Aviation Safety"/>
    <s v="Other"/>
    <s v="TC-3725"/>
    <s v="In Production"/>
    <s v="web"/>
    <x v="1"/>
    <x v="2820"/>
  </r>
  <r>
    <x v="2"/>
    <x v="51"/>
    <x v="7779"/>
    <s v="SSP"/>
    <s v="The chief, Corporate Security, uses this application to capture, manage and report on security infractions. It produces monthly reports which he distributes to Security Coordinators. This application stores all required information in order that it can produce each Security Coordinator's report."/>
    <s v=""/>
    <x v="1"/>
    <s v=""/>
    <x v="51"/>
    <s v="P 4.1 Internal Services"/>
    <s v="Travel and Other Administrative Services"/>
    <s v="TC-373"/>
    <s v="In Production"/>
    <s v="web"/>
    <x v="1"/>
    <x v="2810"/>
  </r>
  <r>
    <x v="6"/>
    <x v="82"/>
    <x v="7780"/>
    <s v="ASD-FDR"/>
    <s v="Means of containment data consolidated into an Oracle database with a web-based interface for the Engineering Division, Regulatory Affairs Branch of the Transport Dangerous Goods Directorate."/>
    <s v=""/>
    <x v="1"/>
    <s v=""/>
    <x v="51"/>
    <s v="P 3.5 Transportation of Dangerous Goods"/>
    <s v="Other"/>
    <s v="TC-374"/>
    <s v="In Production"/>
    <s v="rich"/>
    <x v="1"/>
    <x v="2877"/>
  </r>
  <r>
    <x v="0"/>
    <x v="16"/>
    <x v="7781"/>
    <s v="CAIBPS"/>
    <s v="The Civil Aviation Integrated Business Plan System (CAIBPS) is the official tool used to conduct Civil Aviation Business Planning activities. It improves the documentation of planned actions, communication of these actions, and coordination of monitoring"/>
    <s v=""/>
    <x v="1"/>
    <s v=""/>
    <x v="51"/>
    <s v="P 3.1 Aviation Safety"/>
    <s v="Other"/>
    <s v="TC-3806"/>
    <s v="In Production"/>
    <s v="web"/>
    <x v="1"/>
    <x v="2811"/>
  </r>
  <r>
    <x v="2"/>
    <x v="51"/>
    <x v="7782"/>
    <s v="CASIMS"/>
    <s v="CASIMS provides a mechanism for the storage and retrieval of data relating to Civil Aviation Document Holders in respect to SMS assessments, SMS assessments, Program Validation Inspections, Process Inspections, New entrants and the phased in implementatio"/>
    <s v=""/>
    <x v="1"/>
    <s v=""/>
    <x v="51"/>
    <s v="P 3.1 Aviation Safety"/>
    <s v="Other"/>
    <s v="TC-3807"/>
    <s v="In Production"/>
    <s v="web"/>
    <x v="1"/>
    <x v="2811"/>
  </r>
  <r>
    <x v="2"/>
    <x v="51"/>
    <x v="7783"/>
    <s v="TOM"/>
    <s v="Rail Safety Equipment &amp; Operations (ASRC) Train Operations Monitoring program"/>
    <s v=""/>
    <x v="1"/>
    <s v=""/>
    <x v="51"/>
    <s v="P 3.3 Rail Safety"/>
    <s v="Management and Oversight Services"/>
    <s v="TC-382"/>
    <s v="In Production"/>
    <s v="desktop"/>
    <x v="1"/>
    <x v="1310"/>
  </r>
  <r>
    <x v="0"/>
    <x v="28"/>
    <x v="7784"/>
    <s v="AASFTD"/>
    <s v="The Transport Canada Approved Aircraft Simulators and Flight Training Devices (AASFTD) website contains information for Approved Full Flight Simulators and Approved Flight Training Devices. The Approved Aircraft Simulators and Flight Training Devices data"/>
    <s v=""/>
    <x v="1"/>
    <s v=""/>
    <x v="51"/>
    <s v="P 3.1 Aviation Safety"/>
    <s v="Other"/>
    <s v="TC-3825"/>
    <s v="In Production"/>
    <s v="web"/>
    <x v="1"/>
    <x v="2811"/>
  </r>
  <r>
    <x v="4"/>
    <x v="5"/>
    <x v="7785"/>
    <s v="WIN PAK PRO ID"/>
    <s v="The Win Pak Pro Card Access System (WIN PAK PRO ID) is a COTS (Commercial-off-the Shelf) Identification Card and Controlled Access System utilized to enhance security in Transport Canada headquarters and regional offices."/>
    <s v="Other"/>
    <x v="1"/>
    <s v="Honeywell, WIN-PAK Pro"/>
    <x v="51"/>
    <s v="P 4.1 Internal Services"/>
    <s v="Travel and Other Administrative Services"/>
    <s v="TC-387"/>
    <s v="In Production"/>
    <s v="rich"/>
    <x v="0"/>
    <x v="2878"/>
  </r>
  <r>
    <x v="2"/>
    <x v="10"/>
    <x v="7786"/>
    <s v="TRACE-ME"/>
    <s v="TRACE ME is designed to manage simulator maintenance tasks and parts inventory while providing a common log book that tracks pilot and technician entries to serve as part of a Quality Management package for the Simulator training programs for the C-90A an"/>
    <s v="Other"/>
    <x v="1"/>
    <s v="CAE"/>
    <x v="51"/>
    <s v="P 3.1 Aviation Safety"/>
    <s v="Other"/>
    <s v="TC-3887"/>
    <s v="In Production"/>
    <s v="web"/>
    <x v="0"/>
    <x v="2820"/>
  </r>
  <r>
    <x v="4"/>
    <x v="5"/>
    <x v="7787"/>
    <s v="ENQUIRIES"/>
    <s v="Used by civ av comm center to track phone, email and mail correspondence, uses ms access forms for data entry."/>
    <s v=""/>
    <x v="1"/>
    <s v=""/>
    <x v="51"/>
    <s v="P 3.1 Aviation Safety"/>
    <s v=""/>
    <s v="TC-3965"/>
    <s v="In Production"/>
    <s v="desktop"/>
    <x v="1"/>
    <x v="106"/>
  </r>
  <r>
    <x v="0"/>
    <x v="42"/>
    <x v="7788"/>
    <s v="BIRM Portal"/>
    <s v="BIRM Portal application including preferences for all Managers"/>
    <s v=""/>
    <x v="1"/>
    <s v=""/>
    <x v="51"/>
    <s v="P 4.1 Internal Services"/>
    <s v="Financial Management Services,Information Management Services"/>
    <s v="TC-3985"/>
    <s v="In Production"/>
    <s v="rich"/>
    <x v="1"/>
    <x v="2879"/>
  </r>
  <r>
    <x v="0"/>
    <x v="28"/>
    <x v="7789"/>
    <s v="TSBL_MMS"/>
    <s v="The Multi-Modal Safety Transmittal and Response Action System is a database tracking system that contains Transportation Safety Board (TSB) information related to transportation occurrences and investigations, as well as Transport Canada’s progress in responding to TSB recommendations, safety advisories and information letters.  Owner: Strategies and Integration Directorate.TSB ASIS reporting and tracking system.  Rail and Marine also have access to this system for TSB RODS and MARSIS information respectively."/>
    <s v=""/>
    <x v="1"/>
    <s v=""/>
    <x v="51"/>
    <s v="P 3.1 Aviation Safety"/>
    <s v="Other"/>
    <s v="TC-4025"/>
    <s v="In Production"/>
    <s v="web"/>
    <x v="1"/>
    <x v="2880"/>
  </r>
  <r>
    <x v="4"/>
    <x v="5"/>
    <x v="7790"/>
    <s v="FLIGHT 2005"/>
    <s v="Flight 2005 (FLIGHT 2005) contains Business Objects reports based on Transportation Safety Board (TSB) accident data categorized by Civil Aviation Regulation (CAR)."/>
    <s v=""/>
    <x v="1"/>
    <s v=""/>
    <x v="51"/>
    <s v="P 3.1 Aviation Safety"/>
    <s v=""/>
    <s v="TC-4026"/>
    <s v="In Production"/>
    <s v="desktop"/>
    <x v="1"/>
    <x v="106"/>
  </r>
  <r>
    <x v="3"/>
    <x v="31"/>
    <x v="7791"/>
    <s v="SAP-BI"/>
    <m/>
    <s v="Other"/>
    <x v="14"/>
    <s v="SAPSAP BusinessObjects BI Platform &amp; Crystal Reports"/>
    <x v="51"/>
    <s v="P 4.1 Internal Services"/>
    <s v="Information Management Services"/>
    <s v="TC-4048"/>
    <s v="In Production"/>
    <s v="web"/>
    <x v="0"/>
    <x v="2881"/>
  </r>
  <r>
    <x v="0"/>
    <x v="0"/>
    <x v="7792"/>
    <s v="DR"/>
    <s v="Decision Records is a custom application integrates with Hyperion, Oracle Financials"/>
    <s v=""/>
    <x v="1"/>
    <s v=""/>
    <x v="51"/>
    <s v="P 4.1 Internal Services"/>
    <s v="Financial Management Services,Information Management Services"/>
    <s v="TC-4050"/>
    <s v="In Production"/>
    <s v="rich"/>
    <x v="1"/>
    <x v="2882"/>
  </r>
  <r>
    <x v="0"/>
    <x v="11"/>
    <x v="7793"/>
    <s v="ECI"/>
    <m/>
    <s v="Oracle_Canada_ULC"/>
    <x v="1"/>
    <s v=""/>
    <x v="51"/>
    <s v="P 4.1 Internal Services"/>
    <s v="Human Resources Management Services,Information Management Services"/>
    <s v="TC-4052"/>
    <s v="In Production"/>
    <s v="web"/>
    <x v="1"/>
    <x v="1906"/>
  </r>
  <r>
    <x v="6"/>
    <x v="33"/>
    <x v="7794"/>
    <s v="FPAK DND"/>
    <s v="FlightPak is used by DND 412 squadron for flight scheduling, crew management and reporting."/>
    <s v="Other"/>
    <x v="14"/>
    <s v="Universal Weather and Aviation Inc"/>
    <x v="51"/>
    <s v="P 3.1 Aviation Safety"/>
    <s v="Other"/>
    <s v="TC-4056"/>
    <s v="In Production"/>
    <s v="rich"/>
    <x v="0"/>
    <x v="2883"/>
  </r>
  <r>
    <x v="0"/>
    <x v="11"/>
    <x v="7795"/>
    <s v="HRSCC"/>
    <s v="The HRSCC application is developed to modernize the existing manual paper-based process, thus improving quality of data, efficiency and user guidance through automation. This application will provide an electronic method of tracking all inquiries received by the HR Systems Help Desk, from the time each inquiry is received to its resolution, allowing cases to be transferred between users. The client support specialists using this application will be able to save frequently encountered problems/issues as well as their solutions/resolutions. This functionality will enhance knowledge transfer, cross-training as well as response time and will thus contribute to the unit’s contingency plan."/>
    <s v=""/>
    <x v="1"/>
    <s v=""/>
    <x v="51"/>
    <s v="P 4.1 Internal Services"/>
    <s v="Human Resources Management Services,Information Management Services"/>
    <s v="TC-4058"/>
    <s v="In Production"/>
    <s v="web"/>
    <x v="1"/>
    <x v="2884"/>
  </r>
  <r>
    <x v="0"/>
    <x v="11"/>
    <x v="7796"/>
    <s v="HRSR"/>
    <s v="The application is the central place in Transport Canada (TC) for Delegated Managers to initiate and authorize a service request for Staffing and Classification. The application guides users through the various request types and improves efficiency of HR processes and paves the way to a more environmentally sound request process. All information which was completed in the HRSR form is now captured and tracked electronically. The application and associated business processes support increased use of RDIMS to capture, retain and share supporting information."/>
    <s v=""/>
    <x v="1"/>
    <s v=""/>
    <x v="51"/>
    <s v="P 4.1 Internal Services"/>
    <s v="Human Resources Management Services,Information Management Services"/>
    <s v="TC-4060"/>
    <s v="In Production"/>
    <s v="web"/>
    <x v="1"/>
    <x v="2884"/>
  </r>
  <r>
    <x v="2"/>
    <x v="2"/>
    <x v="7797"/>
    <s v="Hyperion"/>
    <s v="Oracle Planning COTS Planning and Budgeting which integrates with Oracle Financials, SMS and TC Data Warehouse."/>
    <s v="Oracle_Canada_ULC"/>
    <x v="123"/>
    <s v=""/>
    <x v="51"/>
    <s v="P 4.1 Internal Services"/>
    <s v="Financial Management Services,Information Management Services"/>
    <s v="TC-4062"/>
    <s v="In Production"/>
    <s v="rich"/>
    <x v="0"/>
    <x v="2885"/>
  </r>
  <r>
    <x v="3"/>
    <x v="4"/>
    <x v="7798"/>
    <s v="DW"/>
    <s v="Transport Canada Data Warehouse - financial information."/>
    <s v=""/>
    <x v="1"/>
    <s v=""/>
    <x v="51"/>
    <s v="P 4.1 Internal Services"/>
    <s v="Financial Management Services,Information Management Services"/>
    <s v="TC-4086"/>
    <s v="In Production"/>
    <s v="rich"/>
    <x v="1"/>
    <x v="2886"/>
  </r>
  <r>
    <x v="9"/>
    <x v="112"/>
    <x v="7799"/>
    <s v="TCAFIS"/>
    <m/>
    <s v="Other"/>
    <x v="14"/>
    <s v="Safran Group, MorphoTrak"/>
    <x v="51"/>
    <s v="P 3.9 Multimodal Safety and Security"/>
    <s v="Other"/>
    <s v="TC-4088"/>
    <s v="In Production"/>
    <s v="rich"/>
    <x v="0"/>
    <x v="2887"/>
  </r>
  <r>
    <x v="0"/>
    <x v="18"/>
    <x v="7800"/>
    <s v="SD"/>
    <s v="The Software Request Form (SD) is a web based application used to submit requests to the Corporate Software Administrator for processing when a software or hardware product is not a Transport Canada standard as per the TC Software and Hardware Standards Database."/>
    <s v=""/>
    <x v="1"/>
    <s v=""/>
    <x v="51"/>
    <s v="P 4.1 Internal Services"/>
    <s v="Information Technology Services"/>
    <s v="TC-4106"/>
    <s v="In Production"/>
    <s v="web"/>
    <x v="1"/>
    <x v="2888"/>
  </r>
  <r>
    <x v="0"/>
    <x v="43"/>
    <x v="12"/>
    <s v="WCMS"/>
    <s v="COTS Product OpenText Web Site Management Server Version 10.1. (former RedDot WCMS) Manages web content, meta data and publishing process of web pages and assets for external tc.gc.ca site. Oracle 11g back-end."/>
    <s v="Other"/>
    <x v="14"/>
    <s v="Open Text Management Server v10.1.2"/>
    <x v="51"/>
    <s v="P 4.1 Internal Services"/>
    <s v="Communications Services,Information Management Services"/>
    <s v="TC-411"/>
    <s v="In Production"/>
    <s v="web"/>
    <x v="0"/>
    <x v="2889"/>
  </r>
  <r>
    <x v="6"/>
    <x v="82"/>
    <x v="7801"/>
    <s v="ASD-ERG2012"/>
    <s v="ERG2012 On-line is the web version of the Emergency Response Guidebook 2012, published in 2012"/>
    <s v=""/>
    <x v="1"/>
    <s v=""/>
    <x v="51"/>
    <s v="P 3.5 Transportation of Dangerous Goods"/>
    <s v="Other"/>
    <s v="TC-4285"/>
    <s v="In Production"/>
    <s v="web"/>
    <x v="1"/>
    <x v="2890"/>
  </r>
  <r>
    <x v="2"/>
    <x v="51"/>
    <x v="7802"/>
    <s v="MPM"/>
    <s v="The Manufacturer Production Marks (MPM) system is part of Transport Canada's Civil Aircraft Registration and Leasing system. It allows manufacturers who have an authorization permitting the operation of an aircraft that is not registered to: • Enter new a"/>
    <s v=""/>
    <x v="1"/>
    <s v=""/>
    <x v="51"/>
    <s v="P 3.1 Aviation Safety"/>
    <s v="Other"/>
    <s v="TC-4290"/>
    <s v="In Production"/>
    <s v="web"/>
    <x v="1"/>
    <x v="2811"/>
  </r>
  <r>
    <x v="0"/>
    <x v="28"/>
    <x v="7803"/>
    <s v="CADLIS"/>
    <s v="The CADLIS application is a replacement for the AALS application which was on the Mainframe.  This application will be the central repository for Civil Aviation distribution lists."/>
    <s v=""/>
    <x v="1"/>
    <s v=""/>
    <x v="51"/>
    <s v="P 3.1 Aviation Safety"/>
    <s v="Other"/>
    <s v="TC-4302"/>
    <s v="In Production"/>
    <s v="web"/>
    <x v="1"/>
    <x v="2891"/>
  </r>
  <r>
    <x v="0"/>
    <x v="28"/>
    <x v="7804"/>
    <s v="CAMP"/>
    <s v="Maintains airworthiness information on Aircraft Services’ fleet of aircraft for both fixed and rotary wing and the associated aircraft parts located on those aircraft."/>
    <s v="Other"/>
    <x v="1"/>
    <s v="CAMP Systems http://www.campsystems.com/"/>
    <x v="51"/>
    <s v="P 3.1 Aviation Safety"/>
    <s v="Other"/>
    <s v="TC-4307"/>
    <s v="In Production"/>
    <s v="web"/>
    <x v="0"/>
    <x v="2811"/>
  </r>
  <r>
    <x v="3"/>
    <x v="34"/>
    <x v="7805"/>
    <s v="ERWIN"/>
    <s v="Is a Data Management application. DMI hosts, manages, and administers the ERwin Suite of products on behalf of the department as it is the departmental Data Modeling standard toolset.  The Erwin model repository is the corporate data model repository."/>
    <s v="Other"/>
    <x v="1"/>
    <s v="ERwin Inc.Erwin Data Modeler"/>
    <x v="51"/>
    <s v="P 4.1 Internal Services"/>
    <s v="Information Management Services"/>
    <s v="TC-4309"/>
    <s v="In Production"/>
    <s v="rich"/>
    <x v="0"/>
    <x v="2892"/>
  </r>
  <r>
    <x v="6"/>
    <x v="82"/>
    <x v="7806"/>
    <s v="FILEMAKER"/>
    <s v="FileMaker Pro is an essential tool for the CANUTEC operations as it has been the application used over the past twenty years by the emergency response advisors to store, organize, relate and retrieve elements of CANUTEC’s extensive knowledge base."/>
    <s v=""/>
    <x v="1"/>
    <s v=""/>
    <x v="51"/>
    <s v="P 3.5 Transportation of Dangerous Goods"/>
    <s v="Other"/>
    <s v="TC-4311"/>
    <s v="In Production"/>
    <s v=""/>
    <x v="1"/>
    <x v="10"/>
  </r>
  <r>
    <x v="0"/>
    <x v="16"/>
    <x v="7807"/>
    <s v="FTAE II"/>
    <m/>
    <s v=""/>
    <x v="1"/>
    <s v=""/>
    <x v="51"/>
    <s v="P 3.1 Aviation Safety"/>
    <s v="Other"/>
    <s v="TC-4313"/>
    <s v="In Production"/>
    <s v="rich"/>
    <x v="1"/>
    <x v="2846"/>
  </r>
  <r>
    <x v="2"/>
    <x v="51"/>
    <x v="7808"/>
    <s v="MEMS"/>
    <s v="The Marine Safety Enforcement Management System application provides up-to-date enforcement actions against vessels operating in Canadian waters."/>
    <s v=""/>
    <x v="1"/>
    <s v=""/>
    <x v="51"/>
    <s v="P 3.2 Marine Safety"/>
    <s v="Other"/>
    <s v="TC-4331"/>
    <s v="In Production"/>
    <s v="rich"/>
    <x v="1"/>
    <x v="2827"/>
  </r>
  <r>
    <x v="6"/>
    <x v="27"/>
    <x v="7809"/>
    <s v="MTS"/>
    <s v="MultiTrans 4 is an integrated and comprehensive suite of next-generation Computer Assisted Translation (CAT) capabilities that unlocks the value in your previously created content by putting relevant past translations and approved terminology at the fingertips of your language professionals. At the core of the MultiTrans solution are the TextBase, TermBase and Translation Agent: The TextBase and its Alignment Agent enable you to easily capture and organize all of the past human-generated translations that are scattered across your organization and beyond. The TermBase ensures consistent language use by providing a glossary of your pre-approved, standardized terms in multiple languages. The Translation Agent enables users within Microsoft Word or other"/>
    <s v="Multicorpora_R_D_inc"/>
    <x v="124"/>
    <s v=""/>
    <x v="51"/>
    <s v="P 4.1 Internal Services"/>
    <s v="Communications Services,Information Technology Services"/>
    <s v="TC-4336"/>
    <s v="In Production"/>
    <s v="rich"/>
    <x v="0"/>
    <x v="2893"/>
  </r>
  <r>
    <x v="0"/>
    <x v="11"/>
    <x v="6699"/>
    <s v="ORG_PUB"/>
    <m/>
    <s v=""/>
    <x v="1"/>
    <s v=""/>
    <x v="51"/>
    <s v="P 4.1 Internal Services"/>
    <s v="Human Resources Management Services,Information Management Services"/>
    <s v="TC-4343"/>
    <s v="In Production"/>
    <s v="web"/>
    <x v="1"/>
    <x v="1906"/>
  </r>
  <r>
    <x v="2"/>
    <x v="51"/>
    <x v="7810"/>
    <s v="SSCIMSs"/>
    <m/>
    <s v=""/>
    <x v="1"/>
    <s v=""/>
    <x v="51"/>
    <s v="P 3.6 Aviation Security"/>
    <s v="Other"/>
    <s v="TC-4344"/>
    <s v="In Production"/>
    <s v="web"/>
    <x v="1"/>
    <x v="2894"/>
  </r>
  <r>
    <x v="6"/>
    <x v="82"/>
    <x v="7811"/>
    <s v="TDG Web Feedback"/>
    <s v="The TDG web application is an intranet web application and will be used for Feedback on the National Activity Tracking Program (NATP). The web application is written in ASP.Net using .Net Framework 3.5 and CLF Page 4.0"/>
    <s v=""/>
    <x v="1"/>
    <s v=""/>
    <x v="51"/>
    <s v="P 3.5 Transportation of Dangerous Goods"/>
    <s v="Other"/>
    <s v="TC-4365"/>
    <s v="In Production"/>
    <s v="web"/>
    <x v="1"/>
    <x v="2895"/>
  </r>
  <r>
    <x v="0"/>
    <x v="28"/>
    <x v="7812"/>
    <s v="TPD"/>
    <s v="The Transport Publications Database (TPD) is a listing of all the Marine Safety Transport Canada Publications."/>
    <s v="Other"/>
    <x v="1"/>
    <s v="Access 2007 Database"/>
    <x v="51"/>
    <s v="P 3.2 Marine Safety"/>
    <s v="Other,Other,Other,Other,Other"/>
    <s v="TC-4374"/>
    <s v="In Production"/>
    <s v="desktop"/>
    <x v="1"/>
    <x v="2896"/>
  </r>
  <r>
    <x v="3"/>
    <x v="92"/>
    <x v="7813"/>
    <s v="CLÉAGE"/>
    <s v="Inventory of keys in circulation"/>
    <s v=""/>
    <x v="1"/>
    <s v="N/A"/>
    <x v="51"/>
    <s v="P 4.1 Internal Services"/>
    <s v="Management and Oversight Services"/>
    <s v="TC-44"/>
    <s v="In Production"/>
    <s v="rich"/>
    <x v="1"/>
    <x v="2858"/>
  </r>
  <r>
    <x v="0"/>
    <x v="28"/>
    <x v="7814"/>
    <s v="TCDIR"/>
    <s v="Central directory system for managing information and services for all TC workers"/>
    <s v=""/>
    <x v="1"/>
    <s v=""/>
    <x v="51"/>
    <s v="P 4.1 Internal Services"/>
    <s v="Travel and Other Administrative Services"/>
    <s v="TC-491"/>
    <s v="In Production"/>
    <s v="web"/>
    <x v="1"/>
    <x v="2848"/>
  </r>
  <r>
    <x v="0"/>
    <x v="0"/>
    <x v="7815"/>
    <s v="ACTS"/>
    <s v="The ccmMercury - Aboriginal Consultation Tracking System (ACTS) is used by the Aboriginal Consultation Unit of Transport Canada to track the project status, and all correspondence related to the aboriginal consultation process."/>
    <s v="WorkDynamics_Technologies_Inc"/>
    <x v="0"/>
    <s v=""/>
    <x v="51"/>
    <s v="P 4.1 Internal Services"/>
    <s v="Information Management Services"/>
    <s v="TC-5000"/>
    <s v="In Production"/>
    <s v="rich"/>
    <x v="0"/>
    <x v="2808"/>
  </r>
  <r>
    <x v="0"/>
    <x v="0"/>
    <x v="7816"/>
    <s v="ARTS"/>
    <s v="The ccmMercury - Accommodations Request Tracking System [Facilities] (ARTS) tracks facility management requests, projects, and business deliverables. This applications is used by the Facility Management group of Transport Canada."/>
    <s v="WorkDynamics_Technologies_Inc"/>
    <x v="0"/>
    <s v=""/>
    <x v="51"/>
    <s v="P 4.1 Internal Services"/>
    <s v="Information Management Services"/>
    <s v="TC-5002"/>
    <s v="In Production"/>
    <s v="rich"/>
    <x v="0"/>
    <x v="2808"/>
  </r>
  <r>
    <x v="0"/>
    <x v="28"/>
    <x v="7817"/>
    <s v="ARI"/>
    <s v="The Approved Recognized Institutions (ARI) is an external query system, and internal maintenance system. This applications is used by the Marine Personnel Standards, Pilotage and Medicine group of Transport Canada."/>
    <s v=""/>
    <x v="1"/>
    <s v=""/>
    <x v="51"/>
    <s v="P 3.2 Marine Safety"/>
    <s v="Other"/>
    <s v="TC-5003"/>
    <s v="In Production"/>
    <s v="desktop"/>
    <x v="1"/>
    <x v="86"/>
  </r>
  <r>
    <x v="6"/>
    <x v="82"/>
    <x v="7818"/>
    <s v="TDG Approvals"/>
    <s v="Web application to display list of valid Equivalency Certificates, display a specific Equivalency Certificate and to search valid Equivalency Certificates. Information is updated each month, generated from Word documents. Information is stored in XML and"/>
    <s v=""/>
    <x v="1"/>
    <s v=""/>
    <x v="51"/>
    <s v="P 3.5 Transportation of Dangerous Goods"/>
    <s v="Other"/>
    <s v="TC-5004"/>
    <s v="In Production"/>
    <s v="web"/>
    <x v="1"/>
    <x v="2897"/>
  </r>
  <r>
    <x v="2"/>
    <x v="51"/>
    <x v="7819"/>
    <s v="CPSCS-THETIS_WS"/>
    <s v="Currently Transport Canada has a Memorandum of Understanding setup with Paris (PMOU) to upload specific vessel information to their SIReNaC system &amp; also accept downloads of specific vessel inspection information from their European database."/>
    <s v=""/>
    <x v="1"/>
    <s v=""/>
    <x v="51"/>
    <s v="P 3.2 Marine Safety"/>
    <s v="Other"/>
    <s v="TC-5006"/>
    <s v="In Production"/>
    <s v="web"/>
    <x v="1"/>
    <x v="2826"/>
  </r>
  <r>
    <x v="2"/>
    <x v="51"/>
    <x v="7820"/>
    <s v="CPSCS-DET"/>
    <s v="CPSCS-DET"/>
    <s v=""/>
    <x v="1"/>
    <s v=""/>
    <x v="51"/>
    <s v="P 3.2 Marine Safety"/>
    <s v="Other"/>
    <s v="TC-5007"/>
    <s v="In Production"/>
    <s v="web"/>
    <x v="1"/>
    <x v="2826"/>
  </r>
  <r>
    <x v="2"/>
    <x v="51"/>
    <x v="7821"/>
    <s v="CPSCWQS"/>
    <s v="Web-based system to view data in CPSCS client/server system."/>
    <s v=""/>
    <x v="1"/>
    <s v=""/>
    <x v="51"/>
    <s v="P 3.2 Marine Safety"/>
    <s v="Other"/>
    <s v="TC-5008"/>
    <s v="In Production"/>
    <s v="web"/>
    <x v="1"/>
    <x v="2826"/>
  </r>
  <r>
    <x v="0"/>
    <x v="8"/>
    <x v="7822"/>
    <s v="eCards"/>
    <s v="The eCards application will allow anyone to send a pre-made electronic card to the person(s) of his or her choosing"/>
    <s v=""/>
    <x v="1"/>
    <s v=""/>
    <x v="51"/>
    <s v="P 4.1 Internal Services"/>
    <s v="Communications Services,Information Management Services"/>
    <s v="TC-5012"/>
    <s v="In Production"/>
    <s v="web"/>
    <x v="1"/>
    <x v="2898"/>
  </r>
  <r>
    <x v="2"/>
    <x v="51"/>
    <x v="7823"/>
    <s v="E-PAIRS Int"/>
    <s v="The Electronic Pre-Arrival Information Report System  (E-PAIRS) is a web-based internet and intranet web application (ASP .NET 2.0)  with a MS SQL database. The application is Protected “A” and is secured via SSL encryption, login authentication and busin"/>
    <s v=""/>
    <x v="1"/>
    <s v=""/>
    <x v="51"/>
    <s v="P 3.7 Marine Security"/>
    <s v="Other"/>
    <s v="TC-5013"/>
    <s v="In Production"/>
    <s v="web"/>
    <x v="1"/>
    <x v="2826"/>
  </r>
  <r>
    <x v="0"/>
    <x v="0"/>
    <x v="7824"/>
    <s v="GECL"/>
    <s v="The ccmMercury - General Enquires Call Log (GECL) is used by the Corporate Systems Support Group of Transport Canada for tracking external and internal client requests."/>
    <s v="WorkDynamics_Technologies_Inc"/>
    <x v="0"/>
    <s v=""/>
    <x v="51"/>
    <s v="P 4.1 Internal Services"/>
    <s v="Information Management Services"/>
    <s v="TC-5014"/>
    <s v="In Production"/>
    <s v="rich"/>
    <x v="0"/>
    <x v="2808"/>
  </r>
  <r>
    <x v="0"/>
    <x v="8"/>
    <x v="7825"/>
    <s v="LDPS"/>
    <s v="LDPS is the old ASP app that feeds the giant screen that you see at the escalators that go down to the food court and displays the current weather and news items.  Will be replaced by the new application this fiscal year."/>
    <s v=""/>
    <x v="1"/>
    <s v=""/>
    <x v="51"/>
    <s v="P 4.1 Internal Services"/>
    <s v="Communications Services,Information Management Services"/>
    <s v="TC-5016"/>
    <s v="In Production"/>
    <s v="rich"/>
    <x v="1"/>
    <x v="2898"/>
  </r>
  <r>
    <x v="0"/>
    <x v="28"/>
    <x v="7826"/>
    <s v="MIB"/>
    <s v="Marine INspectors bookshelf is a CD installation to the virtual library and Inspector laptops/workstations containing Acts/Regulations/TP's, available through the Verity Search Engine.  The CD's are compiled and produced twice a year (March and October)"/>
    <s v=""/>
    <x v="1"/>
    <s v=""/>
    <x v="51"/>
    <s v="P 3.2 Marine Safety"/>
    <s v="Other"/>
    <s v="TC-5018"/>
    <s v="In Production"/>
    <s v="web"/>
    <x v="1"/>
    <x v="2838"/>
  </r>
  <r>
    <x v="0"/>
    <x v="0"/>
    <x v="7827"/>
    <s v="MOSPRRR"/>
    <s v="The Marine Oil Spill Preparedness and Response Regime Review (MOSPRRR) is used by the Emergency Preparedness group of Transport Canada for information management and policy analysis of submissions to the Tanker Safety Expert Panel."/>
    <s v="WorkDynamics_Technologies_Inc"/>
    <x v="0"/>
    <s v=""/>
    <x v="51"/>
    <s v="P 4.1 Internal Services"/>
    <s v="Information Management Services"/>
    <s v="TC-5019"/>
    <s v="In Production"/>
    <s v="rich"/>
    <x v="0"/>
    <x v="2808"/>
  </r>
  <r>
    <x v="4"/>
    <x v="5"/>
    <x v="7828"/>
    <s v="MPDIS"/>
    <s v="The Multimodal Personnel Document Issuance System (MPDIS) is used directly by the Marine Personnel Standards, Pilotage &amp; Medicine branch of Marine Safety and Security as well as indirectly for it’s production capabilities by the Standards group within Civil Aviation.  It enables the process of issuing credentials to seafarers and flight crew in keeping with the  Standards of Training , Ceritifcation and Watchkeeping (STCW) as well as the requirements set forth by the International Civil Aviation Organization (ICAO)."/>
    <s v=""/>
    <x v="1"/>
    <s v=""/>
    <x v="51"/>
    <s v=""/>
    <s v=""/>
    <s v="TC-5021"/>
    <s v="In Production"/>
    <s v="web"/>
    <x v="1"/>
    <x v="106"/>
  </r>
  <r>
    <x v="0"/>
    <x v="0"/>
    <x v="7829"/>
    <s v="MPS"/>
    <s v="ccmMercury is used to track MPS Pool of Equipment information, which contains an inventory of all digital devices, as well as kiosks and other miscellaneous equipment manged by multimedia Product and Services."/>
    <s v="WorkDynamics_Technologies_Inc"/>
    <x v="0"/>
    <s v=""/>
    <x v="51"/>
    <s v="P 4.1 Internal Services"/>
    <s v="Information Management Services"/>
    <s v="TC-5023"/>
    <s v="In Production"/>
    <s v="rich"/>
    <x v="0"/>
    <x v="2808"/>
  </r>
  <r>
    <x v="2"/>
    <x v="51"/>
    <x v="7830"/>
    <s v="MSIS II"/>
    <s v="MSIS II is an integrated database to record and capture security inspection information for foreign/ Canadian vessels, Canadian Vessel plan approvals and Ports, Marine Facility inspections and plan approvals under the Inspection and Enforcement Regime. MS"/>
    <s v=""/>
    <x v="1"/>
    <s v=""/>
    <x v="51"/>
    <s v="P 3.7 Marine Security"/>
    <s v="Other"/>
    <s v="TC-5025"/>
    <s v="In Production"/>
    <s v="rich"/>
    <x v="1"/>
    <x v="2827"/>
  </r>
  <r>
    <x v="2"/>
    <x v="51"/>
    <x v="7831"/>
    <s v="MTRBQ"/>
    <s v="The Marine Technical Review Board Query System (MTRBQ) allows the general public, mainly Marine Safety and Security stakeholders, to search for exemptions, replacements, or equivalencies of requirements under Marine Safety and Security regulations."/>
    <s v=""/>
    <x v="1"/>
    <s v=""/>
    <x v="51"/>
    <s v="P 3.2 Marine Safety"/>
    <s v="Other"/>
    <s v="TC-5027"/>
    <s v="In Production"/>
    <s v="web"/>
    <x v="1"/>
    <x v="2826"/>
  </r>
  <r>
    <x v="0"/>
    <x v="42"/>
    <x v="7832"/>
    <s v="myTC"/>
    <s v="Custom layer written in C#.NET to support Transport Canada intranet personalization, user profiles and custom settings. Site content is static and managed by the WCMS."/>
    <s v=""/>
    <x v="1"/>
    <s v=""/>
    <x v="51"/>
    <s v="P 4.1 Internal Services"/>
    <s v="Communications Services,Information Management Services"/>
    <s v="TC-5028"/>
    <s v="In Production"/>
    <s v="web"/>
    <x v="1"/>
    <x v="2899"/>
  </r>
  <r>
    <x v="6"/>
    <x v="24"/>
    <x v="7833"/>
    <s v="ACD"/>
    <s v="Manages the consultation process that is initated when a project (usually, but not exclusively involving construction) could potentially impact or otherwise affect one or more Aboriginal groups."/>
    <s v=""/>
    <x v="1"/>
    <s v=""/>
    <x v="51"/>
    <s v="P 2.3 Environmental Stewardship of Transportation"/>
    <s v="Management and Oversight Services"/>
    <s v="TC-5029"/>
    <s v="In Production"/>
    <s v="web"/>
    <x v="1"/>
    <x v="2900"/>
  </r>
  <r>
    <x v="0"/>
    <x v="0"/>
    <x v="7834"/>
    <s v="OBS"/>
    <s v="The ccm Mercury - Office of Boating Safety - Information Management System (ccm Mercury - OBS-IMS) is a database allows for records to be sorted, organized, searched, saved, and for reports to be created in Word or PDF format. RDIMS documents may also be"/>
    <s v="WorkDynamics_Technologies_Inc"/>
    <x v="0"/>
    <s v=""/>
    <x v="51"/>
    <s v="P 4.1 Internal Services"/>
    <s v="Information Management Services"/>
    <s v="TC-5030"/>
    <s v="In Production"/>
    <s v="rich"/>
    <x v="0"/>
    <x v="2825"/>
  </r>
  <r>
    <x v="2"/>
    <x v="51"/>
    <x v="7835"/>
    <s v="OPS_Checklist"/>
    <s v="Inspection Checklist application for the Operations group"/>
    <s v=""/>
    <x v="1"/>
    <s v=""/>
    <x v="51"/>
    <s v="P 3.3 Rail Safety"/>
    <s v="Management and Oversight Services"/>
    <s v="TC-5031"/>
    <s v="In Production"/>
    <s v="desktop"/>
    <x v="1"/>
    <x v="2901"/>
  </r>
  <r>
    <x v="0"/>
    <x v="16"/>
    <x v="7836"/>
    <s v="PCOCDS-TO"/>
    <s v="External ASP.Net application providing Transport Canada Marine Safety Pleasure Craft Operator online test to pre-authorized clients. "/>
    <s v=""/>
    <x v="1"/>
    <s v=""/>
    <x v="51"/>
    <s v="P 3.2 Marine Safety"/>
    <s v="Other"/>
    <s v="TC-5032"/>
    <s v="In Production"/>
    <s v="web"/>
    <x v="1"/>
    <x v="2902"/>
  </r>
  <r>
    <x v="0"/>
    <x v="16"/>
    <x v="7837"/>
    <s v="PCOCDS-WS"/>
    <s v="Provides to accredited online Course Provider web application, new authorization that the CP Web Application will provide to the external client, when this one is ready to take the test.  Standard for PCOC Testing over the Internet that Course Provider must compliant before getting the Online accreditation and accessing the PCOC Web Service."/>
    <s v=""/>
    <x v="1"/>
    <s v=""/>
    <x v="51"/>
    <s v="P 3.2 Marine Safety"/>
    <s v="Other"/>
    <s v="TC-5033"/>
    <s v="In Production"/>
    <s v="web"/>
    <x v="1"/>
    <x v="2902"/>
  </r>
  <r>
    <x v="0"/>
    <x v="0"/>
    <x v="7838"/>
    <s v="PQTS"/>
    <s v="The ccmMercury - Parliamentary Quotes Tracking Database (PQTS) is used by the Corporate Secretariat group of Transport Canada. The application stores quotations from various sources (Members of Parliament, media, etc.) and produces reports on trends and categories that will help to reduce workload at the end of sessions."/>
    <s v="WorkDynamics_Technologies_Inc"/>
    <x v="0"/>
    <s v=""/>
    <x v="51"/>
    <s v="P 4.1 Internal Services"/>
    <s v="Information Management Services"/>
    <s v="TC-5034"/>
    <s v="In Production"/>
    <s v="rich"/>
    <x v="0"/>
    <x v="2808"/>
  </r>
  <r>
    <x v="2"/>
    <x v="51"/>
    <x v="6293"/>
    <s v="RMS"/>
    <s v="Time tracking system"/>
    <s v=""/>
    <x v="1"/>
    <s v=""/>
    <x v="51"/>
    <s v="P 3.3 Rail Safety"/>
    <s v="Management and Oversight Services"/>
    <s v="TC-5037"/>
    <s v="In Production"/>
    <s v="desktop"/>
    <x v="1"/>
    <x v="2903"/>
  </r>
  <r>
    <x v="2"/>
    <x v="51"/>
    <x v="7839"/>
    <s v="SVCP"/>
    <s v="Small non-pleasure vessels are required to be registered with Transport Canada.  Through the SVCP interim solution, vessel owners are required to complete Compliance Reports.  Once reviewed by TCMS employees, the owner of the vessel will be issued a Blue"/>
    <s v=""/>
    <x v="1"/>
    <s v=""/>
    <x v="51"/>
    <s v="P 3.2 Marine Safety"/>
    <s v="Other"/>
    <s v="TC-5049"/>
    <s v="In Production"/>
    <s v="web"/>
    <x v="1"/>
    <x v="2827"/>
  </r>
  <r>
    <x v="2"/>
    <x v="51"/>
    <x v="7840"/>
    <s v="SQID"/>
    <s v="The implementation of a database will enable ASD to efficiently track, assess, manage, and report information that is relevant to complying with safety and/or other quality assurance requirements.  An SMS database will provide a more cost-effective means"/>
    <s v="Other"/>
    <x v="1"/>
    <s v="Intelex Technologies"/>
    <x v="51"/>
    <s v="P 3.1 Aviation Safety"/>
    <s v="Other"/>
    <s v="TC-5050"/>
    <s v="In Production"/>
    <s v="web"/>
    <x v="1"/>
    <x v="2812"/>
  </r>
  <r>
    <x v="0"/>
    <x v="28"/>
    <x v="7841"/>
    <s v="SSB"/>
    <s v="Ship Safety Bulletins are a source of accurate and up-to-date ship safety information, paramount to the safety of life at sea and one of the important mechanisms for conveying timely information pertaining to safeguards against identified risks.  Ship Saf"/>
    <s v=""/>
    <x v="1"/>
    <s v=""/>
    <x v="51"/>
    <s v="P 3.2 Marine Safety"/>
    <s v="Other"/>
    <s v="TC-5053"/>
    <s v="In Production"/>
    <s v="web"/>
    <x v="1"/>
    <x v="2827"/>
  </r>
  <r>
    <x v="2"/>
    <x v="51"/>
    <x v="7842"/>
    <s v="SSCIMSe"/>
    <s v="Secure Supply Chain Information Management System - external web application, used for initial enrollement to ACS program."/>
    <s v=""/>
    <x v="1"/>
    <s v=""/>
    <x v="51"/>
    <s v="P 3.6 Aviation Security"/>
    <s v="Other"/>
    <s v="TC-5054"/>
    <s v="In Production"/>
    <s v="web"/>
    <x v="1"/>
    <x v="2904"/>
  </r>
  <r>
    <x v="0"/>
    <x v="16"/>
    <x v="7843"/>
    <s v="SSCIMSi"/>
    <m/>
    <s v=""/>
    <x v="1"/>
    <s v=""/>
    <x v="51"/>
    <s v="P 3.6 Aviation Security"/>
    <s v="Other"/>
    <s v="TC-5055"/>
    <s v="In Production"/>
    <s v="web"/>
    <x v="1"/>
    <x v="2904"/>
  </r>
  <r>
    <x v="0"/>
    <x v="28"/>
    <x v="7844"/>
    <s v="GSA_INT"/>
    <s v="The search engine currently in use for the Transport Canada public and intranet websites is a Google Search Appliance (GSA). TC owns two clustered environments to support pubic site search and intranet site search. Current license is valid until March 2015."/>
    <s v="Google"/>
    <x v="84"/>
    <s v=""/>
    <x v="51"/>
    <s v="P 4.1 Internal Services"/>
    <s v="Communications Services,Information Management Services"/>
    <s v="TC-5056"/>
    <s v="In Production"/>
    <s v="web"/>
    <x v="0"/>
    <x v="2905"/>
  </r>
  <r>
    <x v="6"/>
    <x v="82"/>
    <x v="7845"/>
    <s v="TDG-IIS"/>
    <s v="The IIS is a national application used to collect and manage information concerning Transport Dangerous Goods (TDG) inspections."/>
    <s v=""/>
    <x v="1"/>
    <s v=""/>
    <x v="51"/>
    <s v="P 3.5 Transportation of Dangerous Goods"/>
    <s v="Other"/>
    <s v="TC-5058"/>
    <s v="In Production"/>
    <s v="rich"/>
    <x v="1"/>
    <x v="2906"/>
  </r>
  <r>
    <x v="2"/>
    <x v="51"/>
    <x v="7846"/>
    <s v="TRAIN"/>
    <s v="National application designed to meet the inspection needs of the Equipment group in Rail Safety."/>
    <s v=""/>
    <x v="1"/>
    <s v=""/>
    <x v="51"/>
    <s v="P 3.3 Rail Safety"/>
    <s v="Management and Oversight Services"/>
    <s v="TC-5059"/>
    <s v="In Production"/>
    <s v="web"/>
    <x v="1"/>
    <x v="146"/>
  </r>
  <r>
    <x v="2"/>
    <x v="51"/>
    <x v="7847"/>
    <s v="TSIS"/>
    <m/>
    <s v=""/>
    <x v="1"/>
    <s v=""/>
    <x v="51"/>
    <s v="P 3.6 Aviation Security"/>
    <s v="Other"/>
    <s v="TC-5060"/>
    <s v="In Production"/>
    <s v="rich"/>
    <x v="1"/>
    <x v="2907"/>
  </r>
  <r>
    <x v="0"/>
    <x v="11"/>
    <x v="7848"/>
    <s v="VMS"/>
    <s v="This application is used by the ecoTechnology Vehicles (eTV) program to manage the purchasing, testing and reservations for a fleet of vehicles owned by Programs Group."/>
    <s v=""/>
    <x v="1"/>
    <s v=""/>
    <x v="51"/>
    <s v="P 2.3 Environmental Stewardship of Transportation"/>
    <s v="Other"/>
    <s v="TC-5061"/>
    <s v="In Production"/>
    <s v="rich"/>
    <x v="1"/>
    <x v="2908"/>
  </r>
  <r>
    <x v="0"/>
    <x v="28"/>
    <x v="7849"/>
    <s v="VRQS"/>
    <s v="VRQS provides an internet search utility agains the Register of Canada Ships used by law, enforcement agencies, and financial instutions as well as the general public."/>
    <s v=""/>
    <x v="1"/>
    <s v=""/>
    <x v="51"/>
    <s v="P 3.2 Marine Safety"/>
    <s v="Other"/>
    <s v="TC-5062"/>
    <s v="In Production"/>
    <s v="web"/>
    <x v="1"/>
    <x v="2827"/>
  </r>
  <r>
    <x v="3"/>
    <x v="17"/>
    <x v="2090"/>
    <s v="WEBTRENDS"/>
    <s v="WebTrends  is a Custom, Off-the-Shelf software that collects and displays  statistics about visitors to  TC's many internet and intranet websites and sub-sites"/>
    <s v="Other"/>
    <x v="14"/>
    <s v="WebTrends"/>
    <x v="51"/>
    <s v="P 4.1 Internal Services"/>
    <s v="Information Technology Services"/>
    <s v="TC-5063"/>
    <s v="In Production"/>
    <s v="web"/>
    <x v="0"/>
    <x v="2909"/>
  </r>
  <r>
    <x v="0"/>
    <x v="11"/>
    <x v="7850"/>
    <s v="STACTS"/>
    <m/>
    <s v=""/>
    <x v="1"/>
    <s v=""/>
    <x v="51"/>
    <s v="P 4.1 Internal Services"/>
    <s v="Human Resources Management Services,Information Management Services"/>
    <s v="TC-5064"/>
    <s v="In Production"/>
    <s v="web"/>
    <x v="1"/>
    <x v="1906"/>
  </r>
  <r>
    <x v="6"/>
    <x v="82"/>
    <x v="7851"/>
    <s v="TDG-SCHEDULES"/>
    <s v="The application allows users to enter, modify, display and print the TDG Schedules and amendments.  It includes a web module which allows users to query and print TDG Regulations Schedules 1, 2 and 3 on the TC website."/>
    <s v=""/>
    <x v="1"/>
    <s v=""/>
    <x v="51"/>
    <s v="P 3.5 Transportation of Dangerous Goods"/>
    <s v="Other"/>
    <s v="TC-5065"/>
    <s v="In Production"/>
    <s v="web"/>
    <x v="1"/>
    <x v="2853"/>
  </r>
  <r>
    <x v="9"/>
    <x v="54"/>
    <x v="7852"/>
    <s v="TCID"/>
    <m/>
    <s v=""/>
    <x v="1"/>
    <s v=""/>
    <x v="51"/>
    <s v="P 3.1 Aviation Safety"/>
    <s v="Other"/>
    <s v="TC-5066"/>
    <s v="In Production"/>
    <s v="web"/>
    <x v="1"/>
    <x v="2850"/>
  </r>
  <r>
    <x v="3"/>
    <x v="31"/>
    <x v="7853"/>
    <s v="BII"/>
    <s v="The objective of the ABII (Aviation Business Intelligence Infrastructure) project is to put in place a means to capture all information relevant to the oversight of civil aviation safety in an integrated manner.  This will allow Civil Aviation to develop"/>
    <s v=""/>
    <x v="1"/>
    <s v=""/>
    <x v="51"/>
    <s v="P 3.1 Aviation Safety"/>
    <s v="Other"/>
    <s v="TC-5067"/>
    <s v="In Production"/>
    <s v="web"/>
    <x v="1"/>
    <x v="2910"/>
  </r>
  <r>
    <x v="9"/>
    <x v="54"/>
    <x v="7854"/>
    <s v="DAPLS-CBN"/>
    <m/>
    <s v=""/>
    <x v="1"/>
    <s v=""/>
    <x v="51"/>
    <s v="P 3.1 Aviation Safety"/>
    <s v="Other"/>
    <s v="TC-5069"/>
    <s v="In Production"/>
    <s v="rich"/>
    <x v="1"/>
    <x v="2911"/>
  </r>
  <r>
    <x v="2"/>
    <x v="51"/>
    <x v="7855"/>
    <s v="NEPTUNE"/>
    <s v="A commercial off-the-shelf (COTS) system that TC has purchased from Kongsberg Maritime.  We have purchased two Engine Room Simulation modules (MC90 and M22PC-IV) from them.  The modules are to be used to create scenarios to test seafarers as part of the E"/>
    <s v="Other"/>
    <x v="14"/>
    <s v="Kongsberg Martime, Neptune Instructor System"/>
    <x v="51"/>
    <s v="P 3.2 Marine Safety"/>
    <s v="Other"/>
    <s v="TC-5104"/>
    <s v="In Production"/>
    <s v="web"/>
    <x v="0"/>
    <x v="2838"/>
  </r>
  <r>
    <x v="2"/>
    <x v="51"/>
    <x v="7856"/>
    <s v="SVCP-Excel"/>
    <s v="SVCP-Excel"/>
    <s v=""/>
    <x v="1"/>
    <s v=""/>
    <x v="51"/>
    <s v="P 3.2 Marine Safety"/>
    <s v="Other"/>
    <s v="TC-5106"/>
    <s v="In Production"/>
    <s v="rich"/>
    <x v="1"/>
    <x v="2912"/>
  </r>
  <r>
    <x v="0"/>
    <x v="42"/>
    <x v="7857"/>
    <s v="LEIS"/>
    <m/>
    <s v=""/>
    <x v="1"/>
    <s v=""/>
    <x v="51"/>
    <s v="P 3.3 Rail Safety"/>
    <s v="Management and Oversight Services"/>
    <s v="TC-5110"/>
    <s v="In Production"/>
    <s v="web"/>
    <x v="1"/>
    <x v="2913"/>
  </r>
  <r>
    <x v="0"/>
    <x v="16"/>
    <x v="7858"/>
    <s v="EXAMINER (XMNR)"/>
    <m/>
    <s v=""/>
    <x v="1"/>
    <s v=""/>
    <x v="51"/>
    <s v="P 3.2 Marine Safety"/>
    <s v="Other"/>
    <s v="TC-5112"/>
    <s v="In Production"/>
    <s v="web"/>
    <x v="1"/>
    <x v="2838"/>
  </r>
  <r>
    <x v="2"/>
    <x v="51"/>
    <x v="7859"/>
    <s v="AENFOS"/>
    <s v="Pursuant to Marine Transportation Security Act and the Marine Transportation Security Regulations (MTSR's) TCMS is responsible to immediately inform the marine industry of an event or a threat that may affect the security of the Canadian Marine transporta"/>
    <s v=""/>
    <x v="1"/>
    <s v=""/>
    <x v="51"/>
    <s v="P 3.2 Marine Safety"/>
    <s v="Other"/>
    <s v="TC-5114"/>
    <s v="In Production"/>
    <s v="desktop"/>
    <x v="1"/>
    <x v="2914"/>
  </r>
  <r>
    <x v="2"/>
    <x v="51"/>
    <x v="7860"/>
    <s v="CPSCS-Excel"/>
    <s v="CPSCS-Excel"/>
    <s v=""/>
    <x v="1"/>
    <s v=""/>
    <x v="51"/>
    <s v="P 3.2 Marine Safety"/>
    <s v="Other"/>
    <s v="TC-5115"/>
    <s v="In Production"/>
    <s v="web"/>
    <x v="1"/>
    <x v="2915"/>
  </r>
  <r>
    <x v="2"/>
    <x v="10"/>
    <x v="7861"/>
    <s v="SIVP"/>
    <s v="Système d'inventaire des véhicules du groupe programmes et cession"/>
    <s v=""/>
    <x v="1"/>
    <s v=""/>
    <x v="51"/>
    <s v="P 1.3 Transportation Infrastructure"/>
    <s v="Other"/>
    <s v="TC-5116"/>
    <s v="In Production"/>
    <s v="web"/>
    <x v="1"/>
    <x v="2816"/>
  </r>
  <r>
    <x v="1"/>
    <x v="86"/>
    <x v="7862"/>
    <s v="APMT"/>
    <s v="Application Performance Management Tool"/>
    <s v="CA_Technologies"/>
    <x v="1"/>
    <s v="CA APM"/>
    <x v="51"/>
    <s v="P 4.1 Internal Services"/>
    <s v="Information Technology Services"/>
    <s v="TC-5118"/>
    <s v="In Production"/>
    <s v="rich"/>
    <x v="0"/>
    <x v="106"/>
  </r>
  <r>
    <x v="6"/>
    <x v="82"/>
    <x v="7863"/>
    <s v="NATP"/>
    <s v="NATP records and tracks employees time estimates for programs/applications that they work on. Users are able to input their daily or monthly time estimates and managers can view/create reports based on this information to better help them make financial a"/>
    <s v=""/>
    <x v="1"/>
    <s v=""/>
    <x v="51"/>
    <s v="P 3.5 Transportation of Dangerous Goods"/>
    <s v="Other"/>
    <s v="TC-5122"/>
    <s v="In Production"/>
    <s v="web"/>
    <x v="1"/>
    <x v="2916"/>
  </r>
  <r>
    <x v="3"/>
    <x v="4"/>
    <x v="7864"/>
    <s v="Pitney Bowes Spectrum"/>
    <m/>
    <s v="Other"/>
    <x v="14"/>
    <s v="Pitney Bowes Spectrum Technology Platform"/>
    <x v="51"/>
    <s v="P 4.1 Internal Services"/>
    <s v="Information Technology Services"/>
    <s v="TC-5123"/>
    <s v="In Production"/>
    <s v="rich"/>
    <x v="0"/>
    <x v="2917"/>
  </r>
  <r>
    <x v="8"/>
    <x v="38"/>
    <x v="7865"/>
    <s v="TFS"/>
    <s v="Application Source Control Repository and Application Lifecycle Management Tool"/>
    <s v="Other"/>
    <x v="14"/>
    <s v="Microsoft Visual Studio 2010 Team Foundation Server"/>
    <x v="51"/>
    <s v="P 4.1 Internal Services"/>
    <s v="Information Technology Services"/>
    <s v="TC-5124"/>
    <s v="In Production"/>
    <s v="rich"/>
    <x v="0"/>
    <x v="2918"/>
  </r>
  <r>
    <x v="4"/>
    <x v="5"/>
    <x v="7866"/>
    <s v="STAT"/>
    <s v="The Sustainable Transportation Assessment Tool (STAT) is a Microsoft Excel application used by the Environmental Programs group of Transport Canada that identifies and assesses potential effects in relation to the three pillars of sustainable development:"/>
    <s v=""/>
    <x v="1"/>
    <s v=""/>
    <x v="51"/>
    <s v="P 2.3 Environmental Stewardship of Transportation"/>
    <s v="Other"/>
    <s v="TC-5126"/>
    <s v="In Production"/>
    <s v="desktop"/>
    <x v="1"/>
    <x v="2919"/>
  </r>
  <r>
    <x v="0"/>
    <x v="62"/>
    <x v="7867"/>
    <s v="AIRA Ext"/>
    <s v="The Aviation Incident Reporting and Admin (AIRA Ext) is a web based application that external clients can use to report aviation safety and security incidents. The information is used by the Civil Aviation Contingency Operations group in Transport Canada."/>
    <s v=""/>
    <x v="1"/>
    <s v=""/>
    <x v="51"/>
    <s v="P 3.1 Aviation Safety"/>
    <s v="Other"/>
    <s v="TC-5127"/>
    <s v="In Production"/>
    <s v="web"/>
    <x v="1"/>
    <x v="86"/>
  </r>
  <r>
    <x v="0"/>
    <x v="62"/>
    <x v="7868"/>
    <s v="BSIS"/>
    <s v="The Bird and Wildlife Strikes Information System (BSIS) is web based application that allows the general public to report on information related to Bird Strike incidents. The application provides the Flight Standards group of Transport Canada inventory an"/>
    <s v=""/>
    <x v="1"/>
    <s v=""/>
    <x v="51"/>
    <s v="P 3.1 Aviation Safety"/>
    <s v="Other"/>
    <s v="TC-5128"/>
    <s v="In Production"/>
    <s v="web"/>
    <x v="1"/>
    <x v="2820"/>
  </r>
  <r>
    <x v="0"/>
    <x v="16"/>
    <x v="7869"/>
    <s v="CAIRS Ext"/>
    <s v="The Civil Aviation Issues Reporting System (CAIRS Ext) provides Transport Canada external stakeholders with a means to raise issues, concerns, and complaints."/>
    <s v=""/>
    <x v="1"/>
    <s v=""/>
    <x v="51"/>
    <s v="P 3.1 Aviation Safety"/>
    <s v="Other"/>
    <s v="TC-5129"/>
    <s v="In Production"/>
    <s v="web"/>
    <x v="1"/>
    <x v="2846"/>
  </r>
  <r>
    <x v="0"/>
    <x v="28"/>
    <x v="7870"/>
    <s v="CARAC NPA Ext"/>
    <s v="The CARAC Activity Reporting System (CARAC NPA Ext) [Canadian Aviation Regulation Advisory Council Notice of Proposed Amendments] contains information on CARAC regulatory activities including Preliminary Issue &amp; Consultation Assessment (PICA) and Notice o"/>
    <s v=""/>
    <x v="1"/>
    <s v=""/>
    <x v="51"/>
    <s v="P 3.1 Aviation Safety"/>
    <s v="Other"/>
    <s v="TC-5130"/>
    <s v="In Production"/>
    <s v="web"/>
    <x v="1"/>
    <x v="2920"/>
  </r>
  <r>
    <x v="6"/>
    <x v="33"/>
    <x v="7871"/>
    <s v="DCRA Ext"/>
    <s v="The Delegates Conference Registration Application (DCRA Ext) is used by Transport Canada Business Partners to indicate their intention of attending the 2016 Delegates Conference via an on-line registration page."/>
    <s v=""/>
    <x v="1"/>
    <s v=""/>
    <x v="51"/>
    <s v="P 3.1 Aviation Safety"/>
    <s v="Other"/>
    <s v="TC-5131"/>
    <s v="In Production"/>
    <s v="web"/>
    <x v="1"/>
    <x v="2920"/>
  </r>
  <r>
    <x v="0"/>
    <x v="16"/>
    <x v="7872"/>
    <s v="FTAE Int"/>
    <m/>
    <s v=""/>
    <x v="1"/>
    <s v=""/>
    <x v="51"/>
    <s v="P 3.1 Aviation Safety"/>
    <s v="Other"/>
    <s v="TC-5132"/>
    <s v="In Production"/>
    <s v="rich"/>
    <x v="1"/>
    <x v="116"/>
  </r>
  <r>
    <x v="2"/>
    <x v="51"/>
    <x v="7873"/>
    <s v="GALRO Admin"/>
    <m/>
    <s v=""/>
    <x v="1"/>
    <s v=""/>
    <x v="51"/>
    <s v="P 3.1 Aviation Safety"/>
    <s v="Other"/>
    <s v="TC-5133"/>
    <s v="In Production"/>
    <s v="web"/>
    <x v="1"/>
    <x v="2920"/>
  </r>
  <r>
    <x v="0"/>
    <x v="28"/>
    <x v="7874"/>
    <s v="AO"/>
    <s v="The Audit Occurrences (AO) application tracks any discrepancies discovered during an audit and the subsequent rectifications. This application is used by the Aircraft Services Directorate of Transport Canada."/>
    <s v=""/>
    <x v="1"/>
    <s v=""/>
    <x v="51"/>
    <s v="P 3.1 Aviation Safety"/>
    <s v="Other"/>
    <s v="TC-5140"/>
    <s v="In Production"/>
    <s v="desktop"/>
    <x v="1"/>
    <x v="2920"/>
  </r>
  <r>
    <x v="0"/>
    <x v="28"/>
    <x v="7875"/>
    <s v="MEDA"/>
    <s v="The Maintenance Error Decision Aid (MEDA) is used by the Aircraft Services Directorate of Transport Canada to track the human factors involved when an accident or incident occurs."/>
    <s v=""/>
    <x v="1"/>
    <s v=""/>
    <x v="51"/>
    <s v="P 3.1 Aviation Safety"/>
    <s v="Other"/>
    <s v="TC-5141"/>
    <s v="In Production"/>
    <s v="desktop"/>
    <x v="1"/>
    <x v="2920"/>
  </r>
  <r>
    <x v="0"/>
    <x v="28"/>
    <x v="7876"/>
    <s v="PCA"/>
    <s v="The Pilot Certifying Authority (PCA) is used by the Aircraft Services Directorate of Transport Canada to track the maintenance tasks a pilot has been checked out on."/>
    <s v=""/>
    <x v="1"/>
    <s v=""/>
    <x v="51"/>
    <s v="P 3.1 Aviation Safety"/>
    <s v="Other"/>
    <s v="TC-5142"/>
    <s v="In Production"/>
    <s v="desktop"/>
    <x v="1"/>
    <x v="2920"/>
  </r>
  <r>
    <x v="0"/>
    <x v="28"/>
    <x v="7877"/>
    <s v="AMECR"/>
    <s v="The Aircraft Maintenance Engineer Certification Renewal (AMECR) is an application that tracks the license expiry dates of Aircraft Maintenance Engineers of the Aircraft Services Directorate of Transport Canada.."/>
    <s v=""/>
    <x v="1"/>
    <s v=""/>
    <x v="51"/>
    <s v="P 3.1 Aviation Safety"/>
    <s v="Other"/>
    <s v="TC-5143"/>
    <s v="In Production"/>
    <s v="desktop"/>
    <x v="1"/>
    <x v="2920"/>
  </r>
  <r>
    <x v="0"/>
    <x v="28"/>
    <x v="7878"/>
    <s v="ASADS"/>
    <s v="The Aircraft Services Document System (ASADS) is used to track aircraft defects and component changes as part of the Reliability Reporting Program at Aircraft Services.  It is also used to log and track Aircraft Services’ Service Bulletins (ASSB's), Camp"/>
    <s v=""/>
    <x v="1"/>
    <s v=""/>
    <x v="51"/>
    <s v="P 3.1 Aviation Safety"/>
    <s v="Other"/>
    <s v="TC-5144"/>
    <s v="In Production"/>
    <s v="desktop"/>
    <x v="1"/>
    <x v="2920"/>
  </r>
  <r>
    <x v="0"/>
    <x v="28"/>
    <x v="7879"/>
    <s v="FE"/>
    <s v="The Flight Engineers (FE) application is used by the Aircraft Services Direcorate of Transport Canada for flight engineers to track their flights utilizing Microsoft Access."/>
    <s v=""/>
    <x v="1"/>
    <s v=""/>
    <x v="51"/>
    <s v="P 3.1 Aviation Safety"/>
    <s v="Other"/>
    <s v="TC-5145"/>
    <s v="In Production"/>
    <s v="desktop"/>
    <x v="1"/>
    <x v="2920"/>
  </r>
  <r>
    <x v="0"/>
    <x v="28"/>
    <x v="7880"/>
    <s v="DLD"/>
    <s v="The Daily Labour Distribution (DLD) is used by the Aircraft Services Directorate of Transport Canada to track aircraft maintenance work orders and the amount of man-hours expended against a work order."/>
    <s v=""/>
    <x v="1"/>
    <s v=""/>
    <x v="51"/>
    <s v="P 3.1 Aviation Safety"/>
    <s v="Other"/>
    <s v="TC-5146"/>
    <s v="In Production"/>
    <s v="desktop"/>
    <x v="1"/>
    <x v="2920"/>
  </r>
  <r>
    <x v="0"/>
    <x v="28"/>
    <x v="7881"/>
    <s v="PAO"/>
    <s v="The Portable Audit Occurrences (PAO) is used by the Aircraft Services Directorate of Transport Canada. The application is the version of Audit Occurrences (AO) that can be loaded onto a portable laptop computer, enabling Inspectors to bring it with them for an on-site audit."/>
    <s v=""/>
    <x v="1"/>
    <s v=""/>
    <x v="51"/>
    <s v="P 3.1 Aviation Safety"/>
    <s v="Other"/>
    <s v="TC-5147"/>
    <s v="In Production"/>
    <s v="desktop"/>
    <x v="1"/>
    <x v="86"/>
  </r>
  <r>
    <x v="2"/>
    <x v="40"/>
    <x v="7882"/>
    <s v="RLD"/>
    <s v="The Regional Labour Distribution (RLD) is an application used by the Aircraft Services Directorate (ASD) that tracks man-hours expended on the maintenance of aircraft."/>
    <s v=""/>
    <x v="1"/>
    <s v=""/>
    <x v="51"/>
    <s v="P 3.1 Aviation Safety"/>
    <s v="Other"/>
    <s v="TC-5148"/>
    <s v="In Production"/>
    <s v="web"/>
    <x v="1"/>
    <x v="2921"/>
  </r>
  <r>
    <x v="0"/>
    <x v="28"/>
    <x v="7883"/>
    <s v="SN"/>
    <s v="The Serial Numbers (SN) is an application that tracks unique serial numbers generated for aircraft parts for the Aircraft Services Directorate of Transport Canada."/>
    <s v=""/>
    <x v="1"/>
    <s v=""/>
    <x v="51"/>
    <s v="P 3.1 Aviation Safety"/>
    <s v="Other"/>
    <s v="TC-5149"/>
    <s v="In Production"/>
    <s v="web"/>
    <x v="1"/>
    <x v="2921"/>
  </r>
  <r>
    <x v="0"/>
    <x v="16"/>
    <x v="7884"/>
    <s v="SNAGS"/>
    <s v="The SNAGS (SNAGS) web application used by the Aircraft Services Directiorate of Transport Canada to  view  problems and solutions regarding aircraft maintenance issues entered in the Aircraft Services Document System(ASADS) database."/>
    <s v=""/>
    <x v="1"/>
    <s v=""/>
    <x v="51"/>
    <s v="P 3.1 Aviation Safety"/>
    <s v="Other"/>
    <s v="TC-5150"/>
    <s v="In Production"/>
    <s v="web"/>
    <x v="1"/>
    <x v="2921"/>
  </r>
  <r>
    <x v="4"/>
    <x v="5"/>
    <x v="7885"/>
    <s v="SEA"/>
    <m/>
    <s v=""/>
    <x v="1"/>
    <s v=""/>
    <x v="51"/>
    <s v="P 2.3 Environmental Stewardship of Transportation"/>
    <s v="Other"/>
    <s v="TC-5151"/>
    <s v="In Production"/>
    <s v="appliance"/>
    <x v="1"/>
    <x v="2922"/>
  </r>
  <r>
    <x v="4"/>
    <x v="5"/>
    <x v="7886"/>
    <s v="PDP"/>
    <s v="Not Available"/>
    <s v=""/>
    <x v="1"/>
    <s v=""/>
    <x v="51"/>
    <s v="P 1.3 Transportation Infrastructure"/>
    <s v="Other"/>
    <s v="TC-5152"/>
    <s v="In Production"/>
    <s v="desktop"/>
    <x v="1"/>
    <x v="2922"/>
  </r>
  <r>
    <x v="6"/>
    <x v="82"/>
    <x v="7887"/>
    <s v="CRSWEB"/>
    <s v="The CANUTEC Registration System Web (CRSWEB) is the new online system for companies wishing to register or renew their registrations with the Canadian Transport Emergency Centre (CANUTEC).   This system will address the increased volume of companies wishi"/>
    <s v=""/>
    <x v="1"/>
    <s v=""/>
    <x v="51"/>
    <s v="P 3.5 Transportation of Dangerous Goods"/>
    <s v="Other"/>
    <s v="TC-5153"/>
    <s v="In Production"/>
    <s v="web"/>
    <x v="1"/>
    <x v="2923"/>
  </r>
  <r>
    <x v="0"/>
    <x v="0"/>
    <x v="7888"/>
    <s v="CFS"/>
    <s v="The Client Service Feedback System (CFS) is a department-wide Client Service Feedback System systematically collects and tracks data from external clients. This application is used  by the Corporate Services Group in the Ontario Region."/>
    <s v="WorkDynamics_Technologies_Inc"/>
    <x v="0"/>
    <s v=""/>
    <x v="51"/>
    <s v="P 4.1 Internal Services"/>
    <s v="Information Management Services"/>
    <s v="TC-5155"/>
    <s v="In Production"/>
    <s v="rich"/>
    <x v="0"/>
    <x v="2808"/>
  </r>
  <r>
    <x v="0"/>
    <x v="0"/>
    <x v="7889"/>
    <s v="Ministers Registry"/>
    <m/>
    <s v="WorkDynamics_Technologies_Inc"/>
    <x v="0"/>
    <s v=""/>
    <x v="51"/>
    <s v="P 4.1 Internal Services"/>
    <s v="Information Management Services"/>
    <s v="TC-5156"/>
    <s v="In Production"/>
    <s v="rich"/>
    <x v="0"/>
    <x v="2808"/>
  </r>
  <r>
    <x v="10"/>
    <x v="69"/>
    <x v="7890"/>
    <s v="SFTA_INT"/>
    <s v="Secure file transfer service for Protected A files.  This is the internal administration interface."/>
    <s v=""/>
    <x v="1"/>
    <s v=""/>
    <x v="51"/>
    <s v="P 4.1 Internal Services"/>
    <s v="Information Technology Services"/>
    <s v="TC-5160"/>
    <s v="In Production"/>
    <s v="web"/>
    <x v="1"/>
    <x v="2924"/>
  </r>
  <r>
    <x v="2"/>
    <x v="2"/>
    <x v="7891"/>
    <s v="PRO-NAVIRE"/>
    <s v="Billing system for ports."/>
    <s v=""/>
    <x v="1"/>
    <s v=""/>
    <x v="51"/>
    <s v="P 4.1 Internal Services"/>
    <s v="Financial Management Services"/>
    <s v="TC-5162"/>
    <s v="In Production"/>
    <s v="rich"/>
    <x v="0"/>
    <x v="2925"/>
  </r>
  <r>
    <x v="0"/>
    <x v="42"/>
    <x v="7892"/>
    <s v="CSVA"/>
    <s v="Provides a range of online services for Quebec's 130 air operators external to TC. This improves request management by centralizing information in a database. This system monitors client files and actions taken in light of service standards and distributi"/>
    <s v=""/>
    <x v="1"/>
    <s v=""/>
    <x v="51"/>
    <s v="P 3.1 Aviation Safety"/>
    <s v="Other"/>
    <s v="TC-5163"/>
    <s v="In Production"/>
    <s v="web"/>
    <x v="1"/>
    <x v="2863"/>
  </r>
  <r>
    <x v="3"/>
    <x v="92"/>
    <x v="7893"/>
    <s v="OBSTACLES"/>
    <s v="Database for managing air zoning obstacles"/>
    <s v=""/>
    <x v="1"/>
    <s v="N/A"/>
    <x v="51"/>
    <s v="P 3.1 Aviation Safety"/>
    <s v="Other"/>
    <s v="TC-5165"/>
    <s v="In Production"/>
    <s v="rich"/>
    <x v="1"/>
    <x v="2859"/>
  </r>
  <r>
    <x v="10"/>
    <x v="69"/>
    <x v="7894"/>
    <s v="SFTB_INT"/>
    <m/>
    <s v=""/>
    <x v="1"/>
    <s v=""/>
    <x v="51"/>
    <s v="P 4.1 Internal Services"/>
    <s v="Information Technology Services"/>
    <s v="TC-5166"/>
    <s v="In Production"/>
    <s v="web"/>
    <x v="1"/>
    <x v="2924"/>
  </r>
  <r>
    <x v="6"/>
    <x v="82"/>
    <x v="7895"/>
    <s v="PCDB-Win"/>
    <s v="The PUBLIC COMPLAINTS DATABASE - Windows (PCDB-Win) is a client-server application used by the Transport Canada Defect Investigations group to review, analyze, create, and track the on-going investigation activities of complaints received through the PCDB"/>
    <s v=""/>
    <x v="1"/>
    <s v=""/>
    <x v="51"/>
    <s v="P 3.4 Motor Vehicle Safety"/>
    <s v="Other"/>
    <s v="TC-5172"/>
    <s v="In Production"/>
    <s v="rich"/>
    <x v="1"/>
    <x v="2906"/>
  </r>
  <r>
    <x v="6"/>
    <x v="82"/>
    <x v="7896"/>
    <s v="VRDB-Win"/>
    <s v="The Vehicle Recalls Database - Windows (VRDB-Win) allows Transport Canada Road Safety group to manage the database of vehicles, tires, and child restraints that are subject to a recall."/>
    <s v=""/>
    <x v="1"/>
    <s v=""/>
    <x v="51"/>
    <s v="P 3.4 Motor Vehicle Safety"/>
    <s v="Other"/>
    <s v="TC-5173"/>
    <s v="In Production"/>
    <s v="rich"/>
    <x v="1"/>
    <x v="2853"/>
  </r>
  <r>
    <x v="6"/>
    <x v="82"/>
    <x v="7897"/>
    <s v="TVIS-Win"/>
    <s v="The Temporary Vehicle Importation System - Windows (TVIS-Win) is a client-server application allowing Transport Canada’s Import and Audit Inspection group to review, process, track, and search the Schedule VII requests received via the TVIS-Web Applicatio"/>
    <s v=""/>
    <x v="1"/>
    <s v=""/>
    <x v="51"/>
    <s v="P 3.4 Motor Vehicle Safety"/>
    <s v="Other"/>
    <s v="TC-5174"/>
    <s v="In Production"/>
    <s v="rich"/>
    <x v="1"/>
    <x v="2926"/>
  </r>
  <r>
    <x v="0"/>
    <x v="11"/>
    <x v="7898"/>
    <s v="HR-AMS"/>
    <m/>
    <s v=""/>
    <x v="1"/>
    <s v=""/>
    <x v="51"/>
    <s v="P 4.1 Internal Services"/>
    <s v="Human Resources Management Services"/>
    <s v="TC-5175"/>
    <s v="In Production"/>
    <s v="web"/>
    <x v="1"/>
    <x v="2815"/>
  </r>
  <r>
    <x v="0"/>
    <x v="11"/>
    <x v="7899"/>
    <s v="TIPS_EXCL"/>
    <m/>
    <s v=""/>
    <x v="1"/>
    <s v=""/>
    <x v="51"/>
    <s v="P 4.1 Internal Services"/>
    <s v="Human Resources Management Services"/>
    <s v="TC-5178"/>
    <s v="In Production"/>
    <s v="rich"/>
    <x v="1"/>
    <x v="1891"/>
  </r>
  <r>
    <x v="0"/>
    <x v="13"/>
    <x v="7900"/>
    <s v="ASCENT"/>
    <s v="Ascent"/>
    <s v="Other"/>
    <x v="1"/>
    <s v="Pitney Bowes - Ascent"/>
    <x v="51"/>
    <s v="P 3.1 Aviation Safety"/>
    <s v="Other"/>
    <s v="TC-5184"/>
    <s v="In Production"/>
    <s v="web"/>
    <x v="0"/>
    <x v="2927"/>
  </r>
  <r>
    <x v="2"/>
    <x v="10"/>
    <x v="6538"/>
    <s v="SST"/>
    <s v="The SendSuite Tracking (SST) is an Intranet web-based data collection and tracking solution “Commercial-off-the Shelf” (COTS) product and the supplier is Pitney Bowes. It enables organizations to track high-priority items as they move throughout an organization. SST helps decrease internal delivery time, prevents lost items, increases employee accountability and alerts the receiver when an item arrives."/>
    <s v="Other"/>
    <x v="14"/>
    <s v="Pitney Bowes - SendSuite"/>
    <x v="51"/>
    <s v="P 4.1 Internal Services"/>
    <s v="Financial Management Services"/>
    <s v="TC-5185"/>
    <s v="In Production"/>
    <s v="rich"/>
    <x v="0"/>
    <x v="2928"/>
  </r>
  <r>
    <x v="0"/>
    <x v="11"/>
    <x v="7901"/>
    <s v="Examiner (QUE)"/>
    <m/>
    <s v="Other"/>
    <x v="1"/>
    <s v="The Examiner Corporation"/>
    <x v="51"/>
    <s v="P 3.2 Marine Safety"/>
    <s v="Other"/>
    <s v="TC-5187"/>
    <s v="In Production"/>
    <s v="rich"/>
    <x v="0"/>
    <x v="2929"/>
  </r>
  <r>
    <x v="3"/>
    <x v="92"/>
    <x v="7902"/>
    <s v="INVENTAIRE"/>
    <s v="Tracking system of their equipment inventory  and equipment loans to employees.  Allows to keep track of items such as cameras, mobile phones, equipment parts, cards issued to employees. This database allows us to print reports of items given to employees and recover them when they leave the department."/>
    <s v=""/>
    <x v="1"/>
    <s v="N/A"/>
    <x v="51"/>
    <s v="P 3.6 Aviation Security"/>
    <s v="Other"/>
    <s v="TC-5193"/>
    <s v="In Production"/>
    <s v="rich"/>
    <x v="1"/>
    <x v="2858"/>
  </r>
  <r>
    <x v="4"/>
    <x v="5"/>
    <x v="7903"/>
    <s v="CUMULUS"/>
    <s v="Canto Cumulus provides a powerful tool for archiving, managing and marketing digital files. Cumulus can store any type of digital media assets, including all types of documents, images, audio, video, layouts from publishing programs, presentations and PDF files. The Cumulus Software Maintenance program provides free upgrades that Canto releases from time to time. We are currently using version 7.6. There have been 4 releases of newer versions since our last installation.  New features of enhancements to the software include: World metadata support, departmental user management, multi-lingual category trees, larger catalogue capability, improved metadata validation, water marking, language switching, and view permissions of fields."/>
    <s v="Other"/>
    <x v="1"/>
    <s v="Cumulus by Canto"/>
    <x v="51"/>
    <s v="P 4.1 Internal Services"/>
    <s v="Communications Services,Materiel Services"/>
    <s v="TC-5194"/>
    <s v="In Production"/>
    <s v="rich"/>
    <x v="0"/>
    <x v="2057"/>
  </r>
  <r>
    <x v="4"/>
    <x v="5"/>
    <x v="697"/>
    <s v="TeamMate Suite"/>
    <s v="TeamMate is a GoC standard suite for audit and evaluation and is being used by many other departments for this function (approximately 27 departments).  Over the past year and a half, AR has been formalizing its practices and is now in a position to implement this software.   TeamMate will benefit the Branch by ensuring rigour in the application of defined practices and procedures.  It will also significantly improve overall efficiencies (e.g., a mature audit/evaluation function that has effectively implemented Teammate can apply the ‘sign-off’ feature, significantly saving time and creating efficiency in the review)."/>
    <s v=""/>
    <x v="1"/>
    <s v="TeamMate Suite"/>
    <x v="51"/>
    <s v="P 4.1 Internal Services"/>
    <s v=""/>
    <s v="TC-5196"/>
    <s v="In Production"/>
    <s v="rich"/>
    <x v="0"/>
    <x v="86"/>
  </r>
  <r>
    <x v="4"/>
    <x v="5"/>
    <x v="7904"/>
    <s v="BNT"/>
    <s v="The Briefing Note Template application will provide one central web–based location for Briefing Note template generation. This application will allow users to select various options from a web form which outputs a MS Word document. The application will provide administration interface where the business manager can manage the template’s values, and update them as needed."/>
    <s v=""/>
    <x v="1"/>
    <s v=""/>
    <x v="51"/>
    <s v="P 4.1 Internal Services"/>
    <s v="Communications Services,Management and Oversight Services"/>
    <s v="TC-5198"/>
    <s v="In Production"/>
    <s v="web"/>
    <x v="1"/>
    <x v="2930"/>
  </r>
  <r>
    <x v="0"/>
    <x v="11"/>
    <x v="7905"/>
    <s v="TCTN"/>
    <s v="Throughout Safety and Security 2020 consultations, in particular the DM’s conversation throughout the department, the requirement for a Knowledge Transfer Program has been identified. DM tasked a Safety and Security 2020 team lead to design, develop and implement a TC Talent Network that will:  - Provide a process light, simple and easily accessible program for those who want in and those pulling from program. Process must be simple and clearly defined for all users. - Provide a Central repository, accessible to Managers and Oversight component to ensure appropriate use, uptake and value for money. - Align with Department’s current planning processes and tools, needs and gaps."/>
    <s v=""/>
    <x v="1"/>
    <s v=""/>
    <x v="51"/>
    <s v="P 4.1 Internal Services"/>
    <s v="Information Management Services"/>
    <s v="TC-5199"/>
    <s v="In Production"/>
    <s v="rich"/>
    <x v="1"/>
    <x v="86"/>
  </r>
  <r>
    <x v="4"/>
    <x v="5"/>
    <x v="7906"/>
    <s v="MVR"/>
    <s v="Online app to order a vessel transcript with a checkout."/>
    <s v=""/>
    <x v="1"/>
    <s v=""/>
    <x v="51"/>
    <s v="P 3.2 Marine Safety"/>
    <s v="Information Management Services,Management and Oversight Services"/>
    <s v="TC-5200"/>
    <s v="In Production"/>
    <s v="web"/>
    <x v="1"/>
    <x v="86"/>
  </r>
  <r>
    <x v="2"/>
    <x v="10"/>
    <x v="7907"/>
    <s v="DBINV"/>
    <s v="The Database Management group within the Technology and Information Management Services (TIMSD) has a requirement for an inventory of corporate databases under their management, to be able to effectively manage and support the entire portfolio.   A database is required to adequately represent the data relationships and enforce data integrity and validation constraints.   The system will replace the inventory spreadsheet RDIMS #36414.  The inventory will be maintained by the corporate Database Management group.   All changes to the Database Inventory will be associated with appropriate Change Management references."/>
    <s v=""/>
    <x v="1"/>
    <s v=""/>
    <x v="51"/>
    <s v="P 4.1 Internal Services"/>
    <s v="Information Management Services"/>
    <s v="TC-5209"/>
    <s v="In Production"/>
    <s v="rich"/>
    <x v="1"/>
    <x v="2931"/>
  </r>
  <r>
    <x v="0"/>
    <x v="28"/>
    <x v="7908"/>
    <s v="AP FCL"/>
    <s v="An AP FCL is a person who on behalf of Transport Canada Civil Aviation (TCCA), has been delegated to issue flight crew members temporary civil aviation licensing privileges or to administer English or French aviation language proficiency tests subject to the conditions listed on their “Accreditation Letter”. The AP FCL module of Civil Aviation Services (CAS) provides a search function to find these persons"/>
    <s v=""/>
    <x v="1"/>
    <s v=""/>
    <x v="51"/>
    <s v="P 3.1 Aviation Safety"/>
    <s v="Other"/>
    <s v="TC-5211"/>
    <s v="In Production"/>
    <s v="web"/>
    <x v="1"/>
    <x v="106"/>
  </r>
  <r>
    <x v="3"/>
    <x v="92"/>
    <x v="7909"/>
    <s v="BALLAST INTERVENTIONS"/>
    <s v="Database for the management of ballast water tracking"/>
    <s v=""/>
    <x v="1"/>
    <s v="N/A"/>
    <x v="51"/>
    <s v="P 2.2 Clean Water from Transportation"/>
    <s v="Other"/>
    <s v="TC-5213"/>
    <s v="In Production"/>
    <s v="rich"/>
    <x v="1"/>
    <x v="2858"/>
  </r>
  <r>
    <x v="10"/>
    <x v="53"/>
    <x v="7910"/>
    <s v="COPS"/>
    <s v="Web API and pages allowing integration with RGBB contractor (Moneris)"/>
    <s v=""/>
    <x v="1"/>
    <s v=""/>
    <x v="51"/>
    <s v="P 4.1 Internal Services"/>
    <s v="Financial Management Services"/>
    <s v="TC-5214"/>
    <s v="In Production"/>
    <s v="web"/>
    <x v="1"/>
    <x v="2932"/>
  </r>
  <r>
    <x v="3"/>
    <x v="92"/>
    <x v="7911"/>
    <s v="INC_POLL 2014"/>
    <s v="Database for compilation of marine pollution reported by Canadian Coast Guard Réseau d’alerte (RAA)"/>
    <s v=""/>
    <x v="1"/>
    <s v="N/A"/>
    <x v="51"/>
    <s v="P 3.2 Marine Safety"/>
    <s v="Other"/>
    <s v="TC-5218"/>
    <s v="In Production"/>
    <s v="rich"/>
    <x v="1"/>
    <x v="2859"/>
  </r>
  <r>
    <x v="3"/>
    <x v="92"/>
    <x v="7912"/>
    <s v="TO_LAND"/>
    <s v="Calculator and database to count take-offs and landings as well as the 60 day Crew Currency."/>
    <s v=""/>
    <x v="1"/>
    <s v="N/A"/>
    <x v="51"/>
    <s v="P 3.1 Aviation Safety"/>
    <s v="Other"/>
    <s v="TC-5222"/>
    <s v="In Production"/>
    <s v="rich"/>
    <x v="1"/>
    <x v="2859"/>
  </r>
  <r>
    <x v="0"/>
    <x v="28"/>
    <x v="7913"/>
    <s v="AAFS"/>
    <s v="Safety Reporting Database (MS Access) records safety occurrence reports, investigations and actions taken for all reporting within ASD related to the aviation operations. As an aviation certificate holder, ASD is required to track occurrences and hazards"/>
    <s v=""/>
    <x v="1"/>
    <s v=""/>
    <x v="51"/>
    <s v="P 3.1 Aviation Safety"/>
    <s v="Other"/>
    <s v="TC-5223"/>
    <s v="In Production"/>
    <s v="desktop"/>
    <x v="1"/>
    <x v="2920"/>
  </r>
  <r>
    <x v="3"/>
    <x v="46"/>
    <x v="7914"/>
    <s v="WPA"/>
    <m/>
    <s v=""/>
    <x v="1"/>
    <s v=""/>
    <x v="51"/>
    <s v="P 4.1 Internal Services"/>
    <s v="Human Resources Management Services"/>
    <s v="TC-5226"/>
    <s v="In Production"/>
    <s v="web"/>
    <x v="1"/>
    <x v="1906"/>
  </r>
  <r>
    <x v="0"/>
    <x v="16"/>
    <x v="7915"/>
    <s v="NDWL-Emailer"/>
    <s v="PowerBuilder application that generates MS Word certificates for the NDWL web application and then emails those certificates to the delegates (NDWL users).  It also converts the MS Word certificates to PDF for NICO."/>
    <s v=""/>
    <x v="1"/>
    <s v=""/>
    <x v="51"/>
    <s v="P 3.1 Aviation Safety"/>
    <s v=""/>
    <s v="TC-5228"/>
    <s v="In Production"/>
    <s v="appliance"/>
    <x v="1"/>
    <x v="2846"/>
  </r>
  <r>
    <x v="6"/>
    <x v="82"/>
    <x v="7916"/>
    <s v="TDG-CS - TMD-CS"/>
    <s v="CAS is an essential tool for the CANUTEC operations as it is the application used by the emergency response advisors to store, organize, relate and retrieve elements of CANUTEC’s extensive knowledge base."/>
    <s v=""/>
    <x v="1"/>
    <s v=""/>
    <x v="51"/>
    <s v="P 3.5 Transportation of Dangerous Goods"/>
    <s v="Other"/>
    <s v="TC-5240"/>
    <s v="In Production"/>
    <s v="rich"/>
    <x v="1"/>
    <x v="1149"/>
  </r>
  <r>
    <x v="6"/>
    <x v="82"/>
    <x v="7917"/>
    <s v="TDG-ERG2016"/>
    <s v="ERG2016 On-line is the web version of the Emergency Response Guidebook 2016, published in 2016"/>
    <s v=""/>
    <x v="1"/>
    <s v=""/>
    <x v="51"/>
    <s v="P 3.5 Transportation of Dangerous Goods"/>
    <s v="Other"/>
    <s v="TC-5241"/>
    <s v="In Production"/>
    <s v="web"/>
    <x v="1"/>
    <x v="2883"/>
  </r>
  <r>
    <x v="0"/>
    <x v="16"/>
    <x v="7918"/>
    <s v="WTS/MSPI"/>
    <s v="Web TimeSheet/MS Project Integration is a web based (hosted) time tracking tool. Web TimeSheet's Integration Manager for MS Project Standard provides seamless integration between time and expense data in Web TimeSheet and MS Project. WTS/MSPI is used by ASD Engineering to support their initiative to better track project costs/expenses."/>
    <s v="Other"/>
    <x v="1"/>
    <s v=""/>
    <x v="51"/>
    <s v="P 3.1 Aviation Safety"/>
    <s v="Other"/>
    <s v="TC-5242"/>
    <s v="In Production"/>
    <s v="web"/>
    <x v="0"/>
    <x v="86"/>
  </r>
  <r>
    <x v="6"/>
    <x v="61"/>
    <x v="7919"/>
    <s v="PIA"/>
    <m/>
    <s v=""/>
    <x v="1"/>
    <s v=""/>
    <x v="51"/>
    <s v="P 4.1 Internal Services"/>
    <s v="Human Resources Management Services"/>
    <s v="TC-5243"/>
    <s v="In Production"/>
    <s v="web"/>
    <x v="1"/>
    <x v="1906"/>
  </r>
  <r>
    <x v="2"/>
    <x v="10"/>
    <x v="7920"/>
    <s v="ORID"/>
    <s v="Provides a listing of select attractive assets ( i.e. Information Technology (IT) equipment, telecommunication devices, government vehicles, etc.) along with their present custodians within the Ontario Region."/>
    <s v=""/>
    <x v="1"/>
    <s v=""/>
    <x v="51"/>
    <s v="P 4.1 Internal Services"/>
    <s v="Materiel Services"/>
    <s v="TC-5245"/>
    <s v="In Production"/>
    <s v="web"/>
    <x v="1"/>
    <x v="2933"/>
  </r>
  <r>
    <x v="2"/>
    <x v="2"/>
    <x v="7921"/>
    <s v="OROOS"/>
    <s v="As part of the consolidation of Accounts Payable and Purchasing in the Ontario Region, this online form provides the mechanism for branches to request the purchase of goods and services. As well, it provides the mechanism to request that a Commitment be entered into the Oracle 11i financial system."/>
    <s v=""/>
    <x v="1"/>
    <s v=""/>
    <x v="51"/>
    <s v="P 4.1 Internal Services"/>
    <s v="Financial Management Services"/>
    <s v="TC-5246"/>
    <s v="In Production"/>
    <s v="web"/>
    <x v="1"/>
    <x v="2933"/>
  </r>
  <r>
    <x v="2"/>
    <x v="20"/>
    <x v="7922"/>
    <s v="OPS"/>
    <s v="The request is for approval of an interim application that will develop and implement an integrated Receiver General Buy Button (RGBB) Hosted Check Out (HCO) solution to allow Civil Aviation clients to pay for 29 different Civil Aviation services (list of services can be found in Annex A). During F15/16, these services generated close to 42,000 transactions and collected 2.6 million dollars"/>
    <s v=""/>
    <x v="1"/>
    <s v=""/>
    <x v="51"/>
    <s v="P 3.1 Aviation Safety"/>
    <s v="Information Technology Services"/>
    <s v="TC-5248"/>
    <s v="In Production"/>
    <s v="web"/>
    <x v="1"/>
    <x v="2934"/>
  </r>
  <r>
    <x v="2"/>
    <x v="52"/>
    <x v="7923"/>
    <s v="ECATS-CRM"/>
    <s v="ECATS-CRM is a tool used by the Economic Analysis directorate with which all communications and some operational data concerning the ECATS and MODS programs (regulated data collection programs) are managed.  This tool should be considered separate from the ECATS-Collection and ECATS-Dissemination modules."/>
    <s v="Microsoft Corporation"/>
    <x v="1"/>
    <s v="Dynamics CRM"/>
    <x v="51"/>
    <s v="P 1.1 Transportation Marketplace Frameworks"/>
    <s v="Communications Services"/>
    <s v="TC-5249"/>
    <s v="In Production"/>
    <s v="web"/>
    <x v="0"/>
    <x v="2935"/>
  </r>
  <r>
    <x v="9"/>
    <x v="54"/>
    <x v="7924"/>
    <s v="2FA"/>
    <m/>
    <s v=""/>
    <x v="1"/>
    <s v=""/>
    <x v="51"/>
    <s v="P 3.1 Aviation Safety"/>
    <s v="Other"/>
    <s v="TC-5251"/>
    <s v="In Production"/>
    <s v="web"/>
    <x v="1"/>
    <x v="2936"/>
  </r>
  <r>
    <x v="0"/>
    <x v="16"/>
    <x v="7925"/>
    <s v="eMER"/>
    <m/>
    <s v=""/>
    <x v="1"/>
    <s v=""/>
    <x v="51"/>
    <s v="P 3.1 Aviation Safety"/>
    <s v="Other"/>
    <s v="TC-5252"/>
    <s v="In Production"/>
    <s v="web"/>
    <x v="1"/>
    <x v="2936"/>
  </r>
  <r>
    <x v="0"/>
    <x v="16"/>
    <x v="7926"/>
    <s v="TCOMS"/>
    <s v="There are three TC emergency operations centres located in National Headquarters: TC Situation Centre (TC SitCen), Canadian Transport Emergency Centre (CANUTEC) and Civil Aviation Contingency Operations (CACO); they have undergone several reviews over the last few years. CACO and SITCEN have been consolidated and CANUTEC is now co-locating. The goal of the new application is to streamline incident management activities, day to day information flow, and to employ consistent information management processes and procedures."/>
    <s v=""/>
    <x v="1"/>
    <s v=""/>
    <x v="51"/>
    <s v="P 3.9 Multimodal Safety and Security"/>
    <s v="Other"/>
    <s v="TC-5253"/>
    <s v="In Production"/>
    <s v="web"/>
    <x v="1"/>
    <x v="2936"/>
  </r>
  <r>
    <x v="0"/>
    <x v="43"/>
    <x v="7927"/>
    <s v="TDG-ERG"/>
    <s v="Serves as the single content editing platform for the ERG publication.  The ERG Editor streamlines the maintenance and publishing process of the ERG."/>
    <s v=""/>
    <x v="1"/>
    <s v=""/>
    <x v="51"/>
    <s v="P 3.5 Transportation of Dangerous Goods"/>
    <s v="Information Management Services,Information Technology Services"/>
    <s v="TC-5254"/>
    <s v="In Production"/>
    <s v="web"/>
    <x v="1"/>
    <x v="2936"/>
  </r>
  <r>
    <x v="9"/>
    <x v="54"/>
    <x v="7928"/>
    <s v="2FA Web Proxy"/>
    <m/>
    <s v=""/>
    <x v="1"/>
    <s v=""/>
    <x v="51"/>
    <s v="P 3.1 Aviation Safety"/>
    <s v="Other"/>
    <s v="TC-5255"/>
    <s v="In Production"/>
    <s v="web"/>
    <x v="1"/>
    <x v="2936"/>
  </r>
  <r>
    <x v="4"/>
    <x v="5"/>
    <x v="7929"/>
    <s v="ASAC"/>
    <s v="The Symmetry Card Access System is a COTS (Commercial-off-the Shelf) Identification Card and Controlled Access System from AMAG Technology that is utilized to enhance security in other federal government departments such as Department of National Defense (DND) and the Privy Council Office. It is an open system with many different options for combining security equipment and software into a single Security Management System which follows international standard for networking and integration. It expands beyond Access Control into a complete fully-featured Security Management System. It provides Access Management, Alarm Management &amp; System Monitoring and Integrated Video Management functionalities.  The AMAG Symmetry Card Access System is a Windows based"/>
    <s v="Other"/>
    <x v="1"/>
    <s v="AMAG, Symmetry"/>
    <x v="51"/>
    <s v="P 4.1 Internal Services"/>
    <s v="Travel and Other Administrative Services"/>
    <s v="TC-5256"/>
    <s v="In Production"/>
    <s v="rich"/>
    <x v="0"/>
    <x v="2937"/>
  </r>
  <r>
    <x v="4"/>
    <x v="5"/>
    <x v="7930"/>
    <s v="ASAC-SCIF"/>
    <s v="The Symmetry Card Access System is a COTS (Commercial-off-the Shelf) Identification Card and Controlled Access System from AMAG Technology that is utilized to enhance security in other federal government departments such as Department of National Defense (DND) and the Privy Council Office. It is an open system with many different options for combining security equipment and software into a single Security Management System which follows international standard for networking and integration. It expands beyond Access Control into a complete fully-featured Security Management System. It provides Access Management, Alarm Management &amp; System Monitoring and Integrated Video Management functionalities.  The AMAG Symmetry Card Access System is a Windows based"/>
    <s v="Other"/>
    <x v="1"/>
    <s v="AMAG, Symmetry"/>
    <x v="51"/>
    <s v="P 4.1 Internal Services"/>
    <s v="Travel and Other Administrative Services"/>
    <s v="TC-5257"/>
    <s v="In Production"/>
    <s v="rich"/>
    <x v="0"/>
    <x v="2938"/>
  </r>
  <r>
    <x v="0"/>
    <x v="19"/>
    <x v="1166"/>
    <s v="Adobe Livecycle"/>
    <s v="Adobe® LiveCycle® Enterprise Suite 4 is an enterprise form platform that contains many fonctionalities. The only fonctionality that is currently used at Transport Canada is the Adobe LiveCycle Reader Extensions to enable some features in Acrobat Reader on a per-form PDF file basis. These are features otherwise found in the full licensed product Adobe Acrobat.  The Adobe Reader cannot normally save filled PDF forms. The LiveCycle Reader Extensions functionality can prepare PDF form files in order to save form content with the ADOBE Reader software. Several PDF forms at Transport Canada were prepared in such a fashion to enable the Save feature with ADOBE Reader."/>
    <s v="Adobe_Systems_Incorporated"/>
    <x v="1"/>
    <s v=""/>
    <x v="51"/>
    <s v="P 4.1 Internal Services"/>
    <s v="Information Management Services"/>
    <s v="TC-5258"/>
    <s v="In Production"/>
    <s v="web"/>
    <x v="0"/>
    <x v="2939"/>
  </r>
  <r>
    <x v="2"/>
    <x v="2"/>
    <x v="7931"/>
    <s v="DTH_INT - DVA_INT"/>
    <s v="Internal data-entry application (Disclosure of Travel and Hospitality expenses)"/>
    <s v=""/>
    <x v="1"/>
    <s v=""/>
    <x v="51"/>
    <s v="P 4.1 Internal Services"/>
    <s v="Financial Management Services"/>
    <s v="TC-5262"/>
    <s v="In Production"/>
    <s v="web"/>
    <x v="1"/>
    <x v="2940"/>
  </r>
  <r>
    <x v="2"/>
    <x v="2"/>
    <x v="7932"/>
    <s v="DGC_INT - DSC_INT"/>
    <s v="The Disclosure of Grants and Contributions Tool will allow the general public to access information on grants and contributions over $25K awarded by the department in compliance with the government's transparency legislation. One section of this applicati"/>
    <s v=""/>
    <x v="1"/>
    <s v=""/>
    <x v="51"/>
    <s v="P 4.1 Internal Services"/>
    <s v="Financial Management Services"/>
    <s v="TC-5264"/>
    <s v="In Production"/>
    <s v="web"/>
    <x v="1"/>
    <x v="106"/>
  </r>
  <r>
    <x v="8"/>
    <x v="29"/>
    <x v="7933"/>
    <s v="FTAE CDE Int"/>
    <m/>
    <s v=""/>
    <x v="1"/>
    <s v=""/>
    <x v="51"/>
    <s v="P 3.1 Aviation Safety"/>
    <s v="Information Technology Services"/>
    <s v="TC-5265"/>
    <s v="In Production"/>
    <s v="desktop"/>
    <x v="1"/>
    <x v="86"/>
  </r>
  <r>
    <x v="0"/>
    <x v="28"/>
    <x v="7934"/>
    <s v="INMAGICDB"/>
    <m/>
    <s v="Other"/>
    <x v="1"/>
    <s v="Vendor: Lucidea, Product: Inmagic DB/TextWorks"/>
    <x v="51"/>
    <s v="P 3.1 Aviation Safety"/>
    <s v="Other"/>
    <s v="TC-5266"/>
    <s v="In Production"/>
    <s v="rich"/>
    <x v="0"/>
    <x v="10"/>
  </r>
  <r>
    <x v="0"/>
    <x v="0"/>
    <x v="7935"/>
    <s v="APCP"/>
    <s v="Tracking tool for capital projects over 1 million dollar"/>
    <s v="WorkDynamics_Technologies_Inc"/>
    <x v="0"/>
    <s v=""/>
    <x v="51"/>
    <s v="P 3.1 Aviation Safety"/>
    <s v="Information Management Services"/>
    <s v="TC-5267"/>
    <s v="In Production"/>
    <s v="rich"/>
    <x v="0"/>
    <x v="2941"/>
  </r>
  <r>
    <x v="6"/>
    <x v="48"/>
    <x v="7936"/>
    <s v="AATD"/>
    <s v="Tracking of airport activities in the Quebec region"/>
    <s v="WorkDynamics_Technologies_Inc"/>
    <x v="0"/>
    <s v=""/>
    <x v="51"/>
    <s v=""/>
    <s v=""/>
    <s v="TC-5268"/>
    <s v="In Production"/>
    <s v="rich"/>
    <x v="0"/>
    <x v="2941"/>
  </r>
  <r>
    <x v="6"/>
    <x v="48"/>
    <x v="7937"/>
    <s v="DMOT"/>
    <s v="Captures and track high volume of various type of requests for information being solicited from the department. The questions are to be entered into"/>
    <s v="WorkDynamics_Technologies_Inc"/>
    <x v="0"/>
    <s v=""/>
    <x v="51"/>
    <s v="P 4.1 Internal Services"/>
    <s v=""/>
    <s v="TC-5269"/>
    <s v="In Production"/>
    <s v="rich"/>
    <x v="0"/>
    <x v="2941"/>
  </r>
  <r>
    <x v="6"/>
    <x v="48"/>
    <x v="7938"/>
    <s v="SIR"/>
    <s v="Tracking and reporting of security incident"/>
    <s v="WorkDynamics_Technologies_Inc"/>
    <x v="0"/>
    <s v=""/>
    <x v="51"/>
    <s v="P 4.1 Internal Services"/>
    <s v=""/>
    <s v="TC-5270"/>
    <s v="In Production"/>
    <s v="rich"/>
    <x v="0"/>
    <x v="2941"/>
  </r>
  <r>
    <x v="2"/>
    <x v="51"/>
    <x v="7939"/>
    <s v="E-PAIRS Ext WS"/>
    <s v="The Electronic Information Reporting System (EPAIRS) is a web application that allows for vessels to file their 96 Hour pre-arrival reports on-line, and to allow Transport Canada inspectors to review the submissions to ensure the vessels meet Transport Canada Regulatory Standards.  EPAIRS is used primarily by Marine Security Operations Centre (MSOC) staff to process 96-Hour Pre-Arrival Information Reports (PAIRs) received by vessels entering Canadian waters as per the Marine Security Regulations (MTSR Sec. 221)."/>
    <s v=""/>
    <x v="1"/>
    <s v=""/>
    <x v="51"/>
    <s v="P 3.2 Marine Safety"/>
    <s v="Other"/>
    <s v="TC-5271"/>
    <s v="In Production"/>
    <s v="web"/>
    <x v="1"/>
    <x v="2942"/>
  </r>
  <r>
    <x v="0"/>
    <x v="16"/>
    <x v="7940"/>
    <s v="PCDB"/>
    <s v="Provides regulated companies with access to complaint data regarding their vehicles and/or equipment as received by Transport Canada."/>
    <s v=""/>
    <x v="1"/>
    <s v=""/>
    <x v="51"/>
    <s v="P 3.4 Motor Vehicle Safety"/>
    <s v="Information Management Services,Information Technology Services"/>
    <s v="TC-5272"/>
    <s v="In Production"/>
    <s v="web"/>
    <x v="1"/>
    <x v="2943"/>
  </r>
  <r>
    <x v="4"/>
    <x v="5"/>
    <x v="7941"/>
    <s v="CAPMS"/>
    <s v="The system allows users to enter assessments, corrective actions plans and corrective actions which can then be searched upon and reported against"/>
    <s v=""/>
    <x v="1"/>
    <s v=""/>
    <x v="51"/>
    <s v="P 3.1 Aviation Safety"/>
    <s v="Other"/>
    <s v="TC-5273"/>
    <s v="In Production"/>
    <s v="web"/>
    <x v="1"/>
    <x v="2813"/>
  </r>
  <r>
    <x v="6"/>
    <x v="21"/>
    <x v="7942"/>
    <s v="LISTSERV_EXT"/>
    <s v="LISTSERV email service software is used to distribute information about changes to our web sites, news releases, and other topics, in order to communicate with stakeholders (media, industry, public, government departments) who subscribe to distribution lists. External facing component."/>
    <s v="Other"/>
    <x v="1"/>
    <s v=""/>
    <x v="51"/>
    <s v="P 4.1 Internal Services"/>
    <s v="Communications Services"/>
    <s v="TC-5274"/>
    <s v="In Production"/>
    <s v="web"/>
    <x v="1"/>
    <x v="2944"/>
  </r>
  <r>
    <x v="6"/>
    <x v="36"/>
    <x v="7943"/>
    <s v="TCBLOGGER"/>
    <s v="A COTS product that allows users to create blogs and manage them."/>
    <s v=""/>
    <x v="1"/>
    <s v="Hexamail Advanced Blog Server"/>
    <x v="51"/>
    <s v="P 4.1 Internal Services"/>
    <s v="Communications Services"/>
    <s v="TC-5275"/>
    <s v="In Production"/>
    <s v="web"/>
    <x v="0"/>
    <x v="2945"/>
  </r>
  <r>
    <x v="9"/>
    <x v="79"/>
    <x v="7944"/>
    <s v="GetAccess"/>
    <m/>
    <s v="Other"/>
    <x v="1"/>
    <s v="Entrust GetAccess"/>
    <x v="51"/>
    <s v="Internal Services"/>
    <s v="Information Technology Services"/>
    <s v="TC-5278"/>
    <s v="In Production"/>
    <s v="web"/>
    <x v="0"/>
    <x v="2946"/>
  </r>
  <r>
    <x v="9"/>
    <x v="79"/>
    <x v="7945"/>
    <s v="TruePass"/>
    <m/>
    <s v="Other"/>
    <x v="1"/>
    <s v="Entrust TruePass"/>
    <x v="51"/>
    <s v="Internal Services"/>
    <s v="Information Technology Services"/>
    <s v="TC-5279"/>
    <s v="In Production"/>
    <s v="web"/>
    <x v="0"/>
    <x v="2947"/>
  </r>
  <r>
    <x v="2"/>
    <x v="51"/>
    <x v="7946"/>
    <s v="CPSCS-APCIS_WS"/>
    <s v="The Canadian Port State Control System - THETIS (CPSCS - THETIS) is used by the Marine Safety Group of Transport Canada and is a ship inspection reporting database related to vessel information.  Transport Canada has a Memorandum of Understanding (MOU) setup with European countries called Paris MOU (PMOU) to upload specific vessel information to their THETIS system, and also downloads of specific vessel inspection information from their database THETIS."/>
    <s v=""/>
    <x v="1"/>
    <s v=""/>
    <x v="51"/>
    <s v="P 3.2 Marine Safety"/>
    <s v="Other"/>
    <s v="TC-5284"/>
    <s v="In Production"/>
    <s v="web"/>
    <x v="1"/>
    <x v="2948"/>
  </r>
  <r>
    <x v="3"/>
    <x v="46"/>
    <x v="77"/>
    <s v="SASEG"/>
    <s v="SAS Enterprise Guide is a point-and-click, menu- and wizard-driven tool that empowers users to analyze data and publish results. It provides fast-track learning for quick data analysis, generates code for productivity and speeds your ability to deploy analyses and forecasts in real time."/>
    <s v="SAS_Institute_Canada_Inc"/>
    <x v="3"/>
    <s v="SAS Base"/>
    <x v="51"/>
    <s v="P 4.1 Internal Services"/>
    <s v="Information Technology Services"/>
    <s v="TC-5285"/>
    <s v="In Production"/>
    <s v="rich"/>
    <x v="0"/>
    <x v="2949"/>
  </r>
  <r>
    <x v="10"/>
    <x v="55"/>
    <x v="7947"/>
    <s v="FORMCAT_WS"/>
    <s v="The Forms Catalogue web service provides forms information to other applications."/>
    <s v=""/>
    <x v="1"/>
    <s v=""/>
    <x v="51"/>
    <s v="P 4.1 Internal Services"/>
    <s v="Information Technology Services"/>
    <s v="TC-5286"/>
    <s v="In Production"/>
    <s v="web"/>
    <x v="1"/>
    <x v="2950"/>
  </r>
  <r>
    <x v="10"/>
    <x v="55"/>
    <x v="7948"/>
    <s v="A10CW Cross Validation Refresh Process"/>
    <s v="A nightly batch process for the importing of Cross Validation rules from the Oracle Financials application into the Annex 10 application."/>
    <s v=""/>
    <x v="1"/>
    <s v=""/>
    <x v="51"/>
    <s v="P 4.1 Internal Services"/>
    <s v="Information Technology Services"/>
    <s v="TC-5287"/>
    <s v="In Production"/>
    <s v="web"/>
    <x v="1"/>
    <x v="2950"/>
  </r>
  <r>
    <x v="10"/>
    <x v="55"/>
    <x v="7949"/>
    <s v="ALPS_WS"/>
    <s v="The ALPS web service provides departmental mail stop information to other applications - in particular, the TC Directory ALPS batch process."/>
    <s v=""/>
    <x v="1"/>
    <s v=""/>
    <x v="51"/>
    <s v="P 4.1 Internal Services"/>
    <s v="Travel and Other Administrative Services"/>
    <s v="TC-5288"/>
    <s v="In Production"/>
    <s v="web"/>
    <x v="1"/>
    <x v="2951"/>
  </r>
  <r>
    <x v="10"/>
    <x v="69"/>
    <x v="6539"/>
    <s v="ATIP Request and Pay Online"/>
    <m/>
    <s v=""/>
    <x v="1"/>
    <s v=""/>
    <x v="51"/>
    <s v="P 4.1 Internal Services"/>
    <s v="Information Technology Services"/>
    <s v="TC-5289"/>
    <s v="In Production"/>
    <s v="web"/>
    <x v="1"/>
    <x v="2952"/>
  </r>
  <r>
    <x v="0"/>
    <x v="18"/>
    <x v="7950"/>
    <s v="E-SURVEY_EXT"/>
    <s v="The purpose of the E-Survey is to provide a generic application for several clients, to assist them in assessing their own client’s satisfaction or opinions. For exemple, It is used for surveys for the TC Compensation unit and the TIMSD Help Desk group. If a Survey is defined as external then it could be filled by an external stakeholder."/>
    <s v=""/>
    <x v="1"/>
    <s v=""/>
    <x v="51"/>
    <s v="P 4.1 Internal Services"/>
    <s v="Information Technology Services"/>
    <s v="TC-5290"/>
    <s v="In Production"/>
    <s v="web"/>
    <x v="1"/>
    <x v="2950"/>
  </r>
  <r>
    <x v="0"/>
    <x v="13"/>
    <x v="7951"/>
    <s v="GCWCC TCB CP"/>
    <s v="A nightly batch process for the retention and disposition of records."/>
    <s v=""/>
    <x v="1"/>
    <s v=""/>
    <x v="51"/>
    <s v="P 4.1 Internal Services"/>
    <s v="Travel and Other Administrative Services"/>
    <s v="TC-5291"/>
    <s v="In Production"/>
    <s v="web"/>
    <x v="1"/>
    <x v="2950"/>
  </r>
  <r>
    <x v="2"/>
    <x v="10"/>
    <x v="7952"/>
    <s v="SST"/>
    <s v="The SendSuite Tracking (SST) is an Intranet web-based data collection and tracking solution “Commercial-off-the Shelf” (COTS) product and the supplier is Pitney Bowes. It enables organizations to track high-priority items as they move throughout an organization."/>
    <s v="Other"/>
    <x v="1"/>
    <s v="Pitney Bowes - SendSuite"/>
    <x v="51"/>
    <s v="P 4.1 Internal Services"/>
    <s v="Financial Management Services"/>
    <s v="TC-5292"/>
    <s v="In Production"/>
    <s v="web"/>
    <x v="0"/>
    <x v="2953"/>
  </r>
  <r>
    <x v="10"/>
    <x v="55"/>
    <x v="7953"/>
    <s v="TCDirectory_WS"/>
    <s v="The TC Directory web service provides departmental staff, building and organizational information to other applications."/>
    <s v=""/>
    <x v="1"/>
    <s v=""/>
    <x v="51"/>
    <s v="P 4.1 Internal Services"/>
    <s v="Travel and Other Administrative Services"/>
    <s v="TC-5293"/>
    <s v="In Production"/>
    <s v="web"/>
    <x v="1"/>
    <x v="2950"/>
  </r>
  <r>
    <x v="10"/>
    <x v="55"/>
    <x v="7954"/>
    <s v="Canada Post Address Validation_WS"/>
    <s v="The Canada Post Address Validation web service provides Address information to other applications."/>
    <s v=""/>
    <x v="1"/>
    <s v=""/>
    <x v="51"/>
    <s v="P 4.1 Internal Services"/>
    <s v="Travel and Other Administrative Services"/>
    <s v="TC-5294"/>
    <s v="In Production"/>
    <s v="web"/>
    <x v="1"/>
    <x v="2950"/>
  </r>
  <r>
    <x v="10"/>
    <x v="55"/>
    <x v="7955"/>
    <s v="TCD_SST_Export"/>
    <s v="Nightly batch job that exports staff contact data to be imported/refreshed in the Sendsuite application."/>
    <s v=""/>
    <x v="1"/>
    <s v=""/>
    <x v="51"/>
    <s v="P 4.1 Internal Services"/>
    <s v="Travel and Other Administrative Services"/>
    <s v="TC-5295"/>
    <s v="In Production"/>
    <s v="web"/>
    <x v="1"/>
    <x v="2950"/>
  </r>
  <r>
    <x v="10"/>
    <x v="55"/>
    <x v="7956"/>
    <s v="TCD_SVM_Export"/>
    <s v="Nightly batch job that exports staff contact data to be imported/refreshed in the EasyLobby application."/>
    <s v=""/>
    <x v="1"/>
    <s v=""/>
    <x v="51"/>
    <s v="P 4.1 Internal Services"/>
    <s v="Travel and Other Administrative Services"/>
    <s v="TC-5296"/>
    <s v="In Production"/>
    <s v="web"/>
    <x v="1"/>
    <x v="2950"/>
  </r>
  <r>
    <x v="10"/>
    <x v="55"/>
    <x v="7957"/>
    <s v="TCD_TIPS Refresh Process"/>
    <s v="Nightly batch job that imports employee’s employment position hierarchy, titles and employment status from the TIPS application into the TC Directory application."/>
    <s v=""/>
    <x v="1"/>
    <s v=""/>
    <x v="51"/>
    <s v="P 4.1 Internal Services"/>
    <s v="Travel and Other Administrative Services"/>
    <s v="TC-5297"/>
    <s v="In Production"/>
    <s v="web"/>
    <x v="1"/>
    <x v="2950"/>
  </r>
  <r>
    <x v="10"/>
    <x v="55"/>
    <x v="7958"/>
    <s v="TCD_GEDS Refresh Process"/>
    <s v="Weekly batch job that sends staff contact data to be imported into the GEDS system."/>
    <s v=""/>
    <x v="1"/>
    <s v=""/>
    <x v="51"/>
    <s v="P 4.1 Internal Services"/>
    <s v="Travel and Other Administrative Services"/>
    <s v="TC-5298"/>
    <s v="In Production"/>
    <s v="web"/>
    <x v="1"/>
    <x v="2950"/>
  </r>
  <r>
    <x v="10"/>
    <x v="55"/>
    <x v="7959"/>
    <s v="TCD_ALPS Designator Refresh Process"/>
    <s v="Nightly process that refreshes designator codes from the ALPS application into the TC Directory application."/>
    <s v=""/>
    <x v="1"/>
    <s v=""/>
    <x v="51"/>
    <s v="P 4.1 Internal Services"/>
    <s v="Travel and Other Administrative Services"/>
    <s v="TC-5299"/>
    <s v="In Production"/>
    <s v="web"/>
    <x v="1"/>
    <x v="2950"/>
  </r>
  <r>
    <x v="10"/>
    <x v="59"/>
    <x v="7960"/>
    <s v="TCD_LastLogon Process"/>
    <s v="Nightly batch process that collects the last network account logon time to store in TC Directory application."/>
    <s v=""/>
    <x v="1"/>
    <s v=""/>
    <x v="51"/>
    <s v="P 4.1 Internal Services"/>
    <s v="Travel and Other Administrative Services"/>
    <s v="TC-5300"/>
    <s v="In Production"/>
    <s v="web"/>
    <x v="1"/>
    <x v="2950"/>
  </r>
  <r>
    <x v="0"/>
    <x v="13"/>
    <x v="7961"/>
    <s v="TCNCI Remove Old Data Process"/>
    <s v="A nightly batch process for the retention and disposition of records."/>
    <s v=""/>
    <x v="1"/>
    <s v=""/>
    <x v="51"/>
    <s v="P 4.1 Internal Services"/>
    <s v="Information Technology Services"/>
    <s v="TC-5301"/>
    <s v="In Production"/>
    <s v="web"/>
    <x v="1"/>
    <x v="2950"/>
  </r>
  <r>
    <x v="10"/>
    <x v="59"/>
    <x v="7962"/>
    <s v="TCNCI Script"/>
    <s v="A data collection script gathering an inventory of TC software, workstations and servers."/>
    <s v=""/>
    <x v="1"/>
    <s v=""/>
    <x v="51"/>
    <s v="P 4.1 Internal Services"/>
    <s v="Information Technology Services"/>
    <s v="TC-5302"/>
    <s v="In Production"/>
    <s v="web"/>
    <x v="1"/>
    <x v="2954"/>
  </r>
  <r>
    <x v="0"/>
    <x v="42"/>
    <x v="7963"/>
    <s v="TCDP"/>
    <s v="The TC Data Portal is a custom platform that exposes internal databases as API's externally to support Open Government Real-time data sets."/>
    <s v=""/>
    <x v="1"/>
    <s v=""/>
    <x v="51"/>
    <s v="P 4.1 Internal Services"/>
    <s v="Information Management Services"/>
    <s v="TC-5303"/>
    <s v="In Production"/>
    <s v="web"/>
    <x v="1"/>
    <x v="2955"/>
  </r>
  <r>
    <x v="2"/>
    <x v="52"/>
    <x v="7964"/>
    <s v="SCES-CRM"/>
    <s v="The Stakeholder Consultations and Engagement Solution (SCES) supports tracking the state of consultations with external stakeholders, and facilitates submission of reports through the Open Government Registry."/>
    <s v="Microsoft_Corporation"/>
    <x v="1"/>
    <s v="DYNAMICS CRM"/>
    <x v="51"/>
    <s v="Outreach and Creative Services"/>
    <s v="Communications Services"/>
    <s v="TC-5305"/>
    <s v="In Production"/>
    <s v="web"/>
    <x v="0"/>
    <x v="2935"/>
  </r>
  <r>
    <x v="0"/>
    <x v="28"/>
    <x v="7965"/>
    <s v="MSSNOP"/>
    <s v="Online tool to assist with the data needed to generate the National Oversight Plan and reports."/>
    <s v=""/>
    <x v="1"/>
    <s v=""/>
    <x v="51"/>
    <s v="P 3.2 Marine Safety"/>
    <s v="Management and Oversight Services"/>
    <s v="TC-5306"/>
    <s v="In Production"/>
    <s v="web"/>
    <x v="1"/>
    <x v="2956"/>
  </r>
  <r>
    <x v="10"/>
    <x v="60"/>
    <x v="2088"/>
    <s v="SWI_WS"/>
    <s v="Creates a streamlined process for the electronic collection and dissemination of commericial import data between the Government of Canada and the import community (Canadian Border Services Agency, Registrar of Imported Vehicles)."/>
    <s v=""/>
    <x v="1"/>
    <s v=""/>
    <x v="51"/>
    <s v="P 3.4 Motor Vehicle Safety"/>
    <s v="Management and Oversight Services"/>
    <s v="TC-5307"/>
    <s v="In Production"/>
    <s v="web"/>
    <x v="1"/>
    <x v="2957"/>
  </r>
  <r>
    <x v="0"/>
    <x v="19"/>
    <x v="7966"/>
    <s v="MTCO"/>
    <s v="The MyTC Online Account (MTOA) Project will create a new service delivery channel for Transport Canada services by building a client-centric digital services platform that will enable Transport Canada (TC) external clients, delegates and internal employees to access and complete regulatory authorization services such as permits, certifications and licenses in a standard, consistent, reliable and secure manner (including Protected A and B services). The platform (or portal) will also provide self-serve access to near-time performance data including data on service standards, issue tracking and service enrollment status."/>
    <s v=""/>
    <x v="1"/>
    <s v=""/>
    <x v="51"/>
    <s v="P 3.9 Multimodal Safety and Security"/>
    <s v="Information Technology Services"/>
    <s v="TC-5308"/>
    <s v="In Production"/>
    <s v="mobile"/>
    <x v="1"/>
    <x v="2958"/>
  </r>
  <r>
    <x v="4"/>
    <x v="5"/>
    <x v="7967"/>
    <s v="RSIP"/>
    <s v="RSIP is a web based submission tool, allowing interested parties to submit funding applications for projects that improve rail safety."/>
    <s v=""/>
    <x v="1"/>
    <s v=""/>
    <x v="51"/>
    <s v=""/>
    <s v=""/>
    <s v="TC-5309"/>
    <s v="InDevelopment"/>
    <s v="web"/>
    <x v="1"/>
    <x v="106"/>
  </r>
  <r>
    <x v="4"/>
    <x v="5"/>
    <x v="7968"/>
    <s v="CMDV"/>
    <s v="CMDV is a site that enables verification of Canadian Maritime Documents by foreign Marine Safety authorities and needs to be in place to meet the obligations of Transport Canada to the International Maritime Organization as signatory to the Standards of Training , Ceritifcation and Watchkeeping (STCW)"/>
    <s v=""/>
    <x v="1"/>
    <s v=""/>
    <x v="51"/>
    <s v=""/>
    <s v=""/>
    <s v="TC-5310"/>
    <s v="In Production"/>
    <s v="web"/>
    <x v="1"/>
    <x v="106"/>
  </r>
  <r>
    <x v="4"/>
    <x v="5"/>
    <x v="7969"/>
    <s v="MISV"/>
    <s v="An online service allowing Small Vessel Manufacturers and/or Importers fill in Declarations of Conformity online and print the filled forms as ready-to-sign PDF documents."/>
    <s v=""/>
    <x v="1"/>
    <s v=""/>
    <x v="51"/>
    <s v=""/>
    <s v="Information Technology Services"/>
    <s v="TC-5311"/>
    <s v="In Production"/>
    <s v="web"/>
    <x v="1"/>
    <x v="2959"/>
  </r>
  <r>
    <x v="4"/>
    <x v="5"/>
    <x v="7970"/>
    <s v="OPPSES"/>
    <s v="The OPPSES solution includes data for all consultations and engagement activities with Indigenous groups and stakeholders, and can be linked to project leads, Indigenous counterpart, stakeholders, partners, initiatives and events. The system will also produce dashboards and reports, and will support a business requirement to report quarterly to senior management, key departmental partners and other partners."/>
    <s v=""/>
    <x v="1"/>
    <s v=""/>
    <x v="51"/>
    <s v=""/>
    <s v=""/>
    <s v="TC-5312"/>
    <s v="In Production"/>
    <s v="web"/>
    <x v="0"/>
    <x v="106"/>
  </r>
  <r>
    <x v="4"/>
    <x v="5"/>
    <x v="7971"/>
    <s v="TDG-BN"/>
    <s v="A web service to connect to CRA to extract and leverage business number information."/>
    <s v=""/>
    <x v="1"/>
    <s v=""/>
    <x v="51"/>
    <s v=""/>
    <s v=""/>
    <s v="TC-5313"/>
    <s v="PILOT"/>
    <s v="web"/>
    <x v="1"/>
    <x v="106"/>
  </r>
  <r>
    <x v="4"/>
    <x v="5"/>
    <x v="7972"/>
    <s v="AAMP"/>
    <s v="An online form to submit results of Civil Aviation Delegate Monitor checks"/>
    <s v=""/>
    <x v="1"/>
    <s v=""/>
    <x v="51"/>
    <s v=""/>
    <s v=""/>
    <s v="TC-5314"/>
    <s v="In Production"/>
    <s v="web"/>
    <x v="1"/>
    <x v="106"/>
  </r>
  <r>
    <x v="8"/>
    <x v="39"/>
    <x v="7973"/>
    <s v="QEA"/>
    <s v="Qualiware is a Commercial Off the Shelf (COTS) product from the company, Qualiware. Software support is provided by CloseReach, a Qualiware partner headquartered in Ottawa. Qualiware is a web application and it has both browser and desktop application clients. The Qualiware application could be used for the following functions: graphical modeling and simulation; management of the enterprise architecture templates, artifacts, methodological frameworks to assist with activities in visualizing, analyzing and optimizing the business, technical, systems and data architectures within TC.  This tool is planned to be used by the IM/IT Architecture and Planning Branch to organize, analyze, maintain and manage Enterprise Architecture artifacts associated with on"/>
    <s v=""/>
    <x v="1"/>
    <s v="Qualiware, Qualiware"/>
    <x v="51"/>
    <s v="P 4.1 Internal Services"/>
    <s v="Information Technology Services"/>
    <s v="TC-5315"/>
    <s v="In Production"/>
    <s v="web"/>
    <x v="0"/>
    <x v="2960"/>
  </r>
  <r>
    <x v="4"/>
    <x v="5"/>
    <x v="7974"/>
    <s v="CORE-CRM"/>
    <s v="This is a reusable and essential “core” solution layer to be used by all other TC Dynamics solutions that come after it.  This solution layer contains common entities (i.e. employee info) and common functionalities (i.e. connectivity to RDIMS) that most CRM solutions will need to implement for their various business lines."/>
    <s v=""/>
    <x v="1"/>
    <s v=""/>
    <x v="51"/>
    <s v=""/>
    <s v=""/>
    <s v="TC-5316"/>
    <s v="In Production"/>
    <s v="web"/>
    <x v="0"/>
    <x v="106"/>
  </r>
  <r>
    <x v="4"/>
    <x v="5"/>
    <x v="7975"/>
    <s v="SFTA_EXT"/>
    <s v="Secure file transfer service for Protected A files.  This is the main external interface for transferring files."/>
    <s v=""/>
    <x v="1"/>
    <s v=""/>
    <x v="51"/>
    <s v=""/>
    <s v=""/>
    <s v="TC-5317"/>
    <s v="In Production"/>
    <s v="web"/>
    <x v="1"/>
    <x v="106"/>
  </r>
  <r>
    <x v="4"/>
    <x v="5"/>
    <x v="7976"/>
    <s v="SFTB_EXT"/>
    <m/>
    <s v=""/>
    <x v="1"/>
    <s v=""/>
    <x v="51"/>
    <s v=""/>
    <s v=""/>
    <s v="TC-5318"/>
    <s v="In Production"/>
    <s v="web"/>
    <x v="1"/>
    <x v="106"/>
  </r>
  <r>
    <x v="4"/>
    <x v="5"/>
    <x v="7977"/>
    <s v="SSPRTS-CRM"/>
    <s v="The Security Screening Programs Request Tracking System (SSPRTS) will support the Security Screening Programs (SSP) Branch in tracking all personnel security screening requests, transportation security clearance (TSC) requests as well as all Director’s office requests (including but not limited to ATIP requests, ministerial correspondence, corporate reporting, etc.)."/>
    <s v=""/>
    <x v="1"/>
    <s v=""/>
    <x v="51"/>
    <s v=""/>
    <s v=""/>
    <s v="TC-5319"/>
    <s v="In Production"/>
    <s v="web"/>
    <x v="0"/>
    <x v="106"/>
  </r>
  <r>
    <x v="5"/>
    <x v="25"/>
    <x v="7978"/>
    <s v="ECATS"/>
    <m/>
    <s v=""/>
    <x v="1"/>
    <s v=""/>
    <x v="51"/>
    <s v="P 1.1 Transportation Marketplace Frameworks"/>
    <s v="Other"/>
    <s v="TC-556"/>
    <s v="In Production"/>
    <s v="web"/>
    <x v="1"/>
    <x v="2961"/>
  </r>
  <r>
    <x v="2"/>
    <x v="51"/>
    <x v="7979"/>
    <s v="MD-M"/>
    <s v="This web site is used to query Minister’s Delegate – Maintenance. The Minister’s Delegate - Maintenance program was established to provide the aviation industry with a mechanism that allows qualified individuals, other than Civil Aviation Safety Inspector"/>
    <s v=""/>
    <x v="1"/>
    <s v=""/>
    <x v="51"/>
    <s v="P 3.1 Aviation Safety"/>
    <s v="Other"/>
    <s v="TC-558"/>
    <s v="In Production"/>
    <s v="web"/>
    <x v="1"/>
    <x v="2812"/>
  </r>
  <r>
    <x v="3"/>
    <x v="92"/>
    <x v="7980"/>
    <s v="SFV_SCV"/>
    <s v="Inspection program for small fishing vessels under 15 gross tonnes"/>
    <s v=""/>
    <x v="1"/>
    <s v="N/A"/>
    <x v="51"/>
    <s v="P 3.2 Marine Safety"/>
    <s v="Other"/>
    <s v="TC-56"/>
    <s v="In Production"/>
    <s v="rich"/>
    <x v="1"/>
    <x v="2859"/>
  </r>
  <r>
    <x v="2"/>
    <x v="10"/>
    <x v="7981"/>
    <s v="INVENTR"/>
    <s v="Maintains an up-to-date inventory of computer equipment. Contains detailed information on equipment, such as: brand, model, serial number, network card, network card address, etc."/>
    <s v=""/>
    <x v="1"/>
    <s v=""/>
    <x v="51"/>
    <s v="P 4.1 Internal Services"/>
    <s v="Information Technology Services"/>
    <s v="TC-58"/>
    <s v="In Production"/>
    <s v="web"/>
    <x v="1"/>
    <x v="2816"/>
  </r>
  <r>
    <x v="0"/>
    <x v="16"/>
    <x v="7982"/>
    <s v="FTAE CDE Ext"/>
    <m/>
    <s v=""/>
    <x v="1"/>
    <s v=""/>
    <x v="51"/>
    <s v="P 3.1 Aviation Safety"/>
    <s v="Other"/>
    <s v="TC-582"/>
    <s v="In Production"/>
    <s v="web"/>
    <x v="1"/>
    <x v="2883"/>
  </r>
  <r>
    <x v="6"/>
    <x v="33"/>
    <x v="7983"/>
    <s v="VIDCR2"/>
    <s v="TIMSD/Infrastructure Technology and Electronic Messaging Services provides Transport Canada staff across Canada, via Shared Services Canada, a Scheduled Video Conference service. The “Video Conference Reservation Request” VIDCR2 web-based ASP .Net application is an interim request submission form for Scheduled Video Conferences and it is available in both French and English. It consists of information elements to be entered by videoconferencing requestors which when completed and submitted are automatically forwarded via email. VIDCR2 on-screen links are provided to reference material such as videoconferencing options and videoconferencing site locations."/>
    <s v=""/>
    <x v="1"/>
    <s v=""/>
    <x v="51"/>
    <s v="P 4.1 Internal Services"/>
    <s v="Travel and Other Administrative Services"/>
    <s v="TC-584"/>
    <s v="In Production"/>
    <s v="web"/>
    <x v="1"/>
    <x v="2848"/>
  </r>
  <r>
    <x v="0"/>
    <x v="11"/>
    <x v="7984"/>
    <s v="ATT"/>
    <s v="This application provides information on accessible transportation and travel across Canada with the aim of making traveling an easier and more enjoyable experience for Canadians with disabilities."/>
    <s v=""/>
    <x v="1"/>
    <s v=""/>
    <x v="51"/>
    <s v="P 1.1 Transportation Marketplace Frameworks"/>
    <s v="Other"/>
    <s v="TC-609"/>
    <s v="In Production"/>
    <s v="web"/>
    <x v="1"/>
    <x v="2811"/>
  </r>
  <r>
    <x v="2"/>
    <x v="51"/>
    <x v="7985"/>
    <s v="CAWIS"/>
    <s v="Continuing Airworthiness Web Information System - Aircraft Registry &amp; Airworthiness Directive database"/>
    <s v=""/>
    <x v="1"/>
    <s v=""/>
    <x v="51"/>
    <s v="P 3.1 Aviation Safety"/>
    <s v="Other"/>
    <s v="TC-629"/>
    <s v="In Production"/>
    <s v="web"/>
    <x v="1"/>
    <x v="2820"/>
  </r>
  <r>
    <x v="4"/>
    <x v="5"/>
    <x v="7986"/>
    <s v="NOTAMS"/>
    <s v="NOTAM receipt."/>
    <s v=""/>
    <x v="1"/>
    <s v=""/>
    <x v="51"/>
    <s v="P 3.1 Aviation Safety"/>
    <s v=""/>
    <s v="TC-63"/>
    <s v="In Production"/>
    <s v="desktop"/>
    <x v="1"/>
    <x v="106"/>
  </r>
  <r>
    <x v="9"/>
    <x v="54"/>
    <x v="7987"/>
    <s v="CCIS"/>
    <m/>
    <s v=""/>
    <x v="1"/>
    <s v=""/>
    <x v="51"/>
    <s v="P 3.2 Marine Safety"/>
    <s v="Other"/>
    <s v="TC-630"/>
    <s v="In Production"/>
    <s v="rich"/>
    <x v="1"/>
    <x v="2838"/>
  </r>
  <r>
    <x v="2"/>
    <x v="51"/>
    <x v="7988"/>
    <s v="EMS"/>
    <m/>
    <s v=""/>
    <x v="1"/>
    <s v=""/>
    <x v="51"/>
    <s v="P 3.1 Aviation Safety"/>
    <s v="Other"/>
    <s v="TC-633"/>
    <s v="In Production"/>
    <s v="web"/>
    <x v="1"/>
    <x v="2820"/>
  </r>
  <r>
    <x v="3"/>
    <x v="92"/>
    <x v="7989"/>
    <s v="CARTES"/>
    <s v="Manages access cards and parking permits for the Dorval regional office"/>
    <s v=""/>
    <x v="1"/>
    <s v="N/A"/>
    <x v="51"/>
    <s v="P 4.1 Internal Services"/>
    <s v="Travel and Other Administrative Services"/>
    <s v="TC-64"/>
    <s v="In Production"/>
    <s v="rich"/>
    <x v="1"/>
    <x v="2858"/>
  </r>
  <r>
    <x v="4"/>
    <x v="5"/>
    <x v="7990"/>
    <s v="MSCD"/>
    <s v="This application is run once each month to gather information from five other marine databases and put them into one Oracle table, which can be queried rapidly."/>
    <s v=""/>
    <x v="1"/>
    <s v=""/>
    <x v="51"/>
    <s v="P 3.2 Marine Safety"/>
    <s v=""/>
    <s v="TC-649"/>
    <s v="In Production"/>
    <s v="rich"/>
    <x v="1"/>
    <x v="2808"/>
  </r>
  <r>
    <x v="3"/>
    <x v="92"/>
    <x v="7991"/>
    <s v="PLAINTE"/>
    <s v="Monitors complaints/violations"/>
    <s v=""/>
    <x v="1"/>
    <s v="N/A"/>
    <x v="51"/>
    <s v="P 3.1 Aviation Safety"/>
    <s v="Other"/>
    <s v="TC-65"/>
    <s v="In Production"/>
    <s v="rich"/>
    <x v="1"/>
    <x v="2859"/>
  </r>
  <r>
    <x v="4"/>
    <x v="5"/>
    <x v="7992"/>
    <s v="IDMSP"/>
    <s v="Intelligence Document Management System"/>
    <s v=""/>
    <x v="1"/>
    <s v=""/>
    <x v="51"/>
    <s v="P 4.1 Internal Services"/>
    <s v=""/>
    <s v="TC-650"/>
    <s v="In Production"/>
    <s v="desktop"/>
    <x v="0"/>
    <x v="106"/>
  </r>
  <r>
    <x v="3"/>
    <x v="92"/>
    <x v="7993"/>
    <s v="PWS"/>
    <s v="The data stored in the system for a particular vessel are as follows: - Details on the vessel (POR, GRT, DWT, DOB, previous name, Flag, IMO) - Details on the vessel's certificates (date issued, expiry date, endorsement), date of last PSC inspection - Deta"/>
    <s v=""/>
    <x v="1"/>
    <s v="N/A"/>
    <x v="51"/>
    <s v="P 3.2 Marine Safety"/>
    <s v="Other"/>
    <s v="TC-67"/>
    <s v="In Production"/>
    <s v="rich"/>
    <x v="1"/>
    <x v="2859"/>
  </r>
  <r>
    <x v="3"/>
    <x v="92"/>
    <x v="7994"/>
    <s v="PRÊT"/>
    <s v="Computer equipment loan management"/>
    <s v=""/>
    <x v="1"/>
    <s v="N/A"/>
    <x v="51"/>
    <s v="P 4.1 Internal Services"/>
    <s v="Information Technology Services"/>
    <s v="TC-68"/>
    <s v="In Production"/>
    <s v="rich"/>
    <x v="1"/>
    <x v="2858"/>
  </r>
  <r>
    <x v="2"/>
    <x v="51"/>
    <x v="7995"/>
    <s v="MME (ACESM)"/>
    <s v="When a seafarer needs a Marine Medical, he has to see a Transport Canada Designated Physician. This application will help seafarers across Canada find out where their closest MME is. It would also be used by marine inspectors in all of the regions to see"/>
    <s v=""/>
    <x v="1"/>
    <s v=""/>
    <x v="51"/>
    <s v="P 3.2 Marine Safety"/>
    <s v="Other"/>
    <s v="TC-689"/>
    <s v="In Production"/>
    <s v="web"/>
    <x v="1"/>
    <x v="2840"/>
  </r>
  <r>
    <x v="2"/>
    <x v="10"/>
    <x v="7996"/>
    <s v="SHSD"/>
    <s v="Transport Canada's national IM/IT hardware and software product standards have been compiled in an Oracle database. It is an Intranet Web application and it is available for all TC employees using an ASP .Net front-end."/>
    <s v=""/>
    <x v="1"/>
    <s v=""/>
    <x v="51"/>
    <s v="P 4.1 Internal Services"/>
    <s v="Information Technology Services"/>
    <s v="TC-690"/>
    <s v="In Production"/>
    <s v="web"/>
    <x v="1"/>
    <x v="2888"/>
  </r>
  <r>
    <x v="0"/>
    <x v="11"/>
    <x v="7997"/>
    <s v="A10CW"/>
    <s v="The Coding Wizard has been designed to help users find coding information related to the 9 segments of the Chart of Accounts quickly without browsing through endless pages or search results."/>
    <s v=""/>
    <x v="1"/>
    <s v=""/>
    <x v="51"/>
    <s v="P 4.1 Internal Services"/>
    <s v="Information Technology Services"/>
    <s v="TC-774"/>
    <s v="In Production"/>
    <s v="web"/>
    <x v="1"/>
    <x v="2868"/>
  </r>
  <r>
    <x v="0"/>
    <x v="85"/>
    <x v="7998"/>
    <s v="CORRAL"/>
    <s v="ASP web front-end and Access 97 back-end. TP Corral will be linked to iSTORE for pulling information regarding Civil Aviation Publications, Posters and Videos from the repository. Documents will be displayed in both official languages. Documents are also available in various downloadable formats, like pdf, txt, etc."/>
    <s v=""/>
    <x v="1"/>
    <s v=""/>
    <x v="51"/>
    <s v="P 3.1 Aviation Safety"/>
    <s v="Other"/>
    <s v="TC-838"/>
    <s v="In Production"/>
    <s v="web"/>
    <x v="1"/>
    <x v="2813"/>
  </r>
  <r>
    <x v="0"/>
    <x v="8"/>
    <x v="7999"/>
    <s v="LISTSERV"/>
    <s v="This software is used to communicate with stakeholders (media, industry, public, gov't departments) who subscribe to the list serve. It will be used to disseminate information about changes to our web sites, news releases and other topics."/>
    <s v="Other"/>
    <x v="14"/>
    <s v="LISTSERV® Email List Management Software"/>
    <x v="51"/>
    <s v="P 4.1 Internal Services"/>
    <s v="Communications Services,Information Management Services"/>
    <s v="TC-88"/>
    <s v="In Production"/>
    <s v="web"/>
    <x v="0"/>
    <x v="2889"/>
  </r>
  <r>
    <x v="6"/>
    <x v="82"/>
    <x v="8000"/>
    <s v="PCL"/>
    <s v="This web application provides a list which allows Canada Border agencies to screen commercial importers of new vehicles from the United States."/>
    <s v=""/>
    <x v="1"/>
    <s v=""/>
    <x v="51"/>
    <s v="P 3.4 Motor Vehicle Safety"/>
    <s v="Other"/>
    <s v="TC-882"/>
    <s v="In Production"/>
    <s v="web"/>
    <x v="1"/>
    <x v="2811"/>
  </r>
  <r>
    <x v="6"/>
    <x v="82"/>
    <x v="8001"/>
    <s v="VMRTC"/>
    <s v="To assist in the identification of companies that manufacture or import vehicle in conformity with the requirements of the Motor Vehicle Safety Act and the Motor Vehicle Safety Regulations, Transport Canada has compiled a list of those companies that have"/>
    <s v=""/>
    <x v="1"/>
    <s v=""/>
    <x v="51"/>
    <s v="P 3.4 Motor Vehicle Safety"/>
    <s v="Other"/>
    <s v="TC-902"/>
    <s v="In Production"/>
    <s v="web"/>
    <x v="1"/>
    <x v="2811"/>
  </r>
  <r>
    <x v="2"/>
    <x v="52"/>
    <x v="8002"/>
    <s v="ALPS-WEB"/>
    <s v="The ALPS web application manages addresses, publications, routing symbols and subscriptions in order to produce reports and labels. Labels can be printed locally or ftp to an external site. It accesses the ALPS Oracle database in order to generate address Labels and reports."/>
    <s v=""/>
    <x v="1"/>
    <s v=""/>
    <x v="51"/>
    <s v="P 4.1 Internal Services"/>
    <s v="Travel and Other Administrative Services"/>
    <s v="TC-92"/>
    <s v="In Production"/>
    <s v="web"/>
    <x v="1"/>
    <x v="2868"/>
  </r>
  <r>
    <x v="5"/>
    <x v="25"/>
    <x v="8003"/>
    <s v="CUTA"/>
    <s v="Data is received from Canadian Urban Transit Authorities for the different Transit Authorities across Canada (OC Transpo, Ottawa for instance). This application allows the user to query this data in aggregate or by individual Transit Authority and produce"/>
    <s v=""/>
    <x v="1"/>
    <s v=""/>
    <x v="51"/>
    <s v="P 1.1 Transportation Marketplace Frameworks"/>
    <s v="Other"/>
    <s v="TC-924"/>
    <s v="In Production"/>
    <s v="rich"/>
    <x v="1"/>
    <x v="2828"/>
  </r>
  <r>
    <x v="0"/>
    <x v="28"/>
    <x v="8004"/>
    <s v="NWDS"/>
    <s v="The NWDS is a client-server based application designed to run in MS-Windows, on a networked PC connected to a central Oracle database running on a VAX / Open VMS computer in the NCR.The application client front-end was developed using Oracle Forms and Rep"/>
    <s v=""/>
    <x v="1"/>
    <s v=""/>
    <x v="51"/>
    <s v="P 3.2 Marine Safety"/>
    <s v="Other"/>
    <s v="TC-973"/>
    <s v="In Production"/>
    <s v="web"/>
    <x v="1"/>
    <x v="2826"/>
  </r>
  <r>
    <x v="0"/>
    <x v="28"/>
    <x v="8005"/>
    <s v="NICO"/>
    <s v="NICO is a query application that allows the general public to quewry/view NAPA certificates and approval information on-line via the internet."/>
    <s v=""/>
    <x v="1"/>
    <s v=""/>
    <x v="51"/>
    <s v="P 3.1 Aviation Safety"/>
    <s v="Other"/>
    <s v="TC-993"/>
    <s v="In Production"/>
    <s v="web"/>
    <x v="1"/>
    <x v="2812"/>
  </r>
  <r>
    <x v="2"/>
    <x v="51"/>
    <x v="8006"/>
    <s v="SVMMS"/>
    <s v="Small Vessels Manufacturers Monitoring System (SVMMS formerly BIASS -Boat Identification and Safety System) is a Coast Guard application that has been integrated from DFO and installed on the 11th floor of Tower C. It is comprised of a dedicated server an"/>
    <s v=""/>
    <x v="1"/>
    <s v=""/>
    <x v="51"/>
    <s v="P 3.2 Marine Safety"/>
    <s v="Other"/>
    <s v="TC-994"/>
    <s v="In Production"/>
    <s v="web"/>
    <x v="1"/>
    <x v="2826"/>
  </r>
  <r>
    <x v="0"/>
    <x v="16"/>
    <x v="8007"/>
    <s v="APCMRS"/>
    <s v="Strategic Communications and Ministerial Affairs office uses this to track ATIP requests and to provide redaction of the documents for the requests.  It is mission critical, as data entered, including scanned documents, would need to be accessed as quickly as possible, should a legislated due date be imminent.  Data is also used to prepare statistical reports which are used by senior management, Parliament and TBS, CIOB.  System needs to be available during working hours in order to respond to legislative due dates.  It is especially important to have the system available during April and May, when the annual statistics are being prepared for Parliament and TBS, CIOB."/>
    <s v="Other"/>
    <x v="1"/>
    <s v="CSDC Access Pro Case Management and Redaction"/>
    <x v="52"/>
    <s v="Internal Services"/>
    <s v="Management and Oversight Services"/>
    <s v="TBS-TBS0006"/>
    <s v="In Production"/>
    <s v="web"/>
    <x v="0"/>
    <x v="2962"/>
  </r>
  <r>
    <x v="2"/>
    <x v="3"/>
    <x v="8008"/>
    <s v="ADMT"/>
    <s v="Used to update info  from peoplesoft into Active Directory"/>
    <s v=""/>
    <x v="1"/>
    <s v=""/>
    <x v="52"/>
    <s v="Internal Services"/>
    <s v="Information Technology Services"/>
    <s v="TBS-TBS0009"/>
    <s v="In Production"/>
    <s v="web"/>
    <x v="1"/>
    <x v="88"/>
  </r>
  <r>
    <x v="2"/>
    <x v="23"/>
    <x v="8009"/>
    <s v="AEDB"/>
    <s v="The AEDB is primarily used by the CEE and the Office of the Comptroller General as both evaluation and internal audit policies require departments to submit approved evaluation and internal audit products to TBS."/>
    <s v=""/>
    <x v="1"/>
    <s v=""/>
    <x v="52"/>
    <s v="Financial Management"/>
    <s v="Management and Oversight Services"/>
    <s v="TBS-TBS0030"/>
    <s v="In Production"/>
    <s v="web"/>
    <x v="1"/>
    <x v="88"/>
  </r>
  <r>
    <x v="0"/>
    <x v="16"/>
    <x v="8010"/>
    <s v="BMC-CAC-SS"/>
    <s v="CAC-SS uses it to track incidents about Peoplesoft and SAP."/>
    <s v="Other"/>
    <x v="1"/>
    <s v="BMC Service Desk Express"/>
    <x v="52"/>
    <s v="Internal Services"/>
    <s v="Information Technology Services"/>
    <s v="TBS-TBS0040"/>
    <s v="In Production"/>
    <s v="web"/>
    <x v="0"/>
    <x v="2963"/>
  </r>
  <r>
    <x v="0"/>
    <x v="16"/>
    <x v="8011"/>
    <s v="BMC"/>
    <s v="IT Service Desk uses it to track Incidents, Service Requests, Change Requests and Hardware/Software requests."/>
    <s v="RJR Innovations Inc."/>
    <x v="1"/>
    <s v="BMC Service Desk Express"/>
    <x v="52"/>
    <s v="Internal Services"/>
    <s v="Information Technology Services"/>
    <s v="TBS-TBS0041"/>
    <s v="In Production"/>
    <s v="web"/>
    <x v="0"/>
    <x v="2963"/>
  </r>
  <r>
    <x v="0"/>
    <x v="16"/>
    <x v="8012"/>
    <s v="BMC-SC"/>
    <s v="Strategic Communication uses it to track inquiries by the public via their external facing website."/>
    <s v="Other"/>
    <x v="1"/>
    <s v="BMC Service Desk Express"/>
    <x v="52"/>
    <s v="Internal Services"/>
    <s v="Information Technology Services"/>
    <s v="TBS-TBS0042"/>
    <s v="In Production"/>
    <s v="web"/>
    <x v="0"/>
    <x v="2963"/>
  </r>
  <r>
    <x v="0"/>
    <x v="13"/>
    <x v="8013"/>
    <s v="CABDOC"/>
    <m/>
    <s v=""/>
    <x v="1"/>
    <s v=""/>
    <x v="52"/>
    <s v="Internal Services"/>
    <s v="Information Management Services"/>
    <s v="TBS-TBS0046"/>
    <s v="In Production"/>
    <s v="web"/>
    <x v="1"/>
    <x v="145"/>
  </r>
  <r>
    <x v="3"/>
    <x v="31"/>
    <x v="8014"/>
    <s v="Callipers"/>
    <m/>
    <s v=""/>
    <x v="1"/>
    <s v=""/>
    <x v="52"/>
    <s v="Expenditure Management"/>
    <s v="Management and Oversight Services"/>
    <s v="TBS-TBS0048"/>
    <s v="In Production"/>
    <s v="web"/>
    <x v="1"/>
    <x v="88"/>
  </r>
  <r>
    <x v="0"/>
    <x v="87"/>
    <x v="4282"/>
    <s v="ClassAds"/>
    <s v="Infosite classified adds"/>
    <s v=""/>
    <x v="1"/>
    <s v=""/>
    <x v="52"/>
    <s v="Internal Services"/>
    <s v="Other"/>
    <s v="TBS-TBS0064"/>
    <s v="In Production"/>
    <s v="web"/>
    <x v="1"/>
    <x v="145"/>
  </r>
  <r>
    <x v="3"/>
    <x v="31"/>
    <x v="4493"/>
    <s v="Cognos"/>
    <m/>
    <s v="Other"/>
    <x v="1"/>
    <s v="IBM Cognos Business Intelligence"/>
    <x v="52"/>
    <s v="Internal Services"/>
    <s v="Information Management Services"/>
    <s v="TBS-TBS0066"/>
    <s v="In Production"/>
    <s v="web"/>
    <x v="0"/>
    <x v="2964"/>
  </r>
  <r>
    <x v="0"/>
    <x v="13"/>
    <x v="8015"/>
    <s v="Pay90"/>
    <s v="It is an online tracking system that collects information on dates of different collective agreements.  It contains two portions.  One for the departments and a second app “Maintain contract information” used by administrators."/>
    <s v=""/>
    <x v="1"/>
    <s v=""/>
    <x v="52"/>
    <s v="People Management"/>
    <s v="Human Resources Management Services"/>
    <s v="TBS-TBS0067"/>
    <s v="In Production"/>
    <s v="web"/>
    <x v="1"/>
    <x v="145"/>
  </r>
  <r>
    <x v="0"/>
    <x v="11"/>
    <x v="8016"/>
    <s v="CCO"/>
    <s v="The Communications Community Office (CCO) is an interdepartmental initiative created by Directors General of Communications to promote professionalism and excellence in the community in order to help the government meet its objectives."/>
    <s v=""/>
    <x v="1"/>
    <s v=""/>
    <x v="52"/>
    <s v="People Management"/>
    <s v="Communications Services"/>
    <s v="TBS-TBS0068"/>
    <s v="In Production"/>
    <s v="web"/>
    <x v="1"/>
    <x v="88"/>
  </r>
  <r>
    <x v="2"/>
    <x v="3"/>
    <x v="8017"/>
    <s v="Contact"/>
    <s v="Manages Contacts, Committees, Departmental Security Officers (Lists), other member/contact lists across the TBS web site and Intranet."/>
    <s v=""/>
    <x v="1"/>
    <s v=""/>
    <x v="52"/>
    <s v="People Management"/>
    <s v="Travel and Other Administrative Services"/>
    <s v="TBS-TBS0071"/>
    <s v="In Production"/>
    <s v="web"/>
    <x v="1"/>
    <x v="145"/>
  </r>
  <r>
    <x v="2"/>
    <x v="51"/>
    <x v="8018"/>
    <s v="ABC Tool, OLLP"/>
    <s v="This tool has been designed to help managers, as well as human resources and official languages specialists, identify the linguistic profiles of bilingual positions objectively and consistently, while applying the Qualification Standards in Relation to Official Languages. It does not replace the Standards but rather it helps the user apply them. The tool has two independent components: the general component for positions requiring language proficiency levels A, B and C, and the specialized component for positions requiring code P. Users are asked to answer a series of questions on the duties of the bilingual position that must be carried out in the second official language.  By using the tool, managers establish a linguistic profile in a manner that me"/>
    <s v=""/>
    <x v="1"/>
    <s v=""/>
    <x v="52"/>
    <s v="People Management"/>
    <s v="Human Resources Management Services"/>
    <s v="TBS-TBS0086"/>
    <s v="In Production"/>
    <s v="web"/>
    <x v="1"/>
    <x v="1477"/>
  </r>
  <r>
    <x v="2"/>
    <x v="51"/>
    <x v="8019"/>
    <s v="OLLPP"/>
    <s v="This tool has been designed to help managers, as well as human resources and official languages specialists, identify the linguistic profiles of bilingual positions objectively and consistently, while applying the Qualification Standards in Relation to Official Languages. It does not replace the Standards but rather it helps the user apply them. The tool has two independent components: the general component for positions requiring language proficiency levels A, B and C, and the specialized component for positions requiring code P. Users are asked to answer a series of questions on the duties of the bilingual position that must be carried out in the second official language.  By using the tool, managers establish a linguistic profile in a manner that me"/>
    <s v=""/>
    <x v="1"/>
    <s v=""/>
    <x v="52"/>
    <s v="People Management"/>
    <s v="Human Resources Management Services"/>
    <s v="TBS-TBS0088"/>
    <s v="In Production"/>
    <s v="web"/>
    <x v="1"/>
    <x v="1477"/>
  </r>
  <r>
    <x v="2"/>
    <x v="32"/>
    <x v="8020"/>
    <s v="DFRP"/>
    <m/>
    <s v=""/>
    <x v="1"/>
    <s v=""/>
    <x v="52"/>
    <s v="Financial Management"/>
    <s v="Real Property Services"/>
    <s v="TBS-TBS0092"/>
    <s v="In Production"/>
    <s v="web"/>
    <x v="1"/>
    <x v="88"/>
  </r>
  <r>
    <x v="3"/>
    <x v="63"/>
    <x v="8021"/>
    <s v="DLPMS"/>
    <s v="Distributed lists &amp; publications management system (daily business of processing distribution lists and publication sales)"/>
    <s v=""/>
    <x v="1"/>
    <s v=""/>
    <x v="52"/>
    <s v="Internal Services"/>
    <s v="Travel and Other Administrative Services"/>
    <s v="TBS-TBS0095"/>
    <s v="In Production"/>
    <s v="web"/>
    <x v="1"/>
    <x v="145"/>
  </r>
  <r>
    <x v="2"/>
    <x v="3"/>
    <x v="8022"/>
    <s v="ESS"/>
    <s v="designed to compile data on public service positions that are essential to the safety and security of the public during legal strike action"/>
    <s v=""/>
    <x v="1"/>
    <s v=""/>
    <x v="52"/>
    <s v="People Management"/>
    <s v="Human Resources Management Services"/>
    <s v="TBS-TBS0115"/>
    <s v="In Production"/>
    <s v="web"/>
    <x v="1"/>
    <x v="88"/>
  </r>
  <r>
    <x v="3"/>
    <x v="31"/>
    <x v="8023"/>
    <s v="EWT"/>
    <s v="Tool used by the Centre of Excellence for Evaluation (CEE) to enter information about about evaluations and Horizontal Initiatives. Information is published to the general public through the Audit and Evaluation Database and the Horizontal Initiatives Database"/>
    <s v=""/>
    <x v="1"/>
    <s v=""/>
    <x v="52"/>
    <s v="Internal Services"/>
    <s v="Management and Oversight Services"/>
    <s v="TBS-TBS0116"/>
    <s v="In Production"/>
    <s v="web"/>
    <x v="1"/>
    <x v="88"/>
  </r>
  <r>
    <x v="2"/>
    <x v="58"/>
    <x v="8024"/>
    <s v="ETMS"/>
    <m/>
    <s v=""/>
    <x v="1"/>
    <s v=""/>
    <x v="52"/>
    <s v="People Management"/>
    <s v="Human Resources Management Services"/>
    <s v="TBS-TBS0119"/>
    <s v="In Production"/>
    <s v="web"/>
    <x v="1"/>
    <x v="88"/>
  </r>
  <r>
    <x v="2"/>
    <x v="32"/>
    <x v="8025"/>
    <s v="FCSI"/>
    <m/>
    <s v=""/>
    <x v="1"/>
    <s v=""/>
    <x v="52"/>
    <s v="Financial Management"/>
    <s v="Real Property Services"/>
    <s v="TBS-TBS0123"/>
    <s v="In Production"/>
    <s v="web"/>
    <x v="1"/>
    <x v="88"/>
  </r>
  <r>
    <x v="2"/>
    <x v="51"/>
    <x v="8026"/>
    <s v="FIP"/>
    <s v="Federal Identity Program (Registry of Applied Titles, Production Tool kit)"/>
    <s v=""/>
    <x v="1"/>
    <s v=""/>
    <x v="52"/>
    <s v="People Management"/>
    <s v="Communications Services"/>
    <s v="TBS-TBS0125"/>
    <s v="In Production"/>
    <s v="web"/>
    <x v="1"/>
    <x v="88"/>
  </r>
  <r>
    <x v="2"/>
    <x v="2"/>
    <x v="2433"/>
    <s v="FCM"/>
    <s v="Coding manual reports for fund center, general ledger accounts, list of funds, list of functional activity codes, list of internal orders.  Also has link to list of governement departments and IS contacts (Central Accounting and Reporting Sector on Publiservice"/>
    <s v=""/>
    <x v="1"/>
    <s v=""/>
    <x v="52"/>
    <s v="Internal Services"/>
    <s v="Financial Management Services"/>
    <s v="TBS-TBS0127"/>
    <s v="In Production"/>
    <s v="web"/>
    <x v="1"/>
    <x v="145"/>
  </r>
  <r>
    <x v="2"/>
    <x v="2"/>
    <x v="2493"/>
    <s v="FSA"/>
    <s v="In this database, we put all the Financial Signing Authority cards. This database is used to see who has signing authority for a fund centre and who is acting when the incumbent is away."/>
    <s v=""/>
    <x v="1"/>
    <s v=""/>
    <x v="52"/>
    <s v="Internal Services"/>
    <s v="Financial Management Services"/>
    <s v="TBS-TBS0129"/>
    <s v="In Production"/>
    <s v="web"/>
    <x v="1"/>
    <x v="145"/>
  </r>
  <r>
    <x v="0"/>
    <x v="7"/>
    <x v="8027"/>
    <s v="GCDocs - PB"/>
    <s v="Document and Information Management System. (OpenText / LiveLink)"/>
    <s v="Other"/>
    <x v="1"/>
    <s v="OpenText Content Server 2010"/>
    <x v="52"/>
    <s v="Internal Services"/>
    <s v="Information Management Services"/>
    <s v="TBS-TBS0142"/>
    <s v="In Production"/>
    <s v="web"/>
    <x v="0"/>
    <x v="2965"/>
  </r>
  <r>
    <x v="3"/>
    <x v="31"/>
    <x v="8028"/>
    <s v="GDDB"/>
    <s v="- Find detailed summary profiles for all 46 Crown corporations  - Generate program analyst reports  - Generate Crown corporation lists by ministerial portfolio C34"/>
    <s v=""/>
    <x v="1"/>
    <s v=""/>
    <x v="52"/>
    <s v="Internal Services"/>
    <s v="Communications Services"/>
    <s v="TBS-TBS0155"/>
    <s v="In Production"/>
    <s v="web"/>
    <x v="1"/>
    <x v="145"/>
  </r>
  <r>
    <x v="2"/>
    <x v="9"/>
    <x v="8029"/>
    <s v="Gs&amp;CsReform"/>
    <s v="The goal of this tool is to track departmental as well as whole of government progress for the purposes of reporting internally and externally on elements such as: - Actions being taken - Results being produced - Impacts being made (i.e. number of Program"/>
    <s v=""/>
    <x v="1"/>
    <s v=""/>
    <x v="52"/>
    <s v="Management Framework"/>
    <s v="Financial Management Services"/>
    <s v="TBS-TBS0156"/>
    <s v="In Production"/>
    <s v="web"/>
    <x v="1"/>
    <x v="88"/>
  </r>
  <r>
    <x v="2"/>
    <x v="3"/>
    <x v="8030"/>
    <s v="GTS"/>
    <s v="This tracking system has been specifically designed to assist departments and agencies that are part of the Core Public Administration in managing their classification grievance cases and to ensure the uniform processing of classification grievances.  This site allows authorized users to directly enter specific case data while also populating fields with data received from the PCIS database.   The GTS also enables authorized users to create statistical reports for past and present classification grievance activities for their own department."/>
    <s v=""/>
    <x v="1"/>
    <s v=""/>
    <x v="52"/>
    <s v="People Management"/>
    <s v="Human Resources Management Services"/>
    <s v="TBS-TBS0158"/>
    <s v="In Production"/>
    <s v="web"/>
    <x v="1"/>
    <x v="88"/>
  </r>
  <r>
    <x v="2"/>
    <x v="51"/>
    <x v="8031"/>
    <s v="HID"/>
    <s v="The objective of reporting on horizontal initiatives is to provide parliamentarians, the public and government with an overall picture of public expenditures, plans and performance for all major horizontal initiatives. The horizontal results database provides an electronic gateway to expenditure and performance information on the Government of Canada's horizontal initiatives."/>
    <s v=""/>
    <x v="1"/>
    <s v=""/>
    <x v="52"/>
    <s v="Financial Management"/>
    <s v="Management and Oversight Services"/>
    <s v="TBS-TBS0164"/>
    <s v="In Production"/>
    <s v="web"/>
    <x v="1"/>
    <x v="88"/>
  </r>
  <r>
    <x v="2"/>
    <x v="58"/>
    <x v="8032"/>
    <s v="HYLX"/>
    <s v="HYLX is a desktop application used by departments to prepare and communicate changes to their Program Alignment Architectures and Performance Management Frameworks. Once a year, departments wanting to make changes to their PAA/PMF receive an XML file exported from RMC, that is then imported into a local version of HYLX. HYLX is then used by the department to make changes to the PAA/PMF and an XML file is returned to TBS for processing."/>
    <s v=""/>
    <x v="1"/>
    <s v=""/>
    <x v="52"/>
    <s v="Internal Services"/>
    <s v="Information Technology Services"/>
    <s v="TBS-TBS0166"/>
    <s v="In Production"/>
    <s v="web"/>
    <x v="1"/>
    <x v="145"/>
  </r>
  <r>
    <x v="6"/>
    <x v="33"/>
    <x v="8033"/>
    <s v="OnlineReg"/>
    <s v="Display available in house course and used by employees to registered in house courses on TBS Infosite"/>
    <s v=""/>
    <x v="1"/>
    <s v=""/>
    <x v="52"/>
    <s v="Internal Services"/>
    <s v="Human Resources Management Services"/>
    <s v="TBS-TBS0181"/>
    <s v="In Production"/>
    <s v="web"/>
    <x v="1"/>
    <x v="145"/>
  </r>
  <r>
    <x v="2"/>
    <x v="22"/>
    <x v="8034"/>
    <s v="ICEC_AO-PA"/>
    <s v="Post and view assignment opportunites"/>
    <s v=""/>
    <x v="1"/>
    <s v=""/>
    <x v="52"/>
    <s v="People Management"/>
    <s v="Information Management Services"/>
    <s v="TBS-TBS0183"/>
    <s v="In Production"/>
    <s v="web"/>
    <x v="1"/>
    <x v="88"/>
  </r>
  <r>
    <x v="2"/>
    <x v="22"/>
    <x v="8035"/>
    <s v="ICEC_LO-AL"/>
    <s v="secure login for liaison officers to manage administration of assignment opportunities"/>
    <s v=""/>
    <x v="1"/>
    <s v=""/>
    <x v="52"/>
    <s v="People Management"/>
    <s v="Information Management Services"/>
    <s v="TBS-TBS0184"/>
    <s v="In Production"/>
    <s v="web"/>
    <x v="1"/>
    <x v="88"/>
  </r>
  <r>
    <x v="2"/>
    <x v="22"/>
    <x v="8036"/>
    <s v="ICEC_PVR-AVCV"/>
    <s v="post resumes and secure login  to view resumes"/>
    <s v=""/>
    <x v="1"/>
    <s v=""/>
    <x v="52"/>
    <s v="People Management"/>
    <s v="Information Management Services"/>
    <s v="TBS-TBS0185"/>
    <s v="In Production"/>
    <s v="web"/>
    <x v="1"/>
    <x v="88"/>
  </r>
  <r>
    <x v="0"/>
    <x v="16"/>
    <x v="160"/>
    <s v="JIRA"/>
    <s v="Application used to track change requests."/>
    <s v="Other"/>
    <x v="1"/>
    <s v="Atlassian JIRA"/>
    <x v="52"/>
    <s v="Internal Services"/>
    <s v="Management and Oversight Services"/>
    <s v="TBS-TBS0190"/>
    <s v="In Production"/>
    <s v="web"/>
    <x v="0"/>
    <x v="2966"/>
  </r>
  <r>
    <x v="2"/>
    <x v="58"/>
    <x v="8037"/>
    <s v="MAF"/>
    <m/>
    <s v=""/>
    <x v="1"/>
    <s v=""/>
    <x v="52"/>
    <s v="Management Framework"/>
    <s v="Management and Oversight Services"/>
    <s v="TBS-TBS0214"/>
    <s v="In Production"/>
    <s v="web"/>
    <x v="1"/>
    <x v="88"/>
  </r>
  <r>
    <x v="5"/>
    <x v="14"/>
    <x v="8038"/>
    <s v="MapNav"/>
    <m/>
    <s v=""/>
    <x v="1"/>
    <s v=""/>
    <x v="52"/>
    <s v="Internal Services"/>
    <s v="Real Property Services"/>
    <s v="TBS-TBS0219"/>
    <s v="In Production"/>
    <s v="web"/>
    <x v="0"/>
    <x v="88"/>
  </r>
  <r>
    <x v="0"/>
    <x v="11"/>
    <x v="8039"/>
    <s v="OLMD"/>
    <s v="The Official Languages Management Dashboard (OLMD) is a Web-based tool that gives users a real-time snapshot of the official languages program within their institution (only those part of the Core Public Administration) via a series of quantitative and qualitative indicators users who can: assess their institution’s performance;  assess their institution’s progress over time; and,  easily identify trends.  By centralizing various sources of information, the dashboard puts key information at the user’s fingertips and streamlines activities such as: the annual review process, monitoring activities; and, identifying issues and taking action to resolve them."/>
    <s v=""/>
    <x v="1"/>
    <s v=""/>
    <x v="52"/>
    <s v="People Management"/>
    <s v="Human Resources Management Services"/>
    <s v="TBS-TBS0267"/>
    <s v="In Production"/>
    <s v="web"/>
    <x v="1"/>
    <x v="523"/>
  </r>
  <r>
    <x v="2"/>
    <x v="22"/>
    <x v="8040"/>
    <s v="Burolis"/>
    <s v="BUROLIS is the Government of Canada's database that contains the offices of institutions subject to the Official Languages (Communications with and Services to the Public) Regulations (the Regulations). The Regulations specify the circumstances in which an institution's office has &quot;significant demand&quot; for services in both official languages and cases in which the &quot;nature of the office&quot; justifies the provision of bilingual services.   To provide a complete list of offices, in addition to offices subject to the Regulations, Burolis includes offices required to provide their services in both official languages pursuant to a provision of the Official Languages Act (OLA)."/>
    <s v=""/>
    <x v="1"/>
    <s v=""/>
    <x v="52"/>
    <s v="People Management"/>
    <s v="Management and Oversight Services"/>
    <s v="TBS-TBS0270"/>
    <s v="In Production"/>
    <s v="web"/>
    <x v="1"/>
    <x v="88"/>
  </r>
  <r>
    <x v="2"/>
    <x v="22"/>
    <x v="8041"/>
    <s v="OLRMS"/>
    <s v="The Regulations Management System enables institutions subject to the Official Languages Act and Regulations to regularly update the list of their offices that provide service to and communicate with the public. Institutions are responsible for updating the data on their offices and service points in the Burolis. • Application [restricted access]"/>
    <s v=""/>
    <x v="1"/>
    <s v=""/>
    <x v="52"/>
    <s v="Internal Services"/>
    <s v="Management and Oversight Services"/>
    <s v="TBS-TBS0272"/>
    <s v="In Production"/>
    <s v="web"/>
    <x v="1"/>
    <x v="88"/>
  </r>
  <r>
    <x v="2"/>
    <x v="3"/>
    <x v="8042"/>
    <s v="PPLSFT"/>
    <m/>
    <s v="Oracle_Canada_ULC"/>
    <x v="12"/>
    <s v=""/>
    <x v="52"/>
    <s v="Internal Services"/>
    <s v="Human Resources Management Services"/>
    <s v="TBS-TBS0280"/>
    <s v="In Production"/>
    <s v="web"/>
    <x v="0"/>
    <x v="2967"/>
  </r>
  <r>
    <x v="2"/>
    <x v="22"/>
    <x v="8043"/>
    <s v="PCIS Query Tool"/>
    <s v="This query tool has been specifically designed by the Treasury Board Secretariat to assist departments and agencies subject to Schedules I and IV of the Financial Administration Act in ensuring the uniform application of classification standards."/>
    <s v=""/>
    <x v="1"/>
    <s v=""/>
    <x v="52"/>
    <s v="People Management"/>
    <s v="Information Management Services"/>
    <s v="TBS-TBS0286"/>
    <s v="In Production"/>
    <s v="web"/>
    <x v="1"/>
    <x v="145"/>
  </r>
  <r>
    <x v="2"/>
    <x v="3"/>
    <x v="8044"/>
    <s v="PIMART"/>
    <m/>
    <s v=""/>
    <x v="1"/>
    <s v=""/>
    <x v="52"/>
    <s v="People Management"/>
    <s v="Information Management Services"/>
    <s v="TBS-TBS0288"/>
    <s v="In Production"/>
    <s v="web"/>
    <x v="1"/>
    <x v="88"/>
  </r>
  <r>
    <x v="2"/>
    <x v="58"/>
    <x v="8045"/>
    <s v="PPG"/>
    <s v="Publicly accessible web portal for the data entered in through the SOWT.  It allows comparisons between a RPP and its DPR or an RPP with the previous year's."/>
    <s v=""/>
    <x v="1"/>
    <s v=""/>
    <x v="52"/>
    <s v="Management Framework"/>
    <s v="Management and Oversight Services"/>
    <s v="TBS-TBS0294"/>
    <s v="In Production"/>
    <s v="web"/>
    <x v="1"/>
    <x v="145"/>
  </r>
  <r>
    <x v="0"/>
    <x v="8"/>
    <x v="8046"/>
    <s v="PolicySuite"/>
    <s v="The Treasury Board Policy Suite provides access to all Treasury Board policies and related instruments.  A complete A to Z list of all current TB policies is also available as well as a list of recently rescinded policies.  Please note that the TB Policy Suite continues to undergo renewal. Learn more about the TB Policy Suite Renewal."/>
    <s v=""/>
    <x v="1"/>
    <s v=""/>
    <x v="52"/>
    <s v="Internal Services"/>
    <s v="Communications Services"/>
    <s v="TBS-TBS0296"/>
    <s v="In Production"/>
    <s v="web"/>
    <x v="1"/>
    <x v="88"/>
  </r>
  <r>
    <x v="2"/>
    <x v="3"/>
    <x v="2238"/>
    <s v="PES"/>
    <s v="designed to compile data on public service positions that have been identified as managerial or confidential positions"/>
    <s v=""/>
    <x v="1"/>
    <s v=""/>
    <x v="52"/>
    <s v="People Management"/>
    <s v="Human Resources Management Services"/>
    <s v="TBS-TBS0298"/>
    <s v="In Production"/>
    <s v="web"/>
    <x v="1"/>
    <x v="88"/>
  </r>
  <r>
    <x v="2"/>
    <x v="3"/>
    <x v="8047"/>
    <s v="PRDC"/>
    <m/>
    <s v=""/>
    <x v="1"/>
    <s v=""/>
    <x v="52"/>
    <s v="People Management"/>
    <s v="Information Management Services"/>
    <s v="TBS-TBS0299"/>
    <s v="In Production"/>
    <s v="web"/>
    <x v="1"/>
    <x v="145"/>
  </r>
  <r>
    <x v="2"/>
    <x v="51"/>
    <x v="8048"/>
    <s v="G &amp; C"/>
    <s v="list of disclosure of contracts over $10,000 - Reports by quarter"/>
    <s v=""/>
    <x v="1"/>
    <s v=""/>
    <x v="52"/>
    <s v="Internal Services"/>
    <s v="Acquisition Services"/>
    <s v="TBS-TBS0304"/>
    <s v="In Production"/>
    <s v="web"/>
    <x v="1"/>
    <x v="145"/>
  </r>
  <r>
    <x v="2"/>
    <x v="51"/>
    <x v="8049"/>
    <s v="G &amp; C Rep"/>
    <s v="disclosureList of disclosure of grant and contribution awards over $25,000 - Reports by quarter"/>
    <s v=""/>
    <x v="1"/>
    <s v=""/>
    <x v="52"/>
    <s v="Internal Services"/>
    <s v="Financial Management Services"/>
    <s v="TBS-TBS0305"/>
    <s v="In Production"/>
    <s v="web"/>
    <x v="1"/>
    <x v="145"/>
  </r>
  <r>
    <x v="2"/>
    <x v="51"/>
    <x v="8050"/>
    <s v="PD TravelHosp"/>
    <s v="disclosureList of disclosure of travel and hospitality_x000a_- Reporting and Administration"/>
    <s v=""/>
    <x v="1"/>
    <s v=""/>
    <x v="52"/>
    <s v="Internal Services"/>
    <s v="Financial Management Services"/>
    <s v="TBS-TBS0308"/>
    <s v="In Production"/>
    <s v="web"/>
    <x v="1"/>
    <x v="145"/>
  </r>
  <r>
    <x v="0"/>
    <x v="18"/>
    <x v="8051"/>
    <s v="PSES2014"/>
    <s v="Public Service Employee Survey 2011_x000a_Updated in 2014"/>
    <s v=""/>
    <x v="1"/>
    <s v=""/>
    <x v="52"/>
    <s v="People Management"/>
    <s v="Information Management Services"/>
    <s v="TBS-TBS0312"/>
    <s v="In Production"/>
    <s v="web"/>
    <x v="1"/>
    <x v="88"/>
  </r>
  <r>
    <x v="0"/>
    <x v="28"/>
    <x v="8052"/>
    <s v="STS"/>
    <m/>
    <s v=""/>
    <x v="1"/>
    <s v=""/>
    <x v="52"/>
    <s v="Expenditure Management"/>
    <s v="Communications Services"/>
    <s v="TBS-TBS0325"/>
    <s v="In Production"/>
    <s v="web"/>
    <x v="1"/>
    <x v="145"/>
  </r>
  <r>
    <x v="2"/>
    <x v="40"/>
    <x v="8053"/>
    <s v="HYD"/>
    <m/>
    <s v="Other"/>
    <x v="1"/>
    <s v="SAP"/>
    <x v="52"/>
    <s v="Expenditure Management"/>
    <s v="Financial Management Services"/>
    <s v="TBS-TBS0331"/>
    <s v="In Production"/>
    <s v="web"/>
    <x v="0"/>
    <x v="2968"/>
  </r>
  <r>
    <x v="5"/>
    <x v="25"/>
    <x v="8054"/>
    <s v="SAS (EMS)"/>
    <m/>
    <s v="SAS_Institute_Canada_Inc"/>
    <x v="125"/>
    <s v=""/>
    <x v="52"/>
    <s v="Internal Services"/>
    <s v="Information Management Services"/>
    <s v="TBS-TBS0333"/>
    <s v="In Production"/>
    <s v="web"/>
    <x v="0"/>
    <x v="10"/>
  </r>
  <r>
    <x v="2"/>
    <x v="58"/>
    <x v="8055"/>
    <s v="OGSP"/>
    <s v="Web tool used to enter data on DPR and RPP reports into the PPI database. This data is used by PPG to display statistics and comparisons to the general public. It is an internal only tool."/>
    <s v=""/>
    <x v="1"/>
    <s v=""/>
    <x v="52"/>
    <s v="Expenditure Management"/>
    <s v="Management and Oversight Services"/>
    <s v="TBS-TBS0362"/>
    <s v="In Production"/>
    <s v="web"/>
    <x v="1"/>
    <x v="145"/>
  </r>
  <r>
    <x v="2"/>
    <x v="3"/>
    <x v="8056"/>
    <s v="Strikeman"/>
    <s v="This application is only on Publiservice and password protected. ONLY used when there is a strike. _x000a_It gathers info on strike situations such as # of people on strike, # of essential people still working, location of strike, etc."/>
    <s v=""/>
    <x v="1"/>
    <s v=""/>
    <x v="52"/>
    <s v="People Management"/>
    <s v="Human Resources Management Services"/>
    <s v="TBS-TBS0365"/>
    <s v="In Production"/>
    <s v="web"/>
    <x v="1"/>
    <x v="145"/>
  </r>
  <r>
    <x v="0"/>
    <x v="43"/>
    <x v="8057"/>
    <s v="InfoSite"/>
    <s v="The database holds all of the TBS InfoSite pages"/>
    <s v=""/>
    <x v="1"/>
    <s v=""/>
    <x v="52"/>
    <s v="Internal Services"/>
    <s v="Communications Services"/>
    <s v="TBS-TBS0377"/>
    <s v="In Production"/>
    <s v="web"/>
    <x v="1"/>
    <x v="88"/>
  </r>
  <r>
    <x v="0"/>
    <x v="43"/>
    <x v="8058"/>
    <s v="IntaAdmin"/>
    <s v="Control all things related to the TBS Intranet from this website"/>
    <s v=""/>
    <x v="1"/>
    <s v=""/>
    <x v="52"/>
    <s v="Internal Services"/>
    <s v="Communications Services"/>
    <s v="TBS-TBS0378"/>
    <s v="In Production"/>
    <s v="web"/>
    <x v="1"/>
    <x v="88"/>
  </r>
  <r>
    <x v="0"/>
    <x v="87"/>
    <x v="8059"/>
    <s v="OnlineAuction"/>
    <s v="Online auction application used primarily for the GCWCC campaign each fall."/>
    <s v=""/>
    <x v="1"/>
    <s v=""/>
    <x v="52"/>
    <s v="Internal Services"/>
    <s v="Other"/>
    <s v="TBS-TBS0379"/>
    <s v="In Production"/>
    <s v="web"/>
    <x v="1"/>
    <x v="88"/>
  </r>
  <r>
    <x v="0"/>
    <x v="87"/>
    <x v="8060"/>
    <s v="TBSTalks"/>
    <s v="Blog site - The management team of the Treasury Board of Canada Secretariat (TBS) is committed to sharing information with all employees in a timely and transparent way. We want to give you an opportunity to ask questions and share your thoughts and opinions on various work-related subjects. In short, we want to hear from you!  During the three month pilot phase of this blog, bloggers will include only members of the Senior Executive Committee"/>
    <s v=""/>
    <x v="1"/>
    <s v=""/>
    <x v="52"/>
    <s v="Internal Services"/>
    <s v="Communications Services"/>
    <s v="TBS-TBS0380"/>
    <s v="In Production"/>
    <s v="web"/>
    <x v="1"/>
    <x v="88"/>
  </r>
  <r>
    <x v="2"/>
    <x v="3"/>
    <x v="8061"/>
    <s v="Telephone"/>
    <s v="TBS telephone directory"/>
    <s v=""/>
    <x v="1"/>
    <s v=""/>
    <x v="52"/>
    <s v="Internal Services"/>
    <s v="Communications Services"/>
    <s v="TBS-TBS0385"/>
    <s v="In Production"/>
    <s v="web"/>
    <x v="1"/>
    <x v="88"/>
  </r>
  <r>
    <x v="0"/>
    <x v="0"/>
    <x v="8062"/>
    <s v="Translation"/>
    <s v="keep track of translation request"/>
    <s v=""/>
    <x v="1"/>
    <s v=""/>
    <x v="52"/>
    <s v="Internal Services"/>
    <s v="Communications Services"/>
    <s v="TBS-TBS0396"/>
    <s v="In Production"/>
    <s v="web"/>
    <x v="1"/>
    <x v="145"/>
  </r>
  <r>
    <x v="2"/>
    <x v="3"/>
    <x v="8063"/>
    <s v="Update500"/>
    <s v="extraction of the TBS phonebook to send to GEDS"/>
    <s v=""/>
    <x v="1"/>
    <s v=""/>
    <x v="52"/>
    <s v="Internal Services"/>
    <s v="Communications Services"/>
    <s v="TBS-TBS0402"/>
    <s v="In Production"/>
    <s v="web"/>
    <x v="1"/>
    <x v="88"/>
  </r>
  <r>
    <x v="0"/>
    <x v="18"/>
    <x v="8064"/>
    <s v="what'sNew"/>
    <s v="New web pages are added to the cioweb database upon creation. These new pages are displayed on the what’s new pages as they are made live (published)._x000a_==&gt; will be decommissioned with move to Canada.ca"/>
    <s v=""/>
    <x v="1"/>
    <s v=""/>
    <x v="52"/>
    <s v="Internal Services"/>
    <s v="Communications Services"/>
    <s v="TBS-TBS0409"/>
    <s v="In Production"/>
    <s v="web"/>
    <x v="1"/>
    <x v="88"/>
  </r>
  <r>
    <x v="2"/>
    <x v="40"/>
    <x v="8065"/>
    <s v="CAC-SS"/>
    <m/>
    <s v="Other"/>
    <x v="1"/>
    <s v="SAP"/>
    <x v="52"/>
    <s v="Internal Services"/>
    <s v="Financial Management Services"/>
    <s v="TBS-TBS0422"/>
    <s v="In Production"/>
    <s v="web"/>
    <x v="0"/>
    <x v="2969"/>
  </r>
  <r>
    <x v="5"/>
    <x v="25"/>
    <x v="8066"/>
    <s v="SAS (OCHRO)"/>
    <m/>
    <s v="SAS_Institute_Canada_Inc"/>
    <x v="125"/>
    <s v=""/>
    <x v="52"/>
    <s v="Internal Services"/>
    <s v="Information Management Services"/>
    <s v="TBS-TBS0423"/>
    <s v="In Production"/>
    <s v="web"/>
    <x v="0"/>
    <x v="10"/>
  </r>
  <r>
    <x v="6"/>
    <x v="24"/>
    <x v="8067"/>
    <s v="Clarity"/>
    <s v="Configured (Clarity) COTS product used by 45 departments to manage all  GoC application portfolio management and IT Plan information. It is also being used by CIOB-ITPROD to manage their project oversight dashboard information."/>
    <s v="Other"/>
    <x v="1"/>
    <s v="CA technologies, Clarity"/>
    <x v="52"/>
    <s v="Internal Services"/>
    <s v="Management and Oversight Services"/>
    <s v="TBS-TBS0501"/>
    <s v="In Production"/>
    <s v="web"/>
    <x v="0"/>
    <x v="2970"/>
  </r>
  <r>
    <x v="0"/>
    <x v="16"/>
    <x v="8068"/>
    <s v="CRMS"/>
    <s v="Custom built Microsoft Access application used to track and manage Technology related enquiries, It is being used for managing TB submission (and associated documents: PCRA, Investment Plan) analysis information It is also used to manage other types of IT related enquiries (DGR, ARB, EXP (IT expenditure Reporting), ITP)"/>
    <s v=""/>
    <x v="1"/>
    <s v=""/>
    <x v="52"/>
    <s v="Internal Services"/>
    <s v="Management and Oversight Services"/>
    <s v="TBS-TBS0502"/>
    <s v="In Production"/>
    <s v="web"/>
    <x v="1"/>
    <x v="2971"/>
  </r>
  <r>
    <x v="0"/>
    <x v="87"/>
    <x v="8069"/>
    <s v="GCCNX"/>
    <s v="GC collaborative social networking platform."/>
    <s v="Other"/>
    <x v="1"/>
    <s v="Open-Source Platform ELGG version 1.8  (www.ELGG.com)"/>
    <x v="52"/>
    <s v="Internal Services"/>
    <s v="Communications Services"/>
    <s v="TBS-TBS0504"/>
    <s v="In Production"/>
    <s v="web"/>
    <x v="0"/>
    <x v="2972"/>
  </r>
  <r>
    <x v="0"/>
    <x v="0"/>
    <x v="8070"/>
    <s v="GCP"/>
    <s v="GC discussion thread platform."/>
    <s v="Other"/>
    <x v="1"/>
    <s v="Mediawiki version 1.18"/>
    <x v="52"/>
    <s v="Internal Services"/>
    <s v="Communications Services"/>
    <s v="TBS-TBS0506"/>
    <s v="In Production"/>
    <s v="web"/>
    <x v="0"/>
    <x v="2972"/>
  </r>
  <r>
    <x v="0"/>
    <x v="8"/>
    <x v="8071"/>
    <s v="PIB Database"/>
    <s v="Custom built web application and database used to track and report on all registered personal information banks that have been published in Info Source. The application is used to generate a registration number each time a government institution registers a new personal information bank. The assignation of a registration number to a personal information bank is a legislative responsibility, under section 71(1)(b) of the Privacy Act,  assigned to the President of the Treasury Board, as the designated minister for the Privacy Act (Order in Council P.C. 1983-1584). General oversight of personal information banks is also a legislative responsibility of the President of the Treasury Board under section 71(1)(a) Privacy Act. *** Version containing Mario's an"/>
    <s v=""/>
    <x v="1"/>
    <s v=""/>
    <x v="52"/>
    <s v="Information Management, Access and Privacy"/>
    <s v="Information Management Services,Management and Oversight Services"/>
    <s v="TBS-TBS0508"/>
    <s v="In Production"/>
    <s v="web"/>
    <x v="1"/>
    <x v="145"/>
  </r>
  <r>
    <x v="0"/>
    <x v="16"/>
    <x v="8072"/>
    <s v="SRS"/>
    <m/>
    <s v=""/>
    <x v="1"/>
    <s v=""/>
    <x v="52"/>
    <s v="Internal Services"/>
    <s v="Management and Oversight Services"/>
    <s v="TBS-TBS0509"/>
    <s v="In Production"/>
    <s v="web"/>
    <x v="1"/>
    <x v="2973"/>
  </r>
  <r>
    <x v="0"/>
    <x v="28"/>
    <x v="4409"/>
    <s v="GSA"/>
    <s v="Performs search on departmental data repositories"/>
    <s v="Google"/>
    <x v="84"/>
    <s v=""/>
    <x v="52"/>
    <s v="Internal Services"/>
    <s v="Communications Services"/>
    <s v="TBS-TBS0512"/>
    <s v="In Production"/>
    <s v="appliance"/>
    <x v="0"/>
    <x v="2974"/>
  </r>
  <r>
    <x v="6"/>
    <x v="27"/>
    <x v="2224"/>
    <s v="LT"/>
    <s v="Translation bilingual text._x000a__x000a_This tool also uses an add-on called FlowFit."/>
    <s v="Other"/>
    <x v="1"/>
    <s v="LogiTerm from Terminotix inc."/>
    <x v="52"/>
    <s v="Internal Services"/>
    <s v="Other"/>
    <s v="TBS-TBS0513"/>
    <s v="In Production"/>
    <s v="web"/>
    <x v="0"/>
    <x v="2965"/>
  </r>
  <r>
    <x v="2"/>
    <x v="58"/>
    <x v="8073"/>
    <s v="PSPM"/>
    <m/>
    <s v=""/>
    <x v="1"/>
    <s v=""/>
    <x v="52"/>
    <s v="People Management"/>
    <s v="Human Resources Management Services"/>
    <s v="APP-00293"/>
    <s v="In Production"/>
    <s v="web"/>
    <x v="1"/>
    <x v="742"/>
  </r>
  <r>
    <x v="2"/>
    <x v="58"/>
    <x v="8074"/>
    <s v="PSMD"/>
    <m/>
    <s v=""/>
    <x v="1"/>
    <s v=""/>
    <x v="52"/>
    <s v="People Management"/>
    <s v="Human Resources Management Services"/>
    <s v="APP-00902"/>
    <s v="In Production"/>
    <s v="web"/>
    <x v="1"/>
    <x v="742"/>
  </r>
  <r>
    <x v="2"/>
    <x v="58"/>
    <x v="8075"/>
    <s v="CHRBP-Website"/>
    <s v="The CHRBP is a standard for human resources services delivery across the GoC. _x000a_The web application provides guidance, support and information on the implementation of the Common Human Resources Business process to the departments."/>
    <s v=""/>
    <x v="1"/>
    <s v=""/>
    <x v="52"/>
    <s v="People Management"/>
    <s v="Human Resources Management Services"/>
    <s v="APP-00906"/>
    <s v="In Production"/>
    <s v="web"/>
    <x v="1"/>
    <x v="2975"/>
  </r>
  <r>
    <x v="2"/>
    <x v="58"/>
    <x v="8076"/>
    <s v="CHRBP-Tracking"/>
    <s v="The Web Application is used by the CHRBP advisors to track information and produce executive reports on the departmental progress of the CHRBP Initiative"/>
    <s v=""/>
    <x v="1"/>
    <s v=""/>
    <x v="52"/>
    <s v="People Management"/>
    <s v="Human Resources Management Services"/>
    <s v="APP-00909"/>
    <s v="In Production"/>
    <s v="web"/>
    <x v="1"/>
    <x v="1733"/>
  </r>
  <r>
    <x v="2"/>
    <x v="58"/>
    <x v="8077"/>
    <s v="GEMINI v4.2"/>
    <s v="The IA team manages and supports its own tool for request management, Gemini(v.4.2.1) is a Commercial-Off-The-Shelf (COTS) application"/>
    <s v="Counter Soft"/>
    <x v="1"/>
    <s v=""/>
    <x v="52"/>
    <s v="People Management"/>
    <s v="Human Resources Management Services"/>
    <s v="APP-00919"/>
    <s v="In Production"/>
    <s v="web"/>
    <x v="0"/>
    <x v="742"/>
  </r>
  <r>
    <x v="2"/>
    <x v="58"/>
    <x v="8078"/>
    <s v="MAF 2.0"/>
    <m/>
    <s v=""/>
    <x v="1"/>
    <s v=""/>
    <x v="52"/>
    <s v="Management Framework"/>
    <s v="Management and Oversight Services"/>
    <s v="APP-00923"/>
    <s v="In Production"/>
    <s v="web"/>
    <x v="1"/>
    <x v="88"/>
  </r>
  <r>
    <x v="2"/>
    <x v="51"/>
    <x v="8079"/>
    <s v="RDMS"/>
    <m/>
    <s v=""/>
    <x v="1"/>
    <s v=""/>
    <x v="52"/>
    <s v="Management Framework"/>
    <s v="Management and Oversight Services"/>
    <s v="APP-00927"/>
    <s v="In Production"/>
    <s v="web"/>
    <x v="1"/>
    <x v="2976"/>
  </r>
  <r>
    <x v="0"/>
    <x v="16"/>
    <x v="8080"/>
    <s v="CRM"/>
    <s v="CRM is a customer relationship management software package developed by Microsoft It is a platform and has been encouraging partners to use its proprietary (.NET based) framework to customize it."/>
    <s v=""/>
    <x v="50"/>
    <s v=""/>
    <x v="52"/>
    <s v="CSS - internal services"/>
    <s v="Information Technology Services"/>
    <s v="APP-00984"/>
    <s v="In Production"/>
    <s v="web"/>
    <x v="0"/>
    <x v="145"/>
  </r>
  <r>
    <x v="3"/>
    <x v="31"/>
    <x v="8081"/>
    <s v="CORS"/>
    <m/>
    <s v="SAP"/>
    <x v="14"/>
    <s v="Business Intelligence"/>
    <x v="52"/>
    <s v="Internal Services"/>
    <s v="Information Management Services,Information Technology Services"/>
    <s v="APP-00988"/>
    <s v="In Production"/>
    <s v="web"/>
    <x v="0"/>
    <x v="2977"/>
  </r>
  <r>
    <x v="2"/>
    <x v="10"/>
    <x v="8082"/>
    <s v="IGOCO"/>
    <s v="Reports extracted from ARTP (some static and some dynamic)_x000a__x000a_The Inventory of Government of Canada Organizations  which contains information on the current composition of the Government of Canada compiled pursuant to the Policy on Reporting of Federal Institutions and Corporate Interests to Treasury Board Secretariat as well as information on the businesses and activities of federal Crown corporations gathered pursuant to section 151 of the FAA"/>
    <s v=""/>
    <x v="1"/>
    <s v=""/>
    <x v="52"/>
    <s v="Internal Services"/>
    <s v="Information Technology Services"/>
    <s v="APP-00996"/>
    <s v="In Production"/>
    <s v="web"/>
    <x v="1"/>
    <x v="88"/>
  </r>
  <r>
    <x v="0"/>
    <x v="42"/>
    <x v="8083"/>
    <s v="TAP"/>
    <m/>
    <s v=""/>
    <x v="1"/>
    <s v=""/>
    <x v="52"/>
    <s v=""/>
    <s v="Information Technology Services"/>
    <s v="APP-01000"/>
    <s v="In Production"/>
    <s v="web"/>
    <x v="1"/>
    <x v="88"/>
  </r>
  <r>
    <x v="2"/>
    <x v="3"/>
    <x v="8084"/>
    <s v="PMIS"/>
    <m/>
    <s v=""/>
    <x v="1"/>
    <s v=""/>
    <x v="52"/>
    <s v="People Mgt."/>
    <s v="Human Resources Management Services"/>
    <s v="APP-01107"/>
    <s v="In Production"/>
    <s v="web"/>
    <x v="1"/>
    <x v="146"/>
  </r>
  <r>
    <x v="0"/>
    <x v="28"/>
    <x v="8085"/>
    <s v="TBS ConNet"/>
    <s v="Allows users to find contacts or content experts associated with specific issues; to help route info requests throughout Secretariat; to help improve response times for ministerial correspondence, ATIP requests, media and public enquiries; to establish an authoritative list of issues and contacts within TBS; and, to consolidate internal contact lists into one user-friendly tool."/>
    <s v=""/>
    <x v="1"/>
    <s v=""/>
    <x v="52"/>
    <s v="Internal Services"/>
    <s v="Communications Services"/>
    <s v="APP-01111"/>
    <s v="In Production"/>
    <s v="web"/>
    <x v="1"/>
    <x v="88"/>
  </r>
  <r>
    <x v="0"/>
    <x v="43"/>
    <x v="8086"/>
    <s v="TBS Web"/>
    <s v="Corporate Website used to share knowledge, guidance, announcements and information to the public service and to the public."/>
    <s v=""/>
    <x v="1"/>
    <s v=""/>
    <x v="52"/>
    <s v="Internal Services"/>
    <s v="Communications Services"/>
    <s v="APP-01115"/>
    <s v="In Production"/>
    <s v="web"/>
    <x v="1"/>
    <x v="145"/>
  </r>
  <r>
    <x v="0"/>
    <x v="8"/>
    <x v="8087"/>
    <s v="ATIP Coord"/>
    <s v="Enables staff to perform contact management of ATIP Coordinators in 255 GC institutions._x000a_It is managed by the Contact List application"/>
    <s v=""/>
    <x v="1"/>
    <s v=""/>
    <x v="52"/>
    <s v="CIOB"/>
    <s v="Information Technology Services"/>
    <s v="APP-01117"/>
    <s v="In Production"/>
    <s v="web"/>
    <x v="1"/>
    <x v="88"/>
  </r>
  <r>
    <x v="0"/>
    <x v="43"/>
    <x v="12"/>
    <s v="WCMS"/>
    <s v="DB-backed subsite of TBS Website that is tied to 'MakeFiles'._x000a_Used by SCMA web masters.  It holds all the resource info for all the TBS website pages."/>
    <s v=""/>
    <x v="1"/>
    <s v=""/>
    <x v="52"/>
    <s v="Internal Services"/>
    <s v="Communications Services"/>
    <s v="APP-01128"/>
    <s v="In Production"/>
    <s v="web"/>
    <x v="1"/>
    <x v="88"/>
  </r>
  <r>
    <x v="0"/>
    <x v="16"/>
    <x v="8088"/>
    <s v="ATIP 2015"/>
    <s v="Allow IPPD, CIOB to streamline the ATIP statistics collection process. The Statistical Reports provide annual statistics on the application of the legislation, which will enable the Treasury Board Secretariat to analyze trends. _x000a__x000a_("/>
    <s v=""/>
    <x v="1"/>
    <s v=""/>
    <x v="52"/>
    <s v="CIOB"/>
    <s v="Information Management Services"/>
    <s v="APP-01226"/>
    <s v="In Production"/>
    <s v="web"/>
    <x v="1"/>
    <x v="2978"/>
  </r>
  <r>
    <x v="0"/>
    <x v="8"/>
    <x v="8089"/>
    <s v="MCL"/>
    <s v="Enables the logging of media calls to TBS. All details of the media call, such as media outlet, journalist name and contact details, date/time received, questions asked, etc., captured and stored in a database."/>
    <s v="JIRA"/>
    <x v="14"/>
    <s v="JIRA"/>
    <x v="52"/>
    <s v=""/>
    <s v="Communications Services"/>
    <s v="APP-01229"/>
    <s v="In Production"/>
    <s v="web"/>
    <x v="0"/>
    <x v="2979"/>
  </r>
  <r>
    <x v="4"/>
    <x v="5"/>
    <x v="8090"/>
    <s v="GTS-CA"/>
    <s v="Redesign of an MS Access system for GTS related to collective agreements.  The new solution utillzes a COTS product (JIRA)._x000a__x000a_This application keeps track of the collective agreement grievances made by employees."/>
    <s v="Atlassian JIRA"/>
    <x v="1"/>
    <s v="JIRA"/>
    <x v="52"/>
    <s v=""/>
    <s v=""/>
    <s v="APP-01634"/>
    <s v="In Production"/>
    <s v="web"/>
    <x v="0"/>
    <x v="2980"/>
  </r>
  <r>
    <x v="3"/>
    <x v="30"/>
    <x v="8091"/>
    <s v="ACL"/>
    <m/>
    <s v="ACL"/>
    <x v="1"/>
    <s v="ACL"/>
    <x v="52"/>
    <s v=""/>
    <s v="Management and Oversight Services"/>
    <s v="APP-02212"/>
    <s v="In Production"/>
    <s v="desktop"/>
    <x v="0"/>
    <x v="145"/>
  </r>
  <r>
    <x v="2"/>
    <x v="51"/>
    <x v="8092"/>
    <s v="ARTP"/>
    <s v="client used app to capture departmental profiles:_x000a_The ARTP is a Web Base Reporting tool use to collect data from the 275 federal entities and store this data in a scalable enterprise environment.  This would facilitate the publication of the Inventory of Government of Canada Organizations Report and the Annual Report to Parliament on the Tabling of Crown Corporations’ Reports. _x000a__x000a_Governance Operations Division (GOD) currently prepares the following annual reports on behalf of the President which provide a unique source of information on the composition of government and the structure, operations and holdings of federal Crown corporations"/>
    <s v=""/>
    <x v="1"/>
    <s v=""/>
    <x v="52"/>
    <s v="Decision Makin Support and Oversight"/>
    <s v="Management and Oversight Services"/>
    <s v="APP-02214"/>
    <s v="In Production"/>
    <s v="web"/>
    <x v="1"/>
    <x v="88"/>
  </r>
  <r>
    <x v="0"/>
    <x v="43"/>
    <x v="8093"/>
    <s v="MakeFiles"/>
    <s v="Used by TBS Web site to manage the creation of required files_x000a_Allows web master to select what part of the site it is going to update and creates the physical files."/>
    <s v=""/>
    <x v="1"/>
    <s v=""/>
    <x v="52"/>
    <s v="Internal Services"/>
    <s v="Communications Services"/>
    <s v="APP-02222"/>
    <s v="In Production"/>
    <s v="web"/>
    <x v="1"/>
    <x v="88"/>
  </r>
  <r>
    <x v="0"/>
    <x v="19"/>
    <x v="8094"/>
    <s v="Forms Ordering"/>
    <s v="Web form that allows users to ask for brochures and other printed materials."/>
    <s v=""/>
    <x v="1"/>
    <s v=""/>
    <x v="52"/>
    <s v="Internal Services"/>
    <s v="Communications Services"/>
    <s v="APP-02228"/>
    <s v="In Production"/>
    <s v="web"/>
    <x v="1"/>
    <x v="88"/>
  </r>
  <r>
    <x v="0"/>
    <x v="43"/>
    <x v="2517"/>
    <s v="Replication tool"/>
    <s v="Application handles the publishing of files from development to production for the  TBS Website."/>
    <s v=""/>
    <x v="1"/>
    <s v=""/>
    <x v="52"/>
    <s v="Internal services"/>
    <s v="Communications Services"/>
    <s v="APP-02232"/>
    <s v="In Production"/>
    <s v="web"/>
    <x v="1"/>
    <x v="88"/>
  </r>
  <r>
    <x v="4"/>
    <x v="66"/>
    <x v="8095"/>
    <s v="TB STS"/>
    <m/>
    <s v=""/>
    <x v="1"/>
    <s v=""/>
    <x v="52"/>
    <s v="Mgt &amp; Oversight"/>
    <s v="Management and Oversight Services"/>
    <s v="APP-02243"/>
    <s v="In Production"/>
    <s v="web"/>
    <x v="1"/>
    <x v="86"/>
  </r>
  <r>
    <x v="0"/>
    <x v="8"/>
    <x v="8096"/>
    <s v="Visit"/>
    <s v=""/>
    <s v=""/>
    <x v="1"/>
    <s v=""/>
    <x v="52"/>
    <s v="Internal Services"/>
    <s v="Travel and Other Administrative Services"/>
    <s v="APP-02245"/>
    <s v="In Production"/>
    <s v="web"/>
    <x v="1"/>
    <x v="88"/>
  </r>
  <r>
    <x v="2"/>
    <x v="51"/>
    <x v="8097"/>
    <s v="LPU"/>
    <s v="unified pop up that replaces the old 'Acceptable Use Policy' and 'Values and Ethics' pop-ups and runs on all user’s workstations. The main purpose of this program is to enforce the policies to ensure that without accepting the policy a workstation becomes unusable."/>
    <s v=""/>
    <x v="1"/>
    <s v=""/>
    <x v="52"/>
    <s v="Internal Services"/>
    <s v="Communications Services"/>
    <s v="APP-02351"/>
    <s v="In Production"/>
    <s v="web"/>
    <x v="1"/>
    <x v="145"/>
  </r>
  <r>
    <x v="2"/>
    <x v="52"/>
    <x v="8098"/>
    <s v="CRSS"/>
    <s v="Automate the paper forms used to initiate procurement of goods or services. Provide online utility for FCM to obtain status of their procurement requests."/>
    <s v=""/>
    <x v="1"/>
    <s v=""/>
    <x v="52"/>
    <s v=""/>
    <s v="Acquisition Services"/>
    <s v="APP-02361"/>
    <s v="In Production"/>
    <s v="web"/>
    <x v="1"/>
    <x v="145"/>
  </r>
  <r>
    <x v="2"/>
    <x v="22"/>
    <x v="8099"/>
    <s v="LARA"/>
    <m/>
    <s v=""/>
    <x v="1"/>
    <s v=""/>
    <x v="52"/>
    <s v="Audit Committee Dev. Recruitment"/>
    <s v="Human Resources Management Services"/>
    <s v="APP-02726"/>
    <s v="In Production"/>
    <s v="web"/>
    <x v="1"/>
    <x v="88"/>
  </r>
  <r>
    <x v="3"/>
    <x v="30"/>
    <x v="542"/>
    <s v="IDEA"/>
    <m/>
    <s v="Caseware Analytics"/>
    <x v="1"/>
    <s v="IDEA Data Analysis"/>
    <x v="52"/>
    <s v=""/>
    <s v="Management and Oversight Services"/>
    <s v="APP-02838"/>
    <s v="In Production"/>
    <s v="desktop"/>
    <x v="0"/>
    <x v="86"/>
  </r>
  <r>
    <x v="3"/>
    <x v="30"/>
    <x v="8100"/>
    <s v="MaxQDA"/>
    <m/>
    <s v="CleverBridge / MaxQDA"/>
    <x v="1"/>
    <s v=""/>
    <x v="52"/>
    <s v=""/>
    <s v="Management and Oversight Services"/>
    <s v="APP-02842"/>
    <s v="In Production"/>
    <s v="appliance"/>
    <x v="0"/>
    <x v="86"/>
  </r>
  <r>
    <x v="3"/>
    <x v="30"/>
    <x v="125"/>
    <s v="TEAM"/>
    <m/>
    <s v="Wolters Kluwer Audit, Risk &amp; Compliance"/>
    <x v="1"/>
    <s v=""/>
    <x v="52"/>
    <s v=""/>
    <s v="Management and Oversight Services"/>
    <s v="APP-02844"/>
    <s v="In Production"/>
    <s v="desktop"/>
    <x v="0"/>
    <x v="145"/>
  </r>
  <r>
    <x v="0"/>
    <x v="18"/>
    <x v="8101"/>
    <s v="Vote"/>
    <s v="Stand-alone PC with  95 click-pads that allow audiences to provide instantaneous feedback through a voting technology."/>
    <s v="Sharpe Decisons Inc."/>
    <x v="1"/>
    <s v="Sharpe Decisons Executive Workshop"/>
    <x v="52"/>
    <s v=""/>
    <s v="Management and Oversight Services"/>
    <s v="APP-02849"/>
    <s v="In Production"/>
    <s v="desktop"/>
    <x v="0"/>
    <x v="2981"/>
  </r>
  <r>
    <x v="0"/>
    <x v="7"/>
    <x v="8102"/>
    <s v="MS SharePoint Svr"/>
    <s v="SharePoint is a web application platform in the Microsoft Office server suite. SharePoint combines various functions which are separate applications: intranet, extranet, content management, document management, personal cloud, enterprise social networking, enterprise search, business intelligence, workflow management, web content management, and an enterprise application store. TBS uses SharePoint servers with SharePoint CAL's."/>
    <s v=""/>
    <x v="15"/>
    <s v=""/>
    <x v="52"/>
    <s v=""/>
    <s v="Information Technology Services"/>
    <s v="APP-02862"/>
    <s v="In Production"/>
    <s v="desktop"/>
    <x v="0"/>
    <x v="88"/>
  </r>
  <r>
    <x v="8"/>
    <x v="29"/>
    <x v="8103"/>
    <s v="MS VSPremwMSDN"/>
    <s v="MSDN is a collection of sites for the developer community that provide information, documentation, and discussion that is authored both by Microsoft and by the community at large. MSDN is purchases as a subscription package whereby developers have access and licenses to use nearly all Microsoft software that has ever been released to the public. Subscriptions are sold on an annual basis Although the software itself functions exactly like the full product the MSDN end-user license agreement prohibits use of the software in a business production environment"/>
    <s v=""/>
    <x v="116"/>
    <s v=""/>
    <x v="52"/>
    <s v=""/>
    <s v="Information Technology Services"/>
    <s v="APP-02866"/>
    <s v="In Production"/>
    <s v="web"/>
    <x v="0"/>
    <x v="88"/>
  </r>
  <r>
    <x v="8"/>
    <x v="29"/>
    <x v="8104"/>
    <s v="MS VSProwMSDN"/>
    <s v="MSDN is a collection of sites for the developer community that provide information, documentation, and discussion that is authored both by Microsoft and by the community at large. MSDN is purchases as a subscription package whereby developers have access and licenses to use nearly all Microsoft software that has ever been released to the public. Subscriptions are sold on an annual basis Although the software itself functions exactly like the full product the MSDN end-user license agreement prohibits use of the software in a business production environment"/>
    <s v=""/>
    <x v="86"/>
    <s v=""/>
    <x v="52"/>
    <s v=""/>
    <s v="Information Technology Services"/>
    <s v="APP-02869"/>
    <s v="In Production"/>
    <s v="desktop"/>
    <x v="0"/>
    <x v="88"/>
  </r>
  <r>
    <x v="8"/>
    <x v="29"/>
    <x v="8105"/>
    <s v="MS VSUltwMSDN"/>
    <s v="MSDN is a collection of sites for the developer community that provide information, documentation, and discussion that is authored both by Microsoft and by the community at large. MSDN is purchases as a subscription package whereby developers have access and licenses to use nearly all Microsoft software that has ever been released to the public. Subscriptions are sold on an annual basis Although the software itself functions exactly like the full product the MSDN end-user license agreement prohibits use of the software in a business production environment"/>
    <s v=""/>
    <x v="76"/>
    <s v=""/>
    <x v="52"/>
    <s v=""/>
    <s v="Information Technology Services"/>
    <s v="APP-02871"/>
    <s v="In Production"/>
    <s v="desktop"/>
    <x v="0"/>
    <x v="88"/>
  </r>
  <r>
    <x v="3"/>
    <x v="30"/>
    <x v="8106"/>
    <s v="MS SQLSvrEntCore"/>
    <s v="Microsoft SQL Server is a relational database management system. As a database server, it is a software product with the primary function of storing and retrieving data as requested by other software applications which may run either on the same computer or on another computer across a network"/>
    <s v=""/>
    <x v="126"/>
    <s v=""/>
    <x v="52"/>
    <s v=""/>
    <s v="Information Technology Services"/>
    <s v="APP-02873"/>
    <s v="In Production"/>
    <s v="mini_main_super"/>
    <x v="0"/>
    <x v="88"/>
  </r>
  <r>
    <x v="3"/>
    <x v="30"/>
    <x v="8107"/>
    <s v="MS SQLSvrStdCore"/>
    <s v="Microsoft SQL Server is a relational database management system. As a database server, it is a software product with the primary function of storing and retrieving data as requested by other software applications which may run either on the same computer or on another computer across a network"/>
    <s v=""/>
    <x v="1"/>
    <s v=""/>
    <x v="52"/>
    <s v=""/>
    <s v="Information Technology Services"/>
    <s v="APP-02875"/>
    <s v="In Production"/>
    <s v="mini_main_super"/>
    <x v="0"/>
    <x v="88"/>
  </r>
  <r>
    <x v="8"/>
    <x v="29"/>
    <x v="8108"/>
    <s v="Azure"/>
    <s v="Microsoft Azure is a cloud computing platform and infrastructure for building, deploying, and managing applications and services through a global network of Microsoft-managed data centers._x000a__x000a_It provides both PaaS and IaaS services and supports many different programming languages, tools and frameworks, including both Microsoft-specific and third-party software and systems."/>
    <s v=""/>
    <x v="127"/>
    <s v=""/>
    <x v="52"/>
    <s v=""/>
    <s v="Information Technology Services"/>
    <s v="APP-02877"/>
    <s v="In Production"/>
    <s v="cloud"/>
    <x v="0"/>
    <x v="86"/>
  </r>
  <r>
    <x v="0"/>
    <x v="0"/>
    <x v="8109"/>
    <s v="PCIS+"/>
    <m/>
    <s v=""/>
    <x v="1"/>
    <s v=""/>
    <x v="52"/>
    <s v=""/>
    <s v="Human Resources Management Services"/>
    <s v="APP-03178"/>
    <s v="In Production"/>
    <s v="web"/>
    <x v="1"/>
    <x v="88"/>
  </r>
  <r>
    <x v="4"/>
    <x v="5"/>
    <x v="8110"/>
    <s v="ERWIN"/>
    <s v="ERwin Data Modeling provides a collaborative data modeling environment to manage enterprise data through an intuitive, graphical interface. With a centralized view of key data definitions, you can have a better understanding of corporate data, managed in a more efficient and cost-effective way."/>
    <s v="Sandhill Consultants Canada Inc."/>
    <x v="1"/>
    <s v="Erwin Data Modeler (CA)"/>
    <x v="52"/>
    <s v=""/>
    <s v=""/>
    <s v="APP-03219"/>
    <s v="In Production"/>
    <s v="desktop"/>
    <x v="0"/>
    <x v="2982"/>
  </r>
  <r>
    <x v="6"/>
    <x v="33"/>
    <x v="8111"/>
    <s v="eCal"/>
    <s v="enhance existing calendar on infosite to allow SCMA admin to add TBS events."/>
    <s v=""/>
    <x v="1"/>
    <s v=""/>
    <x v="52"/>
    <s v=""/>
    <s v="Communications Services"/>
    <s v="APP-03319"/>
    <s v="In Production"/>
    <s v="web"/>
    <x v="1"/>
    <x v="88"/>
  </r>
  <r>
    <x v="0"/>
    <x v="13"/>
    <x v="8112"/>
    <s v="RKAT"/>
    <s v="The RKAT is primarily used as a self-assessment checklist to track progress towards compliance with the Directive on Recordkeeping . The tool can be used for planning, monitoring, recording notes/documenting, reporting, and communicating results on the management of recordkeeping."/>
    <s v=""/>
    <x v="1"/>
    <s v=""/>
    <x v="52"/>
    <s v=""/>
    <s v="Information Management Services"/>
    <s v="APP-03448"/>
    <s v="In Production"/>
    <s v="web"/>
    <x v="1"/>
    <x v="88"/>
  </r>
  <r>
    <x v="0"/>
    <x v="11"/>
    <x v="3284"/>
    <s v="InfoBase"/>
    <s v="InfoBase a searchable online database providing financial and human resources information on government operations."/>
    <s v=""/>
    <x v="1"/>
    <s v=""/>
    <x v="52"/>
    <s v=""/>
    <s v="Financial Management Services,Human Resources Management Services"/>
    <s v="APP-03486"/>
    <s v="In Production"/>
    <s v="web"/>
    <x v="1"/>
    <x v="2983"/>
  </r>
  <r>
    <x v="0"/>
    <x v="16"/>
    <x v="8113"/>
    <s v="Relocation"/>
    <s v="The CRM - Relocation application will be used by Relocation CLR users to track their interactions with clients. They will track relocation policy interpretation emails from departments, business cases that are submitted to TBS by departments that are exceptional cases not covered by the Relocation policy and asking for a decision."/>
    <s v=""/>
    <x v="1"/>
    <s v="MS Dynamics"/>
    <x v="52"/>
    <s v=""/>
    <s v="Human Resources Management Services"/>
    <s v="APP-03603"/>
    <s v="In Production"/>
    <s v="web"/>
    <x v="0"/>
    <x v="145"/>
  </r>
  <r>
    <x v="4"/>
    <x v="5"/>
    <x v="8114"/>
    <s v="ACE"/>
    <s v="Expanding the analytical capabilities of TBS analyst by providing reporting access to the full hydrae data set through toolset available in CORS. This will allow more in depth analytics by allowing against Expenditure Management (Estimates, Supply, Reference Levels etc) and Results Management datasets (PAA, performance metrics). Additional licenses for CORS will also be purchased for a broader access and SAP training will be provided to SMEs to allow in depth use of available toolset."/>
    <s v=""/>
    <x v="1"/>
    <s v=""/>
    <x v="52"/>
    <s v=""/>
    <s v=""/>
    <s v="APP-03641"/>
    <s v="InDevelopment"/>
    <s v="web"/>
    <x v="0"/>
    <x v="106"/>
  </r>
  <r>
    <x v="4"/>
    <x v="5"/>
    <x v="8115"/>
    <s v="ATIP Portal"/>
    <s v="Central website to make it easier for Canadians to submit personal information requests under the Privacy Act and information requests under the Access to Information Act, contributing to a more open and accessible government."/>
    <s v=""/>
    <x v="1"/>
    <s v=""/>
    <x v="52"/>
    <s v=""/>
    <s v=""/>
    <s v="APP-03643"/>
    <s v="InDevelopment"/>
    <s v="web"/>
    <x v="1"/>
    <x v="106"/>
  </r>
  <r>
    <x v="4"/>
    <x v="5"/>
    <x v="8116"/>
    <s v="Azure"/>
    <s v="Explore the capabilities of using Azure cloud for system development and testing."/>
    <s v=""/>
    <x v="1"/>
    <s v=""/>
    <x v="52"/>
    <s v=""/>
    <s v=""/>
    <s v="APP-03645"/>
    <s v="InDevelopment"/>
    <s v="cloud"/>
    <x v="0"/>
    <x v="106"/>
  </r>
  <r>
    <x v="0"/>
    <x v="28"/>
    <x v="8117"/>
    <s v="CAMA"/>
    <s v="SCMA and CLR would like to have a mobile application that allows people to search for and read all Collective Agreements (27)"/>
    <s v=""/>
    <x v="1"/>
    <s v=""/>
    <x v="52"/>
    <s v=""/>
    <s v="Human Resources Management Services"/>
    <s v="APP-03652"/>
    <s v="In Production"/>
    <s v="mobile"/>
    <x v="1"/>
    <x v="2984"/>
  </r>
  <r>
    <x v="4"/>
    <x v="5"/>
    <x v="8118"/>
    <s v="Event"/>
    <s v="Investment in an IT-enabled solution to not only improve staff efficiency but also reduce the risk of non-compliance with the TB Directive on Travel, Hospitality, Conference and Event Expenditures"/>
    <s v=""/>
    <x v="1"/>
    <s v=""/>
    <x v="52"/>
    <s v=""/>
    <s v=""/>
    <s v="APP-03656"/>
    <s v="InDevelopment"/>
    <s v="web"/>
    <x v="1"/>
    <x v="106"/>
  </r>
  <r>
    <x v="4"/>
    <x v="5"/>
    <x v="8119"/>
    <s v="FII"/>
    <s v="Department of Finance asked TBS to lead a call out for proposals for Budget 2016 Federal Infrastructure Initiative. Building on the success of this initiative, TBS is proposing to develop an automated system that will allow: 1) federal organizations to submit proposed projects via TBS applications portal (or online); 2) TBS program sector to assess those projects using an online tool; 3) Assistant Secretaries to sign off electronically on those assessments; 4) Analysis to be conducted on the initiatives as a whole or for individual projects; 4) federal organizations department to report on the progress of these projects; and 5) TBS to conduct analysis on those reports."/>
    <s v=""/>
    <x v="1"/>
    <s v=""/>
    <x v="52"/>
    <s v=""/>
    <s v=""/>
    <s v="APP-03658"/>
    <s v="InDevelopment"/>
    <s v="web"/>
    <x v="0"/>
    <x v="106"/>
  </r>
  <r>
    <x v="4"/>
    <x v="66"/>
    <x v="8120"/>
    <s v="Claims"/>
    <m/>
    <s v="Microsoft"/>
    <x v="93"/>
    <s v=""/>
    <x v="52"/>
    <s v=""/>
    <s v="Financial Management Services"/>
    <s v="APP-03681"/>
    <s v="In Production"/>
    <s v="web"/>
    <x v="0"/>
    <x v="86"/>
  </r>
  <r>
    <x v="0"/>
    <x v="7"/>
    <x v="8121"/>
    <s v="GC Docs - Secret"/>
    <m/>
    <s v=""/>
    <x v="1"/>
    <s v="OpenText Content Server 2010"/>
    <x v="52"/>
    <s v=""/>
    <s v="Information Management Services"/>
    <s v="APP-03699"/>
    <s v="In Production"/>
    <s v="web"/>
    <x v="0"/>
    <x v="145"/>
  </r>
  <r>
    <x v="0"/>
    <x v="7"/>
    <x v="8122"/>
    <s v="GC Docs - DMZ"/>
    <s v="Document and Information Management System. (OpenText / LiveLink)"/>
    <s v=""/>
    <x v="1"/>
    <s v="OpenText Content Server 2010"/>
    <x v="52"/>
    <s v=""/>
    <s v="Information Management Services"/>
    <s v="APP-03701"/>
    <s v="In Production"/>
    <s v="web"/>
    <x v="0"/>
    <x v="2985"/>
  </r>
  <r>
    <x v="11"/>
    <x v="68"/>
    <x v="8123"/>
    <s v="CITRX-MGTZN"/>
    <m/>
    <s v=""/>
    <x v="1"/>
    <s v="Citrix"/>
    <x v="52"/>
    <s v=""/>
    <s v="Information Technology Services"/>
    <s v="APP-04159"/>
    <s v="In Production"/>
    <s v="rich"/>
    <x v="0"/>
    <x v="2986"/>
  </r>
  <r>
    <x v="12"/>
    <x v="74"/>
    <x v="8124"/>
    <s v="VPN"/>
    <s v="This allows remote connectivity to the TBS PB network."/>
    <s v=""/>
    <x v="1"/>
    <s v="Cisco"/>
    <x v="52"/>
    <s v=""/>
    <s v="Information Technology Services"/>
    <s v="APP-04161"/>
    <s v="In Production"/>
    <s v="appliance"/>
    <x v="0"/>
    <x v="2986"/>
  </r>
  <r>
    <x v="2"/>
    <x v="9"/>
    <x v="8125"/>
    <s v="CSDN"/>
    <m/>
    <s v=""/>
    <x v="1"/>
    <s v=""/>
    <x v="53"/>
    <s v="Disability and Death Compensation, Financial Support, Health Care Program and Re-establishment Services"/>
    <s v="Other"/>
    <s v="VAC-APP-001"/>
    <s v="In Production"/>
    <s v="desktop"/>
    <x v="1"/>
    <x v="2987"/>
  </r>
  <r>
    <x v="0"/>
    <x v="19"/>
    <x v="8126"/>
    <s v="BHSOL"/>
    <m/>
    <s v=""/>
    <x v="1"/>
    <s v=""/>
    <x v="53"/>
    <s v="Disability and Death Compensation, Financial Support, Health Care Program and Re-establishment Services"/>
    <s v="Other"/>
    <s v="VAC-APP-004"/>
    <s v="In Production"/>
    <s v="web"/>
    <x v="1"/>
    <x v="2988"/>
  </r>
  <r>
    <x v="2"/>
    <x v="3"/>
    <x v="8127"/>
    <s v="HRMD"/>
    <m/>
    <s v=""/>
    <x v="1"/>
    <s v=""/>
    <x v="53"/>
    <s v="Internal Services"/>
    <s v="Management and Oversight Services"/>
    <s v="VAC-APP-020"/>
    <s v="In Production"/>
    <s v="web"/>
    <x v="1"/>
    <x v="2989"/>
  </r>
  <r>
    <x v="0"/>
    <x v="13"/>
    <x v="8128"/>
    <s v="RSS/SHR"/>
    <m/>
    <s v=""/>
    <x v="1"/>
    <s v=""/>
    <x v="53"/>
    <s v="Disability Benefits, Health Care Program and Re-establishment Services"/>
    <s v="Other"/>
    <s v="VAC-APP-025"/>
    <s v="In Production"/>
    <s v="web"/>
    <x v="1"/>
    <x v="2990"/>
  </r>
  <r>
    <x v="0"/>
    <x v="85"/>
    <x v="8129"/>
    <s v="DIGIMG"/>
    <m/>
    <s v=""/>
    <x v="1"/>
    <s v=""/>
    <x v="53"/>
    <s v="Disability and Death Compensation, Financial Support, Health Care Program and Re-establishment Services"/>
    <s v="Other"/>
    <s v="VAC-APP-026"/>
    <s v="In Production"/>
    <s v="web"/>
    <x v="1"/>
    <x v="2991"/>
  </r>
  <r>
    <x v="2"/>
    <x v="10"/>
    <x v="8130"/>
    <s v="AMMIS"/>
    <s v="The Automated Materials Management System (AMMIS) allows departmental Responsibility Centre staff to control assets and inventory.  It provides complete and accurate data on assets, including the location of the asset, date of purchase, warranty, repairs and all pertinent disposal information, such as the disposal date, the proceeds and any gain or loss.  An annual review of assets is conducted using this system of record."/>
    <s v="Other"/>
    <x v="1"/>
    <s v="Unknown (Defunct), Automated Materials Management System"/>
    <x v="53"/>
    <s v="Internal Services"/>
    <s v="Materiel Services"/>
    <s v="VAC-APP-035"/>
    <s v="In Production"/>
    <s v="rich"/>
    <x v="0"/>
    <x v="2992"/>
  </r>
  <r>
    <x v="4"/>
    <x v="66"/>
    <x v="8131"/>
    <s v="CROOS"/>
    <s v="The Canada Remembers Online Ordering System (CROOS) is an online ordering system for Commemoration products for external users.  It has an external public facing site  and an internal administration site.  It also allows users to complete product evaluation forms."/>
    <s v=""/>
    <x v="1"/>
    <s v=""/>
    <x v="53"/>
    <s v="Canada Remembers Program"/>
    <s v="Other"/>
    <s v="VAC-APP-037"/>
    <s v="In Production"/>
    <s v="web"/>
    <x v="1"/>
    <x v="2993"/>
  </r>
  <r>
    <x v="0"/>
    <x v="16"/>
    <x v="8132"/>
    <s v="CRGT"/>
    <m/>
    <s v=""/>
    <x v="1"/>
    <s v=""/>
    <x v="53"/>
    <s v="Canada Remembers Program"/>
    <s v="Other"/>
    <s v="VAC-APP-038"/>
    <s v="In Production"/>
    <s v="web"/>
    <x v="1"/>
    <x v="2989"/>
  </r>
  <r>
    <x v="0"/>
    <x v="19"/>
    <x v="8133"/>
    <s v="Electronic Menu System"/>
    <s v="The Electronic Menu System is a menu system for VAC forms."/>
    <s v=""/>
    <x v="1"/>
    <s v=""/>
    <x v="53"/>
    <s v="Internal Services"/>
    <s v="Information Management Services"/>
    <s v="VAC-APP-039"/>
    <s v="In Production"/>
    <s v="rich"/>
    <x v="1"/>
    <x v="2994"/>
  </r>
  <r>
    <x v="2"/>
    <x v="2"/>
    <x v="4694"/>
    <s v="FB"/>
    <m/>
    <s v="Other"/>
    <x v="1"/>
    <s v="FreeBalance"/>
    <x v="53"/>
    <s v="Internal Services"/>
    <s v="Acquisition Services,Financial Management Services"/>
    <s v="VAC-APP-041"/>
    <s v="In Production"/>
    <s v="rich"/>
    <x v="0"/>
    <x v="2995"/>
  </r>
  <r>
    <x v="2"/>
    <x v="9"/>
    <x v="8134"/>
    <s v="GCMP"/>
    <m/>
    <s v=""/>
    <x v="1"/>
    <s v=""/>
    <x v="53"/>
    <s v="Canada Remembers"/>
    <s v="Other"/>
    <s v="VAC-APP-043"/>
    <s v="In Production"/>
    <s v="web"/>
    <x v="1"/>
    <x v="2989"/>
  </r>
  <r>
    <x v="0"/>
    <x v="42"/>
    <x v="8135"/>
    <s v="MVA"/>
    <m/>
    <s v=""/>
    <x v="1"/>
    <s v=""/>
    <x v="53"/>
    <s v="Disability and Death Compensation"/>
    <s v="Other"/>
    <s v="VAC-APP-045"/>
    <s v="In Production"/>
    <s v="web"/>
    <x v="1"/>
    <x v="2996"/>
  </r>
  <r>
    <x v="2"/>
    <x v="65"/>
    <x v="431"/>
    <s v="PBHC"/>
    <m/>
    <s v="Other"/>
    <x v="1"/>
    <s v="FreeBalance, Performance Budgeting for Human Capital"/>
    <x v="53"/>
    <s v="Internal Services"/>
    <s v="Financial Management Services,Human Resources Management Services"/>
    <s v="VAC-APP-054"/>
    <s v="In Production"/>
    <s v="rich"/>
    <x v="0"/>
    <x v="2997"/>
  </r>
  <r>
    <x v="2"/>
    <x v="9"/>
    <x v="8136"/>
    <s v="RCSS"/>
    <m/>
    <s v=""/>
    <x v="1"/>
    <s v=""/>
    <x v="53"/>
    <s v="Health Care Program and Re-establishment Services"/>
    <s v="Other"/>
    <s v="VAC-APP-055"/>
    <s v="In Production"/>
    <s v="web"/>
    <x v="1"/>
    <x v="2998"/>
  </r>
  <r>
    <x v="2"/>
    <x v="10"/>
    <x v="8137"/>
    <s v="SIC"/>
    <s v="The Stores Inventory Control system is used to provide inventory control for stores items."/>
    <s v=""/>
    <x v="1"/>
    <s v=""/>
    <x v="53"/>
    <s v="Internal Services"/>
    <s v="Materiel Services"/>
    <s v="VAC-APP-056"/>
    <s v="In Production"/>
    <s v="web"/>
    <x v="1"/>
    <x v="2999"/>
  </r>
  <r>
    <x v="2"/>
    <x v="2"/>
    <x v="8138"/>
    <s v="TAAS"/>
    <m/>
    <s v=""/>
    <x v="1"/>
    <s v=""/>
    <x v="53"/>
    <s v="Internal Services"/>
    <s v="Travel and Other Administrative Services"/>
    <s v="VAC-APP-106"/>
    <s v="In Production"/>
    <s v="web"/>
    <x v="1"/>
    <x v="3000"/>
  </r>
  <r>
    <x v="0"/>
    <x v="13"/>
    <x v="8139"/>
    <s v="FRICS"/>
    <m/>
    <s v=""/>
    <x v="1"/>
    <s v=""/>
    <x v="53"/>
    <s v="Disability Benefits, Health Care Program and Re-establishment Services"/>
    <s v="Information Management Services"/>
    <s v="VAC-APP-140"/>
    <s v="In Production"/>
    <s v="rich"/>
    <x v="1"/>
    <x v="3001"/>
  </r>
  <r>
    <x v="1"/>
    <x v="12"/>
    <x v="8140"/>
    <s v="Assyst"/>
    <m/>
    <s v="Other"/>
    <x v="1"/>
    <s v="Axios"/>
    <x v="53"/>
    <s v="Internal Services"/>
    <s v="Information Technology Services"/>
    <s v="VAC-APP-201"/>
    <s v="In Production"/>
    <s v="web"/>
    <x v="0"/>
    <x v="3002"/>
  </r>
  <r>
    <x v="0"/>
    <x v="7"/>
    <x v="8141"/>
    <s v="CCM"/>
    <m/>
    <s v="WorkDynamics_Technologies_Inc"/>
    <x v="0"/>
    <s v=""/>
    <x v="53"/>
    <s v="Internal Services"/>
    <s v="Information Management Services,Information Technology Services"/>
    <s v="VAC-APP-202"/>
    <s v="In Production"/>
    <s v="desktop"/>
    <x v="0"/>
    <x v="3003"/>
  </r>
  <r>
    <x v="0"/>
    <x v="16"/>
    <x v="4421"/>
    <s v="AccessPro-CM"/>
    <m/>
    <s v="Other"/>
    <x v="1"/>
    <s v="CSDC Systems Inc. - AccessPro Case Management"/>
    <x v="53"/>
    <s v="Internal Services"/>
    <s v="Other"/>
    <s v="VAC-APP-203"/>
    <s v="In Production"/>
    <s v="desktop"/>
    <x v="0"/>
    <x v="3004"/>
  </r>
  <r>
    <x v="4"/>
    <x v="5"/>
    <x v="8142"/>
    <s v="MOSS"/>
    <m/>
    <s v=""/>
    <x v="1"/>
    <s v=""/>
    <x v="53"/>
    <s v=""/>
    <s v=""/>
    <s v="APP-04185"/>
    <s v="In Production"/>
    <s v="web"/>
    <x v="1"/>
    <x v="106"/>
  </r>
  <r>
    <x v="4"/>
    <x v="5"/>
    <x v="8143"/>
    <s v="HRPI"/>
    <m/>
    <s v=""/>
    <x v="1"/>
    <s v=""/>
    <x v="53"/>
    <s v=""/>
    <s v="Information Management Services"/>
    <s v="APP-04197"/>
    <s v="InDevelopment"/>
    <s v="web"/>
    <x v="1"/>
    <x v="106"/>
  </r>
  <r>
    <x v="4"/>
    <x v="5"/>
    <x v="8144"/>
    <s v="CTS-ETB"/>
    <m/>
    <s v=""/>
    <x v="1"/>
    <s v=""/>
    <x v="53"/>
    <s v=""/>
    <s v=""/>
    <s v="APP-04199"/>
    <s v="In Production"/>
    <s v="web"/>
    <x v="1"/>
    <x v="106"/>
  </r>
  <r>
    <x v="4"/>
    <x v="5"/>
    <x v="8145"/>
    <s v="HR-Complaint"/>
    <m/>
    <s v=""/>
    <x v="1"/>
    <s v=""/>
    <x v="53"/>
    <s v=""/>
    <s v=""/>
    <s v="APP-04188"/>
    <s v="InDevelopment"/>
    <s v="desktop"/>
    <x v="1"/>
    <x v="106"/>
  </r>
  <r>
    <x v="4"/>
    <x v="5"/>
    <x v="8146"/>
    <s v="VAC External Web site"/>
    <s v="This the main external website for Veterans Affairs Canada"/>
    <s v=""/>
    <x v="1"/>
    <s v=""/>
    <x v="53"/>
    <s v=""/>
    <s v=""/>
    <s v="APP-04225"/>
    <s v="In Production"/>
    <s v="web"/>
    <x v="1"/>
    <x v="106"/>
  </r>
  <r>
    <x v="4"/>
    <x v="5"/>
    <x v="8147"/>
    <s v="VFWBF"/>
    <m/>
    <s v=""/>
    <x v="1"/>
    <s v=""/>
    <x v="53"/>
    <s v=""/>
    <s v=""/>
    <s v="APP-04221"/>
    <s v="In Production"/>
    <s v="web"/>
    <x v="1"/>
    <x v="106"/>
  </r>
  <r>
    <x v="4"/>
    <x v="66"/>
    <x v="8148"/>
    <s v="EPP"/>
    <s v="E-Postcards for Pease is a Canada Remembers online application that lets individuals connect on a personal basis to send and receive peaceful messages using known e-mail addresses."/>
    <s v=""/>
    <x v="1"/>
    <s v=""/>
    <x v="53"/>
    <s v="Canada Remembers Program"/>
    <s v="Other"/>
    <s v="VAC-APP-301"/>
    <s v="In Production"/>
    <s v="web"/>
    <x v="1"/>
    <x v="3005"/>
  </r>
  <r>
    <x v="4"/>
    <x v="66"/>
    <x v="8149"/>
    <s v="HREM"/>
    <s v="The Heroes Remember website presents the personal recollections of ordinary Canadians who became heroes when confronted with extraordinary circumstances."/>
    <s v=""/>
    <x v="1"/>
    <s v=""/>
    <x v="53"/>
    <s v="Canada Remembers Program"/>
    <s v="Other"/>
    <s v="VAC-APP-303"/>
    <s v="In Production"/>
    <s v="web"/>
    <x v="1"/>
    <x v="3006"/>
  </r>
  <r>
    <x v="0"/>
    <x v="19"/>
    <x v="8150"/>
    <s v="BCB"/>
    <s v="Bomber Command Bar is an online form that allows living Veterans and eligible next of kin to apply for the honour."/>
    <s v=""/>
    <x v="1"/>
    <s v=""/>
    <x v="53"/>
    <s v="Canada Remembers Program"/>
    <s v="Other"/>
    <s v="VAC-APP-304"/>
    <s v="In Production"/>
    <s v="web"/>
    <x v="1"/>
    <x v="3007"/>
  </r>
  <r>
    <x v="0"/>
    <x v="19"/>
    <x v="8151"/>
    <s v="KWACR"/>
    <s v="The Korean War Armistice Certificate of Recognition is an online form for Canadian Veterans of the Korean War to apply for a special certificate of recognition.  This web form is brought online only during the event."/>
    <s v=""/>
    <x v="1"/>
    <s v=""/>
    <x v="53"/>
    <s v="Canada Remembers Program"/>
    <s v="Other"/>
    <s v="VAC-APP-305"/>
    <s v="In Production"/>
    <s v="web"/>
    <x v="1"/>
    <x v="3007"/>
  </r>
  <r>
    <x v="4"/>
    <x v="66"/>
    <x v="8152"/>
    <s v="CVWM"/>
    <s v="The Canadian Virtual War Memorial is a site that contains a registry of information about the graves and memorials of more than 118,000 Canadians and Newfoundlanders who served valiantly and gave their lives for their country. Included on this site are the memorials of more than 1,700 soldiers who died in service to Canada since the Korean War, including peacekeeping and other operations. The site also contains digital images of photographs and personal memorabilia about individual Canadians. The purpose of the Canadian Virtual War Memorial is to recognize and keep alive the memory of the achievements and sacrifices made by those who served Canada in the defence of freedom and so have contributed to the development of Canada as a nation."/>
    <s v=""/>
    <x v="1"/>
    <s v=""/>
    <x v="53"/>
    <s v="Canada Remembers Program"/>
    <s v="Other"/>
    <s v="VAC-APP-306"/>
    <s v="In Production"/>
    <s v="web"/>
    <x v="1"/>
    <x v="3008"/>
  </r>
  <r>
    <x v="3"/>
    <x v="4"/>
    <x v="8153"/>
    <s v="RDB"/>
    <m/>
    <s v="Oracle_Canada_ULC"/>
    <x v="66"/>
    <s v=""/>
    <x v="53"/>
    <s v="Internal Services"/>
    <s v="Management and Oversight Services"/>
    <s v="VAC-APP-401"/>
    <s v="In Production"/>
    <s v="web"/>
    <x v="0"/>
    <x v="3009"/>
  </r>
  <r>
    <x v="10"/>
    <x v="55"/>
    <x v="8154"/>
    <s v="LAIM"/>
    <m/>
    <s v=""/>
    <x v="1"/>
    <s v=""/>
    <x v="53"/>
    <s v="Disability and Death Compensation, Financial Support, Health Care Program and Re-establishment Services"/>
    <s v="Information Technology Services"/>
    <s v="VAC-APP-402"/>
    <s v="In Production"/>
    <s v="web"/>
    <x v="1"/>
    <x v="3010"/>
  </r>
  <r>
    <x v="10"/>
    <x v="55"/>
    <x v="8155"/>
    <s v="CMS"/>
    <m/>
    <s v="Adobe_Systems_Incorporated"/>
    <x v="128"/>
    <s v=""/>
    <x v="53"/>
    <s v="Disability and Death Compensation, Financial Support, Health Care Program and Re-establishment Services"/>
    <s v="Information Technology Services"/>
    <s v="VAC-APP-403"/>
    <s v="In Production"/>
    <s v="web"/>
    <x v="0"/>
    <x v="3011"/>
  </r>
  <r>
    <x v="0"/>
    <x v="19"/>
    <x v="8156"/>
    <s v="AEM"/>
    <m/>
    <s v="Adobe_Systems_Incorporated"/>
    <x v="21"/>
    <s v=""/>
    <x v="53"/>
    <s v="Disability and Death Compensation, Financial Support, Health Care Program and Re-establishment Services"/>
    <s v="Information Management Services"/>
    <s v="VAC-APP-404"/>
    <s v="In Production"/>
    <s v="web"/>
    <x v="0"/>
    <x v="3012"/>
  </r>
  <r>
    <x v="10"/>
    <x v="55"/>
    <x v="8157"/>
    <s v="FAIM"/>
    <m/>
    <s v=""/>
    <x v="1"/>
    <s v=""/>
    <x v="53"/>
    <s v="Disability and Death Compensation, Financial Support, Health Care Program and Re-establishment Services"/>
    <s v="Information Technology Services"/>
    <s v="VAC-APP-405"/>
    <s v="In Production"/>
    <s v="web"/>
    <x v="1"/>
    <x v="3013"/>
  </r>
  <r>
    <x v="10"/>
    <x v="55"/>
    <x v="8158"/>
    <s v="PDFGen"/>
    <m/>
    <s v="Adobe_Systems_Incorporated"/>
    <x v="129"/>
    <s v=""/>
    <x v="53"/>
    <s v="Disability and Death Compensation, Financial Support, Health Care Program and Re-establishment Services"/>
    <s v="Information Technology Services"/>
    <s v="VAC-APP-406"/>
    <s v="In Production"/>
    <s v="web"/>
    <x v="0"/>
    <x v="3014"/>
  </r>
  <r>
    <x v="0"/>
    <x v="16"/>
    <x v="8159"/>
    <s v="BDSCALC"/>
    <m/>
    <s v=""/>
    <x v="1"/>
    <s v=""/>
    <x v="53"/>
    <s v="Disability and Death Compensation, Financial Support, Health Care Program and Re-establishment Services"/>
    <s v="Financial Management Services,Information Management Services"/>
    <s v="VAC-APP-407"/>
    <s v="In Production"/>
    <s v="web"/>
    <x v="1"/>
    <x v="3015"/>
  </r>
  <r>
    <x v="3"/>
    <x v="34"/>
    <x v="8160"/>
    <s v="CFM"/>
    <m/>
    <s v="Other"/>
    <x v="1"/>
    <s v="IBM Cognos Framework Manager"/>
    <x v="53"/>
    <s v="Internal Services"/>
    <s v="Management and Oversight Services"/>
    <s v="VAC-APP-409"/>
    <s v="In Production"/>
    <s v="desktop"/>
    <x v="0"/>
    <x v="3016"/>
  </r>
  <r>
    <x v="3"/>
    <x v="45"/>
    <x v="8161"/>
    <s v="CPP"/>
    <m/>
    <s v="Other"/>
    <x v="1"/>
    <s v="IBM Cognos Powerplay"/>
    <x v="53"/>
    <s v="Internal Services"/>
    <s v="Management and Oversight Services"/>
    <s v="VAC-APP-410"/>
    <s v="In Production"/>
    <s v="desktop"/>
    <x v="0"/>
    <x v="3017"/>
  </r>
  <r>
    <x v="3"/>
    <x v="34"/>
    <x v="8162"/>
    <s v="CTF"/>
    <m/>
    <s v="Other"/>
    <x v="1"/>
    <s v="IBM Cognos Transformer"/>
    <x v="53"/>
    <s v="Internal Services"/>
    <s v="Management and Oversight Services"/>
    <s v="VAC-APP-411"/>
    <s v="In Production"/>
    <s v="desktop"/>
    <x v="0"/>
    <x v="3018"/>
  </r>
  <r>
    <x v="0"/>
    <x v="43"/>
    <x v="8163"/>
    <s v="CLF"/>
    <s v="Common Look and Feel is a web application used to support government wide standards across all VAC web applications developed within VAC."/>
    <s v=""/>
    <x v="1"/>
    <s v=""/>
    <x v="53"/>
    <s v="Internal Services"/>
    <s v="Information Technology Services"/>
    <s v="VAC-APP-412"/>
    <s v="In Production"/>
    <s v="web"/>
    <x v="1"/>
    <x v="3019"/>
  </r>
  <r>
    <x v="1"/>
    <x v="101"/>
    <x v="8164"/>
    <s v="CM"/>
    <s v="Configuration Manager provides remote control, patch management, software distribution, OS deployment and hardware\software inventory."/>
    <s v="Microsoft_Corporation"/>
    <x v="18"/>
    <s v=""/>
    <x v="53"/>
    <s v="Internal Services"/>
    <s v="Information Technology Services"/>
    <s v="VAC-APP-413"/>
    <s v="In Production"/>
    <s v="rich"/>
    <x v="0"/>
    <x v="3020"/>
  </r>
  <r>
    <x v="10"/>
    <x v="55"/>
    <x v="8165"/>
    <s v="FIND"/>
    <s v="CSDN Client Search is a java version of CSDN's &quot;Find Client&quot; process. DIGIMG uses it as a back door to access client info when running in stand-alone mode - as opposed to accessing via CSDN."/>
    <s v=""/>
    <x v="1"/>
    <s v=""/>
    <x v="53"/>
    <s v="Disability and Death Compensation, Financial Support, Health Care Program and Re-establishment Services"/>
    <s v="Information Technology Services"/>
    <s v="VAC-APP-414"/>
    <s v="In Production"/>
    <s v="web"/>
    <x v="1"/>
    <x v="3021"/>
  </r>
  <r>
    <x v="10"/>
    <x v="55"/>
    <x v="8166"/>
    <s v="WEBLAUNCH"/>
    <s v="CSDN Web Application Launching is a java utility used primarily to allow CSDN users to access web applications without leaving CSDN.  This utility can also be used independently of CSDN. (i.e. VRAB Scheduler uses this utility to link thru to DIGIMG application)."/>
    <s v=""/>
    <x v="1"/>
    <s v=""/>
    <x v="53"/>
    <s v="Disability and Death Compensation, Financial Support, Health Care Program and Re-establishment Services"/>
    <s v="Information Technology Services"/>
    <s v="VAC-APP-415"/>
    <s v="In Production"/>
    <s v="web"/>
    <x v="1"/>
    <x v="3022"/>
  </r>
  <r>
    <x v="0"/>
    <x v="13"/>
    <x v="8167"/>
    <s v="DDA"/>
    <m/>
    <s v=""/>
    <x v="1"/>
    <s v=""/>
    <x v="53"/>
    <s v="Internal Services"/>
    <s v="Financial Management Services,Information Management Services,Information Technology Services,Other,Other"/>
    <s v="VAC-APP-416"/>
    <s v="In Production"/>
    <s v="web"/>
    <x v="1"/>
    <x v="3023"/>
  </r>
  <r>
    <x v="10"/>
    <x v="55"/>
    <x v="8168"/>
    <s v="DAPPC"/>
    <m/>
    <s v=""/>
    <x v="1"/>
    <s v=""/>
    <x v="53"/>
    <s v="Disability and Death Compensation"/>
    <s v="Information Technology Services"/>
    <s v="VAC-APP-417"/>
    <s v="In Production"/>
    <s v="web"/>
    <x v="1"/>
    <x v="2989"/>
  </r>
  <r>
    <x v="0"/>
    <x v="42"/>
    <x v="8169"/>
    <s v="RTDT"/>
    <m/>
    <s v=""/>
    <x v="1"/>
    <s v=""/>
    <x v="53"/>
    <s v="Health Care Program"/>
    <s v="Other"/>
    <s v="VAC-APP-418"/>
    <s v="In Production"/>
    <s v="web"/>
    <x v="1"/>
    <x v="3024"/>
  </r>
  <r>
    <x v="0"/>
    <x v="13"/>
    <x v="8170"/>
    <s v="HAA"/>
    <m/>
    <s v=""/>
    <x v="1"/>
    <s v=""/>
    <x v="53"/>
    <s v="Disability and Death Compensation"/>
    <s v="Information Management Services"/>
    <s v="VAC-APP-419"/>
    <s v="In Production"/>
    <s v="web"/>
    <x v="1"/>
    <x v="3025"/>
  </r>
  <r>
    <x v="0"/>
    <x v="42"/>
    <x v="8171"/>
    <s v="BIPortal"/>
    <m/>
    <s v="Other"/>
    <x v="1"/>
    <s v="IBM Cognos Business Intelligence"/>
    <x v="53"/>
    <s v="Internal Services"/>
    <s v="Management and Oversight Services"/>
    <s v="VAC-APP-420"/>
    <s v="In Production"/>
    <s v="web"/>
    <x v="0"/>
    <x v="3026"/>
  </r>
  <r>
    <x v="4"/>
    <x v="5"/>
    <x v="8172"/>
    <s v="ICE"/>
    <s v=""/>
    <s v="Bell / CompuTalks"/>
    <x v="1"/>
    <s v="ICE Bar"/>
    <x v="53"/>
    <s v=""/>
    <s v=""/>
    <s v="APP-03761"/>
    <s v="In Production"/>
    <s v="desktop"/>
    <x v="0"/>
    <x v="106"/>
  </r>
  <r>
    <x v="8"/>
    <x v="38"/>
    <x v="8173"/>
    <s v="Motio"/>
    <m/>
    <s v="Other"/>
    <x v="1"/>
    <s v="Motio CI"/>
    <x v="53"/>
    <s v="Internal Services"/>
    <s v="Information Technology Services"/>
    <s v="VAC-APP-423"/>
    <s v="In Production"/>
    <s v="web"/>
    <x v="0"/>
    <x v="3027"/>
  </r>
  <r>
    <x v="10"/>
    <x v="69"/>
    <x v="1999"/>
    <s v="MOVEIT"/>
    <m/>
    <s v="Other"/>
    <x v="1"/>
    <s v="IPSwitch, MoveIT"/>
    <x v="53"/>
    <s v="Internal Services"/>
    <s v="Information Management Services"/>
    <s v="VAC-APP-424"/>
    <s v="In Production"/>
    <s v="web"/>
    <x v="0"/>
    <x v="3028"/>
  </r>
  <r>
    <x v="4"/>
    <x v="5"/>
    <x v="8174"/>
    <s v="OOCSS"/>
    <m/>
    <s v=""/>
    <x v="1"/>
    <s v=""/>
    <x v="53"/>
    <s v="Veterans Ombudsman"/>
    <s v="Other"/>
    <s v="VAC-APP-426"/>
    <s v="In Production"/>
    <s v="web"/>
    <x v="1"/>
    <x v="3029"/>
  </r>
  <r>
    <x v="0"/>
    <x v="8"/>
    <x v="8175"/>
    <s v="WIKI"/>
    <s v="Confluence Enterprise Wiki is an in-house intranet collaboration tool for the Office of the Veterans Ombudsman, Royal Canadian Legion, Veterans Affairs and Veterans Review and Appeal Board."/>
    <s v="Other"/>
    <x v="1"/>
    <s v="Atlassian"/>
    <x v="53"/>
    <s v="Internal Services"/>
    <s v="Other"/>
    <s v="VAC-APP-427"/>
    <s v="In Production"/>
    <s v="web"/>
    <x v="0"/>
    <x v="3030"/>
  </r>
  <r>
    <x v="2"/>
    <x v="3"/>
    <x v="8176"/>
    <s v="PRIS"/>
    <m/>
    <s v=""/>
    <x v="1"/>
    <s v=""/>
    <x v="53"/>
    <s v="Internal Services"/>
    <s v="Human Resources Management Services"/>
    <s v="VAC-APP-428"/>
    <s v="In Production"/>
    <s v="web"/>
    <x v="1"/>
    <x v="3031"/>
  </r>
  <r>
    <x v="4"/>
    <x v="5"/>
    <x v="8177"/>
    <s v="PTSDCC"/>
    <s v="The PTSD Coach Canada app can help Veterans learn about and manage symptoms that can occur after trauma. Features include: Reliable information on PTSD and treatments that work; Tools for screening and tracking symptoms; Convenient, easy-to-use tools to help handle stress symptoms; and Direct links to support and help."/>
    <s v=""/>
    <x v="1"/>
    <s v=""/>
    <x v="53"/>
    <s v="Health Care Program and Re-establishment Services"/>
    <s v="Other"/>
    <s v="VAC-APP-430"/>
    <s v="In Production"/>
    <s v="mobile"/>
    <x v="1"/>
    <x v="3032"/>
  </r>
  <r>
    <x v="4"/>
    <x v="5"/>
    <x v="8178"/>
    <s v="RSI"/>
    <s v="Retired Soldiers Insurance is a standalone Web application used to manage clients entitled to benefits under the Returned Soldiers' Insurance Act (for WWI clients) and the Veterans Insurance Act (for WWII clients)."/>
    <s v=""/>
    <x v="1"/>
    <s v=""/>
    <x v="53"/>
    <s v="Disability and Death Compensation"/>
    <s v="Other"/>
    <s v="VAC-APP-432"/>
    <s v="In Production"/>
    <s v="web"/>
    <x v="1"/>
    <x v="3033"/>
  </r>
  <r>
    <x v="9"/>
    <x v="54"/>
    <x v="8179"/>
    <s v="SUAT"/>
    <m/>
    <s v=""/>
    <x v="1"/>
    <s v=""/>
    <x v="53"/>
    <s v="Internal Services"/>
    <s v="Information Technology Services"/>
    <s v="VAC-APP-434"/>
    <s v="In Production"/>
    <s v="web"/>
    <x v="1"/>
    <x v="3034"/>
  </r>
  <r>
    <x v="10"/>
    <x v="55"/>
    <x v="8180"/>
    <s v="UTIL"/>
    <m/>
    <s v=""/>
    <x v="1"/>
    <s v=""/>
    <x v="53"/>
    <s v="Internal Service"/>
    <s v="Information Technology Services"/>
    <s v="VAC-APP-436"/>
    <s v="In Production"/>
    <s v="web"/>
    <x v="1"/>
    <x v="3035"/>
  </r>
  <r>
    <x v="10"/>
    <x v="55"/>
    <x v="8181"/>
    <s v="VACWS"/>
    <m/>
    <s v=""/>
    <x v="1"/>
    <s v=""/>
    <x v="53"/>
    <s v="Health Care Program and Re-establishment Services"/>
    <s v="Information Technology Services"/>
    <s v="VAC-APP-439"/>
    <s v="In Production"/>
    <s v="web"/>
    <x v="1"/>
    <x v="3036"/>
  </r>
  <r>
    <x v="0"/>
    <x v="16"/>
    <x v="8182"/>
    <s v="VSA (VRAB) VSCH"/>
    <m/>
    <s v=""/>
    <x v="1"/>
    <s v=""/>
    <x v="53"/>
    <s v="Internal Services"/>
    <s v="Information Management Services,Management and Oversight Services,Travel and Other Administrative Services"/>
    <s v="VAC-APP-441"/>
    <s v="In Production"/>
    <s v="web"/>
    <x v="1"/>
    <x v="2989"/>
  </r>
  <r>
    <x v="10"/>
    <x v="55"/>
    <x v="8183"/>
    <s v="DIOS"/>
    <m/>
    <s v=""/>
    <x v="1"/>
    <s v=""/>
    <x v="53"/>
    <s v="Disability and Death Compensation, Financial Support, Health Care Program and Re-establishment Services"/>
    <s v="Information Technology Services"/>
    <s v="VAC-APP-443"/>
    <s v="In Production"/>
    <s v="web"/>
    <x v="1"/>
    <x v="3036"/>
  </r>
  <r>
    <x v="4"/>
    <x v="5"/>
    <x v="8184"/>
    <s v=""/>
    <s v=""/>
    <s v=""/>
    <x v="1"/>
    <s v=""/>
    <x v="53"/>
    <s v=""/>
    <s v=""/>
    <s v="APP-03767"/>
    <s v="In Production"/>
    <s v="appliance"/>
    <x v="0"/>
    <x v="106"/>
  </r>
  <r>
    <x v="4"/>
    <x v="5"/>
    <x v="125"/>
    <s v=""/>
    <s v="Audit Management Software"/>
    <s v="TeamMate Software Solutions"/>
    <x v="1"/>
    <s v=""/>
    <x v="53"/>
    <s v=""/>
    <s v=""/>
    <s v="APP-03769"/>
    <s v="InDevelopment"/>
    <s v="web"/>
    <x v="0"/>
    <x v="106"/>
  </r>
  <r>
    <x v="4"/>
    <x v="5"/>
    <x v="8185"/>
    <s v=""/>
    <s v="Cell phone app version of My VAC Account"/>
    <s v=""/>
    <x v="1"/>
    <s v=""/>
    <x v="53"/>
    <s v=""/>
    <s v=""/>
    <s v="APP-03771"/>
    <s v="InDevelopment"/>
    <s v="mobile"/>
    <x v="1"/>
    <x v="106"/>
  </r>
  <r>
    <x v="0"/>
    <x v="19"/>
    <x v="8186"/>
    <s v="FormsCat"/>
    <s v="new webapp to replace the old Electronic Forms menu system for searching and launching internal forms."/>
    <s v=""/>
    <x v="1"/>
    <s v=""/>
    <x v="53"/>
    <s v="Internal Services"/>
    <s v="Information Technology Services"/>
    <s v="VAC-APP-448"/>
    <s v="In Production"/>
    <s v="web"/>
    <x v="1"/>
    <x v="3037"/>
  </r>
  <r>
    <x v="4"/>
    <x v="5"/>
    <x v="8187"/>
    <s v="VMA"/>
    <s v="The  Veterans Matter device specficic downloadable application, enables Veterans and the General public to: access information about the services and benefits offered by VAC; find an event or ceremony; explore the Canadian Virtual War Memorial and Find a Memorial (in Canada) applications; locate the nearest VAC Office or IPSC, Service Canada Centre, BPA office or OSI clinic and other VAC contact information; stay connected on social media with access to VAC’s Facebook, Twitter, Instagram and YouTube accounts; and have easy access to My VAC Account via a link to the MVA landing page"/>
    <s v=""/>
    <x v="1"/>
    <s v=""/>
    <x v="53"/>
    <s v="Canada Remembers Program"/>
    <s v="Communications Services"/>
    <s v="VAC-APP-449"/>
    <s v="In Production"/>
    <s v="mobile"/>
    <x v="1"/>
    <x v="3038"/>
  </r>
  <r>
    <x v="4"/>
    <x v="5"/>
    <x v="8188"/>
    <s v="OFTS"/>
    <m/>
    <s v=""/>
    <x v="1"/>
    <s v=""/>
    <x v="53"/>
    <s v="Veterans Ombudsman"/>
    <s v="Other"/>
    <s v="VAC-APP-450"/>
    <s v="In Production"/>
    <s v="web"/>
    <x v="1"/>
    <x v="10"/>
  </r>
  <r>
    <x v="4"/>
    <x v="5"/>
    <x v="8189"/>
    <s v="NICMM"/>
    <s v="This website is a repository of memorials and monuments located in communities across the country. Currently, more than 7,500 memorials are posted on our website. This site is regularly updated as we continue to receive information on Canadian military memorials. Canadians are invited to submit memorials dedicated to the memory of Canada’s brave fallen."/>
    <s v=""/>
    <x v="1"/>
    <s v=""/>
    <x v="53"/>
    <s v="Canada Remembers Program"/>
    <s v="Other"/>
    <s v="VAC-APP-451"/>
    <s v="In Production"/>
    <s v="web"/>
    <x v="1"/>
    <x v="3039"/>
  </r>
  <r>
    <x v="0"/>
    <x v="19"/>
    <x v="8190"/>
    <s v="SubServ"/>
    <s v="This subscription service wil deliver important Veterans Affairs Canada information to your inbox and make it easier for you to find the information you need"/>
    <s v=""/>
    <x v="1"/>
    <s v=""/>
    <x v="53"/>
    <s v="Communications"/>
    <s v="Communications Services"/>
    <s v="VAC-APP-453"/>
    <s v="In Production"/>
    <s v="web"/>
    <x v="1"/>
    <x v="3007"/>
  </r>
  <r>
    <x v="0"/>
    <x v="85"/>
    <x v="8191"/>
    <s v="CoE"/>
    <s v="The purpose of this calendar is to highlight national events of interest to Veterans, those with a connection to Canada’s military, past or present, and the Canadian public-at-large."/>
    <s v=""/>
    <x v="1"/>
    <s v=""/>
    <x v="53"/>
    <s v="Communications"/>
    <s v="Communications Services"/>
    <s v="VAC-APP-454"/>
    <s v="In Production"/>
    <s v="web"/>
    <x v="1"/>
    <x v="3007"/>
  </r>
  <r>
    <x v="0"/>
    <x v="19"/>
    <x v="8192"/>
    <s v="HYS"/>
    <s v="Add your voice to the advisory group’s discussions"/>
    <s v=""/>
    <x v="1"/>
    <s v=""/>
    <x v="53"/>
    <s v="Communications"/>
    <s v="Communications Services"/>
    <s v="VAC-APP-455"/>
    <s v="In Production"/>
    <s v="web"/>
    <x v="1"/>
    <x v="3007"/>
  </r>
  <r>
    <x v="0"/>
    <x v="19"/>
    <x v="8193"/>
    <s v="CM"/>
    <s v="Contact the minister"/>
    <s v=""/>
    <x v="1"/>
    <s v=""/>
    <x v="53"/>
    <s v="Communications"/>
    <s v="Communications Services"/>
    <s v="VAC-APP-456"/>
    <s v="In Production"/>
    <s v="web"/>
    <x v="1"/>
    <x v="3007"/>
  </r>
  <r>
    <x v="0"/>
    <x v="8"/>
    <x v="8194"/>
    <s v="VG"/>
    <s v="Video Gallery"/>
    <s v=""/>
    <x v="1"/>
    <s v=""/>
    <x v="53"/>
    <s v="Communications"/>
    <s v="Communications Services"/>
    <s v="VAC-APP-457"/>
    <s v="In Production"/>
    <s v="web"/>
    <x v="1"/>
    <x v="3007"/>
  </r>
  <r>
    <x v="0"/>
    <x v="16"/>
    <x v="8195"/>
    <s v="VPSU"/>
    <m/>
    <s v=""/>
    <x v="1"/>
    <s v=""/>
    <x v="53"/>
    <s v="Health Care Program and Re-Establishment Services"/>
    <s v="Other"/>
    <s v="VAC-APP-458"/>
    <s v="In Production"/>
    <s v="rich"/>
    <x v="1"/>
    <x v="3040"/>
  </r>
  <r>
    <x v="2"/>
    <x v="23"/>
    <x v="2397"/>
    <s v="ACLWIN"/>
    <m/>
    <s v="Other"/>
    <x v="1"/>
    <s v="ACL; ACL Analytics (ACLWIN)"/>
    <x v="53"/>
    <s v="Internal Services"/>
    <s v="Financial Management Services,Management and Oversight Services"/>
    <s v="VAC-DSK-001"/>
    <s v="In Production"/>
    <s v="desktop"/>
    <x v="0"/>
    <x v="3041"/>
  </r>
  <r>
    <x v="8"/>
    <x v="29"/>
    <x v="8196"/>
    <s v="Adobe LiveCycle Workbench AEM"/>
    <s v="Adobe LiveCycle Workbench AEM software is an integrated development environment (IDE) that allows developers, designers, and business analysts to work together collaboratively to develop forms, documents, and business processes."/>
    <s v="Adobe_Systems_Incorporated"/>
    <x v="1"/>
    <s v="Adobe LiveCycle Workbench AEM"/>
    <x v="53"/>
    <s v="Disability and Death Compensation, Financial Support, Health Care Program and Re-establishment Services"/>
    <s v="Other"/>
    <s v="VAC-DSK-002"/>
    <s v="In Production"/>
    <s v="desktop"/>
    <x v="0"/>
    <x v="3042"/>
  </r>
  <r>
    <x v="8"/>
    <x v="29"/>
    <x v="8197"/>
    <s v="Adobe RoboHelp 11"/>
    <s v="Adobe RoboHelp 11 is a Help Authoring Tool (HAT) software program used by technical writers to create online help systems, e-learning content, policies and procedures and knowledge bases.  At VAC, this is used for the help content within CSDN."/>
    <s v="Adobe_Systems_Incorporated"/>
    <x v="1"/>
    <s v="Adobe RoboHelp 11"/>
    <x v="53"/>
    <s v="Disability and Death Compensation, Financial Support, Health Care Program and Re-establishment Services"/>
    <s v="Other"/>
    <s v="VAC-DSK-003"/>
    <s v="In Production"/>
    <s v="desktop"/>
    <x v="0"/>
    <x v="3042"/>
  </r>
  <r>
    <x v="12"/>
    <x v="120"/>
    <x v="8198"/>
    <s v="Avocent DSView"/>
    <m/>
    <s v="Other"/>
    <x v="1"/>
    <s v="Emerson Network Power; Avocent DSView"/>
    <x v="53"/>
    <s v="Internal Services"/>
    <s v="Information Technology Services"/>
    <s v="VAC-DSK-006"/>
    <s v="In Production"/>
    <s v="desktop"/>
    <x v="0"/>
    <x v="3042"/>
  </r>
  <r>
    <x v="12"/>
    <x v="120"/>
    <x v="8199"/>
    <s v="Exceed 2007"/>
    <s v="Exceed 2007 is a open source connectivity Secure Shell (CSS) add-on product that provides SSH2 support for secure access to Unix remote hosts."/>
    <s v="Other"/>
    <x v="1"/>
    <s v="OpenText formally called Hummingbird Ltd.; Hummingbird Exceed now called OpenText Exceed"/>
    <x v="53"/>
    <s v="Internal Services"/>
    <s v="Information Technology Services"/>
    <s v="VAC-DSK-009"/>
    <s v="In Production"/>
    <s v="desktop"/>
    <x v="0"/>
    <x v="3042"/>
  </r>
  <r>
    <x v="0"/>
    <x v="19"/>
    <x v="8200"/>
    <s v="Formflow 99 Designer"/>
    <s v="Formflow 99 Designer is an XML-based product used to create electronic forms designed from scratch or based on a pre-existing form."/>
    <s v="Adobe_Systems_Incorporated"/>
    <x v="1"/>
    <s v="FormFlow 99"/>
    <x v="53"/>
    <s v="Internal Services"/>
    <s v="Other"/>
    <s v="VAC-DSK-011"/>
    <s v="In Production"/>
    <s v="desktop"/>
    <x v="0"/>
    <x v="3042"/>
  </r>
  <r>
    <x v="12"/>
    <x v="120"/>
    <x v="8201"/>
    <s v="Host Explorer"/>
    <s v="Host Explorer is used for connecting to the UNIX environment for batch development and support."/>
    <s v="Other"/>
    <x v="1"/>
    <s v="OpenText formally called Hummingbird Ltd.; Hummingbird Host Explorer now called OpenText Host Explorer"/>
    <x v="53"/>
    <s v="Internal Services"/>
    <s v="Information Technology Services"/>
    <s v="VAC-DSK-012"/>
    <s v="In Production"/>
    <s v="desktop"/>
    <x v="0"/>
    <x v="3042"/>
  </r>
  <r>
    <x v="2"/>
    <x v="2"/>
    <x v="8202"/>
    <s v="IMPORT Explorer - Freebalance 6.5"/>
    <m/>
    <s v="Other"/>
    <x v="1"/>
    <s v="FreeBalance Inc.; Import Explorer"/>
    <x v="53"/>
    <s v="Internal Services"/>
    <s v="Acquisition Services,Financial Management Services"/>
    <s v="VAC-DSK-013"/>
    <s v="In Production"/>
    <s v="desktop"/>
    <x v="0"/>
    <x v="3043"/>
  </r>
  <r>
    <x v="8"/>
    <x v="29"/>
    <x v="8203"/>
    <s v="Oracle SQL Developer"/>
    <s v="Oracle SQL Developer is a free integrated development environment that simplifies the development and management of Oracle Database in both traditional and Cloud deployments. SQL Developer offers complete end-to-end development of your PL/SQL applications, a worksheet for running queries and scripts, a DBA console for managing the database, a reports interface, a complete data modeling solution, and a migration platform for moving your 3rd party databases to Oracle."/>
    <s v="Oracle_Canada_ULC"/>
    <x v="130"/>
    <s v=""/>
    <x v="53"/>
    <s v="Internal Services"/>
    <s v="Information Technology Services"/>
    <s v="VAC-DSK-015"/>
    <s v="In Production"/>
    <s v="desktop"/>
    <x v="0"/>
    <x v="3042"/>
  </r>
  <r>
    <x v="2"/>
    <x v="3"/>
    <x v="451"/>
    <s v="OrgPlus"/>
    <s v="OrgPlus is used for organizational planning and charting.  A nightly extract from the PeopleSoft production environment produces a table for OrgPlus to use.  Only specific VAC users (e.g. Classification) use the product."/>
    <s v="Other"/>
    <x v="1"/>
    <s v="Insperity; OrgPlus"/>
    <x v="53"/>
    <s v="Internal Services"/>
    <s v="Human Resources Management Services,Management and Oversight Services"/>
    <s v="VAC-DSK-016"/>
    <s v="In Production"/>
    <s v="desktop"/>
    <x v="0"/>
    <x v="3044"/>
  </r>
  <r>
    <x v="6"/>
    <x v="82"/>
    <x v="8204"/>
    <s v="Philips Executive Transcription"/>
    <s v="Philips Executive Transcription is transcription software."/>
    <s v="Other"/>
    <x v="1"/>
    <s v="Speech Processing Solutions Inc; Philips Executive Transcription"/>
    <x v="53"/>
    <s v="Internal Services"/>
    <s v="Other"/>
    <s v="VAC-DSK-020"/>
    <s v="In Production"/>
    <s v="desktop"/>
    <x v="0"/>
    <x v="3042"/>
  </r>
  <r>
    <x v="6"/>
    <x v="82"/>
    <x v="8205"/>
    <s v="PhillipsDPMPlayer"/>
    <s v="Philips DPM Player is digital speech processing software."/>
    <s v="Other"/>
    <x v="1"/>
    <s v="Speech Processing Solutions Inc; Philips DPM Player"/>
    <x v="53"/>
    <s v="Internal Services"/>
    <s v="Other"/>
    <s v="VAC-DSK-021"/>
    <s v="In Production"/>
    <s v="desktop"/>
    <x v="0"/>
    <x v="3042"/>
  </r>
  <r>
    <x v="8"/>
    <x v="29"/>
    <x v="8206"/>
    <s v="PLSQLDEV10"/>
    <s v="PL/SQL Developer is an integrated development environment for developing, testing, debugging, and optimizing Oracle PL/SQL stored-program units such as packages, and triggers.  The program features context-sensitive help and database-object descriptions.  Also includes a full-featured integrated debugger, a multi-session or multi-threaded environment, a code assistant, a template library, a macro library, and a command window."/>
    <s v="Other"/>
    <x v="1"/>
    <s v="Allround Automations; PL/SQL Developer"/>
    <x v="53"/>
    <s v="Internal Services"/>
    <s v="Information Technology Services"/>
    <s v="VAC-DSK-022"/>
    <s v="In Production"/>
    <s v="desktop"/>
    <x v="0"/>
    <x v="3042"/>
  </r>
  <r>
    <x v="8"/>
    <x v="29"/>
    <x v="8207"/>
    <s v="Powerbuilder 12.5"/>
    <s v="Powerbuilder is an integrated development environment.  Powerbuilder is used to develop and maintain CSDN functionality."/>
    <s v="Other"/>
    <x v="1"/>
    <s v="SAP; SAP Powerbuilder"/>
    <x v="53"/>
    <s v="Internal Services"/>
    <s v="Other"/>
    <s v="VAC-DSK-023"/>
    <s v="In Production"/>
    <s v="desktop"/>
    <x v="0"/>
    <x v="3042"/>
  </r>
  <r>
    <x v="0"/>
    <x v="43"/>
    <x v="8208"/>
    <s v="PowerMapper"/>
    <s v="PowerMapper software makes simple tools for website mapping and testing web sites for accessibility, broken links, browser compatibility and errors.  At VAC, it is mainly used to check websites for broken links."/>
    <s v="Other"/>
    <x v="1"/>
    <s v="PowerMapper Software; PowerMapper"/>
    <x v="53"/>
    <s v="Internal Services"/>
    <s v="Other"/>
    <s v="VAC-DSK-024"/>
    <s v="In Production"/>
    <s v="desktop"/>
    <x v="0"/>
    <x v="3042"/>
  </r>
  <r>
    <x v="8"/>
    <x v="37"/>
    <x v="8209"/>
    <s v="ProDiff"/>
    <s v="ProDiff for PowerBuilder is a comparison/diff tool for PowerBuilder developers."/>
    <s v="Other"/>
    <x v="1"/>
    <s v="PBDR Limited"/>
    <x v="53"/>
    <s v="Internal Services"/>
    <s v="Other"/>
    <s v="VAC-DSK-026"/>
    <s v="In Production"/>
    <s v="desktop"/>
    <x v="0"/>
    <x v="3042"/>
  </r>
  <r>
    <x v="12"/>
    <x v="74"/>
    <x v="169"/>
    <s v="Putty"/>
    <s v="Putty is an open-source SSH and telnet client for the Windows platform.  It is used at VAC to access server logs."/>
    <s v="Other"/>
    <x v="1"/>
    <s v="Open Source software."/>
    <x v="53"/>
    <s v="Internal Services"/>
    <s v="Information Technology Services"/>
    <s v="VAC-DSK-027"/>
    <s v="In Production"/>
    <s v="desktop"/>
    <x v="0"/>
    <x v="3042"/>
  </r>
  <r>
    <x v="8"/>
    <x v="38"/>
    <x v="5231"/>
    <s v="PVCS Version Manager"/>
    <s v="PVCS Version Manager is an application used for version control of documents and software within Application Management Division."/>
    <s v="Other"/>
    <x v="1"/>
    <s v="Serena Software Inc.; PVCS Version Manager"/>
    <x v="53"/>
    <s v="Internal Services"/>
    <s v="Information Technology Services"/>
    <s v="VAC-DSK-028"/>
    <s v="In Production"/>
    <s v="desktop"/>
    <x v="0"/>
    <x v="3042"/>
  </r>
  <r>
    <x v="0"/>
    <x v="11"/>
    <x v="8210"/>
    <s v="Smart Notebook 11.2"/>
    <s v="SMART Notebook software is used for creating, delivering and managing interactive lessons within a single application. It allows a user to combine their favorite tools in SMART Notebook software with their favorite tools from the Web.  At VAC, it is used with Smart Boards to create an interactive whiteboard.  It aids in the development of learning materials for the VAC website and it is used as a mechanism to speed up communication between VAC Web Developers and Commemoration's staff.  On rare occasions, it may be used during presentations with other government departments."/>
    <s v="Other"/>
    <x v="1"/>
    <s v="SMART Technologies; Smart Notebook"/>
    <x v="53"/>
    <s v="Internal Services"/>
    <s v="Other"/>
    <s v="VAC-DSK-032"/>
    <s v="In Production"/>
    <s v="desktop"/>
    <x v="0"/>
    <x v="3045"/>
  </r>
  <r>
    <x v="3"/>
    <x v="31"/>
    <x v="8211"/>
    <s v="SQL Server Report Builder"/>
    <s v="SQL Server Report Builder is a productive report-authoring environment for IT professionals and power users.  AT VAC, it is used for statistical purposes within the Statistics Directorate."/>
    <s v="Microsoft_Corporation"/>
    <x v="1"/>
    <s v="SQL Server Report Builder"/>
    <x v="53"/>
    <s v="Internal Services"/>
    <s v="Information Technology Services"/>
    <s v="VAC-DSK-034"/>
    <s v="In Production"/>
    <s v="desktop"/>
    <x v="0"/>
    <x v="3042"/>
  </r>
  <r>
    <x v="5"/>
    <x v="25"/>
    <x v="8212"/>
    <s v="Stata 13"/>
    <s v="Stata is a statistical package for managing, analyzing, and graphing data.  At VAC, STATA is used to analyze Veteran data from the Life After Service Studies (LASS) performed by Statistics Canada on a 3-year cycle.  Statistics Canada sends VAC a flat data file containing the survey results using their secure electronic file transfer protocol.  The data is then loaded into Stata 13.  The information is analyzed and used to support policy development or other overarching goals of the department.  It is also used to produce research papers that get published in journals and/or presented at conferences."/>
    <s v="Other"/>
    <x v="1"/>
    <s v="StataCorp LP; Stata"/>
    <x v="53"/>
    <s v="Internal Services; Canada Remembers Program"/>
    <s v="Other"/>
    <s v="VAC-DSK-035"/>
    <s v="In Production"/>
    <s v="desktop"/>
    <x v="0"/>
    <x v="3046"/>
  </r>
  <r>
    <x v="11"/>
    <x v="96"/>
    <x v="8213"/>
    <s v="VMWare Workstation Player"/>
    <s v="VMWare Workstation Player is an application used to manage AMD VMware images."/>
    <s v="VMWare_Inc"/>
    <x v="1"/>
    <s v="VM Workstation Player"/>
    <x v="53"/>
    <s v="Internal Services"/>
    <s v="Information Technology Services"/>
    <s v="VAC-DSK-039"/>
    <s v="In Production"/>
    <s v="desktop"/>
    <x v="0"/>
    <x v="3042"/>
  </r>
  <r>
    <x v="2"/>
    <x v="3"/>
    <x v="8214"/>
    <s v="WinRAS"/>
    <s v="WinRAS is an application used to  calculate Quebec income tax and payroll calculations (source deductions of Québec income tax, contributions to the Québec Pension Plan, contributions to the Québec parental insurance plan; employer contributions to the Québec Pension Plan, the Québec parental insurance plan, and the health services fund.).  At VAC, it is used to verify CSDN, PayDirt and RISB tax calculations for Quebec residents.  Each year it is downloaded to obtain the current year's tax amounts."/>
    <s v="Other"/>
    <x v="1"/>
    <s v="Revenu Quebec; WinRAS"/>
    <x v="53"/>
    <s v="Internal Services"/>
    <s v="Human Resources Management Services"/>
    <s v="VAC-DSK-042"/>
    <s v="In Production"/>
    <s v="desktop"/>
    <x v="0"/>
    <x v="3042"/>
  </r>
  <r>
    <x v="5"/>
    <x v="25"/>
    <x v="8215"/>
    <s v="SPSS"/>
    <s v="SPSS is used to analyze statistical data and interpret survey results from complex samples.  At VAC, it is mainly used to analyze information used to support policy development or other overarching goals of the department."/>
    <s v="Other"/>
    <x v="1"/>
    <s v="IBM; IBM SPSS Statistics &amp; Complex Samples 23"/>
    <x v="53"/>
    <s v="Internal Services"/>
    <s v="Other"/>
    <s v="VAC-DSK-043"/>
    <s v="In Production"/>
    <s v="desktop"/>
    <x v="0"/>
    <x v="3046"/>
  </r>
  <r>
    <x v="8"/>
    <x v="38"/>
    <x v="8216"/>
    <s v="AdminStudio 11.5"/>
    <s v="AdminStudio provides enterprise IT teams with the most advanced application packaging tools to efficiently prepare reliable application packages for software deployment with a complete set of automated MSI packaging, customization, testing and reporting capabilities."/>
    <s v="Flexera_Software_LLC"/>
    <x v="1"/>
    <s v=""/>
    <x v="53"/>
    <s v="Internal Services"/>
    <s v="Information Technology Services"/>
    <s v="VAC-DSK-044"/>
    <s v="In Production"/>
    <s v="desktop"/>
    <x v="0"/>
    <x v="3042"/>
  </r>
  <r>
    <x v="8"/>
    <x v="37"/>
    <x v="2385"/>
    <s v="VMWare Vsphere Client"/>
    <s v="Allows users to remotely connect to ESXi or vCenter Server from any Windows PC"/>
    <s v="VMWare_Inc"/>
    <x v="1"/>
    <s v=""/>
    <x v="53"/>
    <s v="Internal Services"/>
    <s v="Information Technology Services"/>
    <s v="VAC-DSK-045"/>
    <s v="In Production"/>
    <s v="desktop"/>
    <x v="0"/>
    <x v="3042"/>
  </r>
  <r>
    <x v="4"/>
    <x v="5"/>
    <x v="8217"/>
    <s v="GW"/>
    <s v="Email software"/>
    <s v="Novell"/>
    <x v="1"/>
    <s v="Novell Groupwise 2014"/>
    <x v="53"/>
    <s v=""/>
    <s v=""/>
    <s v="APP-03756"/>
    <s v="In Production"/>
    <s v="rich"/>
    <x v="0"/>
    <x v="106"/>
  </r>
  <r>
    <x v="4"/>
    <x v="5"/>
    <x v="8218"/>
    <s v="GWMess"/>
    <s v="Instant messaging sofware"/>
    <s v="Novell"/>
    <x v="1"/>
    <s v="GroupWise Messenger"/>
    <x v="53"/>
    <s v=""/>
    <s v=""/>
    <s v="APP-03758"/>
    <s v="In Production"/>
    <s v="desktop"/>
    <x v="0"/>
    <x v="106"/>
  </r>
  <r>
    <x v="4"/>
    <x v="5"/>
    <x v="4249"/>
    <s v="MSLync"/>
    <s v=""/>
    <s v="MicroSoft"/>
    <x v="131"/>
    <s v=""/>
    <x v="53"/>
    <s v=""/>
    <s v=""/>
    <s v="APP-03763"/>
    <s v="In Production"/>
    <s v="desktop"/>
    <x v="0"/>
    <x v="106"/>
  </r>
  <r>
    <x v="0"/>
    <x v="19"/>
    <x v="8219"/>
    <s v="Designer AEM"/>
    <s v="Adobe LiveCycle Designer AEM software is a comprehensive design tool that helps you create form and document templates combining high-fidelity dynamic presentation with sophisticated XML data handling. LiveCycle Designer AEM provides an intuitive, drag-and-drop user interface that makes it easy to create and deploy templates without deep technical knowledge."/>
    <s v="Adobe_Systems_Incorporated"/>
    <x v="21"/>
    <s v="LiveCycle Designer AEM"/>
    <x v="53"/>
    <s v="Internal Service"/>
    <s v="Information Technology Services"/>
    <s v="VAC-USR-002"/>
    <s v="In Production"/>
    <s v="desktop"/>
    <x v="0"/>
    <x v="116"/>
  </r>
  <r>
    <x v="8"/>
    <x v="39"/>
    <x v="8220"/>
    <s v="Archi 3.3.1"/>
    <s v="Archi 3.3.1 is used for viewing and maintaining architecture diagrams."/>
    <s v="Other"/>
    <x v="1"/>
    <s v="Open Source Product"/>
    <x v="53"/>
    <s v="Internal Service"/>
    <s v="Information Technology Services"/>
    <s v="VAC-USR-004"/>
    <s v="In Production"/>
    <s v="desktop"/>
    <x v="0"/>
    <x v="3042"/>
  </r>
  <r>
    <x v="10"/>
    <x v="69"/>
    <x v="8221"/>
    <s v="BitKinex"/>
    <s v="File transfer software for accessing LiveCycle files through WebDAV (essential software)"/>
    <s v="Other"/>
    <x v="1"/>
    <s v="Barad-Dur - BitKinex"/>
    <x v="53"/>
    <s v="Internal Service"/>
    <s v="Information Technology Services"/>
    <s v="VAC-USR-006"/>
    <s v="In Production"/>
    <s v="desktop"/>
    <x v="0"/>
    <x v="3047"/>
  </r>
  <r>
    <x v="7"/>
    <x v="122"/>
    <x v="8222"/>
    <s v="Blackberry Link"/>
    <s v="Blackberry Link - For testing BB devices, as well as moving files to / from BB."/>
    <s v="Other"/>
    <x v="1"/>
    <s v="BlackBerry - Link"/>
    <x v="53"/>
    <s v="Internal Service"/>
    <s v="Information Technology Services"/>
    <s v="VAC-USR-007"/>
    <s v="In Production"/>
    <s v="desktop"/>
    <x v="0"/>
    <x v="3042"/>
  </r>
  <r>
    <x v="1"/>
    <x v="1"/>
    <x v="8223"/>
    <s v="Blancco Configuration Tool"/>
    <s v="Blancco Configuration Tool: This is used to configure our Blancco ISO's for media sanitization."/>
    <s v="Blancco_Canada"/>
    <x v="1"/>
    <s v="Blancco Config Tool"/>
    <x v="53"/>
    <s v="Internal Service"/>
    <s v="Information Technology Services"/>
    <s v="VAC-USR-008"/>
    <s v="In Production"/>
    <s v="desktop"/>
    <x v="0"/>
    <x v="3042"/>
  </r>
  <r>
    <x v="8"/>
    <x v="29"/>
    <x v="8224"/>
    <s v="cavJ "/>
    <s v="java compiler"/>
    <s v="Other"/>
    <x v="1"/>
    <s v="Sureshot - cavaJ"/>
    <x v="53"/>
    <s v="Internal Service"/>
    <s v="Information Technology Services"/>
    <s v="VAC-USR-009"/>
    <s v="In Production"/>
    <s v="desktop"/>
    <x v="0"/>
    <x v="3042"/>
  </r>
  <r>
    <x v="8"/>
    <x v="38"/>
    <x v="8225"/>
    <s v="Cordova"/>
    <s v="Platform for build and running mobile apps"/>
    <s v="Other"/>
    <x v="1"/>
    <s v="Open Source Product"/>
    <x v="53"/>
    <s v="Internal Service"/>
    <s v="Information Technology Services"/>
    <s v="VAC-USR-011"/>
    <s v="In Production"/>
    <s v="desktop"/>
    <x v="0"/>
    <x v="3048"/>
  </r>
  <r>
    <x v="8"/>
    <x v="37"/>
    <x v="8226"/>
    <s v="CSVed"/>
    <s v="used to compare CSV files used in RFT - automated test cases"/>
    <s v="Other"/>
    <x v="1"/>
    <s v="Thius - CSVed"/>
    <x v="53"/>
    <s v="Internal Service"/>
    <s v="Information Technology Services"/>
    <s v="VAC-USR-012"/>
    <s v="In Production"/>
    <s v="desktop"/>
    <x v="0"/>
    <x v="3042"/>
  </r>
  <r>
    <x v="8"/>
    <x v="38"/>
    <x v="8227"/>
    <s v="Deploy.exe"/>
    <s v="Deploy.exe - used to aid in the deployment of CSDN builds"/>
    <s v=""/>
    <x v="1"/>
    <s v=""/>
    <x v="53"/>
    <s v="Internal Service"/>
    <s v="Information Technology Services"/>
    <s v="VAC-USR-016"/>
    <s v="In Production"/>
    <s v="desktop"/>
    <x v="1"/>
    <x v="3042"/>
  </r>
  <r>
    <x v="8"/>
    <x v="38"/>
    <x v="8228"/>
    <s v="GitLab"/>
    <s v="GitLab - Source Control Product_x000a_It is the leading integrated product for modern software development. Connecting issue management, version control, code review, CI, CD, and monitoring"/>
    <s v="Other"/>
    <x v="1"/>
    <s v="Open Source Product"/>
    <x v="53"/>
    <s v="Internal Service"/>
    <s v="Information Technology Services"/>
    <s v="VAC-USR-020"/>
    <s v="In Production"/>
    <s v="desktop"/>
    <x v="0"/>
    <x v="3042"/>
  </r>
  <r>
    <x v="8"/>
    <x v="38"/>
    <x v="8229"/>
    <s v="IBM Installation Manager"/>
    <s v="Managing IBM software installations"/>
    <s v="Other"/>
    <x v="1"/>
    <s v="IBM - Installation Manager"/>
    <x v="53"/>
    <s v="Internal Service"/>
    <s v="Information Technology Services"/>
    <s v="VAC-USR-021"/>
    <s v="In Production"/>
    <s v="desktop"/>
    <x v="0"/>
    <x v="3042"/>
  </r>
  <r>
    <x v="10"/>
    <x v="55"/>
    <x v="8230"/>
    <s v="IBM License Key Administrator"/>
    <s v="Managing License keys for installed IBM Software"/>
    <s v="Other"/>
    <x v="1"/>
    <s v="IBM - License Key Administrator"/>
    <x v="53"/>
    <s v="Internal Service"/>
    <s v="Information Technology Services"/>
    <s v="VAC-USR-022"/>
    <s v="In Production"/>
    <s v="desktop"/>
    <x v="0"/>
    <x v="3042"/>
  </r>
  <r>
    <x v="8"/>
    <x v="29"/>
    <x v="8231"/>
    <s v="IBM Rational Application Developer"/>
    <s v="System development for Java EE VAC enterprise systems."/>
    <s v="Other"/>
    <x v="1"/>
    <s v="IBM - Rational Application Developer"/>
    <x v="53"/>
    <s v="Internal Service"/>
    <s v="Information Technology Services"/>
    <s v="VAC-USR-023"/>
    <s v="In Production"/>
    <s v="desktop"/>
    <x v="0"/>
    <x v="3042"/>
  </r>
  <r>
    <x v="8"/>
    <x v="37"/>
    <x v="8232"/>
    <s v="IBM Rational Functional Tester"/>
    <s v="This is the main IFT testing application"/>
    <s v="Other"/>
    <x v="1"/>
    <s v="IBM - Rational Functional Tester"/>
    <x v="53"/>
    <s v="Internal Service"/>
    <s v="Information Technology Services"/>
    <s v="VAC-USR-024"/>
    <s v="In Production"/>
    <s v="desktop"/>
    <x v="0"/>
    <x v="3049"/>
  </r>
  <r>
    <x v="8"/>
    <x v="37"/>
    <x v="8233"/>
    <s v="IBM Rational Performance Tester"/>
    <s v="Load Testing for applications"/>
    <s v="Other"/>
    <x v="1"/>
    <s v="IBM - Rational Performance Tester"/>
    <x v="53"/>
    <s v="Internal Service"/>
    <s v="Information Technology Services"/>
    <s v="VAC-USR-025"/>
    <s v="In Production"/>
    <s v="desktop"/>
    <x v="0"/>
    <x v="3050"/>
  </r>
  <r>
    <x v="8"/>
    <x v="37"/>
    <x v="8234"/>
    <s v="IBM Rational Quality Manager"/>
    <s v="IBM® Rational® Quality Manager is a collaborative, web-based tool that offers test planning, test construction, and test artifact management functions throughout the software development lifecycle."/>
    <s v="Other"/>
    <x v="1"/>
    <s v="IBM - Rational Quality Manager"/>
    <x v="53"/>
    <s v="Internal Service"/>
    <s v="Information Technology Services"/>
    <s v="VAC-USR-026"/>
    <s v="In Production"/>
    <s v="desktop"/>
    <x v="0"/>
    <x v="3051"/>
  </r>
  <r>
    <x v="8"/>
    <x v="37"/>
    <x v="8235"/>
    <s v="IBM Rational Robot"/>
    <s v="Rational Robot is a complete set of components for automating the testing of Microsoft Windows client/server, Internet applications and ERP applications running under Windows NT 4.0, Windows XP, Windows 2000, Windows 98, and Windows Me."/>
    <s v="Other"/>
    <x v="1"/>
    <s v="IBM - Rational Robot"/>
    <x v="53"/>
    <s v="Internal Service"/>
    <s v="Information Technology Services"/>
    <s v="VAC-USR-027"/>
    <s v="In Production"/>
    <s v="desktop"/>
    <x v="0"/>
    <x v="3052"/>
  </r>
  <r>
    <x v="8"/>
    <x v="38"/>
    <x v="8236"/>
    <s v="jsdoc"/>
    <s v="jsdoc (open source JavaScript documentation generator)"/>
    <s v="Other"/>
    <x v="1"/>
    <s v="Open Source Product"/>
    <x v="53"/>
    <s v="Internal Service"/>
    <s v="Information Technology Services"/>
    <s v="VAC-USR-029"/>
    <s v="In Production"/>
    <s v="desktop"/>
    <x v="0"/>
    <x v="3042"/>
  </r>
  <r>
    <x v="9"/>
    <x v="73"/>
    <x v="8237"/>
    <s v="Nessus"/>
    <s v="Nessus is a remote security scanning tool, which scans a computer and raises an alert if it discovers any vulnerabilities that malicious hackers could use to gain access to any computer you have connected to a network."/>
    <s v="Other"/>
    <x v="1"/>
    <s v="Tenable Network Security - Nessus"/>
    <x v="53"/>
    <s v="Internal Service"/>
    <s v="Information Technology Services"/>
    <s v="VAC-USR-030"/>
    <s v="In Production"/>
    <s v="desktop"/>
    <x v="0"/>
    <x v="3053"/>
  </r>
  <r>
    <x v="8"/>
    <x v="29"/>
    <x v="167"/>
    <s v="Node.js"/>
    <s v="Node.js is an open-source, cross-platform runtime environment for developing server-side Web applications."/>
    <s v="Other"/>
    <x v="1"/>
    <s v="Open Source Product"/>
    <x v="53"/>
    <s v="Internal Service"/>
    <s v="Information Technology Services"/>
    <s v="VAC-USR-031"/>
    <s v="In Production"/>
    <s v="desktop"/>
    <x v="0"/>
    <x v="3042"/>
  </r>
  <r>
    <x v="8"/>
    <x v="29"/>
    <x v="8238"/>
    <s v="Oracle Java SDK"/>
    <s v="Software Development toolkit"/>
    <s v="Oracle_Canada_ULC"/>
    <x v="132"/>
    <s v=""/>
    <x v="53"/>
    <s v="Internal Service"/>
    <s v="Information Technology Services"/>
    <s v="VAC-USR-032"/>
    <s v="In Production"/>
    <s v="desktop"/>
    <x v="0"/>
    <x v="3042"/>
  </r>
  <r>
    <x v="9"/>
    <x v="104"/>
    <x v="8239"/>
    <s v="Passware"/>
    <s v="VAC Procured software to recover Password locked files"/>
    <s v="Other"/>
    <x v="1"/>
    <s v="Passware - Kit Forensic"/>
    <x v="53"/>
    <s v="Internal Service"/>
    <s v="Information Technology Services"/>
    <s v="VAC-USR-033"/>
    <s v="In Production"/>
    <s v="desktop"/>
    <x v="0"/>
    <x v="3042"/>
  </r>
  <r>
    <x v="9"/>
    <x v="104"/>
    <x v="8240"/>
    <s v="Rstudio"/>
    <s v="VAC Procured software for forensic file recovery (i.e. accidentally deleted files and forensic investigations)."/>
    <s v="Other"/>
    <x v="1"/>
    <s v="R-Tools Technology Inc - R-Studio"/>
    <x v="53"/>
    <s v="Internal Service"/>
    <s v="Information Technology Services"/>
    <s v="VAC-USR-034"/>
    <s v="In Production"/>
    <s v="desktop"/>
    <x v="0"/>
    <x v="3042"/>
  </r>
  <r>
    <x v="8"/>
    <x v="38"/>
    <x v="2497"/>
    <s v="SourceTree"/>
    <s v="SourceTree - Git repository management"/>
    <s v="Other"/>
    <x v="1"/>
    <s v="Atlassian - SourceTree"/>
    <x v="53"/>
    <s v="Internal Service"/>
    <s v="Information Technology Services"/>
    <s v="VAC-USR-036"/>
    <s v="In Production"/>
    <s v="desktop"/>
    <x v="0"/>
    <x v="3042"/>
  </r>
  <r>
    <x v="3"/>
    <x v="15"/>
    <x v="434"/>
    <s v="StreetPerfect"/>
    <s v="StreetPerfect is updated monthly from Canada Post. It is used to identify broken or odd addresses. The appropriate staff then investigate and correct the noted addresses. This is used for both clients and vendors."/>
    <s v="Other"/>
    <x v="1"/>
    <s v="Sun Media - StreetPerfect"/>
    <x v="53"/>
    <s v="Internal Service"/>
    <s v="Information Technology Services"/>
    <s v="VAC-USR-037"/>
    <s v="In Production"/>
    <s v="desktop"/>
    <x v="0"/>
    <x v="3054"/>
  </r>
  <r>
    <x v="4"/>
    <x v="5"/>
    <x v="8241"/>
    <s v="Universal Extractor"/>
    <s v="Universal Extractor is a program designed to decompress and extract files from any type of archive or installer, such as ZIP or RAR files, self-extracting EXE files, application installers, etc."/>
    <s v="Other"/>
    <x v="1"/>
    <s v="Legroom - Universal Extractor"/>
    <x v="53"/>
    <s v="Internal Service"/>
    <s v="Information Technology Services"/>
    <s v="VAC-USR-039"/>
    <s v="In Production"/>
    <s v="desktop"/>
    <x v="0"/>
    <x v="3042"/>
  </r>
  <r>
    <x v="8"/>
    <x v="38"/>
    <x v="8242"/>
    <s v="Version.exe"/>
    <s v="Version.exe - used to simplify the versioning process of CSDN code"/>
    <s v="Other"/>
    <x v="1"/>
    <s v="N/A"/>
    <x v="53"/>
    <s v="Internal Service"/>
    <s v="Information Technology Services"/>
    <s v="VAC-USR-040"/>
    <s v="In Production"/>
    <s v="desktop"/>
    <x v="1"/>
    <x v="3042"/>
  </r>
  <r>
    <x v="8"/>
    <x v="29"/>
    <x v="8243"/>
    <s v="Visual Studio 2015"/>
    <s v="System development for Windows applications and Microsoft CRM.  Microsoft Visual Studio Express is a set of integrated development environments (IDEs) developed by Microsoft as a freeware and registerware function-limited version of the non-free Microsoft Visual Studio. Express editions started with Visual Studio 2005."/>
    <s v="Microsoft_Corporation"/>
    <x v="1"/>
    <s v="Visual Studio 2015"/>
    <x v="53"/>
    <s v="Internal Service"/>
    <s v="Information Technology Services"/>
    <s v="VAC-USR-041"/>
    <s v="In Production"/>
    <s v="desktop"/>
    <x v="0"/>
    <x v="3055"/>
  </r>
  <r>
    <x v="8"/>
    <x v="29"/>
    <x v="8244"/>
    <s v="Visual Studio Code"/>
    <s v="Visual Studio Code is a source code editor developed by Microsoft for Windows, Linux and macOS. It includes support for debugging, embedded Git control, syntax highlighting, intelligent code completion, snippets, and code refactoring"/>
    <s v="Microsoft_Corporation"/>
    <x v="1"/>
    <s v="Studio Code"/>
    <x v="53"/>
    <s v="Internal Service"/>
    <s v="Information Technology Services"/>
    <s v="VAC-USR-042"/>
    <s v="In Production"/>
    <s v="desktop"/>
    <x v="0"/>
    <x v="3055"/>
  </r>
  <r>
    <x v="1"/>
    <x v="47"/>
    <x v="8245"/>
    <s v="VNC Viewer and Server"/>
    <s v="VNC Viewer and Server - Used to remotely manage Departmental MAC computers, as well as to remote Desktop computer from VPN laptop."/>
    <s v="Other"/>
    <x v="1"/>
    <s v="RealVNC"/>
    <x v="53"/>
    <s v="Internal Service"/>
    <s v="Information Technology Services"/>
    <s v="VAC-USR-044"/>
    <s v="In Production"/>
    <s v="desktop"/>
    <x v="0"/>
    <x v="3042"/>
  </r>
  <r>
    <x v="10"/>
    <x v="69"/>
    <x v="8246"/>
    <s v="WinSCP version 5.1.4"/>
    <s v="WinSCP version 5.1.4 is a free and open-source SFTP, FTP, WebDAV and SCP client for Microsoft Windows. Its main function is secure file transfer between a local and a remote computer"/>
    <s v="Other"/>
    <x v="1"/>
    <s v="Open Source Product"/>
    <x v="53"/>
    <s v="Internal Service"/>
    <s v="Information Technology Services"/>
    <s v="VAC-USR-047"/>
    <s v="In Production"/>
    <s v="desktop"/>
    <x v="0"/>
    <x v="3042"/>
  </r>
  <r>
    <x v="6"/>
    <x v="48"/>
    <x v="8247"/>
    <s v="WordPerfect"/>
    <s v="This is generate CSDN letters until Adobe/LAIM replaces all letters."/>
    <s v="Corel_Corporation"/>
    <x v="133"/>
    <s v=""/>
    <x v="53"/>
    <s v="Internal Service"/>
    <s v="Information Technology Services"/>
    <s v="VAC-USR-048"/>
    <s v="In Production"/>
    <s v="desktop"/>
    <x v="0"/>
    <x v="2192"/>
  </r>
  <r>
    <x v="10"/>
    <x v="69"/>
    <x v="8248"/>
    <s v="WS_FTP"/>
    <s v="ftp client (WS_FTP LE) edition"/>
    <s v="Other"/>
    <x v="1"/>
    <s v="Ipswitch Inc - WS_FTP"/>
    <x v="53"/>
    <s v="Internal Service"/>
    <s v="Information Technology Services"/>
    <s v="VAC-USR-049"/>
    <s v="In Production"/>
    <s v="desktop"/>
    <x v="0"/>
    <x v="3042"/>
  </r>
  <r>
    <x v="8"/>
    <x v="37"/>
    <x v="8249"/>
    <s v="xRebel"/>
    <s v="XRebel is a browser widget that profiles your application server in real time. It raises issues with slow requests and excessive IO, allowing you to quickly find the root cause."/>
    <s v="Other"/>
    <x v="1"/>
    <s v="Zero Turnaround - xRebel"/>
    <x v="53"/>
    <s v="Internal Service"/>
    <s v="Information Technology Services"/>
    <s v="VAC-USR-050"/>
    <s v="In Production"/>
    <s v="desktop"/>
    <x v="0"/>
    <x v="3056"/>
  </r>
  <r>
    <x v="8"/>
    <x v="83"/>
    <x v="8250"/>
    <s v="Flash Builder"/>
    <s v="Adobe Flash Builder is an integrated development environment built on the Eclipse platform that speeds development of rich Internet applications and cross-platform desktop applications, particularly for the Adobe AIR platform. Used at VAC to modify and build the current Adobe CMS Letter Solution."/>
    <s v="Adobe_Systems_Incorporated"/>
    <x v="1"/>
    <s v=""/>
    <x v="53"/>
    <s v="Internal Service"/>
    <s v="Information Technology Services"/>
    <s v="VAC-USR-051"/>
    <s v="In Production"/>
    <s v="desktop"/>
    <x v="0"/>
    <x v="3057"/>
  </r>
  <r>
    <x v="8"/>
    <x v="29"/>
    <x v="8251"/>
    <s v="Android Studios"/>
    <s v="Android Studio is the official integrated development environment (IDE) for Google's Android operating system,"/>
    <s v="Other"/>
    <x v="1"/>
    <s v="Freeware"/>
    <x v="53"/>
    <s v="Internal Service"/>
    <s v="Information Technology Services"/>
    <s v="VAC-USR-052"/>
    <s v="In Production"/>
    <s v="desktop"/>
    <x v="0"/>
    <x v="3042"/>
  </r>
  <r>
    <x v="4"/>
    <x v="5"/>
    <x v="2587"/>
    <s v="Atom"/>
    <s v="Atom (text editor) Atom is a free and open-source text and source code editor for macOS, Linux, and Microsoft Windows with support for plug-ins written in Node.js, and embedded Git Control, developed by GitHub. Atom is a desktop application built using web technologies."/>
    <s v="Other"/>
    <x v="1"/>
    <s v="Open Source Product"/>
    <x v="53"/>
    <s v="Internal Service"/>
    <s v="Information Technology Services"/>
    <s v="VAC-USR-053"/>
    <s v="In Production"/>
    <s v="desktop"/>
    <x v="0"/>
    <x v="3042"/>
  </r>
  <r>
    <x v="8"/>
    <x v="38"/>
    <x v="8252"/>
    <s v="Mirosoft Dynamics Sure Step 2010"/>
    <s v="Microsoft Dynamics Sure Step is a software tool that provides complete methodologies for the management, deployment, migration, configuration, and upgrading of Microsoft Dynamics products."/>
    <s v="Microsoft_Corporation"/>
    <x v="1"/>
    <s v="Mirosoft Dynamics Sure Step 2010"/>
    <x v="53"/>
    <s v=""/>
    <s v="Information Technology Services"/>
    <s v="VAC-USR-054"/>
    <s v="In Production"/>
    <s v="desktop"/>
    <x v="0"/>
    <x v="301"/>
  </r>
  <r>
    <x v="12"/>
    <x v="74"/>
    <x v="8253"/>
    <s v="Reactotron"/>
    <s v="Reactotron is a free desktop application that allows you to effortlessly inspect your React and React Native apps on macOS, Windows, and Linux."/>
    <s v="Other"/>
    <x v="1"/>
    <s v="Open Source Product"/>
    <x v="53"/>
    <s v="Internal Service"/>
    <s v="Information Technology Services"/>
    <s v="VAC-USR-055"/>
    <s v="In Production"/>
    <s v="desktop"/>
    <x v="0"/>
    <x v="3042"/>
  </r>
  <r>
    <x v="3"/>
    <x v="45"/>
    <x v="254"/>
    <s v="SQLNav"/>
    <s v="Oracle SQL Query and SQL Tuning tool"/>
    <s v="Other"/>
    <x v="1"/>
    <s v="Dell (Quest) - SQL Navigator"/>
    <x v="53"/>
    <s v="Internal Service"/>
    <s v="Information Technology Services"/>
    <s v="VAC-USR-056"/>
    <s v="In Production"/>
    <s v="desktop"/>
    <x v="0"/>
    <x v="3058"/>
  </r>
  <r>
    <x v="3"/>
    <x v="45"/>
    <x v="183"/>
    <s v="TOAD"/>
    <s v="Oracle Database Admin Tool"/>
    <s v="Other"/>
    <x v="1"/>
    <s v="Dell (Quest) - Toad for Oracle"/>
    <x v="53"/>
    <s v="Internal Service"/>
    <s v="Information Technology Services"/>
    <s v="VAC-USR-057"/>
    <s v="In Production"/>
    <s v="desktop"/>
    <x v="0"/>
    <x v="3058"/>
  </r>
  <r>
    <x v="8"/>
    <x v="29"/>
    <x v="8254"/>
    <s v="Xcode"/>
    <s v="Xcode is an integrated development environment for macOS containing a suite of software development tools developed by Apple for developing software for macOS, iOS, watchOS and tvOS"/>
    <s v="Other"/>
    <x v="1"/>
    <s v="Freeware"/>
    <x v="53"/>
    <s v="Internal Service"/>
    <s v="Information Technology Services"/>
    <s v="VAC-USR-058"/>
    <s v="In Production"/>
    <s v="desktop"/>
    <x v="0"/>
    <x v="106"/>
  </r>
  <r>
    <x v="8"/>
    <x v="38"/>
    <x v="2378"/>
    <s v="XRM"/>
    <s v="Set of open source tools to assist in Dynamics CRM devleopment"/>
    <s v="Other"/>
    <x v="1"/>
    <s v="Open Source"/>
    <x v="53"/>
    <s v="Internal Service"/>
    <s v="Information Technology Services"/>
    <s v="VAC-USR-059"/>
    <s v="In Production"/>
    <s v="desktop"/>
    <x v="0"/>
    <x v="3042"/>
  </r>
  <r>
    <x v="8"/>
    <x v="29"/>
    <x v="8255"/>
    <s v="SQRW"/>
    <s v="Sturcture Query Report Writing tool"/>
    <s v="Oracle_Canada_ULC"/>
    <x v="12"/>
    <s v=""/>
    <x v="53"/>
    <s v="Internal Service"/>
    <s v="Information Technology Services"/>
    <s v="VAC-USR-061"/>
    <s v="In Production"/>
    <s v="desktop"/>
    <x v="0"/>
    <x v="3058"/>
  </r>
  <r>
    <x v="8"/>
    <x v="29"/>
    <x v="8256"/>
    <s v="XDE"/>
    <s v="IDE for mobile development"/>
    <s v="Other"/>
    <x v="1"/>
    <s v="Expo"/>
    <x v="53"/>
    <s v="Internal Service"/>
    <s v="Information Technology Services"/>
    <s v="VAC-USR-062"/>
    <s v="In Production"/>
    <s v="desktop"/>
    <x v="0"/>
    <x v="106"/>
  </r>
  <r>
    <x v="4"/>
    <x v="5"/>
    <x v="8257"/>
    <s v="MVB"/>
    <s v="Build your own pdf of VAC programs and services"/>
    <s v=""/>
    <x v="1"/>
    <s v=""/>
    <x v="53"/>
    <s v=""/>
    <s v=""/>
    <s v="APP-04308"/>
    <s v="In Production"/>
    <s v="web"/>
    <x v="1"/>
    <x v="106"/>
  </r>
  <r>
    <x v="6"/>
    <x v="21"/>
    <x v="8258"/>
    <s v="Email"/>
    <s v="Exchange"/>
    <s v="Microsoft_Corporation"/>
    <x v="1"/>
    <s v=""/>
    <x v="54"/>
    <s v="U/K"/>
    <s v="Communications Services"/>
    <s v="WD-WD-DEO-001"/>
    <s v="In Production"/>
    <s v="web"/>
    <x v="0"/>
    <x v="3059"/>
  </r>
  <r>
    <x v="12"/>
    <x v="74"/>
    <x v="8259"/>
    <s v="Remote VPN"/>
    <s v="Secure Remote Access to core WD applications"/>
    <s v="Other"/>
    <x v="14"/>
    <s v="Citrix"/>
    <x v="54"/>
    <s v="U/K"/>
    <s v="Communications Services"/>
    <s v="WD-WD-DEO-002"/>
    <s v="In Production"/>
    <s v="web"/>
    <x v="0"/>
    <x v="3059"/>
  </r>
  <r>
    <x v="0"/>
    <x v="7"/>
    <x v="8260"/>
    <s v="GCDocs"/>
    <m/>
    <s v="Other"/>
    <x v="14"/>
    <s v="OpenText - Content Server 2010 (GcDocs)"/>
    <x v="54"/>
    <s v="U/K"/>
    <s v="Information Management Services"/>
    <s v="WD-WD-DEO-003"/>
    <s v="In Production"/>
    <s v="web"/>
    <x v="0"/>
    <x v="3059"/>
  </r>
  <r>
    <x v="2"/>
    <x v="2"/>
    <x v="8261"/>
    <s v="GX"/>
    <s v="Cluster Group Financial System with G&amp;C module."/>
    <s v="Anthony_Macauley_Associates"/>
    <x v="13"/>
    <s v=""/>
    <x v="54"/>
    <s v="U/K"/>
    <s v="Financial Management Services"/>
    <s v="WD-WD-DEO-004"/>
    <s v="In Production"/>
    <s v=""/>
    <x v="0"/>
    <x v="3060"/>
  </r>
  <r>
    <x v="3"/>
    <x v="31"/>
    <x v="8262"/>
    <s v="Reporting Centre"/>
    <s v="Departmental Reporting System"/>
    <s v="Other"/>
    <x v="14"/>
    <s v="Microsoft - Reporting Services"/>
    <x v="54"/>
    <s v="U/K"/>
    <s v="Financial Management Services"/>
    <s v="WD-WD-DEO-005"/>
    <s v="In Production"/>
    <s v="web"/>
    <x v="0"/>
    <x v="3061"/>
  </r>
  <r>
    <x v="2"/>
    <x v="9"/>
    <x v="8263"/>
    <s v="Gateway"/>
    <s v="Custom Grants and Contribution system"/>
    <s v=""/>
    <x v="1"/>
    <s v=""/>
    <x v="54"/>
    <s v="U/K"/>
    <s v="Other"/>
    <s v="WD-WD-DEO-006"/>
    <s v="In Production"/>
    <s v="web"/>
    <x v="1"/>
    <x v="3062"/>
  </r>
  <r>
    <x v="0"/>
    <x v="28"/>
    <x v="8264"/>
    <s v="ATIP"/>
    <s v="ATIP system"/>
    <s v="Other"/>
    <x v="14"/>
    <s v="Richo - Laserfiche"/>
    <x v="54"/>
    <s v="U/K"/>
    <s v="Information Management Services"/>
    <s v="WD-WD-DEO-008"/>
    <s v="In Production"/>
    <s v="web"/>
    <x v="0"/>
    <x v="3059"/>
  </r>
  <r>
    <x v="0"/>
    <x v="0"/>
    <x v="1038"/>
    <s v="CCM"/>
    <s v="Correspondence Tracking System"/>
    <s v="WorkDynamics_Technologies_Inc"/>
    <x v="0"/>
    <s v=""/>
    <x v="54"/>
    <s v="U/K"/>
    <s v="Other"/>
    <s v="WD-WD-DEO-009"/>
    <s v="In Production"/>
    <s v="web"/>
    <x v="0"/>
    <x v="3063"/>
  </r>
  <r>
    <x v="2"/>
    <x v="9"/>
    <x v="8265"/>
    <s v="CRM"/>
    <s v="Customer relationship management / Integration with G&amp;C's"/>
    <s v="Microsoft_Corporation"/>
    <x v="1"/>
    <s v="Dynamics CRM On-Premise"/>
    <x v="54"/>
    <s v="U/K"/>
    <s v="Other"/>
    <s v="WD-WD-DEO-010"/>
    <s v="In Production"/>
    <s v="web"/>
    <x v="0"/>
    <x v="3064"/>
  </r>
  <r>
    <x v="0"/>
    <x v="7"/>
    <x v="8266"/>
    <s v="WD Portal"/>
    <s v="External Client Portal"/>
    <s v="Other"/>
    <x v="14"/>
    <s v="Microsoft IIS - ADXStudio - SharePoint 2010"/>
    <x v="54"/>
    <s v="U/K"/>
    <s v="Communications Services"/>
    <s v="WD-WD-DEO-011"/>
    <s v="In Production"/>
    <s v="web"/>
    <x v="0"/>
    <x v="3065"/>
  </r>
  <r>
    <x v="0"/>
    <x v="0"/>
    <x v="6640"/>
    <s v="Helpdesk"/>
    <s v="Internal Helpdesk"/>
    <s v="BMC"/>
    <x v="14"/>
    <s v="BMC Software - BMC Service Desk Express"/>
    <x v="54"/>
    <s v="U/K"/>
    <s v="Communications Services"/>
    <s v="WD-WD-DEO-012"/>
    <s v="In Production"/>
    <s v="web"/>
    <x v="0"/>
    <x v="3059"/>
  </r>
  <r>
    <x v="0"/>
    <x v="43"/>
    <x v="8267"/>
    <s v="OpenText Web Content Management System"/>
    <s v="Web Content Management System"/>
    <s v="Other"/>
    <x v="14"/>
    <s v="OpenText Web Content Management System"/>
    <x v="54"/>
    <s v="U/K"/>
    <s v="Other"/>
    <s v="WD-WD-DEO-013"/>
    <s v="In Production"/>
    <s v=""/>
    <x v="0"/>
    <x v="3059"/>
  </r>
  <r>
    <x v="6"/>
    <x v="71"/>
    <x v="6705"/>
    <s v="SCCM"/>
    <s v="Software distribution for the desktop"/>
    <s v="Microsoft"/>
    <x v="14"/>
    <s v="Microsoft SCCM"/>
    <x v="54"/>
    <s v="U/K"/>
    <s v="Information Technology Services"/>
    <s v="WD-WD-DEO-014"/>
    <s v="In Production"/>
    <s v="desktop"/>
    <x v="0"/>
    <x v="3059"/>
  </r>
  <r>
    <x v="6"/>
    <x v="21"/>
    <x v="8268"/>
    <s v="LYNC"/>
    <s v="Screen Sharing, IM and Video Conferencing Integration"/>
    <s v="Other"/>
    <x v="14"/>
    <s v="Lync 2010"/>
    <x v="54"/>
    <s v="U/K"/>
    <s v="Communications Services"/>
    <s v="WD-WD-DEO-015"/>
    <s v="In Production"/>
    <s v=""/>
    <x v="0"/>
    <x v="3066"/>
  </r>
  <r>
    <x v="7"/>
    <x v="26"/>
    <x v="8269"/>
    <s v="Public Website"/>
    <s v="www.wd-deo.gc.ca"/>
    <s v="Microsoft"/>
    <x v="1"/>
    <s v="WWW (IIS Website)"/>
    <x v="54"/>
    <s v="All"/>
    <s v="Communications Services"/>
    <s v="APP-01809"/>
    <s v="In Production"/>
    <s v="web"/>
    <x v="0"/>
    <x v="3067"/>
  </r>
</pivotCacheRecords>
</file>

<file path=xl/pivotTables/_rels/pivotTable1.xml.rels><?xml version="1.0" encoding="UTF-8" standalone="yes"?>
<Relationships xmlns="http://schemas.openxmlformats.org/package/2006/relationships"><Relationship Id="rId1" Type="http://schemas.openxmlformats.org/officeDocument/2006/relationships/pivotCacheDefinition" Target="../pivotCache/pivotCacheDefinition1.xml"/></Relationships>
</file>

<file path=xl/pivotTables/pivotTable1.xml><?xml version="1.0" encoding="utf-8"?>
<pivotTableDefinition xmlns="http://schemas.openxmlformats.org/spreadsheetml/2006/main" name="PivotTable1" cacheId="0" applyNumberFormats="0" applyBorderFormats="0" applyFontFormats="0" applyPatternFormats="0" applyAlignmentFormats="0" applyWidthHeightFormats="1" dataCaption="Values" updatedVersion="5" minRefreshableVersion="3" useAutoFormatting="1" itemPrintTitles="1" createdVersion="5" indent="0" outline="1" outlineData="1" multipleFieldFilters="0">
  <location ref="A8:B64" firstHeaderRow="1" firstDataRow="1" firstDataCol="1" rowPageCount="5" colPageCount="1"/>
  <pivotFields count="16">
    <pivotField axis="axisPage" multipleItemSelectionAllowed="1" showAll="0" defaultSubtotal="0">
      <items count="13">
        <item x="4"/>
        <item x="6"/>
        <item x="3"/>
        <item x="8"/>
        <item x="2"/>
        <item x="0"/>
        <item x="10"/>
        <item x="12"/>
        <item x="7"/>
        <item x="1"/>
        <item x="5"/>
        <item x="9"/>
        <item x="11"/>
      </items>
    </pivotField>
    <pivotField axis="axisPage" multipleItemSelectionAllowed="1" showAll="0" defaultSubtotal="0">
      <items count="123">
        <item x="5"/>
        <item x="82"/>
        <item x="73"/>
        <item x="59"/>
        <item x="55"/>
        <item x="38"/>
        <item x="68"/>
        <item x="118"/>
        <item x="72"/>
        <item x="70"/>
        <item x="112"/>
        <item x="64"/>
        <item x="93"/>
        <item x="31"/>
        <item x="60"/>
        <item x="95"/>
        <item x="33"/>
        <item x="16"/>
        <item x="1"/>
        <item x="89"/>
        <item x="8"/>
        <item x="52"/>
        <item x="104"/>
        <item x="4"/>
        <item x="34"/>
        <item x="45"/>
        <item x="47"/>
        <item x="108"/>
        <item x="71"/>
        <item x="96"/>
        <item x="88"/>
        <item x="7"/>
        <item x="85"/>
        <item x="53"/>
        <item x="19"/>
        <item x="21"/>
        <item x="50"/>
        <item x="49"/>
        <item x="100"/>
        <item x="40"/>
        <item x="91"/>
        <item x="46"/>
        <item x="115"/>
        <item x="18"/>
        <item x="114"/>
        <item x="2"/>
        <item x="23"/>
        <item x="77"/>
        <item x="90"/>
        <item x="14"/>
        <item x="51"/>
        <item x="9"/>
        <item x="35"/>
        <item x="12"/>
        <item x="22"/>
        <item x="3"/>
        <item x="54"/>
        <item x="62"/>
        <item x="56"/>
        <item x="44"/>
        <item x="10"/>
        <item x="11"/>
        <item x="99"/>
        <item x="6"/>
        <item x="81"/>
        <item x="69"/>
        <item x="98"/>
        <item x="15"/>
        <item x="94"/>
        <item x="84"/>
        <item x="122"/>
        <item x="117"/>
        <item x="67"/>
        <item x="74"/>
        <item x="75"/>
        <item x="66"/>
        <item x="48"/>
        <item x="63"/>
        <item x="109"/>
        <item x="102"/>
        <item x="58"/>
        <item x="86"/>
        <item x="92"/>
        <item x="61"/>
        <item x="106"/>
        <item x="42"/>
        <item x="97"/>
        <item x="41"/>
        <item x="24"/>
        <item x="32"/>
        <item x="79"/>
        <item x="113"/>
        <item x="13"/>
        <item x="30"/>
        <item x="107"/>
        <item x="120"/>
        <item x="65"/>
        <item x="28"/>
        <item x="110"/>
        <item x="78"/>
        <item x="26"/>
        <item x="80"/>
        <item x="87"/>
        <item x="101"/>
        <item x="29"/>
        <item x="37"/>
        <item x="25"/>
        <item x="105"/>
        <item x="36"/>
        <item x="111"/>
        <item x="39"/>
        <item x="57"/>
        <item x="20"/>
        <item x="27"/>
        <item x="121"/>
        <item x="103"/>
        <item x="76"/>
        <item x="119"/>
        <item x="116"/>
        <item x="17"/>
        <item x="43"/>
        <item x="83"/>
        <item x="0"/>
      </items>
    </pivotField>
    <pivotField axis="axisRow" showAll="0" defaultSubtotal="0">
      <items count="8270">
        <item x="1183"/>
        <item x="1351"/>
        <item x="3714"/>
        <item x="7548"/>
        <item x="4936"/>
        <item x="1404"/>
        <item x="2918"/>
        <item x="2852"/>
        <item x="5500"/>
        <item x="4003"/>
        <item x="7015"/>
        <item x="5486"/>
        <item x="5295"/>
        <item x="5296"/>
        <item x="5297"/>
        <item x="5298"/>
        <item x="5158"/>
        <item x="175"/>
        <item x="5948"/>
        <item x="4132"/>
        <item x="3498"/>
        <item x="5871"/>
        <item x="1239"/>
        <item x="5869"/>
        <item x="6648"/>
        <item x="1864"/>
        <item x="4420"/>
        <item x="4475"/>
        <item x="7833"/>
        <item x="3053"/>
        <item x="2755"/>
        <item x="6139"/>
        <item x="3501"/>
        <item x="1867"/>
        <item x="7658"/>
        <item x="1394"/>
        <item x="273"/>
        <item x="1405"/>
        <item x="2395"/>
        <item x="5544"/>
        <item x="6234"/>
        <item x="6645"/>
        <item x="4264"/>
        <item x="6874"/>
        <item x="2039"/>
        <item x="3513"/>
        <item x="8007"/>
        <item x="2295"/>
        <item x="2180"/>
        <item x="4686"/>
        <item x="4687"/>
        <item x="579"/>
        <item x="276"/>
        <item x="6578"/>
        <item x="2732"/>
        <item x="8264"/>
        <item x="6137"/>
        <item x="1893"/>
        <item x="2569"/>
        <item x="7984"/>
        <item x="5407"/>
        <item x="5427"/>
        <item x="1037"/>
        <item x="4421"/>
        <item x="7717"/>
        <item x="2179"/>
        <item x="2396"/>
        <item x="3191"/>
        <item x="6405"/>
        <item x="7719"/>
        <item x="224"/>
        <item x="84"/>
        <item x="85"/>
        <item x="429"/>
        <item x="6213"/>
        <item x="6214"/>
        <item x="3833"/>
        <item x="6024"/>
        <item x="5126"/>
        <item x="3922"/>
        <item x="331"/>
        <item x="1271"/>
        <item x="133"/>
        <item x="2823"/>
        <item x="1368"/>
        <item x="1370"/>
        <item x="2994"/>
        <item x="1406"/>
        <item x="1407"/>
        <item x="1408"/>
        <item x="4876"/>
        <item x="1272"/>
        <item x="4938"/>
        <item x="8091"/>
        <item x="2397"/>
        <item x="221"/>
        <item x="225"/>
        <item x="227"/>
        <item x="7972"/>
        <item x="6215"/>
        <item x="3134"/>
        <item x="537"/>
        <item x="2398"/>
        <item x="2399"/>
        <item x="2400"/>
        <item x="3503"/>
        <item x="2741"/>
        <item x="2858"/>
        <item x="1383"/>
        <item x="8008"/>
        <item x="3504"/>
        <item x="92"/>
        <item x="2362"/>
        <item x="1409"/>
        <item x="1410"/>
        <item x="2386"/>
        <item x="440"/>
        <item x="3429"/>
        <item x="6722"/>
        <item x="7683"/>
        <item x="4862"/>
        <item x="4084"/>
        <item x="5982"/>
        <item x="5951"/>
        <item x="6723"/>
        <item x="2124"/>
        <item x="212"/>
        <item x="4047"/>
        <item x="1176"/>
        <item x="5250"/>
        <item x="8002"/>
        <item x="7949"/>
        <item x="203"/>
        <item x="7070"/>
        <item x="7514"/>
        <item x="7300"/>
        <item x="7038"/>
        <item x="6646"/>
        <item x="397"/>
        <item x="6252"/>
        <item x="4107"/>
        <item x="4773"/>
        <item x="251"/>
        <item x="5909"/>
        <item x="6612"/>
        <item x="6613"/>
        <item x="279"/>
        <item x="275"/>
        <item x="2734"/>
        <item x="8216"/>
        <item x="5777"/>
        <item x="1411"/>
        <item x="2401"/>
        <item x="1412"/>
        <item x="1413"/>
        <item x="1414"/>
        <item x="2019"/>
        <item x="1415"/>
        <item x="1416"/>
        <item x="1417"/>
        <item x="2402"/>
        <item x="1418"/>
        <item x="1419"/>
        <item x="6969"/>
        <item x="1420"/>
        <item x="1421"/>
        <item x="1422"/>
        <item x="6992"/>
        <item x="1423"/>
        <item x="8250"/>
        <item x="2403"/>
        <item x="1424"/>
        <item x="1425"/>
        <item x="1426"/>
        <item x="1427"/>
        <item x="4422"/>
        <item x="1166"/>
        <item x="8154"/>
        <item x="8155"/>
        <item x="8156"/>
        <item x="8157"/>
        <item x="8158"/>
        <item x="8219"/>
        <item x="163"/>
        <item x="4505"/>
        <item x="8196"/>
        <item x="5778"/>
        <item x="1428"/>
        <item x="1429"/>
        <item x="1430"/>
        <item x="1431"/>
        <item x="1432"/>
        <item x="1433"/>
        <item x="1434"/>
        <item x="1435"/>
        <item x="8197"/>
        <item x="1436"/>
        <item x="1437"/>
        <item x="1438"/>
        <item x="501"/>
        <item x="3346"/>
        <item x="4972"/>
        <item x="5163"/>
        <item x="6025"/>
        <item x="135"/>
        <item x="2"/>
        <item x="3250"/>
        <item x="6442"/>
        <item x="5143"/>
        <item x="7765"/>
        <item x="5189"/>
        <item x="5095"/>
        <item x="6724"/>
        <item x="7362"/>
        <item x="769"/>
        <item x="240"/>
        <item x="7186"/>
        <item x="777"/>
        <item x="6647"/>
        <item x="1010"/>
        <item x="7244"/>
        <item x="1439"/>
        <item x="1440"/>
        <item x="1441"/>
        <item x="1357"/>
        <item x="3843"/>
        <item x="6575"/>
        <item x="24"/>
        <item x="61"/>
        <item x="15"/>
        <item x="7540"/>
        <item x="7365"/>
        <item x="68"/>
        <item x="76"/>
        <item x="56"/>
        <item x="40"/>
        <item x="116"/>
        <item x="136"/>
        <item x="81"/>
        <item x="78"/>
        <item x="79"/>
        <item x="80"/>
        <item x="59"/>
        <item x="177"/>
        <item x="137"/>
        <item x="197"/>
        <item x="128"/>
        <item x="131"/>
        <item x="552"/>
        <item x="25"/>
        <item x="72"/>
        <item x="5949"/>
        <item x="3506"/>
        <item x="2937"/>
        <item x="4860"/>
        <item x="3507"/>
        <item x="7659"/>
        <item x="6216"/>
        <item x="6217"/>
        <item x="5073"/>
        <item x="5173"/>
        <item x="2981"/>
        <item x="3293"/>
        <item x="3292"/>
        <item x="6629"/>
        <item x="7778"/>
        <item x="7736"/>
        <item x="7877"/>
        <item x="7686"/>
        <item x="5127"/>
        <item x="7378"/>
        <item x="7303"/>
        <item x="4814"/>
        <item x="7802"/>
        <item x="4878"/>
        <item x="7878"/>
        <item x="3251"/>
        <item x="6905"/>
        <item x="1077"/>
        <item x="1079"/>
        <item x="1238"/>
        <item x="1220"/>
        <item x="1219"/>
        <item x="1078"/>
        <item x="1080"/>
        <item x="1081"/>
        <item x="511"/>
        <item x="315"/>
        <item x="7085"/>
        <item x="4050"/>
        <item x="1360"/>
        <item x="1068"/>
        <item x="6871"/>
        <item x="1113"/>
        <item x="3249"/>
        <item x="1442"/>
        <item x="2204"/>
        <item x="4953"/>
        <item x="6105"/>
        <item x="822"/>
        <item x="1443"/>
        <item x="5540"/>
        <item x="7959"/>
        <item x="4507"/>
        <item x="6260"/>
        <item x="6535"/>
        <item x="1444"/>
        <item x="6382"/>
        <item x="7929"/>
        <item x="7930"/>
        <item x="4051"/>
        <item x="4691"/>
        <item x="4684"/>
        <item x="4685"/>
        <item x="4682"/>
        <item x="5322"/>
        <item x="4508"/>
        <item x="4576"/>
        <item x="4952"/>
        <item x="5479"/>
        <item x="5128"/>
        <item x="5201"/>
        <item x="1727"/>
        <item x="5873"/>
        <item x="2958"/>
        <item x="804"/>
        <item x="3914"/>
        <item x="2029"/>
        <item x="3341"/>
        <item x="3355"/>
        <item x="1445"/>
        <item x="7058"/>
        <item x="1950"/>
        <item x="1446"/>
        <item x="8114"/>
        <item x="6174"/>
        <item x="5722"/>
        <item x="612"/>
        <item x="913"/>
        <item x="614"/>
        <item x="559"/>
        <item x="556"/>
        <item x="617"/>
        <item x="996"/>
        <item x="997"/>
        <item x="690"/>
        <item x="909"/>
        <item x="615"/>
        <item x="619"/>
        <item x="743"/>
        <item x="998"/>
        <item x="620"/>
        <item x="616"/>
        <item x="618"/>
        <item x="613"/>
        <item x="622"/>
        <item x="6454"/>
        <item x="380"/>
        <item x="8251"/>
        <item x="1947"/>
        <item x="2181"/>
        <item x="1161"/>
        <item x="1056"/>
        <item x="1728"/>
        <item x="1729"/>
        <item x="7997"/>
        <item x="7948"/>
        <item x="2038"/>
        <item x="6591"/>
        <item x="1730"/>
        <item x="4879"/>
        <item x="8092"/>
        <item x="3508"/>
        <item x="93"/>
        <item x="4265"/>
        <item x="4322"/>
        <item x="5469"/>
        <item x="2370"/>
        <item x="4509"/>
        <item x="487"/>
        <item x="3353"/>
        <item x="1447"/>
        <item x="7012"/>
        <item x="7011"/>
        <item x="7013"/>
        <item x="6725"/>
        <item x="4512"/>
        <item x="6993"/>
        <item x="161"/>
        <item x="7205"/>
        <item x="7084"/>
        <item x="7576"/>
        <item x="7191"/>
        <item x="7460"/>
        <item x="7612"/>
        <item x="3073"/>
        <item x="6726"/>
        <item x="5922"/>
        <item x="1455"/>
        <item x="3986"/>
        <item x="357"/>
        <item x="4045"/>
        <item x="677"/>
        <item x="2810"/>
        <item x="2779"/>
        <item x="2829"/>
        <item x="2582"/>
        <item x="2733"/>
        <item x="2675"/>
        <item x="1448"/>
        <item x="2040"/>
        <item x="2267"/>
        <item x="2890"/>
        <item x="3566"/>
        <item x="4053"/>
        <item x="3432"/>
        <item x="2578"/>
        <item x="5989"/>
        <item x="5983"/>
        <item x="1247"/>
        <item x="2840"/>
        <item x="5404"/>
        <item x="7862"/>
        <item x="3477"/>
        <item x="3837"/>
        <item x="206"/>
        <item x="1449"/>
        <item x="2137"/>
        <item x="2338"/>
        <item x="7784"/>
        <item x="7689"/>
        <item x="2140"/>
        <item x="7690"/>
        <item x="7817"/>
        <item x="5911"/>
        <item x="3878"/>
        <item x="3418"/>
        <item x="3492"/>
        <item x="3502"/>
        <item x="3509"/>
        <item x="1273"/>
        <item x="3074"/>
        <item x="3075"/>
        <item x="3244"/>
        <item x="2986"/>
        <item x="3383"/>
        <item x="3187"/>
        <item x="3510"/>
        <item x="5582"/>
        <item x="3766"/>
        <item x="3893"/>
        <item x="1973"/>
        <item x="2996"/>
        <item x="3557"/>
        <item x="1450"/>
        <item x="3128"/>
        <item x="3065"/>
        <item x="5835"/>
        <item x="1451"/>
        <item x="1452"/>
        <item x="1453"/>
        <item x="5704"/>
        <item x="4013"/>
        <item x="3063"/>
        <item x="1959"/>
        <item x="1958"/>
        <item x="8220"/>
        <item x="5328"/>
        <item x="3511"/>
        <item x="5200"/>
        <item x="2182"/>
        <item x="2277"/>
        <item x="3441"/>
        <item x="5632"/>
        <item x="1324"/>
        <item x="3066"/>
        <item x="1454"/>
        <item x="3067"/>
        <item x="519"/>
        <item x="506"/>
        <item x="5303"/>
        <item x="7276"/>
        <item x="3512"/>
        <item x="5246"/>
        <item x="1033"/>
        <item x="5245"/>
        <item x="5129"/>
        <item x="2575"/>
        <item x="1818"/>
        <item x="1819"/>
        <item x="1457"/>
        <item x="6315"/>
        <item x="4175"/>
        <item x="2183"/>
        <item x="976"/>
        <item x="977"/>
        <item x="1872"/>
        <item x="1871"/>
        <item x="1873"/>
        <item x="5365"/>
        <item x="3076"/>
        <item x="398"/>
        <item x="1964"/>
        <item x="6018"/>
        <item x="2120"/>
        <item x="1875"/>
        <item x="1901"/>
        <item x="6727"/>
        <item x="1732"/>
        <item x="7900"/>
        <item x="1733"/>
        <item x="5698"/>
        <item x="1734"/>
        <item x="1076"/>
        <item x="5766"/>
        <item x="2404"/>
        <item x="2135"/>
        <item x="953"/>
        <item x="790"/>
        <item x="6182"/>
        <item x="5996"/>
        <item x="1735"/>
        <item x="3287"/>
        <item x="3334"/>
        <item x="6140"/>
        <item x="6011"/>
        <item x="6650"/>
        <item x="1169"/>
        <item x="3472"/>
        <item x="5112"/>
        <item x="5130"/>
        <item x="6446"/>
        <item x="1"/>
        <item x="8140"/>
        <item x="4880"/>
        <item x="3460"/>
        <item x="2351"/>
        <item x="2352"/>
        <item x="1922"/>
        <item x="1323"/>
        <item x="1200"/>
        <item x="6184"/>
        <item x="3303"/>
        <item x="3356"/>
        <item x="3340"/>
        <item x="8087"/>
        <item x="4237"/>
        <item x="4236"/>
        <item x="6092"/>
        <item x="4267"/>
        <item x="6539"/>
        <item x="8115"/>
        <item x="4732"/>
        <item x="4019"/>
        <item x="8088"/>
        <item x="4268"/>
        <item x="2405"/>
        <item x="4057"/>
        <item x="4176"/>
        <item x="6307"/>
        <item x="3514"/>
        <item x="3515"/>
        <item x="3516"/>
        <item x="3215"/>
        <item x="4204"/>
        <item x="3464"/>
        <item x="5355"/>
        <item x="5461"/>
        <item x="2587"/>
        <item x="3245"/>
        <item x="2780"/>
        <item x="4515"/>
        <item x="847"/>
        <item x="5409"/>
        <item x="4924"/>
        <item x="7510"/>
        <item x="1458"/>
        <item x="6433"/>
        <item x="4220"/>
        <item x="6026"/>
        <item x="8009"/>
        <item x="5203"/>
        <item x="5939"/>
        <item x="779"/>
        <item x="1004"/>
        <item x="894"/>
        <item x="7874"/>
        <item x="1022"/>
        <item x="538"/>
        <item x="1114"/>
        <item x="4513"/>
        <item x="1956"/>
        <item x="1870"/>
        <item x="969"/>
        <item x="5217"/>
        <item x="4156"/>
        <item x="1115"/>
        <item x="884"/>
        <item x="7908"/>
        <item x="6235"/>
        <item x="2406"/>
        <item x="1459"/>
        <item x="2014"/>
        <item x="2298"/>
        <item x="2015"/>
        <item x="1460"/>
        <item x="2153"/>
        <item x="2017"/>
        <item x="1461"/>
        <item x="5837"/>
        <item x="1462"/>
        <item x="4906"/>
        <item x="1463"/>
        <item x="5779"/>
        <item x="2016"/>
        <item x="5838"/>
        <item x="1464"/>
        <item x="1465"/>
        <item x="1466"/>
        <item x="5819"/>
        <item x="5818"/>
        <item x="5205"/>
        <item x="735"/>
        <item x="911"/>
        <item x="274"/>
        <item x="6362"/>
        <item x="6557"/>
        <item x="5227"/>
        <item x="7691"/>
        <item x="2609"/>
        <item x="764"/>
        <item x="5300"/>
        <item x="2612"/>
        <item x="6630"/>
        <item x="4781"/>
        <item x="1082"/>
        <item x="2615"/>
        <item x="7859"/>
        <item x="7692"/>
        <item x="5218"/>
        <item x="878"/>
        <item x="6649"/>
        <item x="8130"/>
        <item x="277"/>
        <item x="5092"/>
        <item x="2626"/>
        <item x="3168"/>
        <item x="5035"/>
        <item x="130"/>
        <item x="384"/>
        <item x="3184"/>
        <item x="831"/>
        <item x="3141"/>
        <item x="839"/>
        <item x="3194"/>
        <item x="748"/>
        <item x="5426"/>
        <item x="7003"/>
        <item x="4818"/>
        <item x="6448"/>
        <item x="3518"/>
        <item x="3144"/>
        <item x="6006"/>
        <item x="6728"/>
        <item x="6729"/>
        <item x="6730"/>
        <item x="6731"/>
        <item x="6732"/>
        <item x="5840"/>
        <item x="2407"/>
        <item x="7694"/>
        <item x="7695"/>
        <item x="7867"/>
        <item x="7696"/>
        <item x="7726"/>
        <item x="8198"/>
        <item x="5368"/>
        <item x="2185"/>
        <item x="4516"/>
        <item x="236"/>
        <item x="3166"/>
        <item x="3521"/>
        <item x="8116"/>
        <item x="7594"/>
        <item x="7589"/>
        <item x="4517"/>
        <item x="7909"/>
        <item x="7673"/>
        <item x="7105"/>
        <item x="6901"/>
        <item x="7268"/>
        <item x="4423"/>
        <item x="7127"/>
        <item x="7293"/>
        <item x="914"/>
        <item x="482"/>
        <item x="4520"/>
        <item x="4634"/>
        <item x="4956"/>
        <item x="4272"/>
        <item x="95"/>
        <item x="5185"/>
        <item x="3265"/>
        <item x="4012"/>
        <item x="1388"/>
        <item x="1348"/>
        <item x="4842"/>
        <item x="6513"/>
        <item x="5899"/>
        <item x="6190"/>
        <item x="6135"/>
        <item x="5484"/>
        <item x="3302"/>
        <item x="258"/>
        <item x="3522"/>
        <item x="2942"/>
        <item x="3323"/>
        <item x="5219"/>
        <item x="1467"/>
        <item x="2813"/>
        <item x="903"/>
        <item x="891"/>
        <item x="3925"/>
        <item x="4078"/>
        <item x="2550"/>
        <item x="2530"/>
        <item x="2546"/>
        <item x="2538"/>
        <item x="2540"/>
        <item x="8159"/>
        <item x="1468"/>
        <item x="1469"/>
        <item x="3972"/>
        <item x="2715"/>
        <item x="675"/>
        <item x="961"/>
        <item x="2684"/>
        <item x="8126"/>
        <item x="956"/>
        <item x="918"/>
        <item x="957"/>
        <item x="1014"/>
        <item x="1470"/>
        <item x="3203"/>
        <item x="3918"/>
        <item x="5532"/>
        <item x="464"/>
        <item x="4269"/>
        <item x="1979"/>
        <item x="7346"/>
        <item x="7005"/>
        <item x="6897"/>
        <item x="7177"/>
        <item x="7178"/>
        <item x="6899"/>
        <item x="96"/>
        <item x="4239"/>
        <item x="5970"/>
        <item x="6328"/>
        <item x="5968"/>
        <item x="4755"/>
        <item x="4742"/>
        <item x="6294"/>
        <item x="6733"/>
        <item x="1471"/>
        <item x="1472"/>
        <item x="1473"/>
        <item x="3473"/>
        <item x="6902"/>
        <item x="3523"/>
        <item x="1474"/>
        <item x="5431"/>
        <item x="1475"/>
        <item x="343"/>
        <item x="4270"/>
        <item x="4213"/>
        <item x="1476"/>
        <item x="87"/>
        <item x="1477"/>
        <item x="1478"/>
        <item x="1479"/>
        <item x="5356"/>
        <item x="1366"/>
        <item x="1391"/>
        <item x="6014"/>
        <item x="7868"/>
        <item x="7697"/>
        <item x="3118"/>
        <item x="7788"/>
        <item x="5080"/>
        <item x="3926"/>
        <item x="4743"/>
        <item x="6455"/>
        <item x="8221"/>
        <item x="510"/>
        <item x="2296"/>
        <item x="4519"/>
        <item x="5082"/>
        <item x="521"/>
        <item x="1480"/>
        <item x="7591"/>
        <item x="7590"/>
        <item x="6734"/>
        <item x="8222"/>
        <item x="1736"/>
        <item x="7082"/>
        <item x="7081"/>
        <item x="7080"/>
        <item x="7159"/>
        <item x="2297"/>
        <item x="8223"/>
        <item x="5191"/>
        <item x="2787"/>
        <item x="3524"/>
        <item x="4833"/>
        <item x="6735"/>
        <item x="5841"/>
        <item x="6027"/>
        <item x="2342"/>
        <item x="6651"/>
        <item x="8010"/>
        <item x="8011"/>
        <item x="8012"/>
        <item x="2836"/>
        <item x="2716"/>
        <item x="2775"/>
        <item x="2726"/>
        <item x="5096"/>
        <item x="5767"/>
        <item x="1894"/>
        <item x="1895"/>
        <item x="7408"/>
        <item x="6888"/>
        <item x="7410"/>
        <item x="7411"/>
        <item x="6881"/>
        <item x="6889"/>
        <item x="7412"/>
        <item x="7409"/>
        <item x="7413"/>
        <item x="7414"/>
        <item x="4058"/>
        <item x="1737"/>
        <item x="278"/>
        <item x="2041"/>
        <item x="2042"/>
        <item x="2061"/>
        <item x="2055"/>
        <item x="4794"/>
        <item x="2186"/>
        <item x="3069"/>
        <item x="5283"/>
        <item x="3894"/>
        <item x="1481"/>
        <item x="49"/>
        <item x="3175"/>
        <item x="7904"/>
        <item x="5366"/>
        <item x="4060"/>
        <item x="7369"/>
        <item x="1738"/>
        <item x="6506"/>
        <item x="6509"/>
        <item x="6508"/>
        <item x="6507"/>
        <item x="4765"/>
        <item x="1846"/>
        <item x="5718"/>
        <item x="3474"/>
        <item x="97"/>
        <item x="2163"/>
        <item x="7433"/>
        <item x="6652"/>
        <item x="7052"/>
        <item x="7326"/>
        <item x="3197"/>
        <item x="3139"/>
        <item x="2161"/>
        <item x="2156"/>
        <item x="4524"/>
        <item x="2408"/>
        <item x="4518"/>
        <item x="991"/>
        <item x="897"/>
        <item x="6924"/>
        <item x="1275"/>
        <item x="313"/>
        <item x="204"/>
        <item x="5534"/>
        <item x="2849"/>
        <item x="2751"/>
        <item x="6736"/>
        <item x="6719"/>
        <item x="2130"/>
        <item x="6555"/>
        <item x="6556"/>
        <item x="3847"/>
        <item x="3846"/>
        <item x="3845"/>
        <item x="7853"/>
        <item x="3769"/>
        <item x="4271"/>
        <item x="2047"/>
        <item x="6261"/>
        <item x="1000"/>
        <item x="235"/>
        <item x="910"/>
        <item x="2394"/>
        <item x="7071"/>
        <item x="7072"/>
        <item x="7154"/>
        <item x="7420"/>
        <item x="2699"/>
        <item x="967"/>
        <item x="500"/>
        <item x="65"/>
        <item x="378"/>
        <item x="410"/>
        <item x="581"/>
        <item x="386"/>
        <item x="1937"/>
        <item x="5724"/>
        <item x="6470"/>
        <item x="6469"/>
        <item x="6471"/>
        <item x="6540"/>
        <item x="6467"/>
        <item x="6383"/>
        <item x="4010"/>
        <item x="3525"/>
        <item x="3526"/>
        <item x="3528"/>
        <item x="2028"/>
        <item x="6737"/>
        <item x="356"/>
        <item x="6738"/>
        <item x="6654"/>
        <item x="6739"/>
        <item x="6740"/>
        <item x="6741"/>
        <item x="1482"/>
        <item x="5717"/>
        <item x="4525"/>
        <item x="6742"/>
        <item x="6743"/>
        <item x="6744"/>
        <item x="6745"/>
        <item x="6746"/>
        <item x="6747"/>
        <item x="6748"/>
        <item x="4492"/>
        <item x="6029"/>
        <item x="6028"/>
        <item x="8013"/>
        <item x="6749"/>
        <item x="5618"/>
        <item x="5619"/>
        <item x="5441"/>
        <item x="5616"/>
        <item x="5615"/>
        <item x="5592"/>
        <item x="5625"/>
        <item x="5651"/>
        <item x="5650"/>
        <item x="5622"/>
        <item x="4975"/>
        <item x="2154"/>
        <item x="4816"/>
        <item x="6314"/>
        <item x="6313"/>
        <item x="1029"/>
        <item x="1402"/>
        <item x="3529"/>
        <item x="2272"/>
        <item x="2266"/>
        <item x="1369"/>
        <item x="1395"/>
        <item x="4610"/>
        <item x="6653"/>
        <item x="1865"/>
        <item x="5182"/>
        <item x="5093"/>
        <item x="4424"/>
        <item x="8014"/>
        <item x="6750"/>
        <item x="7525"/>
        <item x="7281"/>
        <item x="1483"/>
        <item x="5842"/>
        <item x="4538"/>
        <item x="4540"/>
        <item x="1484"/>
        <item x="1485"/>
        <item x="1486"/>
        <item x="2033"/>
        <item x="5890"/>
        <item x="4528"/>
        <item x="633"/>
        <item x="2713"/>
        <item x="901"/>
        <item x="2725"/>
        <item x="6279"/>
        <item x="6524"/>
        <item x="6525"/>
        <item x="6526"/>
        <item x="6502"/>
        <item x="5901"/>
        <item x="2721"/>
        <item x="1288"/>
        <item x="2588"/>
        <item x="7954"/>
        <item x="6116"/>
        <item x="263"/>
        <item x="8132"/>
        <item x="8131"/>
        <item x="2722"/>
        <item x="4062"/>
        <item x="4090"/>
        <item x="4064"/>
        <item x="2750"/>
        <item x="2018"/>
        <item x="6623"/>
        <item x="3859"/>
        <item x="5439"/>
        <item x="6114"/>
        <item x="6572"/>
        <item x="6571"/>
        <item x="3088"/>
        <item x="4806"/>
        <item x="2034"/>
        <item x="2035"/>
        <item x="3151"/>
        <item x="2128"/>
        <item x="7708"/>
        <item x="6087"/>
        <item x="6129"/>
        <item x="3089"/>
        <item x="2683"/>
        <item x="1739"/>
        <item x="89"/>
        <item x="7700"/>
        <item x="7701"/>
        <item x="3098"/>
        <item x="3131"/>
        <item x="4589"/>
        <item x="4536"/>
        <item x="6115"/>
        <item x="3210"/>
        <item x="4275"/>
        <item x="1069"/>
        <item x="1289"/>
        <item x="3061"/>
        <item x="2992"/>
        <item x="1815"/>
        <item x="5725"/>
        <item x="6614"/>
        <item x="6615"/>
        <item x="3530"/>
        <item x="4899"/>
        <item x="4763"/>
        <item x="5117"/>
        <item x="4859"/>
        <item x="5186"/>
        <item x="4881"/>
        <item x="5097"/>
        <item x="5100"/>
        <item x="4990"/>
        <item x="4874"/>
        <item x="4856"/>
        <item x="5065"/>
        <item x="5054"/>
        <item x="4799"/>
        <item x="4894"/>
        <item x="6223"/>
        <item x="4903"/>
        <item x="5337"/>
        <item x="5338"/>
        <item x="5440"/>
        <item x="5462"/>
        <item x="2744"/>
        <item x="5121"/>
        <item x="5122"/>
        <item x="3531"/>
        <item x="3832"/>
        <item x="3869"/>
        <item x="4067"/>
        <item x="3741"/>
        <item x="3234"/>
        <item x="3133"/>
        <item x="3890"/>
        <item x="4277"/>
        <item x="4537"/>
        <item x="4550"/>
        <item x="4716"/>
        <item x="5172"/>
        <item x="7489"/>
        <item x="4698"/>
        <item x="4183"/>
        <item x="3126"/>
        <item x="7968"/>
        <item x="5491"/>
        <item x="4955"/>
        <item x="5824"/>
        <item x="6088"/>
        <item x="3152"/>
        <item x="4049"/>
        <item x="4094"/>
        <item x="2676"/>
        <item x="60"/>
        <item x="4558"/>
        <item x="4559"/>
        <item x="6580"/>
        <item x="2187"/>
        <item x="6569"/>
        <item x="6558"/>
        <item x="6559"/>
        <item x="6570"/>
        <item x="6560"/>
        <item x="6561"/>
        <item x="6616"/>
        <item x="6562"/>
        <item x="3009"/>
        <item x="7702"/>
        <item x="7820"/>
        <item x="7946"/>
        <item x="7819"/>
        <item x="7634"/>
        <item x="7821"/>
        <item x="6009"/>
        <item x="2563"/>
        <item x="2749"/>
        <item x="3532"/>
        <item x="3533"/>
        <item x="3442"/>
        <item x="3103"/>
        <item x="7664"/>
        <item x="2164"/>
        <item x="5583"/>
        <item x="7275"/>
        <item x="6113"/>
        <item x="7752"/>
        <item x="7379"/>
        <item x="5361"/>
        <item x="7572"/>
        <item x="6373"/>
        <item x="6089"/>
        <item x="2724"/>
        <item x="2682"/>
        <item x="5822"/>
        <item x="5695"/>
        <item x="5483"/>
        <item x="5602"/>
        <item x="5501"/>
        <item x="3475"/>
        <item x="2409"/>
        <item x="7359"/>
        <item x="7903"/>
        <item x="5699"/>
        <item x="7916"/>
        <item x="7703"/>
        <item x="7887"/>
        <item x="5052"/>
        <item x="5221"/>
        <item x="5273"/>
        <item x="3534"/>
        <item x="6880"/>
        <item x="6485"/>
        <item x="6298"/>
        <item x="3071"/>
        <item x="2974"/>
        <item x="2975"/>
        <item x="6484"/>
        <item x="7137"/>
        <item x="7014"/>
        <item x="6218"/>
        <item x="6316"/>
        <item x="462"/>
        <item x="7870"/>
        <item x="7709"/>
        <item x="2265"/>
        <item x="4768"/>
        <item x="5370"/>
        <item x="8144"/>
        <item x="1827"/>
        <item x="3535"/>
        <item x="3536"/>
        <item x="3537"/>
        <item x="3372"/>
        <item x="3373"/>
        <item x="379"/>
        <item x="582"/>
        <item x="605"/>
        <item x="606"/>
        <item x="761"/>
        <item x="987"/>
        <item x="5443"/>
        <item x="623"/>
        <item x="609"/>
        <item x="610"/>
        <item x="611"/>
        <item x="2044"/>
        <item x="4390"/>
        <item x="5010"/>
        <item x="6438"/>
        <item x="3844"/>
        <item x="625"/>
        <item x="624"/>
        <item x="626"/>
        <item x="4288"/>
        <item x="907"/>
        <item x="608"/>
        <item x="627"/>
        <item x="4289"/>
        <item x="628"/>
        <item x="746"/>
        <item x="4292"/>
        <item x="7342"/>
        <item x="2410"/>
        <item x="6133"/>
        <item x="6195"/>
        <item x="4850"/>
        <item x="4852"/>
        <item x="6219"/>
        <item x="264"/>
        <item x="314"/>
        <item x="3539"/>
        <item x="8224"/>
        <item x="375"/>
        <item x="337"/>
        <item x="374"/>
        <item x="373"/>
        <item x="286"/>
        <item x="342"/>
        <item x="4531"/>
        <item x="3090"/>
        <item x="5578"/>
        <item x="5579"/>
        <item x="5577"/>
        <item x="5645"/>
        <item x="5644"/>
        <item x="5646"/>
        <item x="2962"/>
        <item x="3540"/>
        <item x="3541"/>
        <item x="3542"/>
        <item x="3543"/>
        <item x="3544"/>
        <item x="3545"/>
        <item x="5247"/>
        <item x="4898"/>
        <item x="2835"/>
        <item x="4882"/>
        <item x="6963"/>
        <item x="7337"/>
        <item x="7338"/>
        <item x="7550"/>
        <item x="7492"/>
        <item x="6961"/>
        <item x="7463"/>
        <item x="7466"/>
        <item x="7030"/>
        <item x="7465"/>
        <item x="7335"/>
        <item x="7032"/>
        <item x="7031"/>
        <item x="7336"/>
        <item x="7462"/>
        <item x="7507"/>
        <item x="6402"/>
        <item x="3768"/>
        <item x="3786"/>
        <item x="3772"/>
        <item x="3801"/>
        <item x="6271"/>
        <item x="3802"/>
        <item x="3811"/>
        <item x="4757"/>
        <item x="4759"/>
        <item x="1900"/>
        <item x="5436"/>
        <item x="4758"/>
        <item x="1038"/>
        <item x="2315"/>
        <item x="1209"/>
        <item x="5957"/>
        <item x="7592"/>
        <item x="2877"/>
        <item x="6655"/>
        <item x="7615"/>
        <item x="7815"/>
        <item x="7816"/>
        <item x="7747"/>
        <item x="7936"/>
        <item x="7935"/>
        <item x="7750"/>
        <item x="7741"/>
        <item x="7663"/>
        <item x="7888"/>
        <item x="7744"/>
        <item x="7740"/>
        <item x="7937"/>
        <item x="7624"/>
        <item x="7743"/>
        <item x="7749"/>
        <item x="7739"/>
        <item x="7824"/>
        <item x="7745"/>
        <item x="7827"/>
        <item x="4535"/>
        <item x="7889"/>
        <item x="7829"/>
        <item x="7834"/>
        <item x="7746"/>
        <item x="7838"/>
        <item x="7748"/>
        <item x="7646"/>
        <item x="7655"/>
        <item x="7938"/>
        <item x="7742"/>
        <item x="7723"/>
        <item x="5418"/>
        <item x="5721"/>
        <item x="3836"/>
        <item x="4796"/>
        <item x="5488"/>
        <item x="6882"/>
        <item x="741"/>
        <item x="466"/>
        <item x="1276"/>
        <item x="1277"/>
        <item x="1278"/>
        <item x="1279"/>
        <item x="1280"/>
        <item x="1281"/>
        <item x="1282"/>
        <item x="1283"/>
        <item x="1284"/>
        <item x="5046"/>
        <item x="1487"/>
        <item x="687"/>
        <item x="1138"/>
        <item x="7731"/>
        <item x="3107"/>
        <item x="7288"/>
        <item x="2855"/>
        <item x="3122"/>
        <item x="1488"/>
        <item x="7461"/>
        <item x="7059"/>
        <item x="6933"/>
        <item x="6932"/>
        <item x="7374"/>
        <item x="7403"/>
        <item x="7360"/>
        <item x="7184"/>
        <item x="7163"/>
        <item x="7264"/>
        <item x="7060"/>
        <item x="7061"/>
        <item x="7063"/>
        <item x="7064"/>
        <item x="7062"/>
        <item x="7165"/>
        <item x="7065"/>
        <item x="7066"/>
        <item x="1208"/>
        <item x="6423"/>
        <item x="5099"/>
        <item x="329"/>
        <item x="1001"/>
        <item x="2046"/>
        <item x="473"/>
        <item x="2411"/>
        <item x="6224"/>
        <item x="3435"/>
        <item x="7162"/>
        <item x="2756"/>
        <item x="6220"/>
        <item x="471"/>
        <item x="2784"/>
        <item x="8081"/>
        <item x="6369"/>
        <item x="4095"/>
        <item x="5633"/>
        <item x="6090"/>
        <item x="5669"/>
        <item x="5671"/>
        <item x="5670"/>
        <item x="5668"/>
        <item x="5449"/>
        <item x="5884"/>
        <item x="5666"/>
        <item x="5667"/>
        <item x="5676"/>
        <item x="5677"/>
        <item x="5675"/>
        <item x="5672"/>
        <item x="5674"/>
        <item x="5673"/>
        <item x="5678"/>
        <item x="5679"/>
        <item x="5416"/>
        <item x="1356"/>
        <item x="7987"/>
        <item x="2122"/>
        <item x="2919"/>
        <item x="3916"/>
        <item x="3913"/>
        <item x="4885"/>
        <item x="4992"/>
        <item x="1174"/>
        <item x="1164"/>
        <item x="1185"/>
        <item x="1189"/>
        <item x="1285"/>
        <item x="1364"/>
        <item x="1163"/>
        <item x="4849"/>
        <item x="5150"/>
        <item x="5726"/>
        <item x="5353"/>
        <item x="5727"/>
        <item x="5700"/>
        <item x="5348"/>
        <item x="5728"/>
        <item x="5729"/>
        <item x="5730"/>
        <item x="5408"/>
        <item x="5349"/>
        <item x="5352"/>
        <item x="6517"/>
        <item x="5731"/>
        <item x="6656"/>
        <item x="6751"/>
        <item x="1847"/>
        <item x="7086"/>
        <item x="5649"/>
        <item x="5588"/>
        <item x="4007"/>
        <item x="5036"/>
        <item x="3424"/>
        <item x="4099"/>
        <item x="1290"/>
        <item x="6360"/>
        <item x="6413"/>
        <item x="6361"/>
        <item x="6429"/>
        <item x="6414"/>
        <item x="6412"/>
        <item x="6368"/>
        <item x="6657"/>
        <item x="3547"/>
        <item x="638"/>
        <item x="951"/>
        <item x="6752"/>
        <item x="2529"/>
        <item x="4392"/>
        <item x="5428"/>
        <item x="3991"/>
        <item x="558"/>
        <item x="636"/>
        <item x="156"/>
        <item x="1291"/>
        <item x="1292"/>
        <item x="7056"/>
        <item x="3549"/>
        <item x="1359"/>
        <item x="7087"/>
        <item x="1293"/>
        <item x="4182"/>
        <item x="4072"/>
        <item x="4073"/>
        <item x="5332"/>
        <item x="1198"/>
        <item x="1816"/>
        <item x="3111"/>
        <item x="6633"/>
        <item x="4074"/>
        <item x="634"/>
        <item x="631"/>
        <item x="6632"/>
        <item x="649"/>
        <item x="651"/>
        <item x="5693"/>
        <item x="1866"/>
        <item x="5887"/>
        <item x="5888"/>
        <item x="5889"/>
        <item x="5886"/>
        <item x="3357"/>
        <item x="4059"/>
        <item x="3548"/>
        <item x="3443"/>
        <item x="3406"/>
        <item x="3731"/>
        <item x="3405"/>
        <item x="3550"/>
        <item x="6753"/>
        <item x="1347"/>
        <item x="4407"/>
        <item x="4278"/>
        <item x="4279"/>
        <item x="1358"/>
        <item x="1392"/>
        <item x="492"/>
        <item x="514"/>
        <item x="6033"/>
        <item x="4514"/>
        <item x="1970"/>
        <item x="4545"/>
        <item x="4671"/>
        <item x="4672"/>
        <item x="1828"/>
        <item x="6125"/>
        <item x="48"/>
        <item x="4722"/>
        <item x="3132"/>
        <item x="8124"/>
        <item x="2413"/>
        <item x="6754"/>
        <item x="6583"/>
        <item x="6755"/>
        <item x="6756"/>
        <item x="6757"/>
        <item x="6758"/>
        <item x="6759"/>
        <item x="6760"/>
        <item x="6761"/>
        <item x="6762"/>
        <item x="6763"/>
        <item x="6764"/>
        <item x="6765"/>
        <item x="6766"/>
        <item x="6767"/>
        <item x="6768"/>
        <item x="6590"/>
        <item x="6658"/>
        <item x="14"/>
        <item x="4805"/>
        <item x="3047"/>
        <item x="3281"/>
        <item x="3046"/>
        <item x="2766"/>
        <item x="4280"/>
        <item x="1993"/>
        <item x="8123"/>
        <item x="465"/>
        <item x="2414"/>
        <item x="768"/>
        <item x="635"/>
        <item x="7706"/>
        <item x="7803"/>
        <item x="7781"/>
        <item x="7618"/>
        <item x="7869"/>
        <item x="7662"/>
        <item x="7687"/>
        <item x="7707"/>
        <item x="7782"/>
        <item x="7710"/>
        <item x="2739"/>
        <item x="2892"/>
        <item x="8120"/>
        <item x="4834"/>
        <item x="2189"/>
        <item x="5031"/>
        <item x="6197"/>
        <item x="6674"/>
        <item x="6659"/>
        <item x="6660"/>
        <item x="4565"/>
        <item x="7416"/>
        <item x="4282"/>
        <item x="1489"/>
        <item x="1490"/>
        <item x="7813"/>
        <item x="3242"/>
        <item x="1101"/>
        <item x="4533"/>
        <item x="1945"/>
        <item x="4738"/>
        <item x="4539"/>
        <item x="4276"/>
        <item x="4688"/>
        <item x="4212"/>
        <item x="1052"/>
        <item x="1053"/>
        <item x="641"/>
        <item x="3493"/>
        <item x="8068"/>
        <item x="8125"/>
        <item x="4290"/>
        <item x="4291"/>
        <item x="6404"/>
        <item x="6437"/>
        <item x="3408"/>
        <item x="3102"/>
        <item x="3239"/>
        <item x="3028"/>
        <item x="3034"/>
        <item x="3020"/>
        <item x="3019"/>
        <item x="3031"/>
        <item x="3016"/>
        <item x="3041"/>
        <item x="3040"/>
        <item x="3039"/>
        <item x="3035"/>
        <item x="3025"/>
        <item x="3023"/>
        <item x="3026"/>
        <item x="3235"/>
        <item x="3036"/>
        <item x="3037"/>
        <item x="3024"/>
        <item x="3017"/>
        <item x="3029"/>
        <item x="3021"/>
        <item x="3236"/>
        <item x="3030"/>
        <item x="3038"/>
        <item x="3022"/>
        <item x="3240"/>
        <item x="3014"/>
        <item x="3027"/>
        <item x="3015"/>
        <item x="3032"/>
        <item x="3018"/>
        <item x="3241"/>
        <item x="5709"/>
        <item x="5502"/>
        <item x="1491"/>
        <item x="4886"/>
        <item x="4096"/>
        <item x="1492"/>
        <item x="5638"/>
        <item x="5903"/>
        <item x="5636"/>
        <item x="5467"/>
        <item x="5634"/>
        <item x="5635"/>
        <item x="5637"/>
        <item x="5597"/>
        <item x="5639"/>
        <item x="5596"/>
        <item x="5609"/>
        <item x="5640"/>
        <item x="5594"/>
        <item x="5595"/>
        <item x="5468"/>
        <item x="5900"/>
        <item x="5466"/>
        <item x="1493"/>
        <item x="1494"/>
        <item x="3252"/>
        <item x="4551"/>
        <item x="7384"/>
        <item x="3008"/>
        <item x="2058"/>
        <item x="5333"/>
        <item x="3253"/>
        <item x="3552"/>
        <item x="3551"/>
        <item x="7428"/>
        <item x="1495"/>
        <item x="6769"/>
        <item x="5810"/>
        <item x="4553"/>
        <item x="4493"/>
        <item x="1034"/>
        <item x="4283"/>
        <item x="3580"/>
        <item x="4274"/>
        <item x="8160"/>
        <item x="5952"/>
        <item x="8161"/>
        <item x="1036"/>
        <item x="8162"/>
        <item x="4853"/>
        <item x="2263"/>
        <item x="4736"/>
        <item x="191"/>
        <item x="7141"/>
        <item x="7106"/>
        <item x="4425"/>
        <item x="4715"/>
        <item x="3553"/>
        <item x="3465"/>
        <item x="5334"/>
        <item x="4689"/>
        <item x="4727"/>
        <item x="8117"/>
        <item x="8015"/>
        <item x="2783"/>
        <item x="4917"/>
        <item x="7643"/>
        <item x="2415"/>
        <item x="194"/>
        <item x="1051"/>
        <item x="4787"/>
        <item x="6641"/>
        <item x="2788"/>
        <item x="1919"/>
        <item x="7732"/>
        <item x="4284"/>
        <item x="259"/>
        <item x="3371"/>
        <item x="383"/>
        <item x="414"/>
        <item x="348"/>
        <item x="349"/>
        <item x="409"/>
        <item x="311"/>
        <item x="360"/>
        <item x="408"/>
        <item x="341"/>
        <item x="3796"/>
        <item x="6504"/>
        <item x="3138"/>
        <item x="2885"/>
        <item x="3400"/>
        <item x="3476"/>
        <item x="1054"/>
        <item x="6253"/>
        <item x="4223"/>
        <item x="8076"/>
        <item x="8075"/>
        <item x="3554"/>
        <item x="8163"/>
        <item x="1241"/>
        <item x="6352"/>
        <item x="7563"/>
        <item x="7910"/>
        <item x="6563"/>
        <item x="3561"/>
        <item x="639"/>
        <item x="6221"/>
        <item x="2800"/>
        <item x="2802"/>
        <item x="5732"/>
        <item x="5529"/>
        <item x="3970"/>
        <item x="3927"/>
        <item x="923"/>
        <item x="6872"/>
        <item x="5526"/>
        <item x="7665"/>
        <item x="3555"/>
        <item x="6032"/>
        <item x="8016"/>
        <item x="3556"/>
        <item x="283"/>
        <item x="6631"/>
        <item x="468"/>
        <item x="5712"/>
        <item x="2752"/>
        <item x="6117"/>
        <item x="4844"/>
        <item x="2327"/>
        <item x="58"/>
        <item x="3928"/>
        <item x="1018"/>
        <item x="4532"/>
        <item x="2805"/>
        <item x="6236"/>
        <item x="5017"/>
        <item x="2759"/>
        <item x="439"/>
        <item x="4"/>
        <item x="4529"/>
        <item x="1314"/>
        <item x="1740"/>
        <item x="2225"/>
        <item x="3327"/>
        <item x="3325"/>
        <item x="7711"/>
        <item x="596"/>
        <item x="595"/>
        <item x="3326"/>
        <item x="990"/>
        <item x="3558"/>
        <item x="1017"/>
        <item x="640"/>
        <item x="591"/>
        <item x="3058"/>
        <item x="585"/>
        <item x="564"/>
        <item x="195"/>
        <item x="926"/>
        <item x="3324"/>
        <item x="1093"/>
        <item x="1257"/>
        <item x="5503"/>
        <item x="4426"/>
        <item x="4427"/>
        <item x="5007"/>
        <item x="4079"/>
        <item x="2811"/>
        <item x="5999"/>
        <item x="4418"/>
        <item x="2043"/>
        <item x="7804"/>
        <item x="2190"/>
        <item x="6584"/>
        <item x="2325"/>
        <item x="2191"/>
        <item x="561"/>
        <item x="5768"/>
        <item x="4726"/>
        <item x="5320"/>
        <item x="654"/>
        <item x="4907"/>
        <item x="5248"/>
        <item x="6378"/>
        <item x="3559"/>
        <item x="6300"/>
        <item x="2155"/>
        <item x="3546"/>
        <item x="4995"/>
        <item x="1741"/>
        <item x="5222"/>
        <item x="4861"/>
        <item x="6661"/>
        <item x="2097"/>
        <item x="4397"/>
        <item x="8164"/>
        <item x="6348"/>
        <item x="1108"/>
        <item x="6662"/>
        <item x="6967"/>
        <item x="8175"/>
        <item x="6890"/>
        <item x="6085"/>
        <item x="5272"/>
        <item x="6663"/>
        <item x="5369"/>
        <item x="3527"/>
        <item x="1961"/>
        <item x="1960"/>
        <item x="284"/>
        <item x="415"/>
        <item x="3901"/>
        <item x="4174"/>
        <item x="3059"/>
        <item x="1742"/>
        <item x="4627"/>
        <item x="4628"/>
        <item x="115"/>
        <item x="2193"/>
        <item x="3328"/>
        <item x="5720"/>
        <item x="1967"/>
        <item x="5525"/>
        <item x="8017"/>
        <item x="3718"/>
        <item x="3560"/>
        <item x="7712"/>
        <item x="5032"/>
        <item x="3838"/>
        <item x="1496"/>
        <item x="5417"/>
        <item x="8260"/>
        <item x="5207"/>
        <item x="7985"/>
        <item x="632"/>
        <item x="223"/>
        <item x="2194"/>
        <item x="5131"/>
        <item x="3989"/>
        <item x="6205"/>
        <item x="6206"/>
        <item x="8098"/>
        <item x="405"/>
        <item x="4611"/>
        <item x="3952"/>
        <item x="4552"/>
        <item x="6237"/>
        <item x="4801"/>
        <item x="2827"/>
        <item x="469"/>
        <item x="4044"/>
        <item x="6272"/>
        <item x="6415"/>
        <item x="4281"/>
        <item x="4690"/>
        <item x="6664"/>
        <item x="6207"/>
        <item x="4522"/>
        <item x="490"/>
        <item x="4567"/>
        <item x="4541"/>
        <item x="4543"/>
        <item x="4568"/>
        <item x="7160"/>
        <item x="7385"/>
        <item x="2341"/>
        <item x="2195"/>
        <item x="8225"/>
        <item x="5855"/>
        <item x="5853"/>
        <item x="6034"/>
        <item x="7974"/>
        <item x="5985"/>
        <item x="5780"/>
        <item x="3354"/>
        <item x="1497"/>
        <item x="3077"/>
        <item x="7182"/>
        <item x="282"/>
        <item x="2920"/>
        <item x="4428"/>
        <item x="630"/>
        <item x="2814"/>
        <item x="242"/>
        <item x="5980"/>
        <item x="3771"/>
        <item x="642"/>
        <item x="6665"/>
        <item x="2847"/>
        <item x="4904"/>
        <item x="2681"/>
        <item x="2801"/>
        <item x="2803"/>
        <item x="2736"/>
        <item x="239"/>
        <item x="643"/>
        <item x="2308"/>
        <item x="2714"/>
        <item x="644"/>
        <item x="2417"/>
        <item x="4555"/>
        <item x="2196"/>
        <item x="7941"/>
        <item x="6208"/>
        <item x="6156"/>
        <item x="2045"/>
        <item x="794"/>
        <item x="2669"/>
        <item x="8141"/>
        <item x="2825"/>
        <item x="3773"/>
        <item x="919"/>
        <item x="332"/>
        <item x="2324"/>
        <item x="3774"/>
        <item x="4398"/>
        <item x="6666"/>
        <item x="45"/>
        <item x="4908"/>
        <item x="3775"/>
        <item x="603"/>
        <item x="3209"/>
        <item x="5240"/>
        <item x="27"/>
        <item x="4557"/>
        <item x="4286"/>
        <item x="4285"/>
        <item x="4287"/>
        <item x="312"/>
        <item x="7456"/>
        <item x="1498"/>
        <item x="7320"/>
        <item x="7542"/>
        <item x="7556"/>
        <item x="7543"/>
        <item x="7455"/>
        <item x="7218"/>
        <item x="7457"/>
        <item x="7458"/>
        <item x="7453"/>
        <item x="3062"/>
        <item x="67"/>
        <item x="778"/>
        <item x="75"/>
        <item x="1030"/>
        <item x="2838"/>
        <item x="645"/>
        <item x="950"/>
        <item x="648"/>
        <item x="572"/>
        <item x="3316"/>
        <item x="3762"/>
        <item x="3751"/>
        <item x="3752"/>
        <item x="3753"/>
        <item x="4560"/>
        <item x="7297"/>
        <item x="3754"/>
        <item x="428"/>
        <item x="6550"/>
        <item x="2197"/>
        <item x="5171"/>
        <item x="4744"/>
        <item x="1235"/>
        <item x="7287"/>
        <item x="1376"/>
        <item x="7363"/>
        <item x="3562"/>
        <item x="4562"/>
        <item x="6225"/>
        <item x="4273"/>
        <item x="4122"/>
        <item x="4897"/>
        <item x="6928"/>
        <item x="404"/>
        <item x="3563"/>
        <item x="1971"/>
        <item x="450"/>
        <item x="531"/>
        <item x="1499"/>
        <item x="5444"/>
        <item x="4563"/>
        <item x="2323"/>
        <item x="2278"/>
        <item x="2198"/>
        <item x="6148"/>
        <item x="6147"/>
        <item x="7280"/>
        <item x="8165"/>
        <item x="8166"/>
        <item x="7245"/>
        <item x="2212"/>
        <item x="2789"/>
        <item x="2743"/>
        <item x="647"/>
        <item x="5604"/>
        <item x="5617"/>
        <item x="5587"/>
        <item x="5585"/>
        <item x="5620"/>
        <item x="5623"/>
        <item x="5613"/>
        <item x="5610"/>
        <item x="5589"/>
        <item x="5614"/>
        <item x="5590"/>
        <item x="5611"/>
        <item x="5584"/>
        <item x="5621"/>
        <item x="5591"/>
        <item x="5586"/>
        <item x="5612"/>
        <item x="5624"/>
        <item x="5593"/>
        <item x="5652"/>
        <item x="2169"/>
        <item x="3068"/>
        <item x="5090"/>
        <item x="8226"/>
        <item x="4429"/>
        <item x="652"/>
        <item x="653"/>
        <item x="5258"/>
        <item x="2275"/>
        <item x="6354"/>
        <item x="1903"/>
        <item x="1294"/>
        <item x="1500"/>
        <item x="6910"/>
        <item x="6564"/>
        <item x="5563"/>
        <item x="5684"/>
        <item x="7511"/>
        <item x="6226"/>
        <item x="281"/>
        <item x="981"/>
        <item x="260"/>
        <item x="316"/>
        <item x="298"/>
        <item x="2970"/>
        <item x="261"/>
        <item x="323"/>
        <item x="262"/>
        <item x="317"/>
        <item x="4081"/>
        <item x="2418"/>
        <item x="5008"/>
        <item x="1149"/>
        <item x="1286"/>
        <item x="1287"/>
        <item x="5733"/>
        <item x="5734"/>
        <item x="5735"/>
        <item x="7282"/>
        <item x="4803"/>
        <item x="4804"/>
        <item x="2419"/>
        <item x="7301"/>
        <item x="111"/>
        <item x="1501"/>
        <item x="4780"/>
        <item x="5103"/>
        <item x="5470"/>
        <item x="7880"/>
        <item x="200"/>
        <item x="1295"/>
        <item x="1296"/>
        <item x="1297"/>
        <item x="1298"/>
        <item x="4087"/>
        <item x="3478"/>
        <item x="4827"/>
        <item x="7715"/>
        <item x="5132"/>
        <item x="2420"/>
        <item x="340"/>
        <item x="437"/>
        <item x="1502"/>
        <item x="5988"/>
        <item x="7397"/>
        <item x="2280"/>
        <item x="6111"/>
        <item x="401"/>
        <item x="325"/>
        <item x="328"/>
        <item x="326"/>
        <item x="324"/>
        <item x="566"/>
        <item x="1396"/>
        <item x="6581"/>
        <item x="7158"/>
        <item x="6521"/>
        <item x="6770"/>
        <item x="1848"/>
        <item x="1876"/>
        <item x="1829"/>
        <item x="8167"/>
        <item x="657"/>
        <item x="734"/>
        <item x="905"/>
        <item x="592"/>
        <item x="6123"/>
        <item x="2902"/>
        <item x="7482"/>
        <item x="1978"/>
        <item x="3101"/>
        <item x="2165"/>
        <item x="4034"/>
        <item x="4913"/>
        <item x="4083"/>
        <item x="4837"/>
        <item x="3381"/>
        <item x="7083"/>
        <item x="6601"/>
        <item x="3213"/>
        <item x="7156"/>
        <item x="4297"/>
        <item x="3146"/>
        <item x="2199"/>
        <item x="1299"/>
        <item x="1743"/>
        <item x="7907"/>
        <item x="7364"/>
        <item x="3349"/>
        <item x="5410"/>
        <item x="6532"/>
        <item x="4960"/>
        <item x="7140"/>
        <item x="5238"/>
        <item x="7934"/>
        <item x="1346"/>
        <item x="2200"/>
        <item x="4178"/>
        <item x="6771"/>
        <item x="6772"/>
        <item x="2421"/>
        <item x="1240"/>
        <item x="3929"/>
        <item x="6667"/>
        <item x="7792"/>
        <item x="1503"/>
        <item x="3305"/>
        <item x="5069"/>
        <item x="5225"/>
        <item x="4914"/>
        <item x="4864"/>
        <item x="5279"/>
        <item x="6336"/>
        <item x="7871"/>
        <item x="7625"/>
        <item x="6668"/>
        <item x="7716"/>
        <item x="4210"/>
        <item x="5545"/>
        <item x="5350"/>
        <item x="7357"/>
        <item x="7092"/>
        <item x="7358"/>
        <item x="7045"/>
        <item x="7044"/>
        <item x="7349"/>
        <item x="7355"/>
        <item x="2158"/>
        <item x="2123"/>
        <item x="7351"/>
        <item x="5134"/>
        <item x="7350"/>
        <item x="7352"/>
        <item x="7353"/>
        <item x="3149"/>
        <item x="1504"/>
        <item x="3930"/>
        <item x="4085"/>
        <item x="4108"/>
        <item x="3951"/>
        <item x="5104"/>
        <item x="3953"/>
        <item x="663"/>
        <item x="2901"/>
        <item x="2532"/>
        <item x="2908"/>
        <item x="6273"/>
        <item x="6274"/>
        <item x="4293"/>
        <item x="2943"/>
        <item x="1744"/>
        <item x="2833"/>
        <item x="3565"/>
        <item x="4813"/>
        <item x="8227"/>
        <item x="6040"/>
        <item x="4915"/>
        <item x="5445"/>
        <item x="5898"/>
        <item x="1745"/>
        <item x="1505"/>
        <item x="1506"/>
        <item x="6374"/>
        <item x="6493"/>
        <item x="5249"/>
        <item x="2862"/>
        <item x="8019"/>
        <item x="8018"/>
        <item x="6377"/>
        <item x="4612"/>
        <item x="3797"/>
        <item x="4892"/>
        <item x="3567"/>
        <item x="3370"/>
        <item x="3564"/>
        <item x="3463"/>
        <item x="3568"/>
        <item x="3416"/>
        <item x="3471"/>
        <item x="3417"/>
        <item x="5736"/>
        <item x="5208"/>
        <item x="5105"/>
        <item x="1896"/>
        <item x="4775"/>
        <item x="3109"/>
        <item x="5119"/>
        <item x="4809"/>
        <item x="3776"/>
        <item x="3906"/>
        <item x="1507"/>
        <item x="1508"/>
        <item x="5487"/>
        <item x="2354"/>
        <item x="4488"/>
        <item x="4241"/>
        <item x="1092"/>
        <item x="6531"/>
        <item x="8129"/>
        <item x="5193"/>
        <item x="5292"/>
        <item x="2539"/>
        <item x="4295"/>
        <item x="3777"/>
        <item x="6496"/>
        <item x="2916"/>
        <item x="2922"/>
        <item x="483"/>
        <item x="6254"/>
        <item x="484"/>
        <item x="655"/>
        <item x="41"/>
        <item x="201"/>
        <item x="4294"/>
        <item x="4526"/>
        <item x="5685"/>
        <item x="5504"/>
        <item x="6004"/>
        <item x="8020"/>
        <item x="327"/>
        <item x="5371"/>
        <item x="2973"/>
        <item x="8168"/>
        <item x="2907"/>
        <item x="568"/>
        <item x="658"/>
        <item x="659"/>
        <item x="660"/>
        <item x="661"/>
        <item x="662"/>
        <item x="6035"/>
        <item x="6036"/>
        <item x="6037"/>
        <item x="6038"/>
        <item x="6039"/>
        <item x="6012"/>
        <item x="3042"/>
        <item x="3004"/>
        <item x="3229"/>
        <item x="7932"/>
        <item x="7931"/>
        <item x="2997"/>
        <item x="786"/>
        <item x="3112"/>
        <item x="438"/>
        <item x="491"/>
        <item x="6669"/>
        <item x="4888"/>
        <item x="5969"/>
        <item x="3033"/>
        <item x="2938"/>
        <item x="7666"/>
        <item x="7718"/>
        <item x="7854"/>
        <item x="3486"/>
        <item x="5087"/>
        <item x="1991"/>
        <item x="8021"/>
        <item x="4782"/>
        <item x="3854"/>
        <item x="3374"/>
        <item x="4177"/>
        <item x="4018"/>
        <item x="1990"/>
        <item x="6199"/>
        <item x="7527"/>
        <item x="7187"/>
        <item x="7528"/>
        <item x="7188"/>
        <item x="6670"/>
        <item x="3569"/>
        <item x="3570"/>
        <item x="4810"/>
        <item x="1509"/>
        <item x="5251"/>
        <item x="5101"/>
        <item x="5419"/>
        <item x="2422"/>
        <item x="1510"/>
        <item x="7229"/>
        <item x="2747"/>
        <item x="5135"/>
        <item x="7549"/>
        <item x="480"/>
        <item x="4089"/>
        <item x="230"/>
        <item x="2949"/>
        <item x="2900"/>
        <item x="6478"/>
        <item x="6355"/>
        <item x="4739"/>
        <item x="2202"/>
        <item x="2209"/>
        <item x="6041"/>
        <item x="5269"/>
        <item x="1256"/>
        <item x="5311"/>
        <item x="2381"/>
        <item x="4812"/>
        <item x="523"/>
        <item x="5066"/>
        <item x="6773"/>
        <item x="3571"/>
        <item x="4731"/>
        <item x="1400"/>
        <item x="4086"/>
        <item x="2271"/>
        <item x="1511"/>
        <item x="5546"/>
        <item x="6774"/>
        <item x="2423"/>
        <item x="6245"/>
        <item x="1382"/>
        <item x="3572"/>
        <item x="2424"/>
        <item x="1512"/>
        <item x="3573"/>
        <item x="54"/>
        <item x="4207"/>
        <item x="4208"/>
        <item x="3935"/>
        <item x="4111"/>
        <item x="4070"/>
        <item x="4037"/>
        <item x="4113"/>
        <item x="4071"/>
        <item x="4774"/>
        <item x="2571"/>
        <item x="2143"/>
        <item x="6898"/>
        <item x="7322"/>
        <item x="5430"/>
        <item x="6908"/>
        <item x="2963"/>
        <item x="4214"/>
        <item x="4215"/>
        <item x="5108"/>
        <item x="4730"/>
        <item x="6775"/>
        <item x="3931"/>
        <item x="3932"/>
        <item x="4296"/>
        <item x="488"/>
        <item x="6191"/>
        <item x="6417"/>
        <item x="6418"/>
        <item x="6416"/>
        <item x="2425"/>
        <item x="493"/>
        <item x="2822"/>
        <item x="3574"/>
        <item x="8265"/>
        <item x="2377"/>
        <item x="6776"/>
        <item x="2052"/>
        <item x="2048"/>
        <item x="588"/>
        <item x="4298"/>
        <item x="5626"/>
        <item x="5631"/>
        <item x="2131"/>
        <item x="6489"/>
        <item x="4017"/>
        <item x="1142"/>
        <item x="3973"/>
        <item x="7022"/>
        <item x="7023"/>
        <item x="7024"/>
        <item x="7025"/>
        <item x="2952"/>
        <item x="5038"/>
        <item x="7366"/>
        <item x="6777"/>
        <item x="637"/>
        <item x="2081"/>
        <item x="3162"/>
        <item x="3160"/>
        <item x="3043"/>
        <item x="3226"/>
        <item x="2971"/>
        <item x="7822"/>
        <item x="1083"/>
        <item x="1151"/>
        <item x="4190"/>
        <item x="3933"/>
        <item x="5962"/>
        <item x="110"/>
        <item x="2426"/>
        <item x="5851"/>
        <item x="3190"/>
        <item x="5535"/>
        <item x="5411"/>
        <item x="2968"/>
        <item x="3179"/>
        <item x="6118"/>
        <item x="2427"/>
        <item x="5360"/>
        <item x="1116"/>
        <item x="1117"/>
        <item x="416"/>
        <item x="1129"/>
        <item x="1130"/>
        <item x="1125"/>
        <item x="1126"/>
        <item x="1128"/>
        <item x="1127"/>
        <item x="3216"/>
        <item x="3257"/>
        <item x="6453"/>
        <item x="4151"/>
        <item x="4970"/>
        <item x="5420"/>
        <item x="7595"/>
        <item x="7604"/>
        <item x="3756"/>
        <item x="3757"/>
        <item x="3758"/>
        <item x="3755"/>
        <item x="3778"/>
        <item x="2730"/>
        <item x="3779"/>
        <item x="4777"/>
        <item x="4430"/>
        <item x="4431"/>
        <item x="959"/>
        <item x="3575"/>
        <item x="7419"/>
        <item x="3159"/>
        <item x="7053"/>
        <item x="789"/>
        <item x="673"/>
        <item x="4630"/>
        <item x="6530"/>
        <item x="3576"/>
        <item x="6671"/>
        <item x="42"/>
        <item x="1167"/>
        <item x="2292"/>
        <item x="2293"/>
        <item x="2294"/>
        <item x="1300"/>
        <item x="1302"/>
        <item x="1301"/>
        <item x="3145"/>
        <item x="2091"/>
        <item x="3780"/>
        <item x="1513"/>
        <item x="1514"/>
        <item x="2883"/>
        <item x="4134"/>
        <item x="5063"/>
        <item x="1274"/>
        <item x="6778"/>
        <item x="5692"/>
        <item x="5276"/>
        <item x="5575"/>
        <item x="4299"/>
        <item x="666"/>
        <item x="478"/>
        <item x="4534"/>
        <item x="2953"/>
        <item x="7978"/>
        <item x="7923"/>
        <item x="985"/>
        <item x="4121"/>
        <item x="6638"/>
        <item x="6565"/>
        <item x="5167"/>
        <item x="1084"/>
        <item x="1237"/>
        <item x="1236"/>
        <item x="974"/>
        <item x="2887"/>
        <item x="4651"/>
        <item x="4659"/>
        <item x="4587"/>
        <item x="5979"/>
        <item x="2102"/>
        <item x="2954"/>
        <item x="1204"/>
        <item x="444"/>
        <item x="2955"/>
        <item x="6209"/>
        <item x="2053"/>
        <item x="1265"/>
        <item x="3577"/>
        <item x="6551"/>
        <item x="670"/>
        <item x="671"/>
        <item x="3578"/>
        <item x="7925"/>
        <item x="8133"/>
        <item x="992"/>
        <item x="2282"/>
        <item x="2853"/>
        <item x="5372"/>
        <item x="6227"/>
        <item x="6424"/>
        <item x="7939"/>
        <item x="7823"/>
        <item x="752"/>
        <item x="5398"/>
        <item x="4692"/>
        <item x="7049"/>
        <item x="7048"/>
        <item x="6042"/>
        <item x="2528"/>
        <item x="4476"/>
        <item x="5019"/>
        <item x="7220"/>
        <item x="679"/>
        <item x="2119"/>
        <item x="678"/>
        <item x="6779"/>
        <item x="5116"/>
        <item x="4061"/>
        <item x="604"/>
        <item x="599"/>
        <item x="924"/>
        <item x="681"/>
        <item x="2201"/>
        <item x="2118"/>
        <item x="2956"/>
        <item x="5737"/>
        <item x="2677"/>
        <item x="5905"/>
        <item x="5039"/>
        <item x="1194"/>
        <item x="1170"/>
        <item x="62"/>
        <item x="2203"/>
        <item x="359"/>
        <item x="1025"/>
        <item x="4242"/>
        <item x="1515"/>
        <item x="5945"/>
        <item x="5643"/>
        <item x="2903"/>
        <item x="3848"/>
        <item x="6122"/>
        <item x="4889"/>
        <item x="3920"/>
        <item x="6780"/>
        <item x="7801"/>
        <item x="7917"/>
        <item x="7927"/>
        <item x="6094"/>
        <item x="4571"/>
        <item x="3294"/>
        <item x="119"/>
        <item x="5275"/>
        <item x="5916"/>
        <item x="7793"/>
        <item x="7956"/>
        <item x="7955"/>
        <item x="3579"/>
        <item x="1172"/>
        <item x="2545"/>
        <item x="4958"/>
        <item x="6527"/>
        <item x="6317"/>
        <item x="824"/>
        <item x="217"/>
        <item x="1203"/>
        <item x="2896"/>
        <item x="5057"/>
        <item x="2576"/>
        <item x="5278"/>
        <item x="2577"/>
        <item x="2819"/>
        <item x="900"/>
        <item x="2579"/>
        <item x="2767"/>
        <item x="2782"/>
        <item x="2020"/>
        <item x="3308"/>
        <item x="986"/>
        <item x="1516"/>
        <item x="5506"/>
        <item x="5507"/>
        <item x="5820"/>
        <item x="5508"/>
        <item x="5509"/>
        <item x="5929"/>
        <item x="5471"/>
        <item x="1884"/>
        <item x="1746"/>
        <item x="265"/>
        <item x="7988"/>
        <item x="5690"/>
        <item x="5235"/>
        <item x="4301"/>
        <item x="4300"/>
        <item x="318"/>
        <item x="355"/>
        <item x="4857"/>
        <item x="3582"/>
        <item x="7787"/>
        <item x="3798"/>
        <item x="129"/>
        <item x="354"/>
        <item x="7079"/>
        <item x="3254"/>
        <item x="2152"/>
        <item x="1050"/>
        <item x="5836"/>
        <item x="7181"/>
        <item x="7046"/>
        <item x="928"/>
        <item x="6672"/>
        <item x="4309"/>
        <item x="929"/>
        <item x="667"/>
        <item x="5169"/>
        <item x="6673"/>
        <item x="563"/>
        <item x="2863"/>
        <item x="4863"/>
        <item x="8067"/>
        <item x="145"/>
        <item x="5391"/>
        <item x="930"/>
        <item x="6781"/>
        <item x="2837"/>
        <item x="2206"/>
        <item x="8153"/>
        <item x="3583"/>
        <item x="4160"/>
        <item x="921"/>
        <item x="6"/>
        <item x="1234"/>
        <item x="6043"/>
        <item x="680"/>
        <item x="2335"/>
        <item x="932"/>
        <item x="2745"/>
        <item x="2705"/>
        <item x="2580"/>
        <item x="2702"/>
        <item x="2703"/>
        <item x="2704"/>
        <item x="2727"/>
        <item x="1517"/>
        <item x="6275"/>
        <item x="539"/>
        <item x="5078"/>
        <item x="7944"/>
        <item x="5953"/>
        <item x="2429"/>
        <item x="7945"/>
        <item x="351"/>
        <item x="3188"/>
        <item x="17"/>
        <item x="7640"/>
        <item x="5102"/>
        <item x="6459"/>
        <item x="2988"/>
        <item x="3165"/>
        <item x="3045"/>
        <item x="29"/>
        <item x="4091"/>
        <item x="6379"/>
        <item x="4036"/>
        <item x="1962"/>
        <item x="4092"/>
        <item x="3230"/>
        <item x="6428"/>
        <item x="6318"/>
        <item x="3172"/>
        <item x="2013"/>
        <item x="3480"/>
        <item x="3481"/>
        <item x="4080"/>
        <item x="2234"/>
        <item x="4221"/>
        <item x="5373"/>
        <item x="4310"/>
        <item x="5040"/>
        <item x="1518"/>
        <item x="1519"/>
        <item x="4569"/>
        <item x="1520"/>
        <item x="1521"/>
        <item x="1522"/>
        <item x="1228"/>
        <item x="5912"/>
        <item x="2333"/>
        <item x="5374"/>
        <item x="4052"/>
        <item x="6228"/>
        <item x="7054"/>
        <item x="7050"/>
        <item x="5553"/>
        <item x="5554"/>
        <item x="5549"/>
        <item x="5550"/>
        <item x="5559"/>
        <item x="5576"/>
        <item x="5551"/>
        <item x="5552"/>
        <item x="5885"/>
        <item x="5556"/>
        <item x="5680"/>
        <item x="5555"/>
        <item x="5041"/>
        <item x="457"/>
        <item x="126"/>
        <item x="5510"/>
        <item x="1303"/>
        <item x="5511"/>
        <item x="1401"/>
        <item x="4570"/>
        <item x="2430"/>
        <item x="5843"/>
        <item x="5118"/>
        <item x="4311"/>
        <item x="142"/>
        <item x="8110"/>
        <item x="7805"/>
        <item x="185"/>
        <item x="2134"/>
        <item x="7190"/>
        <item x="7491"/>
        <item x="6393"/>
        <item x="3233"/>
        <item x="6281"/>
        <item x="6282"/>
        <item x="94"/>
        <item x="7256"/>
        <item x="7294"/>
        <item x="7149"/>
        <item x="7142"/>
        <item x="3437"/>
        <item x="3438"/>
        <item x="3436"/>
        <item x="3440"/>
        <item x="3439"/>
        <item x="3444"/>
        <item x="7295"/>
        <item x="6962"/>
        <item x="7270"/>
        <item x="7254"/>
        <item x="7512"/>
        <item x="7257"/>
        <item x="7272"/>
        <item x="7104"/>
        <item x="7298"/>
        <item x="5539"/>
        <item x="5458"/>
        <item x="8022"/>
        <item x="4941"/>
        <item x="5062"/>
        <item x="4432"/>
        <item x="7368"/>
        <item x="5305"/>
        <item x="7754"/>
        <item x="7950"/>
        <item x="3445"/>
        <item x="1523"/>
        <item x="5403"/>
        <item x="3093"/>
        <item x="3094"/>
        <item x="4312"/>
        <item x="7599"/>
        <item x="6528"/>
        <item x="5931"/>
        <item x="2009"/>
        <item x="8023"/>
        <item x="6782"/>
        <item x="6397"/>
        <item x="3479"/>
        <item x="2054"/>
        <item x="4751"/>
        <item x="6783"/>
        <item x="8118"/>
        <item x="4836"/>
        <item x="1989"/>
        <item x="6599"/>
        <item x="6430"/>
        <item x="6592"/>
        <item x="2572"/>
        <item x="540"/>
        <item x="1524"/>
        <item x="4745"/>
        <item x="3329"/>
        <item x="7901"/>
        <item x="8199"/>
        <item x="516"/>
        <item x="6784"/>
        <item x="8258"/>
        <item x="5037"/>
        <item x="6785"/>
        <item x="7899"/>
        <item x="3782"/>
        <item x="4433"/>
        <item x="2138"/>
        <item x="1106"/>
        <item x="6443"/>
        <item x="8024"/>
        <item x="2056"/>
        <item x="7172"/>
        <item x="5412"/>
        <item x="5505"/>
        <item x="2888"/>
        <item x="2731"/>
        <item x="3423"/>
        <item x="2168"/>
        <item x="2170"/>
        <item x="5811"/>
        <item x="8256"/>
        <item x="4075"/>
        <item x="1072"/>
        <item x="3584"/>
        <item x="5155"/>
        <item x="6358"/>
        <item x="3312"/>
        <item x="396"/>
        <item x="417"/>
        <item x="7617"/>
        <item x="6058"/>
        <item x="676"/>
        <item x="5689"/>
        <item x="6786"/>
        <item x="5825"/>
        <item x="1525"/>
        <item x="6210"/>
        <item x="3335"/>
        <item x="5006"/>
        <item x="4391"/>
        <item x="7780"/>
        <item x="1963"/>
        <item x="6262"/>
        <item x="6425"/>
        <item x="1908"/>
        <item x="3309"/>
        <item x="3965"/>
        <item x="287"/>
        <item x="1526"/>
        <item x="1306"/>
        <item x="3783"/>
        <item x="5769"/>
        <item x="6211"/>
        <item x="2764"/>
        <item x="2671"/>
        <item x="2909"/>
        <item x="4895"/>
        <item x="4896"/>
        <item x="2718"/>
        <item x="7721"/>
        <item x="2562"/>
        <item x="2672"/>
        <item x="2541"/>
        <item x="7388"/>
        <item x="7302"/>
        <item x="20"/>
        <item x="22"/>
        <item x="38"/>
        <item x="6894"/>
        <item x="8"/>
        <item x="139"/>
        <item x="1267"/>
        <item x="229"/>
        <item x="3585"/>
        <item x="1061"/>
        <item x="3954"/>
        <item x="5821"/>
        <item x="3300"/>
        <item x="3299"/>
        <item x="3298"/>
        <item x="3297"/>
        <item x="8119"/>
        <item x="3295"/>
        <item x="3296"/>
        <item x="3301"/>
        <item x="2685"/>
        <item x="7722"/>
        <item x="8025"/>
        <item x="975"/>
        <item x="682"/>
        <item x="4128"/>
        <item x="5893"/>
        <item x="5719"/>
        <item x="4855"/>
        <item x="8169"/>
        <item x="8026"/>
        <item x="4316"/>
        <item x="2698"/>
        <item x="4926"/>
        <item x="2617"/>
        <item x="8139"/>
        <item x="7367"/>
        <item x="1186"/>
        <item x="1747"/>
        <item x="1748"/>
        <item x="1527"/>
        <item x="4575"/>
        <item x="4693"/>
        <item x="1155"/>
        <item x="1749"/>
        <item x="1879"/>
        <item x="1156"/>
        <item x="1750"/>
        <item x="1456"/>
        <item x="5708"/>
        <item x="2208"/>
        <item x="107"/>
        <item x="1528"/>
        <item x="3759"/>
        <item x="5696"/>
        <item x="5938"/>
        <item x="7598"/>
        <item x="5375"/>
        <item x="5315"/>
        <item x="2431"/>
        <item x="4313"/>
        <item x="4314"/>
        <item x="5234"/>
        <item x="3350"/>
        <item x="4358"/>
        <item x="3375"/>
        <item x="7806"/>
        <item x="1529"/>
        <item x="999"/>
        <item x="2824"/>
        <item x="2917"/>
        <item x="1530"/>
        <item x="152"/>
        <item x="2432"/>
        <item x="7179"/>
        <item x="7348"/>
        <item x="7341"/>
        <item x="7500"/>
        <item x="7343"/>
        <item x="7501"/>
        <item x="7345"/>
        <item x="7496"/>
        <item x="7495"/>
        <item x="7499"/>
        <item x="7497"/>
        <item x="1751"/>
        <item x="3586"/>
        <item x="1177"/>
        <item x="3887"/>
        <item x="2428"/>
        <item x="2511"/>
        <item x="4243"/>
        <item x="2433"/>
        <item x="3178"/>
        <item x="3167"/>
        <item x="4572"/>
        <item x="683"/>
        <item x="4244"/>
        <item x="3343"/>
        <item x="4657"/>
        <item x="2488"/>
        <item x="2493"/>
        <item x="6212"/>
        <item x="4434"/>
        <item x="4494"/>
        <item x="4779"/>
        <item x="5536"/>
        <item x="5512"/>
        <item x="920"/>
        <item x="127"/>
        <item x="6617"/>
        <item x="143"/>
        <item x="113"/>
        <item x="153"/>
        <item x="155"/>
        <item x="5607"/>
        <item x="4082"/>
        <item x="5413"/>
        <item x="4435"/>
        <item x="4063"/>
        <item x="4436"/>
        <item x="4477"/>
        <item x="4478"/>
        <item x="4474"/>
        <item x="4479"/>
        <item x="1849"/>
        <item x="1941"/>
        <item x="1158"/>
        <item x="3388"/>
        <item x="3587"/>
        <item x="1118"/>
        <item x="1307"/>
        <item x="3588"/>
        <item x="3589"/>
        <item x="3482"/>
        <item x="3590"/>
        <item x="3592"/>
        <item x="3593"/>
        <item x="3591"/>
        <item x="3462"/>
        <item x="3594"/>
        <item x="3595"/>
        <item x="3598"/>
        <item x="3596"/>
        <item x="3597"/>
        <item x="109"/>
        <item x="6929"/>
        <item x="507"/>
        <item x="3519"/>
        <item x="7661"/>
        <item x="3964"/>
        <item x="5894"/>
        <item x="2978"/>
        <item x="6431"/>
        <item x="5513"/>
        <item x="5425"/>
        <item x="5863"/>
        <item x="5199"/>
        <item x="7790"/>
        <item x="7879"/>
        <item x="7982"/>
        <item x="7933"/>
        <item x="7807"/>
        <item x="7724"/>
        <item x="7872"/>
        <item x="7619"/>
        <item x="7794"/>
        <item x="3078"/>
        <item x="7394"/>
        <item x="1531"/>
        <item x="3246"/>
        <item x="7677"/>
        <item x="1977"/>
        <item x="1532"/>
        <item x="1533"/>
        <item x="5856"/>
        <item x="6495"/>
        <item x="3520"/>
        <item x="5530"/>
        <item x="5414"/>
        <item x="4097"/>
        <item x="4098"/>
        <item x="4112"/>
        <item x="4200"/>
        <item x="3962"/>
        <item x="1868"/>
        <item x="1534"/>
        <item x="1213"/>
        <item x="198"/>
        <item x="1752"/>
        <item x="1214"/>
        <item x="1753"/>
        <item x="2227"/>
        <item x="1197"/>
        <item x="2258"/>
        <item x="2188"/>
        <item x="4961"/>
        <item x="3005"/>
        <item x="6787"/>
        <item x="4624"/>
        <item x="1212"/>
        <item x="1020"/>
        <item x="1308"/>
        <item x="684"/>
        <item x="3784"/>
        <item x="3967"/>
        <item x="2673"/>
        <item x="2435"/>
        <item x="3125"/>
        <item x="5934"/>
        <item x="5738"/>
        <item x="5438"/>
        <item x="73"/>
        <item x="2567"/>
        <item x="5739"/>
        <item x="4841"/>
        <item x="5042"/>
        <item x="8200"/>
        <item x="580"/>
        <item x="8186"/>
        <item x="7620"/>
        <item x="1179"/>
        <item x="7947"/>
        <item x="6276"/>
        <item x="4315"/>
        <item x="2262"/>
        <item x="7622"/>
        <item x="3885"/>
        <item x="174"/>
        <item x="6788"/>
        <item x="5268"/>
        <item x="530"/>
        <item x="4437"/>
        <item x="5854"/>
        <item x="4884"/>
        <item x="1878"/>
        <item x="3599"/>
        <item x="3189"/>
        <item x="4694"/>
        <item x="7597"/>
        <item x="2057"/>
        <item x="1535"/>
        <item x="4920"/>
        <item x="6016"/>
        <item x="1536"/>
        <item x="6365"/>
        <item x="5068"/>
        <item x="3600"/>
        <item x="3186"/>
        <item x="2436"/>
        <item x="3601"/>
        <item x="3835"/>
        <item x="1305"/>
        <item x="5324"/>
        <item x="1537"/>
        <item x="5781"/>
        <item x="3079"/>
        <item x="5514"/>
        <item x="2674"/>
        <item x="1202"/>
        <item x="55"/>
        <item x="5232"/>
        <item x="3470"/>
        <item x="1754"/>
        <item x="3255"/>
        <item x="3987"/>
        <item x="6093"/>
        <item x="2440"/>
        <item x="3898"/>
        <item x="1538"/>
        <item x="6222"/>
        <item x="5923"/>
        <item x="5446"/>
        <item x="3412"/>
        <item x="3413"/>
        <item x="3410"/>
        <item x="3411"/>
        <item x="3414"/>
        <item x="1906"/>
        <item x="4962"/>
        <item x="7040"/>
        <item x="1539"/>
        <item x="90"/>
        <item x="3602"/>
        <item x="8263"/>
        <item x="4991"/>
        <item x="2438"/>
        <item x="5782"/>
        <item x="5783"/>
        <item x="3106"/>
        <item x="6392"/>
        <item x="8122"/>
        <item x="8121"/>
        <item x="6233"/>
        <item x="6468"/>
        <item x="1890"/>
        <item x="1035"/>
        <item x="6543"/>
        <item x="2998"/>
        <item x="6789"/>
        <item x="8069"/>
        <item x="6790"/>
        <item x="6791"/>
        <item x="442"/>
        <item x="8027"/>
        <item x="5166"/>
        <item x="6792"/>
        <item x="4100"/>
        <item x="6537"/>
        <item x="6481"/>
        <item x="6541"/>
        <item x="4101"/>
        <item x="1930"/>
        <item x="1926"/>
        <item x="4360"/>
        <item x="4318"/>
        <item x="4319"/>
        <item x="4320"/>
        <item x="7157"/>
        <item x="7585"/>
        <item x="7183"/>
        <item x="7319"/>
        <item x="8070"/>
        <item x="6675"/>
        <item x="2965"/>
        <item x="7951"/>
        <item x="7766"/>
        <item x="7698"/>
        <item x="7761"/>
        <item x="5452"/>
        <item x="157"/>
        <item x="8063"/>
        <item x="6676"/>
        <item x="3785"/>
        <item x="6678"/>
        <item x="7958"/>
        <item x="1105"/>
        <item x="8077"/>
        <item x="1540"/>
        <item x="4695"/>
        <item x="4696"/>
        <item x="1541"/>
        <item x="4711"/>
        <item x="1542"/>
        <item x="2437"/>
        <item x="7681"/>
        <item x="7873"/>
        <item x="5176"/>
        <item x="6981"/>
        <item x="7516"/>
        <item x="557"/>
        <item x="7431"/>
        <item x="6255"/>
        <item x="6421"/>
        <item x="1543"/>
        <item x="1544"/>
        <item x="6679"/>
        <item x="4939"/>
        <item x="6407"/>
        <item x="5784"/>
        <item x="7283"/>
        <item x="7286"/>
        <item x="3446"/>
        <item x="6388"/>
        <item x="4660"/>
        <item x="7583"/>
        <item x="5655"/>
        <item x="5657"/>
        <item x="5653"/>
        <item x="5654"/>
        <item x="5656"/>
        <item x="5184"/>
        <item x="5451"/>
        <item x="5857"/>
        <item x="5740"/>
        <item x="4829"/>
        <item x="4910"/>
        <item x="4795"/>
        <item x="4830"/>
        <item x="5463"/>
        <item x="3604"/>
        <item x="3256"/>
        <item x="3605"/>
        <item x="5460"/>
        <item x="5456"/>
        <item x="7571"/>
        <item x="6995"/>
        <item x="7155"/>
        <item x="6159"/>
        <item x="5542"/>
        <item x="3217"/>
        <item x="7233"/>
        <item x="2256"/>
        <item x="7164"/>
        <item x="2157"/>
        <item x="7095"/>
        <item x="7214"/>
        <item x="5304"/>
        <item x="2159"/>
        <item x="2211"/>
        <item x="3606"/>
        <item x="4871"/>
        <item x="2148"/>
        <item x="5284"/>
        <item x="3607"/>
        <item x="2107"/>
        <item x="5259"/>
        <item x="2103"/>
        <item x="4209"/>
        <item x="5290"/>
        <item x="3608"/>
        <item x="4869"/>
        <item x="7284"/>
        <item x="6160"/>
        <item x="7202"/>
        <item x="6143"/>
        <item x="6957"/>
        <item x="5917"/>
        <item x="6548"/>
        <item x="528"/>
        <item x="1914"/>
        <item x="1920"/>
        <item x="3881"/>
        <item x="1201"/>
        <item x="140"/>
        <item x="7240"/>
        <item x="7239"/>
        <item x="1545"/>
        <item x="5716"/>
        <item x="8228"/>
        <item x="5204"/>
        <item x="5919"/>
        <item x="5344"/>
        <item x="5741"/>
        <item x="7021"/>
        <item x="4317"/>
        <item x="382"/>
        <item x="2439"/>
        <item x="288"/>
        <item x="4854"/>
        <item x="5858"/>
        <item x="3788"/>
        <item x="3787"/>
        <item x="5318"/>
        <item x="6084"/>
        <item x="319"/>
        <item x="1546"/>
        <item x="481"/>
        <item x="5561"/>
        <item x="5659"/>
        <item x="5658"/>
        <item x="5660"/>
        <item x="5662"/>
        <item x="5560"/>
        <item x="5564"/>
        <item x="5566"/>
        <item x="5567"/>
        <item x="5562"/>
        <item x="5557"/>
        <item x="5558"/>
        <item x="5569"/>
        <item x="5570"/>
        <item x="5571"/>
        <item x="5574"/>
        <item x="5568"/>
        <item x="5663"/>
        <item x="5661"/>
        <item x="5664"/>
        <item x="5665"/>
        <item x="5565"/>
        <item x="5572"/>
        <item x="5573"/>
        <item x="6999"/>
        <item x="6909"/>
        <item x="6296"/>
        <item x="725"/>
        <item x="4130"/>
        <item x="570"/>
        <item x="2412"/>
        <item x="7121"/>
        <item x="4409"/>
        <item x="7321"/>
        <item x="7454"/>
        <item x="7459"/>
        <item x="4728"/>
        <item x="6256"/>
        <item x="6320"/>
        <item x="6677"/>
        <item x="6680"/>
        <item x="3433"/>
        <item x="4573"/>
        <item x="2555"/>
        <item x="6681"/>
        <item x="210"/>
        <item x="8028"/>
        <item x="4916"/>
        <item x="2735"/>
        <item x="982"/>
        <item x="2686"/>
        <item x="963"/>
        <item x="7153"/>
        <item x="3609"/>
        <item x="146"/>
        <item x="1850"/>
        <item x="1851"/>
        <item x="1830"/>
        <item x="1381"/>
        <item x="1831"/>
        <item x="1377"/>
        <item x="8134"/>
        <item x="8029"/>
        <item x="3012"/>
        <item x="1902"/>
        <item x="13"/>
        <item x="4438"/>
        <item x="2557"/>
        <item x="1925"/>
        <item x="4574"/>
        <item x="2748"/>
        <item x="2761"/>
        <item x="4321"/>
        <item x="2281"/>
        <item x="99"/>
        <item x="1547"/>
        <item x="4613"/>
        <item x="30"/>
        <item x="3091"/>
        <item x="8090"/>
        <item x="8030"/>
        <item x="6990"/>
        <item x="1832"/>
        <item x="1833"/>
        <item x="1834"/>
        <item x="1835"/>
        <item x="196"/>
        <item x="6238"/>
        <item x="2174"/>
        <item x="1171"/>
        <item x="3610"/>
        <item x="3415"/>
        <item x="5581"/>
        <item x="2581"/>
        <item x="2880"/>
        <item x="6198"/>
        <item x="3917"/>
        <item x="8217"/>
        <item x="6793"/>
        <item x="8218"/>
        <item x="6794"/>
        <item x="147"/>
        <item x="7077"/>
        <item x="5450"/>
        <item x="1836"/>
        <item x="5459"/>
        <item x="5453"/>
        <item x="5630"/>
        <item x="5647"/>
        <item x="5648"/>
        <item x="7033"/>
        <item x="7243"/>
        <item x="688"/>
        <item x="693"/>
        <item x="692"/>
        <item x="689"/>
        <item x="7398"/>
        <item x="2442"/>
        <item x="685"/>
        <item x="686"/>
        <item x="7395"/>
        <item x="7317"/>
        <item x="7318"/>
        <item x="7009"/>
        <item x="902"/>
        <item x="4473"/>
        <item x="1210"/>
        <item x="1309"/>
        <item x="6030"/>
        <item x="6031"/>
        <item x="3396"/>
        <item x="3397"/>
        <item x="3398"/>
        <item x="3399"/>
        <item x="3491"/>
        <item x="8261"/>
        <item x="2037"/>
        <item x="218"/>
        <item x="3052"/>
        <item x="3611"/>
        <item x="7565"/>
        <item x="6047"/>
        <item x="4934"/>
        <item x="5274"/>
        <item x="3614"/>
        <item x="6380"/>
        <item x="3227"/>
        <item x="6682"/>
        <item x="6683"/>
        <item x="2443"/>
        <item x="1852"/>
        <item x="1853"/>
        <item x="3054"/>
        <item x="3612"/>
        <item x="6046"/>
        <item x="7204"/>
        <item x="2815"/>
        <item x="2444"/>
        <item x="3907"/>
        <item x="5136"/>
        <item x="1013"/>
        <item x="6876"/>
        <item x="4115"/>
        <item x="5742"/>
        <item x="5376"/>
        <item x="4103"/>
        <item x="4009"/>
        <item x="4165"/>
        <item x="4887"/>
        <item x="4104"/>
        <item x="3975"/>
        <item x="5153"/>
        <item x="4998"/>
        <item x="4999"/>
        <item x="5202"/>
        <item x="2213"/>
        <item x="5079"/>
        <item x="3974"/>
        <item x="4245"/>
        <item x="4240"/>
        <item x="4216"/>
        <item x="3613"/>
        <item x="6984"/>
        <item x="1041"/>
        <item x="1885"/>
        <item x="6795"/>
        <item x="5942"/>
        <item x="1548"/>
        <item x="435"/>
        <item x="436"/>
        <item x="4105"/>
        <item x="3258"/>
        <item x="5906"/>
        <item x="4246"/>
        <item x="3218"/>
        <item x="4800"/>
        <item x="6449"/>
        <item x="3955"/>
        <item x="7490"/>
        <item x="6796"/>
        <item x="1949"/>
        <item x="771"/>
        <item x="694"/>
        <item x="938"/>
        <item x="937"/>
        <item x="935"/>
        <item x="939"/>
        <item x="934"/>
        <item x="936"/>
        <item x="2687"/>
        <item x="2688"/>
        <item x="5785"/>
        <item x="8170"/>
        <item x="502"/>
        <item x="2214"/>
        <item x="3231"/>
        <item x="695"/>
        <item x="8031"/>
        <item x="1969"/>
        <item x="8201"/>
        <item x="7331"/>
        <item x="7329"/>
        <item x="7328"/>
        <item x="7330"/>
        <item x="5476"/>
        <item x="5924"/>
        <item x="5913"/>
        <item x="5237"/>
        <item x="4883"/>
        <item x="5908"/>
        <item x="377"/>
        <item x="6684"/>
        <item x="3048"/>
        <item x="6686"/>
        <item x="6797"/>
        <item x="6798"/>
        <item x="6799"/>
        <item x="6800"/>
        <item x="3447"/>
        <item x="4000"/>
        <item x="7393"/>
        <item x="6930"/>
        <item x="7375"/>
        <item x="7555"/>
        <item x="7376"/>
        <item x="7307"/>
        <item x="7531"/>
        <item x="7377"/>
        <item x="7180"/>
        <item x="1154"/>
        <item x="7570"/>
        <item x="7232"/>
        <item x="7381"/>
        <item x="7020"/>
        <item x="6283"/>
        <item x="7795"/>
        <item x="3615"/>
        <item x="4323"/>
        <item x="2207"/>
        <item x="5313"/>
        <item x="53"/>
        <item x="214"/>
        <item x="63"/>
        <item x="7623"/>
        <item x="3352"/>
        <item x="5154"/>
        <item x="52"/>
        <item x="2964"/>
        <item x="8143"/>
        <item x="4495"/>
        <item x="4106"/>
        <item x="4900"/>
        <item x="2326"/>
        <item x="141"/>
        <item x="1180"/>
        <item x="209"/>
        <item x="4579"/>
        <item x="2583"/>
        <item x="5011"/>
        <item x="7600"/>
        <item x="3790"/>
        <item x="3823"/>
        <item x="3791"/>
        <item x="3792"/>
        <item x="3824"/>
        <item x="3793"/>
        <item x="2305"/>
        <item x="3794"/>
        <item x="3789"/>
        <item x="3825"/>
        <item x="3795"/>
        <item x="2584"/>
        <item x="2585"/>
        <item x="4580"/>
        <item x="7518"/>
        <item x="7506"/>
        <item x="7519"/>
        <item x="7520"/>
        <item x="7566"/>
        <item x="7568"/>
        <item x="7567"/>
        <item x="7197"/>
        <item x="7189"/>
        <item x="7569"/>
        <item x="7521"/>
        <item x="7522"/>
        <item x="7523"/>
        <item x="6915"/>
        <item x="7524"/>
        <item x="1310"/>
        <item x="5806"/>
        <item x="5862"/>
        <item x="5802"/>
        <item x="5803"/>
        <item x="5877"/>
        <item x="5808"/>
        <item x="5800"/>
        <item x="5875"/>
        <item x="5801"/>
        <item x="5799"/>
        <item x="5805"/>
        <item x="5878"/>
        <item x="5879"/>
        <item x="5876"/>
        <item x="5804"/>
        <item x="5880"/>
        <item x="5798"/>
        <item x="5807"/>
        <item x="5881"/>
        <item x="6979"/>
        <item x="7094"/>
        <item x="5089"/>
        <item x="6109"/>
        <item x="6488"/>
        <item x="6576"/>
        <item x="4578"/>
        <item x="2559"/>
        <item x="7898"/>
        <item x="8145"/>
        <item x="2060"/>
        <item x="8127"/>
        <item x="2215"/>
        <item x="5120"/>
        <item x="4969"/>
        <item x="5710"/>
        <item x="6487"/>
        <item x="2283"/>
        <item x="2769"/>
        <item x="7796"/>
        <item x="6163"/>
        <item x="3182"/>
        <item x="1891"/>
        <item x="3119"/>
        <item x="3238"/>
        <item x="6126"/>
        <item x="8032"/>
        <item x="1549"/>
        <item x="3259"/>
        <item x="3237"/>
        <item x="7797"/>
        <item x="541"/>
        <item x="1550"/>
        <item x="1551"/>
        <item x="1552"/>
        <item x="7534"/>
        <item x="7536"/>
        <item x="7533"/>
        <item x="7400"/>
        <item x="7539"/>
        <item x="7535"/>
        <item x="7260"/>
        <item x="7538"/>
        <item x="1553"/>
        <item x="7480"/>
        <item x="7479"/>
        <item x="7476"/>
        <item x="7168"/>
        <item x="7475"/>
        <item x="7477"/>
        <item x="7481"/>
        <item x="7478"/>
        <item x="7551"/>
        <item x="3760"/>
        <item x="2445"/>
        <item x="5902"/>
        <item x="5812"/>
        <item x="192"/>
        <item x="8171"/>
        <item x="422"/>
        <item x="1554"/>
        <item x="1755"/>
        <item x="3456"/>
        <item x="5960"/>
        <item x="6687"/>
        <item x="4527"/>
        <item x="1555"/>
        <item x="4601"/>
        <item x="4599"/>
        <item x="4600"/>
        <item x="6643"/>
        <item x="1556"/>
        <item x="8229"/>
        <item x="8230"/>
        <item x="1244"/>
        <item x="4326"/>
        <item x="392"/>
        <item x="1557"/>
        <item x="8231"/>
        <item x="2300"/>
        <item x="2100"/>
        <item x="8232"/>
        <item x="2301"/>
        <item x="8233"/>
        <item x="8234"/>
        <item x="8235"/>
        <item x="2392"/>
        <item x="2290"/>
        <item x="1558"/>
        <item x="2389"/>
        <item x="6801"/>
        <item x="6802"/>
        <item x="1559"/>
        <item x="6875"/>
        <item x="8215"/>
        <item x="1560"/>
        <item x="2816"/>
        <item x="51"/>
        <item x="8184"/>
        <item x="7575"/>
        <item x="4489"/>
        <item x="4654"/>
        <item x="4566"/>
        <item x="4585"/>
        <item x="4583"/>
        <item x="3892"/>
        <item x="5028"/>
        <item x="889"/>
        <item x="702"/>
        <item x="3000"/>
        <item x="4024"/>
        <item x="4021"/>
        <item x="4015"/>
        <item x="3616"/>
        <item x="3207"/>
        <item x="4025"/>
        <item x="4022"/>
        <item x="4016"/>
        <item x="3201"/>
        <item x="3208"/>
        <item x="8172"/>
        <item x="4230"/>
        <item x="4127"/>
        <item x="4023"/>
        <item x="4020"/>
        <item x="4014"/>
        <item x="3617"/>
        <item x="3618"/>
        <item x="3206"/>
        <item x="4232"/>
        <item x="4229"/>
        <item x="4231"/>
        <item x="4026"/>
        <item x="3205"/>
        <item x="3428"/>
        <item x="1561"/>
        <item x="7483"/>
        <item x="7161"/>
        <item x="7252"/>
        <item x="7586"/>
        <item x="320"/>
        <item x="338"/>
        <item x="399"/>
        <item x="344"/>
        <item x="345"/>
        <item x="1152"/>
        <item x="1311"/>
        <item x="4756"/>
        <item x="542"/>
        <item x="1562"/>
        <item x="7498"/>
        <item x="543"/>
        <item x="933"/>
        <item x="1057"/>
        <item x="6552"/>
        <item x="4986"/>
        <item x="574"/>
        <item x="565"/>
        <item x="760"/>
        <item x="6644"/>
        <item x="4325"/>
        <item x="4976"/>
        <item x="3877"/>
        <item x="5064"/>
        <item x="3358"/>
        <item x="5992"/>
        <item x="6916"/>
        <item x="2321"/>
        <item x="5907"/>
        <item x="4963"/>
        <item x="5447"/>
        <item x="1998"/>
        <item x="2372"/>
        <item x="3960"/>
        <item x="1312"/>
        <item x="1563"/>
        <item x="1564"/>
        <item x="4328"/>
        <item x="4828"/>
        <item x="4858"/>
        <item x="6985"/>
        <item x="1565"/>
        <item x="1566"/>
        <item x="1567"/>
        <item x="3620"/>
        <item x="5138"/>
        <item x="4561"/>
        <item x="4588"/>
        <item x="1147"/>
        <item x="1362"/>
        <item x="2447"/>
        <item x="4324"/>
        <item x="4327"/>
        <item x="569"/>
        <item x="3934"/>
        <item x="4065"/>
        <item x="6124"/>
        <item x="2851"/>
        <item x="4635"/>
        <item x="6048"/>
        <item x="4632"/>
        <item x="2841"/>
        <item x="1249"/>
        <item x="1087"/>
        <item x="1086"/>
        <item x="8202"/>
        <item x="1088"/>
        <item x="1089"/>
        <item x="4329"/>
        <item x="1756"/>
        <item x="1120"/>
        <item x="1121"/>
        <item x="1119"/>
        <item x="4769"/>
        <item x="6168"/>
        <item x="1568"/>
        <item x="1124"/>
        <item x="2860"/>
        <item x="2318"/>
        <item x="2316"/>
        <item x="6136"/>
        <item x="3484"/>
        <item x="3621"/>
        <item x="5991"/>
        <item x="3310"/>
        <item x="3458"/>
        <item x="334"/>
        <item x="4577"/>
        <item x="5152"/>
        <item x="7911"/>
        <item x="308"/>
        <item x="4054"/>
        <item x="665"/>
        <item x="6165"/>
        <item x="4439"/>
        <item x="4440"/>
        <item x="4441"/>
        <item x="698"/>
        <item x="699"/>
        <item x="700"/>
        <item x="704"/>
        <item x="705"/>
        <item x="766"/>
        <item x="898"/>
        <item x="881"/>
        <item x="706"/>
        <item x="707"/>
        <item x="962"/>
        <item x="5094"/>
        <item x="791"/>
        <item x="720"/>
        <item x="4811"/>
        <item x="4564"/>
        <item x="4584"/>
        <item x="4542"/>
        <item x="4547"/>
        <item x="2893"/>
        <item x="3622"/>
        <item x="7427"/>
        <item x="4645"/>
        <item x="6106"/>
        <item x="3815"/>
        <item x="3284"/>
        <item x="6144"/>
        <item x="1928"/>
        <item x="5299"/>
        <item x="4330"/>
        <item x="708"/>
        <item x="710"/>
        <item x="765"/>
        <item x="711"/>
        <item x="709"/>
        <item x="712"/>
        <item x="964"/>
        <item x="970"/>
        <item x="713"/>
        <item x="7354"/>
        <item x="5377"/>
        <item x="50"/>
        <item x="6688"/>
        <item x="2320"/>
        <item x="249"/>
        <item x="2261"/>
        <item x="2216"/>
        <item x="5687"/>
        <item x="4303"/>
        <item x="4304"/>
        <item x="4331"/>
        <item x="148"/>
        <item x="7422"/>
        <item x="7426"/>
        <item x="7424"/>
        <item x="7425"/>
        <item x="7981"/>
        <item x="5997"/>
        <item x="5137"/>
        <item x="2856"/>
        <item x="4153"/>
        <item x="5972"/>
        <item x="908"/>
        <item x="2448"/>
        <item x="2302"/>
        <item x="2284"/>
        <item x="3623"/>
        <item x="3401"/>
        <item x="330"/>
        <item x="562"/>
        <item x="3306"/>
        <item x="6522"/>
        <item x="2966"/>
        <item x="150"/>
        <item x="1982"/>
        <item x="6593"/>
        <item x="6370"/>
        <item x="1047"/>
        <item x="7238"/>
        <item x="7305"/>
        <item x="4496"/>
        <item x="2991"/>
        <item x="8033"/>
        <item x="5001"/>
        <item x="1569"/>
        <item x="1045"/>
        <item x="2218"/>
        <item x="2285"/>
        <item x="2219"/>
        <item x="2220"/>
        <item x="2259"/>
        <item x="7069"/>
        <item x="5021"/>
        <item x="715"/>
        <item x="714"/>
        <item x="3002"/>
        <item x="2594"/>
        <item x="1313"/>
        <item x="5331"/>
        <item x="5743"/>
        <item x="5139"/>
        <item x="7845"/>
        <item x="1122"/>
        <item x="7730"/>
        <item x="4256"/>
        <item x="4987"/>
        <item x="6960"/>
        <item x="5195"/>
        <item x="1757"/>
        <item x="7230"/>
        <item x="650"/>
        <item x="4332"/>
        <item x="6436"/>
        <item x="4784"/>
        <item x="2260"/>
        <item x="2598"/>
        <item x="2597"/>
        <item x="2719"/>
        <item x="2595"/>
        <item x="2596"/>
        <item x="2717"/>
        <item x="2774"/>
        <item x="6239"/>
        <item x="2600"/>
        <item x="2339"/>
        <item x="594"/>
        <item x="5174"/>
        <item x="289"/>
        <item x="4442"/>
        <item x="4443"/>
        <item x="6464"/>
        <item x="6585"/>
        <item x="257"/>
        <item x="2287"/>
        <item x="3260"/>
        <item x="4974"/>
        <item x="4444"/>
        <item x="4586"/>
        <item x="2568"/>
        <item x="2221"/>
        <item x="6533"/>
        <item x="4445"/>
        <item x="5149"/>
        <item x="3140"/>
        <item x="4697"/>
        <item x="4446"/>
        <item x="6574"/>
        <item x="6286"/>
        <item x="2915"/>
        <item x="2806"/>
        <item x="2049"/>
        <item x="6310"/>
        <item x="6884"/>
        <item x="7383"/>
        <item x="6883"/>
        <item x="424"/>
        <item x="4333"/>
        <item x="4159"/>
        <item x="2689"/>
        <item x="2105"/>
        <item x="290"/>
        <item x="291"/>
        <item x="114"/>
        <item x="3625"/>
        <item x="718"/>
        <item x="452"/>
        <item x="3204"/>
        <item x="719"/>
        <item x="989"/>
        <item x="6110"/>
        <item x="3483"/>
        <item x="2065"/>
        <item x="3485"/>
        <item x="2985"/>
        <item x="5809"/>
        <item x="6546"/>
        <item x="6422"/>
        <item x="2665"/>
        <item x="2772"/>
        <item x="2770"/>
        <item x="2773"/>
        <item x="2021"/>
        <item x="2945"/>
        <item x="2680"/>
        <item x="6465"/>
        <item x="2605"/>
        <item x="2737"/>
        <item x="2679"/>
        <item x="5786"/>
        <item x="5770"/>
        <item x="3626"/>
        <item x="4594"/>
        <item x="1917"/>
        <item x="7992"/>
        <item x="266"/>
        <item x="6803"/>
        <item x="187"/>
        <item x="7039"/>
        <item x="1570"/>
        <item x="7289"/>
        <item x="1571"/>
        <item x="5323"/>
        <item x="3517"/>
        <item x="5175"/>
        <item x="3137"/>
        <item x="5027"/>
        <item x="5220"/>
        <item x="4945"/>
        <item x="4851"/>
        <item x="4981"/>
        <item x="5055"/>
        <item x="5181"/>
        <item x="4982"/>
        <item x="5190"/>
        <item x="2601"/>
        <item x="3243"/>
        <item x="4480"/>
        <item x="2076"/>
        <item x="6689"/>
        <item x="3627"/>
        <item x="4592"/>
        <item x="8034"/>
        <item x="8035"/>
        <item x="8036"/>
        <item x="2446"/>
        <item x="3181"/>
        <item x="3055"/>
        <item x="364"/>
        <item x="5224"/>
        <item x="3624"/>
        <item x="149"/>
        <item x="518"/>
        <item x="461"/>
        <item x="1955"/>
        <item x="447"/>
        <item x="3313"/>
        <item x="1107"/>
        <item x="6804"/>
        <item x="7844"/>
        <item x="1168"/>
        <item x="3317"/>
        <item x="960"/>
        <item x="333"/>
        <item x="7607"/>
        <item x="1196"/>
        <item x="2591"/>
        <item x="2586"/>
        <item x="6108"/>
        <item x="3840"/>
        <item x="4598"/>
        <item x="2222"/>
        <item x="6157"/>
        <item x="7429"/>
        <item x="460"/>
        <item x="4713"/>
        <item x="2062"/>
        <item x="2602"/>
        <item x="202"/>
        <item x="2217"/>
        <item x="6618"/>
        <item x="2603"/>
        <item x="536"/>
        <item x="1968"/>
        <item x="1572"/>
        <item x="459"/>
        <item x="2560"/>
        <item x="703"/>
        <item x="5723"/>
        <item x="5744"/>
        <item x="2868"/>
        <item x="535"/>
        <item x="2167"/>
        <item x="4593"/>
        <item x="4448"/>
        <item x="7902"/>
        <item x="3628"/>
        <item x="4746"/>
        <item x="4747"/>
        <item x="1386"/>
        <item x="8082"/>
        <item x="3936"/>
        <item x="3870"/>
        <item x="2606"/>
        <item x="6169"/>
        <item x="6690"/>
        <item x="6158"/>
        <item x="6691"/>
        <item x="1758"/>
        <item x="2804"/>
        <item x="7467"/>
        <item x="7468"/>
        <item x="7469"/>
        <item x="7314"/>
        <item x="7470"/>
        <item x="7559"/>
        <item x="7315"/>
        <item x="7472"/>
        <item x="7471"/>
        <item x="7473"/>
        <item x="7558"/>
        <item x="7474"/>
        <item x="6903"/>
        <item x="6805"/>
        <item x="6806"/>
        <item x="6807"/>
        <item x="503"/>
        <item x="1573"/>
        <item x="1574"/>
        <item x="2317"/>
        <item x="3629"/>
        <item x="6808"/>
        <item x="1141"/>
        <item x="3630"/>
        <item x="4247"/>
        <item x="980"/>
        <item x="4334"/>
        <item x="2347"/>
        <item x="6959"/>
        <item x="3631"/>
        <item x="154"/>
        <item x="458"/>
        <item x="3761"/>
        <item x="1932"/>
        <item x="6996"/>
        <item x="2729"/>
        <item x="4370"/>
        <item x="4359"/>
        <item x="4374"/>
        <item x="2712"/>
        <item x="2711"/>
        <item x="2710"/>
        <item x="4376"/>
        <item x="4375"/>
        <item x="2754"/>
        <item x="2757"/>
        <item x="2701"/>
        <item x="2845"/>
        <item x="4377"/>
        <item x="2758"/>
        <item x="4378"/>
        <item x="4379"/>
        <item x="4380"/>
        <item x="2778"/>
        <item x="2700"/>
        <item x="2879"/>
        <item x="2728"/>
        <item x="2899"/>
        <item x="2709"/>
        <item x="2818"/>
        <item x="4361"/>
        <item x="4362"/>
        <item x="2771"/>
        <item x="4363"/>
        <item x="4364"/>
        <item x="4365"/>
        <item x="4366"/>
        <item x="4367"/>
        <item x="4368"/>
        <item x="4369"/>
        <item x="4371"/>
        <item x="4372"/>
        <item x="4373"/>
        <item x="2786"/>
        <item x="2881"/>
        <item x="2889"/>
        <item x="2846"/>
        <item x="2848"/>
        <item x="6809"/>
        <item x="31"/>
        <item x="4110"/>
        <item x="1139"/>
        <item x="1862"/>
        <item x="7418"/>
        <item x="7573"/>
        <item x="4188"/>
        <item x="7219"/>
        <item x="7206"/>
        <item x="7493"/>
        <item x="7173"/>
        <item x="7174"/>
        <item x="7415"/>
        <item x="7347"/>
        <item x="7406"/>
        <item x="7407"/>
        <item x="7310"/>
        <item x="7311"/>
        <item x="6892"/>
        <item x="7405"/>
        <item x="7132"/>
        <item x="7304"/>
        <item x="7091"/>
        <item x="6893"/>
        <item x="7386"/>
        <item x="6886"/>
        <item x="7387"/>
        <item x="7392"/>
        <item x="7382"/>
        <item x="6934"/>
        <item x="7404"/>
        <item x="6956"/>
        <item x="3448"/>
        <item x="3632"/>
        <item x="7561"/>
        <item x="4977"/>
        <item x="4596"/>
        <item x="1759"/>
        <item x="2268"/>
        <item x="2607"/>
        <item x="2611"/>
        <item x="2661"/>
        <item x="5600"/>
        <item x="6263"/>
        <item x="6376"/>
        <item x="4038"/>
        <item x="3634"/>
        <item x="1070"/>
        <item x="7325"/>
        <item x="7124"/>
        <item x="7316"/>
        <item x="7324"/>
        <item x="7234"/>
        <item x="5967"/>
        <item x="2121"/>
        <item x="1760"/>
        <item x="2589"/>
        <item x="2923"/>
        <item x="3466"/>
        <item x="6452"/>
        <item x="390"/>
        <item x="5987"/>
        <item x="2924"/>
        <item x="4595"/>
        <item x="7007"/>
        <item x="4597"/>
        <item x="4629"/>
        <item x="2834"/>
        <item x="7432"/>
        <item x="7017"/>
        <item x="6049"/>
        <item x="4449"/>
        <item x="4234"/>
        <item x="2875"/>
        <item x="2876"/>
        <item x="2792"/>
        <item x="2871"/>
        <item x="2872"/>
        <item x="2796"/>
        <item x="2873"/>
        <item x="2874"/>
        <item x="2791"/>
        <item x="2795"/>
        <item x="2794"/>
        <item x="2793"/>
        <item x="6810"/>
        <item x="6389"/>
        <item x="2369"/>
        <item x="4748"/>
        <item x="1575"/>
        <item x="151"/>
        <item x="4603"/>
        <item x="2359"/>
        <item x="3289"/>
        <item x="2391"/>
        <item x="2449"/>
        <item x="2366"/>
        <item x="178"/>
        <item x="159"/>
        <item x="1576"/>
        <item x="6510"/>
        <item x="2382"/>
        <item x="2368"/>
        <item x="2106"/>
        <item x="7151"/>
        <item x="3096"/>
        <item x="1577"/>
        <item x="1578"/>
        <item x="5378"/>
        <item x="160"/>
        <item x="7090"/>
        <item x="4602"/>
        <item x="3978"/>
        <item x="4195"/>
        <item x="5771"/>
        <item x="2826"/>
        <item x="2610"/>
        <item x="2870"/>
        <item x="2906"/>
        <item x="2066"/>
        <item x="5515"/>
        <item x="5516"/>
        <item x="5517"/>
        <item x="4114"/>
        <item x="6112"/>
        <item x="5918"/>
        <item x="7152"/>
        <item x="8236"/>
        <item x="2367"/>
        <item x="4848"/>
        <item x="6240"/>
        <item x="4248"/>
        <item x="162"/>
        <item x="2548"/>
        <item x="2092"/>
        <item x="1579"/>
        <item x="1580"/>
        <item x="3635"/>
        <item x="2450"/>
        <item x="6811"/>
        <item x="6812"/>
        <item x="6201"/>
        <item x="5083"/>
        <item x="3538"/>
        <item x="6813"/>
        <item x="4217"/>
        <item x="138"/>
        <item x="5490"/>
        <item x="3108"/>
        <item x="4335"/>
        <item x="6814"/>
        <item x="529"/>
        <item x="3116"/>
        <item x="4336"/>
        <item x="1761"/>
        <item x="2690"/>
        <item x="5745"/>
        <item x="3636"/>
        <item x="3379"/>
        <item x="3637"/>
        <item x="1983"/>
        <item x="4219"/>
        <item x="7126"/>
        <item x="4935"/>
        <item x="2706"/>
        <item x="1135"/>
        <item x="1137"/>
        <item x="1136"/>
        <item x="5547"/>
        <item x="5168"/>
        <item x="293"/>
        <item x="2067"/>
        <item x="5454"/>
        <item x="4205"/>
        <item x="4119"/>
        <item x="4120"/>
        <item x="4117"/>
        <item x="6095"/>
        <item x="4138"/>
        <item x="2976"/>
        <item x="5226"/>
        <item x="23"/>
        <item x="5772"/>
        <item x="1581"/>
        <item x="1582"/>
        <item x="4734"/>
        <item x="4714"/>
        <item x="4735"/>
        <item x="5868"/>
        <item x="1583"/>
        <item x="4450"/>
        <item x="4481"/>
        <item x="6264"/>
        <item x="64"/>
        <item x="6387"/>
        <item x="4815"/>
        <item x="6302"/>
        <item x="498"/>
        <item x="6017"/>
        <item x="5921"/>
        <item x="5397"/>
        <item x="6366"/>
        <item x="4740"/>
        <item x="1315"/>
        <item x="3638"/>
        <item x="4721"/>
        <item x="3639"/>
        <item x="2151"/>
        <item x="7960"/>
        <item x="5984"/>
        <item x="7517"/>
        <item x="2925"/>
        <item x="593"/>
        <item x="5045"/>
        <item x="5312"/>
        <item x="1316"/>
        <item x="5277"/>
        <item x="5170"/>
        <item x="6483"/>
        <item x="231"/>
        <item x="2069"/>
        <item x="6096"/>
        <item x="5023"/>
        <item x="3180"/>
        <item x="1042"/>
        <item x="4766"/>
        <item x="5022"/>
        <item x="6305"/>
        <item x="6299"/>
        <item x="6015"/>
        <item x="1762"/>
        <item x="123"/>
        <item x="124"/>
        <item x="5978"/>
        <item x="6512"/>
        <item x="5282"/>
        <item x="7213"/>
        <item x="2564"/>
        <item x="2558"/>
        <item x="2565"/>
        <item x="2071"/>
        <item x="6375"/>
        <item x="1854"/>
        <item x="1584"/>
        <item x="2451"/>
        <item x="6815"/>
        <item x="7771"/>
        <item x="4604"/>
        <item x="7231"/>
        <item x="494"/>
        <item x="3831"/>
        <item x="1317"/>
        <item x="4497"/>
        <item x="5346"/>
        <item x="7285"/>
        <item x="6142"/>
        <item x="8099"/>
        <item x="5072"/>
        <item x="5056"/>
        <item x="3640"/>
        <item x="1123"/>
        <item x="1248"/>
        <item x="1838"/>
        <item x="4137"/>
        <item x="1837"/>
        <item x="3641"/>
        <item x="3642"/>
        <item x="2068"/>
        <item x="2070"/>
        <item x="3643"/>
        <item x="721"/>
        <item x="944"/>
        <item x="945"/>
        <item x="947"/>
        <item x="946"/>
        <item x="948"/>
        <item x="949"/>
        <item x="669"/>
        <item x="5746"/>
        <item x="1585"/>
        <item x="3449"/>
        <item x="5787"/>
        <item x="4179"/>
        <item x="4118"/>
        <item x="5415"/>
        <item x="5518"/>
        <item x="5321"/>
        <item x="7308"/>
        <item x="1318"/>
        <item x="1188"/>
        <item x="4546"/>
        <item x="1190"/>
        <item x="1763"/>
        <item x="1764"/>
        <item x="1304"/>
        <item x="1319"/>
        <item x="4932"/>
        <item x="2303"/>
        <item x="1321"/>
        <item x="1320"/>
        <item x="57"/>
        <item x="7942"/>
        <item x="1264"/>
        <item x="1262"/>
        <item x="1260"/>
        <item x="1261"/>
        <item x="1263"/>
        <item x="7999"/>
        <item x="7074"/>
        <item x="2944"/>
        <item x="4337"/>
        <item x="4482"/>
        <item x="1322"/>
        <item x="4339"/>
        <item x="5421"/>
        <item x="2108"/>
        <item x="5399"/>
        <item x="2543"/>
        <item x="6598"/>
        <item x="46"/>
        <item x="1586"/>
        <item x="4338"/>
        <item x="5480"/>
        <item x="7994"/>
        <item x="7825"/>
        <item x="3644"/>
        <item x="7610"/>
        <item x="2613"/>
        <item x="4762"/>
        <item x="7857"/>
        <item x="5260"/>
        <item x="3248"/>
        <item x="5012"/>
        <item x="8097"/>
        <item x="7034"/>
        <item x="5005"/>
        <item x="5697"/>
        <item x="5197"/>
        <item x="2224"/>
        <item x="6692"/>
        <item x="3013"/>
        <item x="321"/>
        <item x="3957"/>
        <item x="2286"/>
        <item x="4606"/>
        <item x="1587"/>
        <item x="1353"/>
        <item x="4152"/>
        <item x="6931"/>
        <item x="6941"/>
        <item x="7004"/>
        <item x="7176"/>
        <item x="7485"/>
        <item x="7027"/>
        <item x="7028"/>
        <item x="6936"/>
        <item x="7401"/>
        <item x="7026"/>
        <item x="7484"/>
        <item x="6938"/>
        <item x="6937"/>
        <item x="6942"/>
        <item x="6948"/>
        <item x="7171"/>
        <item x="6943"/>
        <item x="6944"/>
        <item x="6945"/>
        <item x="6946"/>
        <item x="6947"/>
        <item x="6949"/>
        <item x="6950"/>
        <item x="6951"/>
        <item x="6952"/>
        <item x="6953"/>
        <item x="6954"/>
        <item x="6955"/>
        <item x="1145"/>
        <item x="1144"/>
        <item x="1231"/>
        <item x="1103"/>
        <item x="1102"/>
        <item x="7228"/>
        <item x="8268"/>
        <item x="3861"/>
        <item x="2149"/>
        <item x="6053"/>
        <item x="3247"/>
        <item x="2455"/>
        <item x="1588"/>
        <item x="1589"/>
        <item x="7626"/>
        <item x="7029"/>
        <item x="7235"/>
        <item x="7000"/>
        <item x="3937"/>
        <item x="4340"/>
        <item x="4140"/>
        <item x="1325"/>
        <item x="5393"/>
        <item x="2031"/>
        <item x="1049"/>
        <item x="4341"/>
        <item x="4778"/>
        <item x="5013"/>
        <item x="6351"/>
        <item x="3645"/>
        <item x="4984"/>
        <item x="7875"/>
        <item x="5020"/>
        <item x="2614"/>
        <item x="8093"/>
        <item x="4136"/>
        <item x="1012"/>
        <item x="4250"/>
        <item x="1765"/>
        <item x="1766"/>
        <item x="477"/>
        <item x="3919"/>
        <item x="8078"/>
        <item x="8037"/>
        <item x="2340"/>
        <item x="215"/>
        <item x="7494"/>
        <item x="4123"/>
        <item x="3409"/>
        <item x="453"/>
        <item x="2921"/>
        <item x="4167"/>
        <item x="6257"/>
        <item x="4623"/>
        <item x="1097"/>
        <item x="1075"/>
        <item x="1590"/>
        <item x="6544"/>
        <item x="1187"/>
        <item x="1767"/>
        <item x="4124"/>
        <item x="4125"/>
        <item x="4189"/>
        <item x="4224"/>
        <item x="4772"/>
        <item x="2616"/>
        <item x="5159"/>
        <item x="2136"/>
        <item x="4607"/>
        <item x="7122"/>
        <item x="2313"/>
        <item x="1591"/>
        <item x="6497"/>
        <item x="7668"/>
        <item x="5788"/>
        <item x="1159"/>
        <item x="5773"/>
        <item x="5683"/>
        <item x="7774"/>
        <item x="367"/>
        <item x="2961"/>
        <item x="3646"/>
        <item x="7773"/>
        <item x="7995"/>
        <item x="7669"/>
        <item x="3647"/>
        <item x="7965"/>
        <item x="7990"/>
        <item x="7808"/>
        <item x="7830"/>
        <item x="3648"/>
        <item x="3649"/>
        <item x="3123"/>
        <item x="3455"/>
        <item x="7831"/>
        <item x="7906"/>
        <item x="5896"/>
        <item x="3650"/>
        <item x="7858"/>
        <item x="3651"/>
        <item x="3603"/>
        <item x="5140"/>
        <item x="3211"/>
        <item x="3393"/>
        <item x="3392"/>
        <item x="3652"/>
        <item x="3390"/>
        <item x="3391"/>
        <item x="71"/>
        <item x="7751"/>
        <item x="3378"/>
        <item x="4843"/>
        <item x="4821"/>
        <item x="3895"/>
        <item x="3653"/>
        <item x="4614"/>
        <item x="3961"/>
        <item x="134"/>
        <item x="2691"/>
        <item x="7167"/>
        <item x="7633"/>
        <item x="2453"/>
        <item x="2328"/>
        <item x="2314"/>
        <item x="722"/>
        <item x="724"/>
        <item x="6052"/>
        <item x="2109"/>
        <item x="5147"/>
        <item x="5789"/>
        <item x="1948"/>
        <item x="2454"/>
        <item x="1592"/>
        <item x="5252"/>
        <item x="4947"/>
        <item x="5261"/>
        <item x="4218"/>
        <item x="101"/>
        <item x="3261"/>
        <item x="8100"/>
        <item x="4226"/>
        <item x="3654"/>
        <item x="1997"/>
        <item x="4609"/>
        <item x="1365"/>
        <item x="520"/>
        <item x="6816"/>
        <item x="7605"/>
        <item x="1143"/>
        <item x="1090"/>
        <item x="1091"/>
        <item x="1095"/>
        <item x="4109"/>
        <item x="4126"/>
        <item x="4608"/>
        <item x="6514"/>
        <item x="4141"/>
        <item x="3655"/>
        <item x="2720"/>
        <item x="7261"/>
        <item x="7216"/>
        <item x="7259"/>
        <item x="7532"/>
        <item x="4616"/>
        <item x="4615"/>
        <item x="4618"/>
        <item x="1073"/>
        <item x="1074"/>
        <item x="1160"/>
        <item x="3990"/>
        <item x="1594"/>
        <item x="1595"/>
        <item x="1593"/>
        <item x="3938"/>
        <item x="8089"/>
        <item x="5681"/>
        <item x="232"/>
        <item x="2147"/>
        <item x="4342"/>
        <item x="3656"/>
        <item x="2332"/>
        <item x="4819"/>
        <item x="6051"/>
        <item x="1972"/>
        <item x="6050"/>
        <item x="3633"/>
        <item x="4144"/>
        <item x="4890"/>
        <item x="3939"/>
        <item x="4129"/>
        <item x="4048"/>
        <item x="4068"/>
        <item x="2319"/>
        <item x="4622"/>
        <item x="6519"/>
        <item x="1596"/>
        <item x="1597"/>
        <item x="418"/>
        <item x="403"/>
        <item x="395"/>
        <item x="368"/>
        <item x="2226"/>
        <item x="6241"/>
        <item x="5243"/>
        <item x="4201"/>
        <item x="1223"/>
        <item x="3940"/>
        <item x="5026"/>
        <item x="6529"/>
        <item x="7269"/>
        <item x="5075"/>
        <item x="5485"/>
        <item x="3657"/>
        <item x="965"/>
        <item x="3064"/>
        <item x="1598"/>
        <item x="5156"/>
        <item x="5705"/>
        <item x="7139"/>
        <item x="3127"/>
        <item x="3006"/>
        <item x="3262"/>
        <item x="3200"/>
        <item x="3198"/>
        <item x="3199"/>
        <item x="3193"/>
        <item x="3222"/>
        <item x="3192"/>
        <item x="3263"/>
        <item x="4131"/>
        <item x="3007"/>
        <item x="3212"/>
        <item x="3505"/>
        <item x="4893"/>
        <item x="2160"/>
        <item x="1768"/>
        <item x="1599"/>
        <item x="1600"/>
        <item x="1601"/>
        <item x="5357"/>
        <item x="2458"/>
        <item x="6817"/>
        <item x="8108"/>
        <item x="1602"/>
        <item x="256"/>
        <item x="7110"/>
        <item x="1603"/>
        <item x="5964"/>
        <item x="1996"/>
        <item x="2461"/>
        <item x="3060"/>
        <item x="1604"/>
        <item x="255"/>
        <item x="6818"/>
        <item x="2459"/>
        <item x="2460"/>
        <item x="1605"/>
        <item x="4249"/>
        <item x="1606"/>
        <item x="1607"/>
        <item x="8103"/>
        <item x="8104"/>
        <item x="8105"/>
        <item x="1608"/>
        <item x="532"/>
        <item x="253"/>
        <item x="2462"/>
        <item x="1609"/>
        <item x="1610"/>
        <item x="1611"/>
        <item x="7271"/>
        <item x="5790"/>
        <item x="2463"/>
        <item x="1612"/>
        <item x="6000"/>
        <item x="2464"/>
        <item x="6002"/>
        <item x="193"/>
        <item x="1613"/>
        <item x="8102"/>
        <item x="2465"/>
        <item x="1614"/>
        <item x="5966"/>
        <item x="533"/>
        <item x="7241"/>
        <item x="1615"/>
        <item x="4251"/>
        <item x="8106"/>
        <item x="2379"/>
        <item x="2380"/>
        <item x="5844"/>
        <item x="8107"/>
        <item x="1616"/>
        <item x="4729"/>
        <item x="1995"/>
        <item x="4699"/>
        <item x="1040"/>
        <item x="2466"/>
        <item x="7123"/>
        <item x="7199"/>
        <item x="7200"/>
        <item x="7291"/>
        <item x="2536"/>
        <item x="164"/>
        <item x="6991"/>
        <item x="2467"/>
        <item x="2468"/>
        <item x="2344"/>
        <item x="6192"/>
        <item x="2469"/>
        <item x="7865"/>
        <item x="1617"/>
        <item x="5845"/>
        <item x="2345"/>
        <item x="7120"/>
        <item x="7198"/>
        <item x="7290"/>
        <item x="2470"/>
        <item x="1618"/>
        <item x="2471"/>
        <item x="2472"/>
        <item x="1619"/>
        <item x="5846"/>
        <item x="5847"/>
        <item x="6819"/>
        <item x="6693"/>
        <item x="3104"/>
        <item x="3880"/>
        <item x="4700"/>
        <item x="4701"/>
        <item x="4702"/>
        <item x="4937"/>
        <item x="4033"/>
        <item x="5002"/>
        <item x="5206"/>
        <item x="5110"/>
        <item x="4866"/>
        <item x="4619"/>
        <item x="4620"/>
        <item x="4451"/>
        <item x="958"/>
        <item x="1620"/>
        <item x="5791"/>
        <item x="544"/>
        <item x="1621"/>
        <item x="5599"/>
        <item x="5492"/>
        <item x="2948"/>
        <item x="4703"/>
        <item x="904"/>
        <item x="441"/>
        <item x="2910"/>
        <item x="6146"/>
        <item x="5434"/>
        <item x="2570"/>
        <item x="1085"/>
        <item x="7979"/>
        <item x="2456"/>
        <item x="2457"/>
        <item x="8142"/>
        <item x="1622"/>
        <item x="91"/>
        <item x="21"/>
        <item x="8252"/>
        <item x="1221"/>
        <item x="726"/>
        <item x="6636"/>
        <item x="3908"/>
        <item x="3851"/>
        <item x="3803"/>
        <item x="3855"/>
        <item x="3826"/>
        <item x="2166"/>
        <item x="3860"/>
        <item x="4868"/>
        <item x="1623"/>
        <item x="7096"/>
        <item x="4921"/>
        <item x="1985"/>
        <item x="1987"/>
        <item x="1986"/>
        <item x="1984"/>
        <item x="2073"/>
        <item x="389"/>
        <item x="2173"/>
        <item x="4487"/>
        <item x="7175"/>
        <item x="7212"/>
        <item x="3135"/>
        <item x="3858"/>
        <item x="3304"/>
        <item x="3330"/>
        <item x="4783"/>
        <item x="3426"/>
        <item x="70"/>
        <item x="1769"/>
        <item x="6987"/>
        <item x="1371"/>
        <item x="4817"/>
        <item x="3080"/>
        <item x="3993"/>
        <item x="6980"/>
        <item x="8173"/>
        <item x="6989"/>
        <item x="5262"/>
        <item x="1999"/>
        <item x="2434"/>
        <item x="5014"/>
        <item x="1624"/>
        <item x="5498"/>
        <item x="6820"/>
        <item x="3896"/>
        <item x="1217"/>
        <item x="1625"/>
        <item x="1140"/>
        <item x="3658"/>
        <item x="3659"/>
        <item x="3660"/>
        <item x="6821"/>
        <item x="547"/>
        <item x="5422"/>
        <item x="8080"/>
        <item x="7602"/>
        <item x="545"/>
        <item x="7601"/>
        <item x="2348"/>
        <item x="546"/>
        <item x="549"/>
        <item x="548"/>
        <item x="6822"/>
        <item x="5423"/>
        <item x="2346"/>
        <item x="550"/>
        <item x="2777"/>
        <item x="2798"/>
        <item x="2797"/>
        <item x="2799"/>
        <item x="1355"/>
        <item x="2452"/>
        <item x="1397"/>
        <item x="1839"/>
        <item x="233"/>
        <item x="4252"/>
        <item x="6098"/>
        <item x="3124"/>
        <item x="3219"/>
        <item x="1094"/>
        <item x="86"/>
        <item x="7828"/>
        <item x="1387"/>
        <item x="176"/>
        <item x="2817"/>
        <item x="7809"/>
        <item x="7609"/>
        <item x="555"/>
        <item x="5088"/>
        <item x="3661"/>
        <item x="1942"/>
        <item x="1897"/>
        <item x="7277"/>
        <item x="7002"/>
        <item x="7129"/>
        <item x="7278"/>
        <item x="7421"/>
        <item x="7130"/>
        <item x="6054"/>
        <item x="82"/>
        <item x="984"/>
        <item x="1023"/>
        <item x="1008"/>
        <item x="583"/>
        <item x="656"/>
        <item x="664"/>
        <item x="1021"/>
        <item x="1019"/>
        <item x="843"/>
        <item x="866"/>
        <item x="888"/>
        <item x="728"/>
        <item x="729"/>
        <item x="887"/>
        <item x="742"/>
        <item x="744"/>
        <item x="646"/>
        <item x="825"/>
        <item x="4343"/>
        <item x="7688"/>
        <item x="3402"/>
        <item x="2618"/>
        <item x="4028"/>
        <item x="4719"/>
        <item x="6479"/>
        <item x="3856"/>
        <item x="2619"/>
        <item x="7966"/>
        <item x="5761"/>
        <item x="8135"/>
        <item x="8185"/>
        <item x="1016"/>
        <item x="1770"/>
        <item x="4203"/>
        <item x="2373"/>
        <item x="1626"/>
        <item x="165"/>
        <item x="1627"/>
        <item x="7097"/>
        <item x="7201"/>
        <item x="5314"/>
        <item x="267"/>
        <item x="3899"/>
        <item x="3910"/>
        <item x="3909"/>
        <item x="3911"/>
        <item x="1882"/>
        <item x="32"/>
        <item x="5"/>
        <item x="3662"/>
        <item x="1911"/>
        <item x="2533"/>
        <item x="4633"/>
        <item x="1628"/>
        <item x="7753"/>
        <item x="7915"/>
        <item x="8005"/>
        <item x="5141"/>
        <item x="7863"/>
        <item x="4452"/>
        <item x="6602"/>
        <item x="7684"/>
        <item x="7755"/>
        <item x="7757"/>
        <item x="3663"/>
        <item x="730"/>
        <item x="2620"/>
        <item x="7759"/>
        <item x="7775"/>
        <item x="7671"/>
        <item x="294"/>
        <item x="5091"/>
        <item x="733"/>
        <item x="732"/>
        <item x="731"/>
        <item x="7760"/>
        <item x="6329"/>
        <item x="6624"/>
        <item x="3285"/>
        <item x="3286"/>
        <item x="5098"/>
        <item x="4959"/>
        <item x="4147"/>
        <item x="5442"/>
        <item x="3664"/>
        <item x="3173"/>
        <item x="5437"/>
        <item x="1100"/>
        <item x="3056"/>
        <item x="7628"/>
        <item x="3665"/>
        <item x="3461"/>
        <item x="5747"/>
        <item x="5362"/>
        <item x="5748"/>
        <item x="5749"/>
        <item x="5363"/>
        <item x="5750"/>
        <item x="5751"/>
        <item x="5605"/>
        <item x="5354"/>
        <item x="6634"/>
        <item x="1771"/>
        <item x="2621"/>
        <item x="3224"/>
        <item x="1840"/>
        <item x="1841"/>
        <item x="2604"/>
        <item x="6371"/>
        <item x="6345"/>
        <item x="4626"/>
        <item x="2556"/>
        <item x="69"/>
        <item x="7727"/>
        <item x="5291"/>
        <item x="2622"/>
        <item x="3489"/>
        <item x="3666"/>
        <item x="6021"/>
        <item x="5142"/>
        <item x="2844"/>
        <item x="2980"/>
        <item x="3283"/>
        <item x="3081"/>
        <item x="3667"/>
        <item x="3668"/>
        <item x="738"/>
        <item x="3142"/>
        <item x="6625"/>
        <item x="3669"/>
        <item x="1350"/>
        <item x="7714"/>
        <item x="3430"/>
        <item x="5339"/>
        <item x="3185"/>
        <item x="33"/>
        <item x="2781"/>
        <item x="2623"/>
        <item x="4919"/>
        <item x="4148"/>
        <item x="5188"/>
        <item x="4750"/>
        <item x="8004"/>
        <item x="3450"/>
        <item x="7249"/>
        <item x="5308"/>
        <item x="6451"/>
        <item x="6694"/>
        <item x="1352"/>
        <item x="3670"/>
        <item x="6823"/>
        <item x="7434"/>
        <item x="7263"/>
        <item x="7262"/>
        <item x="7402"/>
        <item x="7217"/>
        <item x="5895"/>
        <item x="2624"/>
        <item x="7855"/>
        <item x="2820"/>
        <item x="7068"/>
        <item x="7073"/>
        <item x="8237"/>
        <item x="1399"/>
        <item x="1327"/>
        <item x="2388"/>
        <item x="166"/>
        <item x="7143"/>
        <item x="1629"/>
        <item x="1630"/>
        <item x="4305"/>
        <item x="1165"/>
        <item x="4453"/>
        <item x="2473"/>
        <item x="449"/>
        <item x="1112"/>
        <item x="6824"/>
        <item x="3422"/>
        <item x="6695"/>
        <item x="4845"/>
        <item x="7423"/>
        <item x="1182"/>
        <item x="7339"/>
        <item x="4133"/>
        <item x="7258"/>
        <item x="5519"/>
        <item x="3956"/>
        <item x="88"/>
        <item x="5715"/>
        <item x="1328"/>
        <item x="3671"/>
        <item x="4093"/>
        <item x="6149"/>
        <item x="5106"/>
        <item x="102"/>
        <item x="280"/>
        <item x="7035"/>
        <item x="295"/>
        <item x="5752"/>
        <item x="3487"/>
        <item x="5947"/>
        <item x="5946"/>
        <item x="6082"/>
        <item x="1326"/>
        <item x="4185"/>
        <item x="4181"/>
        <item x="4077"/>
        <item x="3977"/>
        <item x="2625"/>
        <item x="5816"/>
        <item x="2474"/>
        <item x="4192"/>
        <item x="4194"/>
        <item x="4193"/>
        <item x="3949"/>
        <item x="3969"/>
        <item x="4211"/>
        <item x="3195"/>
        <item x="3143"/>
        <item x="2475"/>
        <item x="216"/>
        <item x="1631"/>
        <item x="1632"/>
        <item x="1633"/>
        <item x="3431"/>
        <item x="3672"/>
        <item x="3673"/>
        <item x="3674"/>
        <item x="2027"/>
        <item x="2025"/>
        <item x="2026"/>
        <item x="2024"/>
        <item x="2205"/>
        <item x="4788"/>
        <item x="4135"/>
        <item x="167"/>
        <item x="5359"/>
        <item x="5753"/>
        <item x="5754"/>
        <item x="1772"/>
        <item x="5935"/>
        <item x="597"/>
        <item x="736"/>
        <item x="739"/>
        <item x="925"/>
        <item x="4228"/>
        <item x="2864"/>
        <item x="6825"/>
        <item x="1398"/>
        <item x="3082"/>
        <item x="5606"/>
        <item x="6346"/>
        <item x="5701"/>
        <item x="7986"/>
        <item x="100"/>
        <item x="717"/>
        <item x="2476"/>
        <item x="4344"/>
        <item x="4149"/>
        <item x="4076"/>
        <item x="1773"/>
        <item x="1181"/>
        <item x="4139"/>
        <item x="4625"/>
        <item x="3427"/>
        <item x="1374"/>
        <item x="4254"/>
        <item x="4253"/>
        <item x="899"/>
        <item x="740"/>
        <item x="2535"/>
        <item x="5326"/>
        <item x="5499"/>
        <item x="2987"/>
        <item x="5325"/>
        <item x="5691"/>
        <item x="5864"/>
        <item x="5713"/>
        <item x="5910"/>
        <item x="5390"/>
        <item x="5914"/>
        <item x="5537"/>
        <item x="5392"/>
        <item x="5396"/>
        <item x="5930"/>
        <item x="5521"/>
        <item x="5682"/>
        <item x="3083"/>
        <item x="3084"/>
        <item x="3085"/>
        <item x="5379"/>
        <item x="6280"/>
        <item x="7169"/>
        <item x="4150"/>
        <item x="6696"/>
        <item x="4556"/>
        <item x="2074"/>
        <item x="2075"/>
        <item x="2104"/>
        <item x="2542"/>
        <item x="7608"/>
        <item x="2982"/>
        <item x="4472"/>
        <item x="4142"/>
        <item x="4143"/>
        <item x="3389"/>
        <item x="4454"/>
        <item x="4483"/>
        <item x="4455"/>
        <item x="4484"/>
        <item x="1975"/>
        <item x="1634"/>
        <item x="2867"/>
        <item x="2608"/>
        <item x="5958"/>
        <item x="3675"/>
        <item x="3404"/>
        <item x="5081"/>
        <item x="7893"/>
        <item x="4184"/>
        <item x="6505"/>
        <item x="5892"/>
        <item x="5891"/>
        <item x="5861"/>
        <item x="4345"/>
        <item x="4521"/>
        <item x="2050"/>
        <item x="6005"/>
        <item x="296"/>
        <item x="3677"/>
        <item x="3676"/>
        <item x="3678"/>
        <item x="3679"/>
        <item x="3680"/>
        <item x="3682"/>
        <item x="3681"/>
        <item x="3749"/>
        <item x="3683"/>
        <item x="7970"/>
        <item x="4940"/>
        <item x="3684"/>
        <item x="3364"/>
        <item x="5703"/>
        <item x="5433"/>
        <item x="5937"/>
        <item x="2228"/>
        <item x="2299"/>
        <item x="2229"/>
        <item x="2230"/>
        <item x="2231"/>
        <item x="2972"/>
        <item x="6347"/>
        <item x="2891"/>
        <item x="515"/>
        <item x="446"/>
        <item x="47"/>
        <item x="2828"/>
        <item x="6055"/>
        <item x="499"/>
        <item x="5209"/>
        <item x="584"/>
        <item x="2742"/>
        <item x="4255"/>
        <item x="3804"/>
        <item x="3882"/>
        <item x="8039"/>
        <item x="8040"/>
        <item x="8041"/>
        <item x="5077"/>
        <item x="3685"/>
        <item x="3686"/>
        <item x="1375"/>
        <item x="3687"/>
        <item x="6056"/>
        <item x="6057"/>
        <item x="7010"/>
        <item x="6988"/>
        <item x="5531"/>
        <item x="5527"/>
        <item x="3154"/>
        <item x="3110"/>
        <item x="2592"/>
        <item x="1635"/>
        <item x="1636"/>
        <item x="1637"/>
        <item x="4035"/>
        <item x="1207"/>
        <item x="8188"/>
        <item x="8174"/>
        <item x="1912"/>
        <item x="4753"/>
        <item x="6511"/>
        <item x="6044"/>
        <item x="7076"/>
        <item x="250"/>
        <item x="1638"/>
        <item x="7265"/>
        <item x="2003"/>
        <item x="5347"/>
        <item x="7488"/>
        <item x="5280"/>
        <item x="5000"/>
        <item x="3805"/>
        <item x="4346"/>
        <item x="6319"/>
        <item x="6353"/>
        <item x="2627"/>
        <item x="716"/>
        <item x="6170"/>
        <item x="2884"/>
        <item x="2628"/>
        <item x="2072"/>
        <item x="6697"/>
        <item x="4348"/>
        <item x="6171"/>
        <item x="7922"/>
        <item x="6172"/>
        <item x="4506"/>
        <item x="4145"/>
        <item x="4347"/>
        <item x="823"/>
        <item x="971"/>
        <item x="6173"/>
        <item x="6498"/>
        <item x="2477"/>
        <item x="1966"/>
        <item x="6441"/>
        <item x="6490"/>
        <item x="4146"/>
        <item x="4040"/>
        <item x="4041"/>
        <item x="4042"/>
        <item x="4186"/>
        <item x="6619"/>
        <item x="2629"/>
        <item x="7920"/>
        <item x="4180"/>
        <item x="7921"/>
        <item x="5330"/>
        <item x="3266"/>
        <item x="747"/>
        <item x="205"/>
        <item x="7584"/>
        <item x="6059"/>
        <item x="3692"/>
        <item x="3688"/>
        <item x="3451"/>
        <item x="3490"/>
        <item x="1639"/>
        <item x="5915"/>
        <item x="7185"/>
        <item x="2384"/>
        <item x="5223"/>
        <item x="8267"/>
        <item x="6339"/>
        <item x="5030"/>
        <item x="2077"/>
        <item x="412"/>
        <item x="5367"/>
        <item x="4912"/>
        <item x="3314"/>
        <item x="7835"/>
        <item x="4802"/>
        <item x="4399"/>
        <item x="749"/>
        <item x="7763"/>
        <item x="6350"/>
        <item x="6503"/>
        <item x="4498"/>
        <item x="6297"/>
        <item x="5210"/>
        <item x="5253"/>
        <item x="4964"/>
        <item x="2355"/>
        <item x="5956"/>
        <item x="6970"/>
        <item x="2821"/>
        <item x="7103"/>
        <item x="1640"/>
        <item x="2337"/>
        <item x="168"/>
        <item x="2304"/>
        <item x="7581"/>
        <item x="7098"/>
        <item x="6983"/>
        <item x="4490"/>
        <item x="7627"/>
        <item x="7111"/>
        <item x="8238"/>
        <item x="7089"/>
        <item x="7560"/>
        <item x="8042"/>
        <item x="2178"/>
        <item x="1245"/>
        <item x="4491"/>
        <item x="8203"/>
        <item x="6940"/>
        <item x="7255"/>
        <item x="7196"/>
        <item x="6698"/>
        <item x="1641"/>
        <item x="5472"/>
        <item x="1354"/>
        <item x="3130"/>
        <item x="3689"/>
        <item x="5004"/>
        <item x="1910"/>
        <item x="6699"/>
        <item x="2078"/>
        <item x="5059"/>
        <item x="5060"/>
        <item x="2630"/>
        <item x="750"/>
        <item x="7737"/>
        <item x="5448"/>
        <item x="451"/>
        <item x="7075"/>
        <item x="5792"/>
        <item x="6308"/>
        <item x="2573"/>
        <item x="7251"/>
        <item x="4631"/>
        <item x="4644"/>
        <item x="1842"/>
        <item x="5973"/>
        <item x="5974"/>
        <item x="5971"/>
        <item x="6434"/>
        <item x="1044"/>
        <item x="3690"/>
        <item x="745"/>
        <item x="3691"/>
        <item x="3385"/>
        <item x="3386"/>
        <item x="6001"/>
        <item x="6700"/>
        <item x="1071"/>
        <item x="6406"/>
        <item x="1007"/>
        <item x="4349"/>
        <item x="5211"/>
        <item x="2329"/>
        <item x="3693"/>
        <item x="5860"/>
        <item x="3147"/>
        <item x="3228"/>
        <item x="1855"/>
        <item x="3923"/>
        <item x="3717"/>
        <item x="6287"/>
        <item x="5755"/>
        <item x="3694"/>
        <item x="3695"/>
        <item x="3459"/>
        <item x="3697"/>
        <item x="3696"/>
        <item x="6426"/>
        <item x="3698"/>
        <item x="6284"/>
        <item x="3699"/>
        <item x="2008"/>
        <item x="2478"/>
        <item x="2927"/>
        <item x="1642"/>
        <item x="5543"/>
        <item x="6461"/>
        <item x="6462"/>
        <item x="6460"/>
        <item x="3852"/>
        <item x="3872"/>
        <item x="3871"/>
        <item x="2011"/>
        <item x="1643"/>
        <item x="4386"/>
        <item x="2760"/>
        <item x="7989"/>
        <item x="6322"/>
        <item x="6061"/>
        <item x="6060"/>
        <item x="1162"/>
        <item x="2306"/>
        <item x="3086"/>
        <item x="407"/>
        <item x="406"/>
        <item x="2914"/>
        <item x="3863"/>
        <item x="4965"/>
        <item x="322"/>
        <item x="393"/>
        <item x="7043"/>
        <item x="297"/>
        <item x="7389"/>
        <item x="7672"/>
        <item x="7674"/>
        <item x="4350"/>
        <item x="4351"/>
        <item x="4352"/>
        <item x="4353"/>
        <item x="4354"/>
        <item x="4356"/>
        <item x="4357"/>
        <item x="4381"/>
        <item x="3900"/>
        <item x="4389"/>
        <item x="8239"/>
        <item x="6325"/>
        <item x="5212"/>
        <item x="1644"/>
        <item x="4639"/>
        <item x="4640"/>
        <item x="4641"/>
        <item x="4591"/>
        <item x="4605"/>
        <item x="4675"/>
        <item x="4643"/>
        <item x="4055"/>
        <item x="4154"/>
        <item x="4648"/>
        <item x="4642"/>
        <item x="4504"/>
        <item x="4554"/>
        <item x="4680"/>
        <item x="4649"/>
        <item x="4510"/>
        <item x="4511"/>
        <item x="4681"/>
        <item x="6127"/>
        <item x="3403"/>
        <item x="1645"/>
        <item x="402"/>
        <item x="6248"/>
        <item x="2632"/>
        <item x="1933"/>
        <item x="6242"/>
        <item x="6258"/>
        <item x="6534"/>
        <item x="6259"/>
        <item x="787"/>
        <item x="755"/>
        <item x="785"/>
        <item x="756"/>
        <item x="2633"/>
        <item x="2807"/>
        <item x="5405"/>
        <item x="6321"/>
        <item x="1233"/>
        <item x="767"/>
        <item x="6265"/>
        <item x="2634"/>
        <item x="758"/>
        <item x="973"/>
        <item x="754"/>
        <item x="2192"/>
        <item x="2210"/>
        <item x="2223"/>
        <item x="2233"/>
        <item x="2245"/>
        <item x="6337"/>
        <item x="6010"/>
        <item x="3057"/>
        <item x="7940"/>
        <item x="1988"/>
        <item x="2006"/>
        <item x="1869"/>
        <item x="1957"/>
        <item x="1905"/>
        <item x="144"/>
        <item x="7515"/>
        <item x="7170"/>
        <item x="7253"/>
        <item x="7248"/>
        <item x="8043"/>
        <item x="6062"/>
        <item x="6063"/>
        <item x="5925"/>
        <item x="1646"/>
        <item x="1647"/>
        <item x="2093"/>
        <item x="1648"/>
        <item x="1649"/>
        <item x="1650"/>
        <item x="4199"/>
        <item x="3700"/>
        <item x="6420"/>
        <item x="5213"/>
        <item x="5214"/>
        <item x="6466"/>
        <item x="6577"/>
        <item x="763"/>
        <item x="551"/>
        <item x="940"/>
        <item x="762"/>
        <item x="788"/>
        <item x="941"/>
        <item x="942"/>
        <item x="943"/>
        <item x="6341"/>
        <item x="6492"/>
        <item x="6243"/>
        <item x="6244"/>
        <item x="2831"/>
        <item x="5981"/>
        <item x="2897"/>
        <item x="8044"/>
        <item x="6013"/>
        <item x="74"/>
        <item x="7487"/>
        <item x="3701"/>
        <item x="3177"/>
        <item x="1907"/>
        <item x="2740"/>
        <item x="213"/>
        <item x="4403"/>
        <item x="4456"/>
        <item x="6877"/>
        <item x="6177"/>
        <item x="431"/>
        <item x="3347"/>
        <item x="2274"/>
        <item x="5114"/>
        <item x="3806"/>
        <item x="4718"/>
        <item x="5061"/>
        <item x="759"/>
        <item x="979"/>
        <item x="2808"/>
        <item x="34"/>
        <item x="445"/>
        <item x="35"/>
        <item x="4820"/>
        <item x="4704"/>
        <item x="602"/>
        <item x="601"/>
        <item x="600"/>
        <item x="2635"/>
        <item x="4901"/>
        <item x="8071"/>
        <item x="2235"/>
        <item x="7529"/>
        <item x="4996"/>
        <item x="2079"/>
        <item x="5133"/>
        <item x="2080"/>
        <item x="8084"/>
        <item x="8176"/>
        <item x="6246"/>
        <item x="6277"/>
        <item x="6323"/>
        <item x="6324"/>
        <item x="3979"/>
        <item x="2882"/>
        <item x="400"/>
        <item x="2984"/>
        <item x="2983"/>
        <item x="4029"/>
        <item x="5774"/>
        <item x="4911"/>
        <item x="5859"/>
        <item x="5775"/>
        <item x="6099"/>
        <item x="6100"/>
        <item x="6101"/>
        <item x="6097"/>
        <item x="2264"/>
        <item x="4043"/>
        <item x="5874"/>
        <item x="8205"/>
        <item x="8204"/>
        <item x="5473"/>
        <item x="2765"/>
        <item x="4717"/>
        <item x="7919"/>
        <item x="1927"/>
        <item x="19"/>
        <item x="1774"/>
        <item x="4155"/>
        <item x="3702"/>
        <item x="4942"/>
        <item x="7266"/>
        <item x="3264"/>
        <item x="7876"/>
        <item x="5015"/>
        <item x="1329"/>
        <item x="6620"/>
        <item x="3992"/>
        <item x="7864"/>
        <item x="5228"/>
        <item x="4388"/>
        <item x="8206"/>
        <item x="7279"/>
        <item x="7991"/>
        <item x="37"/>
        <item x="5263"/>
        <item x="1330"/>
        <item x="2110"/>
        <item x="4499"/>
        <item x="8045"/>
        <item x="1331"/>
        <item x="18"/>
        <item x="1775"/>
        <item x="5341"/>
        <item x="1146"/>
        <item x="6289"/>
        <item x="1332"/>
        <item x="5342"/>
        <item x="1232"/>
        <item x="1776"/>
        <item x="1777"/>
        <item x="1195"/>
        <item x="5706"/>
        <item x="1373"/>
        <item x="2141"/>
        <item x="1046"/>
        <item x="7699"/>
        <item x="7836"/>
        <item x="7837"/>
        <item x="5642"/>
        <item x="237"/>
        <item x="1651"/>
        <item x="5229"/>
        <item x="5071"/>
        <item x="4002"/>
        <item x="4206"/>
        <item x="4169"/>
        <item x="3421"/>
        <item x="2236"/>
        <item x="2479"/>
        <item x="5264"/>
        <item x="5178"/>
        <item x="3703"/>
        <item x="3202"/>
        <item x="6603"/>
        <item x="6639"/>
        <item x="2237"/>
        <item x="6579"/>
        <item x="6604"/>
        <item x="6605"/>
        <item x="6606"/>
        <item x="6611"/>
        <item x="8113"/>
        <item x="8046"/>
        <item x="4988"/>
        <item x="6175"/>
        <item x="7764"/>
        <item x="3099"/>
        <item x="6826"/>
        <item x="6827"/>
        <item x="6828"/>
        <item x="6829"/>
        <item x="6830"/>
        <item x="6831"/>
        <item x="6832"/>
        <item x="6833"/>
        <item x="6834"/>
        <item x="2322"/>
        <item x="3958"/>
        <item x="7886"/>
        <item x="7860"/>
        <item x="7993"/>
        <item x="7881"/>
        <item x="6499"/>
        <item x="6500"/>
        <item x="2126"/>
        <item x="6427"/>
        <item x="1938"/>
        <item x="347"/>
        <item x="2273"/>
        <item x="3011"/>
        <item x="3010"/>
        <item x="2905"/>
        <item x="2790"/>
        <item x="8109"/>
        <item x="3891"/>
        <item x="2238"/>
        <item x="8047"/>
        <item x="448"/>
        <item x="7513"/>
        <item x="268"/>
        <item x="269"/>
        <item x="372"/>
        <item x="5144"/>
        <item x="7562"/>
        <item x="1652"/>
        <item x="4891"/>
        <item x="5281"/>
        <item x="1333"/>
        <item x="5187"/>
        <item x="5034"/>
        <item x="1863"/>
        <item x="8207"/>
        <item x="2480"/>
        <item x="8208"/>
        <item x="5161"/>
        <item x="1778"/>
        <item x="6835"/>
        <item x="4393"/>
        <item x="1653"/>
        <item x="809"/>
        <item x="821"/>
        <item x="6701"/>
        <item x="4400"/>
        <item x="571"/>
        <item x="751"/>
        <item x="2481"/>
        <item x="8000"/>
        <item x="4808"/>
        <item x="1268"/>
        <item x="2809"/>
        <item x="2636"/>
        <item x="1226"/>
        <item x="1886"/>
        <item x="4707"/>
        <item x="5254"/>
        <item x="1654"/>
        <item x="1655"/>
        <item x="7215"/>
        <item x="7574"/>
        <item x="6906"/>
        <item x="4927"/>
        <item x="1857"/>
        <item x="7593"/>
        <item x="1856"/>
        <item x="427"/>
        <item x="426"/>
        <item x="5125"/>
        <item x="3807"/>
        <item x="6065"/>
        <item x="6045"/>
        <item x="6066"/>
        <item x="1656"/>
        <item x="5928"/>
        <item x="1779"/>
        <item x="5145"/>
        <item x="6475"/>
        <item x="621"/>
        <item x="4789"/>
        <item x="4764"/>
        <item x="6176"/>
        <item x="1657"/>
        <item x="5993"/>
        <item x="1658"/>
        <item x="7051"/>
        <item x="7236"/>
        <item x="6064"/>
        <item x="7309"/>
        <item x="2554"/>
        <item x="2574"/>
        <item x="4402"/>
        <item x="228"/>
        <item x="2416"/>
        <item x="8048"/>
        <item x="5380"/>
        <item x="4401"/>
        <item x="8049"/>
        <item x="2441"/>
        <item x="5381"/>
        <item x="5382"/>
        <item x="8050"/>
        <item x="2513"/>
        <item x="4581"/>
        <item x="4582"/>
        <item x="443"/>
        <item x="3808"/>
        <item x="3876"/>
        <item x="5043"/>
        <item x="3912"/>
        <item x="3809"/>
        <item x="3810"/>
        <item x="3875"/>
        <item x="3704"/>
        <item x="2030"/>
        <item x="7603"/>
        <item x="1184"/>
        <item x="1780"/>
        <item x="2117"/>
        <item x="6150"/>
        <item x="6151"/>
        <item x="6152"/>
        <item x="7670"/>
        <item x="4923"/>
        <item x="5048"/>
        <item x="1157"/>
        <item x="2599"/>
        <item x="674"/>
        <item x="793"/>
        <item x="1058"/>
        <item x="6836"/>
        <item x="16"/>
        <item x="5244"/>
        <item x="220"/>
        <item x="6837"/>
        <item x="8209"/>
        <item x="1858"/>
        <item x="1859"/>
        <item x="1965"/>
        <item x="3129"/>
        <item x="2859"/>
        <item x="5756"/>
        <item x="1067"/>
        <item x="4797"/>
        <item x="6288"/>
        <item x="7"/>
        <item x="3705"/>
        <item x="4646"/>
        <item x="6520"/>
        <item x="3706"/>
        <item x="5520"/>
        <item x="1215"/>
        <item x="5192"/>
        <item x="753"/>
        <item x="3707"/>
        <item x="121"/>
        <item x="4500"/>
        <item x="4387"/>
        <item x="922"/>
        <item x="5548"/>
        <item x="3345"/>
        <item x="6330"/>
        <item x="6266"/>
        <item x="3469"/>
        <item x="6401"/>
        <item x="106"/>
        <item x="2895"/>
        <item x="3457"/>
        <item x="5157"/>
        <item x="2142"/>
        <item x="6267"/>
        <item x="1659"/>
        <item x="7733"/>
        <item x="5351"/>
        <item x="3170"/>
        <item x="6838"/>
        <item x="2000"/>
        <item x="7891"/>
        <item x="2566"/>
        <item x="7435"/>
        <item x="4457"/>
        <item x="118"/>
        <item x="4978"/>
        <item x="6608"/>
        <item x="6607"/>
        <item x="6609"/>
        <item x="6610"/>
        <item x="6622"/>
        <item x="1781"/>
        <item x="5058"/>
        <item x="4039"/>
        <item x="6626"/>
        <item x="1916"/>
        <item x="2239"/>
        <item x="701"/>
        <item x="7370"/>
        <item x="4946"/>
        <item x="5293"/>
        <item x="2270"/>
        <item x="1131"/>
        <item x="1132"/>
        <item x="1133"/>
        <item x="1134"/>
        <item x="6839"/>
        <item x="6178"/>
        <item x="4617"/>
        <item x="4847"/>
        <item x="1379"/>
        <item x="6549"/>
        <item x="7503"/>
        <item x="7502"/>
        <item x="7504"/>
        <item x="6998"/>
        <item x="6997"/>
        <item x="6920"/>
        <item x="7505"/>
        <item x="1660"/>
        <item x="4196"/>
        <item x="1361"/>
        <item x="8177"/>
        <item x="474"/>
        <item x="7660"/>
        <item x="7895"/>
        <item x="2561"/>
        <item x="6128"/>
        <item x="6091"/>
        <item x="6102"/>
        <item x="3924"/>
        <item x="1976"/>
        <item x="5688"/>
        <item x="6162"/>
        <item x="6627"/>
        <item x="6161"/>
        <item x="513"/>
        <item x="6542"/>
        <item x="6515"/>
        <item x="8051"/>
        <item x="6340"/>
        <item x="6247"/>
        <item x="6458"/>
        <item x="8074"/>
        <item x="8073"/>
        <item x="6179"/>
        <item x="3320"/>
        <item x="1259"/>
        <item x="8269"/>
        <item x="4870"/>
        <item x="5239"/>
        <item x="5336"/>
        <item x="4116"/>
        <item x="1898"/>
        <item x="6295"/>
        <item x="7998"/>
        <item x="2692"/>
        <item x="1954"/>
        <item x="83"/>
        <item x="43"/>
        <item x="489"/>
        <item x="1031"/>
        <item x="5528"/>
        <item x="5327"/>
        <item x="7582"/>
        <item x="3708"/>
        <item x="6134"/>
        <item x="3862"/>
        <item x="2637"/>
        <item x="5162"/>
        <item x="169"/>
        <item x="5897"/>
        <item x="5823"/>
        <item x="2336"/>
        <item x="5230"/>
        <item x="5231"/>
        <item x="5998"/>
        <item x="6381"/>
        <item x="6356"/>
        <item x="6285"/>
        <item x="6408"/>
        <item x="7131"/>
        <item x="170"/>
        <item x="5481"/>
        <item x="1661"/>
        <item x="5196"/>
        <item x="1662"/>
        <item x="171"/>
        <item x="362"/>
        <item x="5926"/>
        <item x="6083"/>
        <item x="1372"/>
        <item x="7016"/>
        <item x="1663"/>
        <item x="1664"/>
        <item x="4825"/>
        <item x="1665"/>
        <item x="1666"/>
        <item x="1667"/>
        <item x="1153"/>
        <item x="1782"/>
        <item x="3996"/>
        <item x="3994"/>
        <item x="6086"/>
        <item x="4008"/>
        <item x="3709"/>
        <item x="3710"/>
        <item x="5533"/>
        <item x="2537"/>
        <item x="2549"/>
        <item x="2534"/>
        <item x="2552"/>
        <item x="2547"/>
        <item x="2531"/>
        <item x="2553"/>
        <item x="2551"/>
        <item x="2989"/>
        <item x="4004"/>
        <item x="3997"/>
        <item x="3998"/>
        <item x="3999"/>
        <item x="4001"/>
        <item x="4005"/>
        <item x="4006"/>
        <item x="1668"/>
        <item x="4902"/>
        <item x="5289"/>
        <item x="4973"/>
        <item x="2638"/>
        <item x="7047"/>
        <item x="6304"/>
        <item x="1098"/>
        <item x="1099"/>
        <item x="1334"/>
        <item x="1363"/>
        <item x="1389"/>
        <item x="2639"/>
        <item x="5115"/>
        <item x="7973"/>
        <item x="1669"/>
        <item x="1670"/>
        <item x="1783"/>
        <item x="1784"/>
        <item x="1785"/>
        <item x="1786"/>
        <item x="5146"/>
        <item x="7729"/>
        <item x="2926"/>
        <item x="512"/>
        <item x="2776"/>
        <item x="2640"/>
        <item x="1921"/>
        <item x="3711"/>
        <item x="2171"/>
        <item x="4723"/>
        <item x="5941"/>
        <item x="7553"/>
        <item x="7019"/>
        <item x="7109"/>
        <item x="7099"/>
        <item x="7101"/>
        <item x="7554"/>
        <item x="7100"/>
        <item x="7102"/>
        <item x="6926"/>
        <item x="7552"/>
        <item x="6927"/>
        <item x="310"/>
        <item x="7430"/>
        <item x="1230"/>
        <item x="4394"/>
        <item x="219"/>
        <item x="5109"/>
        <item x="5429"/>
        <item x="3267"/>
        <item x="3712"/>
        <item x="4501"/>
        <item x="2032"/>
        <item x="1671"/>
        <item x="7001"/>
        <item x="1367"/>
        <item x="1787"/>
        <item x="2330"/>
        <item x="2177"/>
        <item x="2176"/>
        <item x="300"/>
        <item x="2083"/>
        <item x="5076"/>
        <item x="6566"/>
        <item x="7682"/>
        <item x="5033"/>
        <item x="7675"/>
        <item x="7767"/>
        <item x="7676"/>
        <item x="7967"/>
        <item x="7768"/>
        <item x="7390"/>
        <item x="36"/>
        <item x="5233"/>
        <item x="775"/>
        <item x="773"/>
        <item x="781"/>
        <item x="782"/>
        <item x="795"/>
        <item x="796"/>
        <item x="797"/>
        <item x="1672"/>
        <item x="26"/>
        <item x="5160"/>
        <item x="5067"/>
        <item x="5050"/>
        <item x="4383"/>
        <item x="5124"/>
        <item x="5123"/>
        <item x="4971"/>
        <item x="4384"/>
        <item x="4650"/>
        <item x="4458"/>
        <item x="4385"/>
        <item x="4548"/>
        <item x="4355"/>
        <item x="2364"/>
        <item x="6586"/>
        <item x="6702"/>
        <item x="6391"/>
        <item x="1266"/>
        <item x="5310"/>
        <item x="2240"/>
        <item x="1110"/>
        <item x="4235"/>
        <item x="496"/>
        <item x="8253"/>
        <item x="6364"/>
        <item x="6268"/>
        <item x="6396"/>
        <item x="6395"/>
        <item x="3169"/>
        <item x="6357"/>
        <item x="6363"/>
        <item x="3713"/>
        <item x="117"/>
        <item x="3995"/>
        <item x="6269"/>
        <item x="6445"/>
        <item x="6303"/>
        <item x="2241"/>
        <item x="6553"/>
        <item x="6554"/>
        <item x="5932"/>
        <item x="4225"/>
        <item x="4459"/>
        <item x="3117"/>
        <item x="3715"/>
        <item x="3114"/>
        <item x="98"/>
        <item x="2959"/>
        <item x="172"/>
        <item x="2993"/>
        <item x="4979"/>
        <item x="798"/>
        <item x="814"/>
        <item x="1349"/>
        <item x="4027"/>
        <item x="4173"/>
        <item x="5406"/>
        <item x="5047"/>
        <item x="4395"/>
        <item x="2111"/>
        <item x="2010"/>
        <item x="6312"/>
        <item x="4749"/>
        <item x="4754"/>
        <item x="8112"/>
        <item x="5018"/>
        <item x="2641"/>
        <item x="6311"/>
        <item x="3315"/>
        <item x="44"/>
        <item x="4705"/>
        <item x="1931"/>
        <item x="6703"/>
        <item x="7530"/>
        <item x="2064"/>
        <item x="7629"/>
        <item x="6145"/>
        <item x="6400"/>
        <item x="7630"/>
        <item x="6153"/>
        <item x="6994"/>
        <item x="358"/>
        <item x="335"/>
        <item x="234"/>
        <item x="3051"/>
        <item x="2307"/>
        <item x="5287"/>
        <item x="244"/>
        <item x="245"/>
        <item x="2695"/>
        <item x="7018"/>
        <item x="7577"/>
        <item x="5757"/>
        <item x="6840"/>
        <item x="7826"/>
        <item x="3716"/>
        <item x="411"/>
        <item x="1877"/>
        <item x="1059"/>
        <item x="1191"/>
        <item x="1673"/>
        <item x="456"/>
        <item x="6386"/>
        <item x="806"/>
        <item x="815"/>
        <item x="816"/>
        <item x="7108"/>
        <item x="2631"/>
        <item x="4406"/>
        <item x="5758"/>
        <item x="7882"/>
        <item x="3268"/>
        <item x="4408"/>
        <item x="475"/>
        <item x="2939"/>
        <item x="567"/>
        <item x="2850"/>
        <item x="912"/>
        <item x="812"/>
        <item x="813"/>
        <item x="1193"/>
        <item x="1788"/>
        <item x="1789"/>
        <item x="1790"/>
        <item x="4653"/>
        <item x="2646"/>
        <item x="5936"/>
        <item x="2096"/>
        <item x="5285"/>
        <item x="4994"/>
        <item x="497"/>
        <item x="3839"/>
        <item x="8128"/>
        <item x="5384"/>
        <item x="5383"/>
        <item x="2960"/>
        <item x="4158"/>
        <item x="1109"/>
        <item x="1270"/>
        <item x="8079"/>
        <item x="2051"/>
        <item x="2082"/>
        <item x="3097"/>
        <item x="1222"/>
        <item x="8052"/>
        <item x="4771"/>
        <item x="4770"/>
        <item x="6841"/>
        <item x="4873"/>
        <item x="1929"/>
        <item x="3849"/>
        <item x="3767"/>
        <item x="3763"/>
        <item x="3770"/>
        <item x="3781"/>
        <item x="3799"/>
        <item x="3829"/>
        <item x="3800"/>
        <item x="3828"/>
        <item x="3813"/>
        <item x="3827"/>
        <item x="6180"/>
        <item x="4266"/>
        <item x="3830"/>
        <item x="805"/>
        <item x="803"/>
        <item x="8259"/>
        <item x="4382"/>
        <item x="388"/>
        <item x="4943"/>
        <item x="5265"/>
        <item x="222"/>
        <item x="5904"/>
        <item x="3153"/>
        <item x="4832"/>
        <item x="2099"/>
        <item x="4197"/>
        <item x="6132"/>
        <item x="2995"/>
        <item x="1211"/>
        <item x="2854"/>
        <item x="2647"/>
        <item x="1791"/>
        <item x="573"/>
        <item x="8262"/>
        <item x="5976"/>
        <item x="3307"/>
        <item x="3318"/>
        <item x="3332"/>
        <item x="2242"/>
        <item x="792"/>
        <item x="807"/>
        <item x="4712"/>
        <item x="6482"/>
        <item x="2145"/>
        <item x="4405"/>
        <item x="3719"/>
        <item x="4929"/>
        <item x="4930"/>
        <item x="4928"/>
        <item x="3319"/>
        <item x="6007"/>
        <item x="2084"/>
        <item x="1111"/>
        <item x="6444"/>
        <item x="2693"/>
        <item x="2036"/>
        <item x="3720"/>
        <item x="3721"/>
        <item x="1915"/>
        <item x="2243"/>
        <item x="6432"/>
        <item x="4997"/>
        <item x="4922"/>
        <item x="5216"/>
        <item x="1055"/>
        <item x="7267"/>
        <item x="4404"/>
        <item x="808"/>
        <item x="8136"/>
        <item x="1104"/>
        <item x="6130"/>
        <item x="5538"/>
        <item x="3902"/>
        <item x="4460"/>
        <item x="6293"/>
        <item x="6925"/>
        <item x="2232"/>
        <item x="2334"/>
        <item x="5335"/>
        <item x="2928"/>
        <item x="3420"/>
        <item x="5478"/>
        <item x="3764"/>
        <item x="4485"/>
        <item x="5345"/>
        <item x="8178"/>
        <item x="2127"/>
        <item x="6249"/>
        <item x="1674"/>
        <item x="5477"/>
        <item x="4396"/>
        <item x="2648"/>
        <item x="802"/>
        <item x="301"/>
        <item x="6194"/>
        <item x="3333"/>
        <item x="4983"/>
        <item x="4954"/>
        <item x="4966"/>
        <item x="4733"/>
        <item x="810"/>
        <item x="455"/>
        <item x="4655"/>
        <item x="1817"/>
        <item x="4652"/>
        <item x="4760"/>
        <item x="5111"/>
        <item x="6067"/>
        <item x="4530"/>
        <item x="299"/>
        <item x="365"/>
        <item x="385"/>
        <item x="1887"/>
        <item x="421"/>
        <item x="6594"/>
        <item x="1335"/>
        <item x="5319"/>
        <item x="413"/>
        <item x="3467"/>
        <item x="3765"/>
        <item x="7631"/>
        <item x="2832"/>
        <item x="5074"/>
        <item x="6019"/>
        <item x="3269"/>
        <item x="3174"/>
        <item x="3270"/>
        <item x="2762"/>
        <item x="2642"/>
        <item x="2708"/>
        <item x="2643"/>
        <item x="2645"/>
        <item x="2644"/>
        <item x="2649"/>
        <item x="4233"/>
        <item x="2913"/>
        <item x="309"/>
        <item x="4835"/>
        <item x="4761"/>
        <item x="5954"/>
        <item x="1675"/>
        <item x="5029"/>
        <item x="3220"/>
        <item x="6270"/>
        <item x="8038"/>
        <item x="4798"/>
        <item x="1024"/>
        <item x="5963"/>
        <item x="7313"/>
        <item x="1206"/>
        <item x="8240"/>
        <item x="1676"/>
        <item x="5053"/>
        <item x="1677"/>
        <item x="2650"/>
        <item x="817"/>
        <item x="3722"/>
        <item x="691"/>
        <item x="819"/>
        <item x="1006"/>
        <item x="4967"/>
        <item x="4968"/>
        <item x="1032"/>
        <item x="5085"/>
        <item x="5086"/>
        <item x="5084"/>
        <item x="5848"/>
        <item x="1792"/>
        <item x="2482"/>
        <item x="2353"/>
        <item x="7211"/>
        <item x="7840"/>
        <item x="6349"/>
        <item x="6477"/>
        <item x="2085"/>
        <item x="6023"/>
        <item x="7913"/>
        <item x="5883"/>
        <item x="6895"/>
        <item x="361"/>
        <item x="7758"/>
        <item x="2244"/>
        <item x="6291"/>
        <item x="1939"/>
        <item x="5267"/>
        <item x="3723"/>
        <item x="3581"/>
        <item x="3387"/>
        <item x="3488"/>
        <item x="1678"/>
        <item x="5455"/>
        <item x="5474"/>
        <item x="6642"/>
        <item x="1218"/>
        <item x="1679"/>
        <item x="1680"/>
        <item x="1390"/>
        <item x="1393"/>
        <item x="207"/>
        <item x="8065"/>
        <item x="8053"/>
        <item x="4785"/>
        <item x="7791"/>
        <item x="5309"/>
        <item x="6873"/>
        <item x="6545"/>
        <item x="3888"/>
        <item x="3886"/>
        <item x="1062"/>
        <item x="3867"/>
        <item x="387"/>
        <item x="4676"/>
        <item x="3988"/>
        <item x="381"/>
        <item x="5329"/>
        <item x="1064"/>
        <item x="1066"/>
        <item x="931"/>
        <item x="1065"/>
        <item x="2967"/>
        <item x="1860"/>
        <item x="4258"/>
        <item x="5489"/>
        <item x="8054"/>
        <item x="8066"/>
        <item x="1681"/>
        <item x="4656"/>
        <item x="6973"/>
        <item x="6974"/>
        <item x="7112"/>
        <item x="6181"/>
        <item x="6842"/>
        <item x="7210"/>
        <item x="6183"/>
        <item x="7580"/>
        <item x="7113"/>
        <item x="7147"/>
        <item x="2746"/>
        <item x="77"/>
        <item x="7579"/>
        <item x="6972"/>
        <item x="7114"/>
        <item x="7464"/>
        <item x="4306"/>
        <item x="7134"/>
        <item x="7207"/>
        <item x="7547"/>
        <item x="6971"/>
        <item x="7115"/>
        <item x="7116"/>
        <item x="7146"/>
        <item x="7209"/>
        <item x="7545"/>
        <item x="7578"/>
        <item x="7117"/>
        <item x="6976"/>
        <item x="7195"/>
        <item x="7148"/>
        <item x="1731"/>
        <item x="7135"/>
        <item x="7208"/>
        <item x="7150"/>
        <item x="7194"/>
        <item x="7544"/>
        <item x="6975"/>
        <item x="7118"/>
        <item x="7546"/>
        <item x="6977"/>
        <item x="7119"/>
        <item x="7332"/>
        <item x="7333"/>
        <item x="6966"/>
        <item x="6965"/>
        <item x="7334"/>
        <item x="4846"/>
        <item x="5834"/>
        <item x="6704"/>
        <item x="1178"/>
        <item x="1682"/>
        <item x="2484"/>
        <item x="6003"/>
        <item x="2485"/>
        <item x="5165"/>
        <item x="5164"/>
        <item x="6705"/>
        <item x="2894"/>
        <item x="3866"/>
        <item x="3724"/>
        <item x="3725"/>
        <item x="7725"/>
        <item x="2246"/>
        <item x="3726"/>
        <item x="3834"/>
        <item x="3868"/>
        <item x="6635"/>
        <item x="1793"/>
        <item x="6706"/>
        <item x="108"/>
        <item x="2125"/>
        <item x="4056"/>
        <item x="2486"/>
        <item x="6707"/>
        <item x="6918"/>
        <item x="3727"/>
        <item x="4011"/>
        <item x="5839"/>
        <item x="6204"/>
        <item x="2489"/>
        <item x="467"/>
        <item x="2487"/>
        <item x="3214"/>
        <item x="5049"/>
        <item x="248"/>
        <item x="5940"/>
        <item x="1861"/>
        <item x="3728"/>
        <item x="3729"/>
        <item x="3730"/>
        <item x="2086"/>
        <item x="7067"/>
        <item x="3740"/>
        <item x="5702"/>
        <item x="3095"/>
        <item x="3100"/>
        <item x="3225"/>
        <item x="4822"/>
        <item x="6185"/>
        <item x="292"/>
        <item x="4069"/>
        <item x="2768"/>
        <item x="4461"/>
        <item x="7327"/>
        <item x="7975"/>
        <item x="7890"/>
        <item x="7976"/>
        <item x="7894"/>
        <item x="5950"/>
        <item x="2094"/>
        <item x="5394"/>
        <item x="3336"/>
        <item x="7842"/>
        <item x="7843"/>
        <item x="7810"/>
        <item x="303"/>
        <item x="2095"/>
        <item x="2291"/>
        <item x="988"/>
        <item x="5198"/>
        <item x="3337"/>
        <item x="2112"/>
        <item x="5317"/>
        <item x="6600"/>
        <item x="470"/>
        <item x="4989"/>
        <item x="1843"/>
        <item x="6456"/>
        <item x="2253"/>
        <item x="2247"/>
        <item x="7587"/>
        <item x="2904"/>
        <item x="3812"/>
        <item x="1336"/>
        <item x="5294"/>
        <item x="3321"/>
        <item x="6394"/>
        <item x="3176"/>
        <item x="2139"/>
        <item x="7654"/>
        <item x="7772"/>
        <item x="6154"/>
        <item x="7977"/>
        <item x="4462"/>
        <item x="3864"/>
        <item x="3971"/>
        <item x="3985"/>
        <item x="7779"/>
        <item x="3359"/>
        <item x="2929"/>
        <item x="1794"/>
        <item x="5707"/>
        <item x="6229"/>
        <item x="6342"/>
        <item x="6331"/>
        <item x="6344"/>
        <item x="6343"/>
        <item x="6072"/>
        <item x="179"/>
        <item x="2651"/>
        <item x="2738"/>
        <item x="2839"/>
        <item x="1795"/>
        <item x="6843"/>
        <item x="7632"/>
        <item x="391"/>
        <item x="6068"/>
        <item x="4410"/>
        <item x="1899"/>
        <item x="6538"/>
        <item x="7952"/>
        <item x="6071"/>
        <item x="2940"/>
        <item x="4308"/>
        <item x="7128"/>
        <item x="3136"/>
        <item x="1683"/>
        <item x="7508"/>
        <item x="1684"/>
        <item x="7883"/>
        <item x="5051"/>
        <item x="696"/>
        <item x="2652"/>
        <item x="2653"/>
        <item x="122"/>
        <item x="801"/>
        <item x="6640"/>
        <item x="2490"/>
        <item x="6595"/>
        <item x="6403"/>
        <item x="6164"/>
        <item x="916"/>
        <item x="2184"/>
        <item x="6167"/>
        <item x="6685"/>
        <item x="6844"/>
        <item x="5016"/>
        <item x="5686"/>
        <item x="6708"/>
        <item x="7557"/>
        <item x="1796"/>
        <item x="3288"/>
        <item x="3735"/>
        <item x="1797"/>
        <item x="2248"/>
        <item x="6107"/>
        <item x="3941"/>
        <item x="2146"/>
        <item x="4951"/>
        <item x="4980"/>
        <item x="2979"/>
        <item x="5944"/>
        <item x="6141"/>
        <item x="6338"/>
        <item x="4416"/>
        <item x="6709"/>
        <item x="479"/>
        <item x="226"/>
        <item x="2491"/>
        <item x="2492"/>
        <item x="5965"/>
        <item x="509"/>
        <item x="5927"/>
        <item x="2376"/>
        <item x="2763"/>
        <item x="2941"/>
        <item x="6547"/>
        <item x="1685"/>
        <item x="8101"/>
        <item x="3736"/>
        <item x="3394"/>
        <item x="3737"/>
        <item x="3183"/>
        <item x="3619"/>
        <item x="7656"/>
        <item x="7657"/>
        <item x="7841"/>
        <item x="3738"/>
        <item x="3384"/>
        <item x="1888"/>
        <item x="3814"/>
        <item x="3873"/>
        <item x="4658"/>
        <item x="4944"/>
        <item x="6419"/>
        <item x="4411"/>
        <item x="10"/>
        <item x="2544"/>
        <item x="5306"/>
        <item x="6411"/>
        <item x="6440"/>
        <item x="6326"/>
        <item x="6439"/>
        <item x="6332"/>
        <item x="6333"/>
        <item x="6473"/>
        <item x="1889"/>
        <item x="6384"/>
        <item x="6491"/>
        <item x="6472"/>
        <item x="6474"/>
        <item x="5793"/>
        <item x="1686"/>
        <item x="1687"/>
        <item x="6069"/>
        <item x="1798"/>
        <item x="5113"/>
        <item x="3338"/>
        <item x="1039"/>
        <item x="4865"/>
        <item x="3271"/>
        <item x="1337"/>
        <item x="2654"/>
        <item x="2707"/>
        <item x="5215"/>
        <item x="5286"/>
        <item x="4463"/>
        <item x="1246"/>
        <item x="6359"/>
        <item x="3164"/>
        <item x="2088"/>
        <item x="4157"/>
        <item x="3157"/>
        <item x="3158"/>
        <item x="3156"/>
        <item x="3072"/>
        <item x="3155"/>
        <item x="2977"/>
        <item x="3044"/>
        <item x="3915"/>
        <item x="3739"/>
        <item x="2950"/>
        <item x="2951"/>
        <item x="2936"/>
        <item x="2946"/>
        <item x="2933"/>
        <item x="2934"/>
        <item x="2931"/>
        <item x="2932"/>
        <item x="2935"/>
        <item x="2947"/>
        <item x="3272"/>
        <item x="2249"/>
        <item x="2250"/>
        <item x="4222"/>
        <item x="1909"/>
        <item x="2012"/>
        <item x="6845"/>
        <item x="1951"/>
        <item x="968"/>
        <item x="4725"/>
        <item x="2495"/>
        <item x="1688"/>
        <item x="7776"/>
        <item x="3742"/>
        <item x="3743"/>
        <item x="7980"/>
        <item x="7839"/>
        <item x="7969"/>
        <item x="8006"/>
        <item x="7486"/>
        <item x="4412"/>
        <item x="6939"/>
        <item x="2360"/>
        <item x="8210"/>
        <item x="7250"/>
        <item x="1981"/>
        <item x="1689"/>
        <item x="1005"/>
        <item x="5794"/>
        <item x="7037"/>
        <item x="1043"/>
        <item x="4867"/>
        <item x="1690"/>
        <item x="5522"/>
        <item x="7373"/>
        <item x="3744"/>
        <item x="3273"/>
        <item x="6846"/>
        <item x="6847"/>
        <item x="3966"/>
        <item x="3351"/>
        <item x="2496"/>
        <item x="1691"/>
        <item x="7884"/>
        <item x="2150"/>
        <item x="2309"/>
        <item x="1692"/>
        <item x="6070"/>
        <item x="3942"/>
        <item x="3943"/>
        <item x="3944"/>
        <item x="180"/>
        <item x="5852"/>
        <item x="1693"/>
        <item x="2753"/>
        <item x="1384"/>
        <item x="2498"/>
        <item x="7166"/>
        <item x="6848"/>
        <item x="5493"/>
        <item x="5494"/>
        <item x="5495"/>
        <item x="5496"/>
        <item x="5497"/>
        <item x="7042"/>
        <item x="1694"/>
        <item x="7221"/>
        <item x="1175"/>
        <item x="3311"/>
        <item x="1799"/>
        <item x="5400"/>
        <item x="7800"/>
        <item x="7299"/>
        <item x="524"/>
        <item x="6849"/>
        <item x="5194"/>
        <item x="1952"/>
        <item x="5179"/>
        <item x="5307"/>
        <item x="4662"/>
        <item x="5943"/>
        <item x="7588"/>
        <item x="495"/>
        <item x="6516"/>
        <item x="3092"/>
        <item x="2310"/>
        <item x="2497"/>
        <item x="2175"/>
        <item x="3816"/>
        <item x="5961"/>
        <item x="6964"/>
        <item x="3105"/>
        <item x="5641"/>
        <item x="4823"/>
        <item x="3348"/>
        <item x="5759"/>
        <item x="5151"/>
        <item x="2251"/>
        <item x="4162"/>
        <item x="2311"/>
        <item x="1800"/>
        <item x="3050"/>
        <item x="3163"/>
        <item x="3395"/>
        <item x="4464"/>
        <item x="4465"/>
        <item x="4466"/>
        <item x="1695"/>
        <item x="173"/>
        <item x="5256"/>
        <item x="5401"/>
        <item x="3"/>
        <item x="4661"/>
        <item x="6334"/>
        <item x="3274"/>
        <item x="3452"/>
        <item x="1696"/>
        <item x="1242"/>
        <item x="4737"/>
        <item x="1923"/>
        <item x="1924"/>
        <item x="243"/>
        <item x="820"/>
        <item x="2371"/>
        <item x="181"/>
        <item x="1096"/>
        <item x="6200"/>
        <item x="508"/>
        <item x="1974"/>
        <item x="4302"/>
        <item x="2312"/>
        <item x="4413"/>
        <item x="420"/>
        <item x="4307"/>
        <item x="4414"/>
        <item x="6850"/>
        <item x="486"/>
        <item x="2004"/>
        <item x="254"/>
        <item x="2365"/>
        <item x="7606"/>
        <item x="5832"/>
        <item x="5833"/>
        <item x="4257"/>
        <item x="7312"/>
        <item x="4259"/>
        <item x="4260"/>
        <item x="8211"/>
        <item x="4261"/>
        <item x="4415"/>
        <item x="5849"/>
        <item x="1243"/>
        <item x="2358"/>
        <item x="6919"/>
        <item x="419"/>
        <item x="1403"/>
        <item x="7138"/>
        <item x="7224"/>
        <item x="7356"/>
        <item x="7225"/>
        <item x="7226"/>
        <item x="7223"/>
        <item x="7041"/>
        <item x="7237"/>
        <item x="7222"/>
        <item x="1697"/>
        <item x="2087"/>
        <item x="3161"/>
        <item x="7380"/>
        <item x="3275"/>
        <item x="1698"/>
        <item x="5316"/>
        <item x="3746"/>
        <item x="7728"/>
        <item x="2499"/>
        <item x="6202"/>
        <item x="1060"/>
        <item x="1338"/>
        <item x="2842"/>
        <item x="1913"/>
        <item x="7850"/>
        <item x="5995"/>
        <item x="7964"/>
        <item x="6119"/>
        <item x="6081"/>
        <item x="4663"/>
        <item x="1699"/>
        <item x="1063"/>
        <item x="6914"/>
        <item x="2172"/>
        <item x="472"/>
        <item x="818"/>
        <item x="7777"/>
        <item x="7770"/>
        <item x="6230"/>
        <item x="5994"/>
        <item x="7509"/>
        <item x="7145"/>
        <item x="4664"/>
        <item x="2501"/>
        <item x="2500"/>
        <item x="8212"/>
        <item x="1700"/>
        <item x="2785"/>
        <item x="2830"/>
        <item x="2590"/>
        <item x="6463"/>
        <item x="5395"/>
        <item x="8094"/>
        <item x="1701"/>
        <item x="2483"/>
        <item x="1980"/>
        <item x="6582"/>
        <item x="6186"/>
        <item x="454"/>
        <item x="2878"/>
        <item x="826"/>
        <item x="827"/>
        <item x="7526"/>
        <item x="6587"/>
        <item x="3150"/>
        <item x="1227"/>
        <item x="4066"/>
        <item x="3945"/>
        <item x="7055"/>
        <item x="7340"/>
        <item x="3959"/>
        <item x="1702"/>
        <item x="6878"/>
        <item x="1703"/>
        <item x="672"/>
        <item x="5694"/>
        <item x="8137"/>
        <item x="3276"/>
        <item x="3865"/>
        <item x="3339"/>
        <item x="7885"/>
        <item x="8055"/>
        <item x="3342"/>
        <item x="3747"/>
        <item x="2957"/>
        <item x="5003"/>
        <item x="434"/>
        <item x="4706"/>
        <item x="8056"/>
        <item x="5024"/>
        <item x="8255"/>
        <item x="6851"/>
        <item x="6203"/>
        <item x="2502"/>
        <item x="5044"/>
        <item x="2503"/>
        <item x="1704"/>
        <item x="182"/>
        <item x="1844"/>
        <item x="5523"/>
        <item x="5402"/>
        <item x="2063"/>
        <item x="828"/>
        <item x="607"/>
        <item x="4791"/>
        <item x="5711"/>
        <item x="105"/>
        <item x="4720"/>
        <item x="7006"/>
        <item x="830"/>
        <item x="3419"/>
        <item x="3946"/>
        <item x="4949"/>
        <item x="4948"/>
        <item x="4950"/>
        <item x="6301"/>
        <item x="772"/>
        <item x="6891"/>
        <item x="5242"/>
        <item x="6390"/>
        <item x="3841"/>
        <item x="7107"/>
        <item x="6250"/>
        <item x="5986"/>
        <item x="6327"/>
        <item x="2655"/>
        <item x="6290"/>
        <item x="6231"/>
        <item x="4905"/>
        <item x="2656"/>
        <item x="302"/>
        <item x="2886"/>
        <item x="7720"/>
        <item x="4807"/>
        <item x="2694"/>
        <item x="4875"/>
        <item x="3748"/>
        <item x="6155"/>
        <item x="7371"/>
        <item x="2494"/>
        <item x="1339"/>
        <item x="1801"/>
        <item x="1802"/>
        <item x="1803"/>
        <item x="6596"/>
        <item x="6409"/>
        <item x="7866"/>
        <item x="3500"/>
        <item x="7856"/>
        <item x="1880"/>
        <item x="5795"/>
        <item x="3468"/>
        <item x="1255"/>
        <item x="1252"/>
        <item x="1250"/>
        <item x="1251"/>
        <item x="1253"/>
        <item x="423"/>
        <item x="5475"/>
        <item x="6073"/>
        <item x="3277"/>
        <item x="3947"/>
        <item x="6074"/>
        <item x="1705"/>
        <item x="6852"/>
        <item x="7125"/>
        <item x="6710"/>
        <item x="553"/>
        <item x="4202"/>
        <item x="7537"/>
        <item x="927"/>
        <item x="394"/>
        <item x="252"/>
        <item x="2969"/>
        <item x="1340"/>
        <item x="0"/>
        <item x="832"/>
        <item x="6711"/>
        <item x="8179"/>
        <item x="5482"/>
        <item x="5266"/>
        <item x="2252"/>
        <item x="2162"/>
        <item x="2098"/>
        <item x="5288"/>
        <item x="5629"/>
        <item x="5628"/>
        <item x="3425"/>
        <item x="2101"/>
        <item x="5457"/>
        <item x="4741"/>
        <item x="2254"/>
        <item x="4198"/>
        <item x="5302"/>
        <item x="2255"/>
        <item x="5255"/>
        <item x="5301"/>
        <item x="2115"/>
        <item x="2269"/>
        <item x="4925"/>
        <item x="5603"/>
        <item x="5257"/>
        <item x="3001"/>
        <item x="2113"/>
        <item x="5465"/>
        <item x="2132"/>
        <item x="7861"/>
        <item x="5464"/>
        <item x="4933"/>
        <item x="5627"/>
        <item x="2114"/>
        <item x="6712"/>
        <item x="2812"/>
        <item x="780"/>
        <item x="869"/>
        <item x="589"/>
        <item x="784"/>
        <item x="870"/>
        <item x="867"/>
        <item x="578"/>
        <item x="871"/>
        <item x="872"/>
        <item x="776"/>
        <item x="575"/>
        <item x="955"/>
        <item x="668"/>
        <item x="983"/>
        <item x="993"/>
        <item x="770"/>
        <item x="833"/>
        <item x="1028"/>
        <item x="1027"/>
        <item x="1026"/>
        <item x="994"/>
        <item x="857"/>
        <item x="846"/>
        <item x="848"/>
        <item x="844"/>
        <item x="849"/>
        <item x="850"/>
        <item x="851"/>
        <item x="852"/>
        <item x="853"/>
        <item x="861"/>
        <item x="855"/>
        <item x="845"/>
        <item x="856"/>
        <item x="858"/>
        <item x="859"/>
        <item x="860"/>
        <item x="811"/>
        <item x="995"/>
        <item x="862"/>
        <item x="863"/>
        <item x="864"/>
        <item x="865"/>
        <item x="835"/>
        <item x="836"/>
        <item x="837"/>
        <item x="834"/>
        <item x="587"/>
        <item x="917"/>
        <item x="841"/>
        <item x="873"/>
        <item x="840"/>
        <item x="560"/>
        <item x="723"/>
        <item x="838"/>
        <item x="783"/>
        <item x="727"/>
        <item x="737"/>
        <item x="842"/>
        <item x="757"/>
        <item x="952"/>
        <item x="774"/>
        <item x="868"/>
        <item x="972"/>
        <item x="954"/>
        <item x="7399"/>
        <item x="1002"/>
        <item x="554"/>
        <item x="882"/>
        <item x="874"/>
        <item x="577"/>
        <item x="7396"/>
        <item x="875"/>
        <item x="6078"/>
        <item x="876"/>
        <item x="2657"/>
        <item x="877"/>
        <item x="2658"/>
        <item x="5813"/>
        <item x="4931"/>
        <item x="2007"/>
        <item x="1706"/>
        <item x="1946"/>
        <item x="2022"/>
        <item x="5009"/>
        <item x="3750"/>
        <item x="7912"/>
        <item x="2865"/>
        <item x="6853"/>
        <item x="6854"/>
        <item x="3223"/>
        <item x="2144"/>
        <item x="132"/>
        <item x="2659"/>
        <item x="3232"/>
        <item x="350"/>
        <item x="272"/>
        <item x="352"/>
        <item x="6885"/>
        <item x="1011"/>
        <item x="6887"/>
        <item x="598"/>
        <item x="576"/>
        <item x="66"/>
        <item x="2660"/>
        <item x="6913"/>
        <item x="2504"/>
        <item x="883"/>
        <item x="6372"/>
        <item x="2505"/>
        <item x="6075"/>
        <item x="6076"/>
        <item x="6077"/>
        <item x="1934"/>
        <item x="2506"/>
        <item x="799"/>
        <item x="800"/>
        <item x="885"/>
        <item x="1015"/>
        <item x="886"/>
        <item x="4161"/>
        <item x="8072"/>
        <item x="8095"/>
        <item x="1935"/>
        <item x="8083"/>
        <item x="8085"/>
        <item x="8057"/>
        <item x="8111"/>
        <item x="8058"/>
        <item x="8059"/>
        <item x="8060"/>
        <item x="8086"/>
        <item x="7943"/>
        <item x="7963"/>
        <item x="7798"/>
        <item x="7996"/>
        <item x="7905"/>
        <item x="7953"/>
        <item x="6958"/>
        <item x="7437"/>
        <item x="6921"/>
        <item x="7436"/>
        <item x="6923"/>
        <item x="6968"/>
        <item x="7451"/>
        <item x="6922"/>
        <item x="7296"/>
        <item x="7438"/>
        <item x="7443"/>
        <item x="7439"/>
        <item x="6900"/>
        <item x="7440"/>
        <item x="7442"/>
        <item x="7444"/>
        <item x="7446"/>
        <item x="7448"/>
        <item x="7449"/>
        <item x="7445"/>
        <item x="7441"/>
        <item x="7447"/>
        <item x="7450"/>
        <item x="7361"/>
        <item x="7036"/>
        <item x="7452"/>
        <item x="7961"/>
        <item x="7962"/>
        <item x="4046"/>
        <item x="3950"/>
        <item x="1003"/>
        <item x="6912"/>
        <item x="7818"/>
        <item x="7738"/>
        <item x="7971"/>
        <item x="7851"/>
        <item x="7811"/>
        <item x="6588"/>
        <item x="241"/>
        <item x="4724"/>
        <item x="4877"/>
        <item x="4786"/>
        <item x="3817"/>
        <item x="125"/>
        <item x="5424"/>
        <item x="6131"/>
        <item x="4502"/>
        <item x="353"/>
        <item x="4667"/>
        <item x="2279"/>
        <item x="4665"/>
        <item x="4666"/>
        <item x="7203"/>
        <item x="697"/>
        <item x="6335"/>
        <item x="6435"/>
        <item x="4673"/>
        <item x="306"/>
        <item x="5608"/>
        <item x="1707"/>
        <item x="4227"/>
        <item x="7372"/>
        <item x="2374"/>
        <item x="879"/>
        <item x="8061"/>
        <item x="906"/>
        <item x="2331"/>
        <item x="305"/>
        <item x="1385"/>
        <item x="880"/>
        <item x="7227"/>
        <item x="6978"/>
        <item x="2288"/>
        <item x="6309"/>
        <item x="336"/>
        <item x="7897"/>
        <item x="7713"/>
        <item x="2507"/>
        <item x="5959"/>
        <item x="6292"/>
        <item x="6367"/>
        <item x="4776"/>
        <item x="6187"/>
        <item x="6188"/>
        <item x="6189"/>
        <item x="4471"/>
        <item x="158"/>
        <item x="1009"/>
        <item x="915"/>
        <item x="2857"/>
        <item x="6399"/>
        <item x="7541"/>
        <item x="1708"/>
        <item x="5107"/>
        <item x="199"/>
        <item x="5364"/>
        <item x="1709"/>
        <item x="4838"/>
        <item x="2343"/>
        <item x="5817"/>
        <item x="1710"/>
        <item x="3003"/>
        <item x="1711"/>
        <item x="1712"/>
        <item x="5760"/>
        <item x="4709"/>
        <item x="2508"/>
        <item x="4674"/>
        <item x="1804"/>
        <item x="2509"/>
        <item x="2843"/>
        <item x="3453"/>
        <item x="3362"/>
        <item x="3745"/>
        <item x="1341"/>
        <item x="4262"/>
        <item x="5977"/>
        <item x="7635"/>
        <item x="7636"/>
        <item x="7637"/>
        <item x="7638"/>
        <item x="7639"/>
        <item x="7649"/>
        <item x="7641"/>
        <item x="7642"/>
        <item x="7644"/>
        <item x="7645"/>
        <item x="7957"/>
        <item x="7647"/>
        <item x="7648"/>
        <item x="7650"/>
        <item x="7651"/>
        <item x="7652"/>
        <item x="7693"/>
        <item x="7653"/>
        <item x="304"/>
        <item x="1342"/>
        <item x="4669"/>
        <item x="1269"/>
        <item x="1148"/>
        <item x="485"/>
        <item x="183"/>
        <item x="1713"/>
        <item x="2393"/>
        <item x="7242"/>
        <item x="7246"/>
        <item x="4164"/>
        <item x="4163"/>
        <item x="4166"/>
        <item x="1224"/>
        <item x="1225"/>
        <item x="2356"/>
        <item x="2357"/>
        <item x="6855"/>
        <item x="1714"/>
        <item x="1715"/>
        <item x="104"/>
        <item x="6879"/>
        <item x="1716"/>
        <item x="3087"/>
        <item x="1717"/>
        <item x="7144"/>
        <item x="6986"/>
        <item x="7564"/>
        <item x="1718"/>
        <item x="3884"/>
        <item x="1992"/>
        <item x="7705"/>
        <item x="4187"/>
        <item x="7786"/>
        <item x="1805"/>
        <item x="1205"/>
        <item x="2116"/>
        <item x="1892"/>
        <item x="6536"/>
        <item x="1343"/>
        <item x="28"/>
        <item x="1344"/>
        <item x="1345"/>
        <item x="238"/>
        <item x="430"/>
        <item x="4263"/>
        <item x="7678"/>
        <item x="3818"/>
        <item x="285"/>
        <item x="4590"/>
        <item x="9"/>
        <item x="7057"/>
        <item x="4668"/>
        <item x="4670"/>
        <item x="4544"/>
        <item x="4549"/>
        <item x="7679"/>
        <item x="6597"/>
        <item x="5601"/>
        <item x="6022"/>
        <item x="6020"/>
        <item x="5990"/>
        <item x="7846"/>
        <item x="7783"/>
        <item x="5241"/>
        <item x="5271"/>
        <item x="3903"/>
        <item x="1806"/>
        <item x="5270"/>
        <item x="7735"/>
        <item x="4993"/>
        <item x="5598"/>
        <item x="2510"/>
        <item x="1936"/>
        <item x="6457"/>
        <item x="2512"/>
        <item x="6251"/>
        <item x="7008"/>
        <item x="3360"/>
        <item x="2002"/>
        <item x="208"/>
        <item x="6518"/>
        <item x="4621"/>
        <item x="2289"/>
        <item x="8062"/>
        <item x="7799"/>
        <item x="6621"/>
        <item x="7814"/>
        <item x="7852"/>
        <item x="7704"/>
        <item x="7832"/>
        <item x="7762"/>
        <item x="7685"/>
        <item x="7926"/>
        <item x="433"/>
        <item x="2089"/>
        <item x="7812"/>
        <item x="5432"/>
        <item x="6486"/>
        <item x="7789"/>
        <item x="7667"/>
        <item x="7847"/>
        <item x="4523"/>
        <item x="3857"/>
        <item x="5385"/>
        <item x="5975"/>
        <item x="4102"/>
        <item x="6008"/>
        <item x="6567"/>
        <item x="6573"/>
        <item x="425"/>
        <item x="3904"/>
        <item x="6120"/>
        <item x="3883"/>
        <item x="3889"/>
        <item x="270"/>
        <item x="271"/>
        <item x="346"/>
        <item x="6103"/>
        <item x="6104"/>
        <item x="3361"/>
        <item x="6523"/>
        <item x="1940"/>
        <item x="3819"/>
        <item x="3874"/>
        <item x="4467"/>
        <item x="4468"/>
        <item x="5358"/>
        <item x="5762"/>
        <item x="5340"/>
        <item x="5580"/>
        <item x="3290"/>
        <item x="6856"/>
        <item x="3282"/>
        <item x="476"/>
        <item x="1216"/>
        <item x="5850"/>
        <item x="4826"/>
        <item x="4824"/>
        <item x="3850"/>
        <item x="854"/>
        <item x="966"/>
        <item x="7680"/>
        <item x="7391"/>
        <item x="978"/>
        <item x="8138"/>
        <item x="4469"/>
        <item x="371"/>
        <item x="370"/>
        <item x="369"/>
        <item x="4637"/>
        <item x="4636"/>
        <item x="2059"/>
        <item x="6857"/>
        <item x="6858"/>
        <item x="6713"/>
        <item x="3948"/>
        <item x="7924"/>
        <item x="7928"/>
        <item x="3291"/>
        <item x="247"/>
        <item x="2350"/>
        <item x="2349"/>
        <item x="4790"/>
        <item x="120"/>
        <item x="1719"/>
        <item x="2375"/>
        <item x="4638"/>
        <item x="2662"/>
        <item x="376"/>
        <item x="3196"/>
        <item x="5933"/>
        <item x="5776"/>
        <item x="2133"/>
        <item x="5236"/>
        <item x="6859"/>
        <item x="7273"/>
        <item x="7274"/>
        <item x="829"/>
        <item x="8241"/>
        <item x="2514"/>
        <item x="5148"/>
        <item x="4417"/>
        <item x="5183"/>
        <item x="5524"/>
        <item x="3278"/>
        <item x="3976"/>
        <item x="8003"/>
        <item x="1150"/>
        <item x="2861"/>
        <item x="4677"/>
        <item x="6138"/>
        <item x="3377"/>
        <item x="6480"/>
        <item x="3363"/>
        <item x="3344"/>
        <item x="8180"/>
        <item x="629"/>
        <item x="1720"/>
        <item x="590"/>
        <item x="8146"/>
        <item x="8181"/>
        <item x="8150"/>
        <item x="8191"/>
        <item x="8152"/>
        <item x="8193"/>
        <item x="8148"/>
        <item x="8192"/>
        <item x="8149"/>
        <item x="8151"/>
        <item x="8257"/>
        <item x="8190"/>
        <item x="8194"/>
        <item x="8189"/>
        <item x="8183"/>
        <item x="6121"/>
        <item x="3963"/>
        <item x="3365"/>
        <item x="7417"/>
        <item x="5386"/>
        <item x="2515"/>
        <item x="1380"/>
        <item x="1721"/>
        <item x="5714"/>
        <item x="5870"/>
        <item x="2361"/>
        <item x="5826"/>
        <item x="6860"/>
        <item x="3380"/>
        <item x="586"/>
        <item x="11"/>
        <item x="1722"/>
        <item x="3148"/>
        <item x="5387"/>
        <item x="6568"/>
        <item x="7848"/>
        <item x="8001"/>
        <item x="7769"/>
        <item x="7896"/>
        <item x="7616"/>
        <item x="517"/>
        <item x="3905"/>
        <item x="3820"/>
        <item x="6232"/>
        <item x="4752"/>
        <item x="6861"/>
        <item x="2866"/>
        <item x="6896"/>
        <item x="6196"/>
        <item x="8242"/>
        <item x="6862"/>
        <item x="3366"/>
        <item x="3367"/>
        <item x="3368"/>
        <item x="7849"/>
        <item x="8147"/>
        <item x="8195"/>
        <item x="8187"/>
        <item x="1192"/>
        <item x="1173"/>
        <item x="4831"/>
        <item x="3499"/>
        <item x="534"/>
        <item x="2276"/>
        <item x="2390"/>
        <item x="5920"/>
        <item x="7983"/>
        <item x="7621"/>
        <item x="6863"/>
        <item x="463"/>
        <item x="505"/>
        <item x="6714"/>
        <item x="2663"/>
        <item x="890"/>
        <item x="2898"/>
        <item x="2990"/>
        <item x="2930"/>
        <item x="184"/>
        <item x="7133"/>
        <item x="2664"/>
        <item x="6628"/>
        <item x="1807"/>
        <item x="4470"/>
        <item x="4486"/>
        <item x="2516"/>
        <item x="366"/>
        <item x="7892"/>
        <item x="3980"/>
        <item x="3984"/>
        <item x="3981"/>
        <item x="4030"/>
        <item x="4191"/>
        <item x="3983"/>
        <item x="3982"/>
        <item x="3322"/>
        <item x="8096"/>
        <item x="3821"/>
        <item x="246"/>
        <item x="5827"/>
        <item x="5828"/>
        <item x="5829"/>
        <item x="5830"/>
        <item x="8243"/>
        <item x="5831"/>
        <item x="8244"/>
        <item x="103"/>
        <item x="6079"/>
        <item x="6904"/>
        <item x="5955"/>
        <item x="4168"/>
        <item x="525"/>
        <item x="526"/>
        <item x="7611"/>
        <item x="2385"/>
        <item x="2023"/>
        <item x="8213"/>
        <item x="8245"/>
        <item x="6715"/>
        <item x="3279"/>
        <item x="1918"/>
        <item x="6193"/>
        <item x="8182"/>
        <item x="527"/>
        <item x="1808"/>
        <item x="1809"/>
        <item x="1810"/>
        <item x="1811"/>
        <item x="1812"/>
        <item x="1813"/>
        <item x="1814"/>
        <item x="2001"/>
        <item x="4840"/>
        <item x="6716"/>
        <item x="1994"/>
        <item x="5343"/>
        <item x="6589"/>
        <item x="2666"/>
        <item x="2723"/>
        <item x="4793"/>
        <item x="2129"/>
        <item x="4839"/>
        <item x="5872"/>
        <item x="2667"/>
        <item x="4918"/>
        <item x="3280"/>
        <item x="4088"/>
        <item x="1199"/>
        <item x="6864"/>
        <item x="4170"/>
        <item x="6398"/>
        <item x="6410"/>
        <item x="3115"/>
        <item x="1723"/>
        <item x="1724"/>
        <item x="4171"/>
        <item x="4172"/>
        <item x="4031"/>
        <item x="4032"/>
        <item x="6982"/>
        <item x="6717"/>
        <item x="6718"/>
        <item x="4872"/>
        <item x="1904"/>
        <item x="8266"/>
        <item x="3732"/>
        <item x="3733"/>
        <item x="3734"/>
        <item x="6501"/>
        <item x="3120"/>
        <item x="5763"/>
        <item x="363"/>
        <item x="4708"/>
        <item x="432"/>
        <item x="1229"/>
        <item x="12"/>
        <item x="4447"/>
        <item x="3171"/>
        <item x="4503"/>
        <item x="2668"/>
        <item x="6911"/>
        <item x="1725"/>
        <item x="6935"/>
        <item x="7292"/>
        <item x="2999"/>
        <item x="3968"/>
        <item x="3049"/>
        <item x="2517"/>
        <item x="3853"/>
        <item x="3842"/>
        <item x="5070"/>
        <item x="7918"/>
        <item x="6494"/>
        <item x="4679"/>
        <item x="1943"/>
        <item x="1258"/>
        <item x="893"/>
        <item x="4419"/>
        <item x="2518"/>
        <item x="2869"/>
        <item x="504"/>
        <item x="4767"/>
        <item x="4678"/>
        <item x="2257"/>
        <item x="3407"/>
        <item x="7306"/>
        <item x="6907"/>
        <item x="4683"/>
        <item x="2090"/>
        <item x="4710"/>
        <item x="1845"/>
        <item x="895"/>
        <item x="892"/>
        <item x="5025"/>
        <item x="7756"/>
        <item x="39"/>
        <item x="6385"/>
        <item x="6476"/>
        <item x="3382"/>
        <item x="8064"/>
        <item x="5177"/>
        <item x="6865"/>
        <item x="4792"/>
        <item x="1883"/>
        <item x="5541"/>
        <item x="3822"/>
        <item x="1726"/>
        <item x="3070"/>
        <item x="7192"/>
        <item x="4957"/>
        <item x="7785"/>
        <item x="6637"/>
        <item x="5435"/>
        <item x="6866"/>
        <item x="2387"/>
        <item x="7088"/>
        <item x="307"/>
        <item x="7093"/>
        <item x="6278"/>
        <item x="2519"/>
        <item x="522"/>
        <item x="7613"/>
        <item x="2520"/>
        <item x="2521"/>
        <item x="186"/>
        <item x="4985"/>
        <item x="8214"/>
        <item x="4238"/>
        <item x="6917"/>
        <item x="8246"/>
        <item x="7734"/>
        <item x="2522"/>
        <item x="6166"/>
        <item x="5388"/>
        <item x="2912"/>
        <item x="4909"/>
        <item x="5180"/>
        <item x="5764"/>
        <item x="2523"/>
        <item x="8247"/>
        <item x="1826"/>
        <item x="6080"/>
        <item x="1881"/>
        <item x="2005"/>
        <item x="1944"/>
        <item x="2670"/>
        <item x="896"/>
        <item x="339"/>
        <item x="6720"/>
        <item x="2678"/>
        <item x="2593"/>
        <item x="2383"/>
        <item x="6867"/>
        <item x="7914"/>
        <item x="3331"/>
        <item x="6447"/>
        <item x="211"/>
        <item x="2696"/>
        <item x="1048"/>
        <item x="2524"/>
        <item x="2525"/>
        <item x="1874"/>
        <item x="6450"/>
        <item x="2526"/>
        <item x="3369"/>
        <item x="5765"/>
        <item x="3113"/>
        <item x="3376"/>
        <item x="3496"/>
        <item x="3497"/>
        <item x="3495"/>
        <item x="3494"/>
        <item x="8248"/>
        <item x="2527"/>
        <item x="3434"/>
        <item x="1254"/>
        <item x="6306"/>
        <item x="5815"/>
        <item x="1953"/>
        <item x="5814"/>
        <item x="5865"/>
        <item x="5866"/>
        <item x="5867"/>
        <item x="3121"/>
        <item x="5882"/>
        <item x="5796"/>
        <item x="7344"/>
        <item x="1825"/>
        <item x="1824"/>
        <item x="3879"/>
        <item x="8254"/>
        <item x="7247"/>
        <item x="4647"/>
        <item x="1823"/>
        <item x="7323"/>
        <item x="1822"/>
        <item x="7136"/>
        <item x="6868"/>
        <item x="1821"/>
        <item x="188"/>
        <item x="189"/>
        <item x="190"/>
        <item x="112"/>
        <item x="2363"/>
        <item x="5797"/>
        <item x="7193"/>
        <item x="8249"/>
        <item x="2378"/>
        <item x="3454"/>
        <item x="7596"/>
        <item x="7614"/>
        <item x="3221"/>
        <item x="6721"/>
        <item x="3921"/>
        <item x="5389"/>
        <item x="6869"/>
        <item x="2697"/>
        <item x="2911"/>
        <item x="6870"/>
        <item x="1820"/>
        <item x="3897"/>
        <item x="7078"/>
        <item x="1378"/>
      </items>
    </pivotField>
    <pivotField dataField="1" showAll="0" defaultSubtotal="0"/>
    <pivotField showAll="0"/>
    <pivotField showAll="0" defaultSubtotal="0"/>
    <pivotField axis="axisPage" multipleItemSelectionAllowed="1" showAll="0" defaultSubtotal="0">
      <items count="134">
        <item x="1"/>
        <item x="39"/>
        <item x="53"/>
        <item x="30"/>
        <item x="35"/>
        <item x="75"/>
        <item x="17"/>
        <item x="23"/>
        <item x="5"/>
        <item x="31"/>
        <item x="69"/>
        <item x="45"/>
        <item x="117"/>
        <item x="109"/>
        <item x="72"/>
        <item x="38"/>
        <item x="103"/>
        <item x="67"/>
        <item x="94"/>
        <item x="26"/>
        <item x="107"/>
        <item x="77"/>
        <item x="80"/>
        <item x="71"/>
        <item x="59"/>
        <item x="43"/>
        <item x="52"/>
        <item x="0"/>
        <item x="78"/>
        <item x="11"/>
        <item x="87"/>
        <item x="101"/>
        <item x="128"/>
        <item x="14"/>
        <item x="51"/>
        <item x="63"/>
        <item x="110"/>
        <item x="28"/>
        <item x="48"/>
        <item x="93"/>
        <item x="50"/>
        <item x="122"/>
        <item x="44"/>
        <item x="3"/>
        <item x="91"/>
        <item x="83"/>
        <item x="88"/>
        <item x="100"/>
        <item x="34"/>
        <item x="120"/>
        <item x="73"/>
        <item x="97"/>
        <item x="79"/>
        <item x="20"/>
        <item x="60"/>
        <item x="8"/>
        <item x="84"/>
        <item x="13"/>
        <item x="99"/>
        <item x="123"/>
        <item x="81"/>
        <item x="106"/>
        <item x="16"/>
        <item x="25"/>
        <item x="10"/>
        <item x="132"/>
        <item x="9"/>
        <item x="129"/>
        <item x="21"/>
        <item x="62"/>
        <item x="2"/>
        <item x="131"/>
        <item x="33"/>
        <item x="46"/>
        <item x="64"/>
        <item x="124"/>
        <item x="90"/>
        <item x="89"/>
        <item x="96"/>
        <item x="58"/>
        <item x="29"/>
        <item x="115"/>
        <item x="54"/>
        <item x="19"/>
        <item x="66"/>
        <item x="4"/>
        <item x="32"/>
        <item x="24"/>
        <item x="12"/>
        <item x="82"/>
        <item x="70"/>
        <item x="47"/>
        <item x="41"/>
        <item x="40"/>
        <item x="102"/>
        <item x="61"/>
        <item x="98"/>
        <item x="113"/>
        <item x="125"/>
        <item x="119"/>
        <item x="49"/>
        <item x="15"/>
        <item x="7"/>
        <item x="22"/>
        <item x="130"/>
        <item x="104"/>
        <item x="55"/>
        <item x="85"/>
        <item x="74"/>
        <item x="126"/>
        <item x="65"/>
        <item x="118"/>
        <item x="37"/>
        <item x="42"/>
        <item x="18"/>
        <item x="112"/>
        <item x="111"/>
        <item x="68"/>
        <item x="121"/>
        <item x="6"/>
        <item x="95"/>
        <item x="116"/>
        <item x="86"/>
        <item x="76"/>
        <item x="36"/>
        <item x="56"/>
        <item x="108"/>
        <item x="92"/>
        <item x="105"/>
        <item x="57"/>
        <item x="27"/>
        <item x="127"/>
        <item x="114"/>
        <item x="133"/>
      </items>
    </pivotField>
    <pivotField showAll="0" defaultSubtotal="0"/>
    <pivotField axis="axisRow" showAll="0" defaultSubtotal="0">
      <items count="55">
        <item sd="0" x="0"/>
        <item sd="0" x="1"/>
        <item sd="0" x="2"/>
        <item sd="0" x="3"/>
        <item sd="0" x="4"/>
        <item sd="0" x="5"/>
        <item sd="0" x="6"/>
        <item sd="0" x="7"/>
        <item sd="0" x="8"/>
        <item sd="0" x="9"/>
        <item sd="0" x="10"/>
        <item sd="0" x="11"/>
        <item sd="0" x="12"/>
        <item sd="0" x="13"/>
        <item sd="0" x="14"/>
        <item sd="0" x="15"/>
        <item sd="0" x="16"/>
        <item sd="0" x="17"/>
        <item sd="0" x="18"/>
        <item sd="0" x="19"/>
        <item sd="0" x="20"/>
        <item sd="0" x="21"/>
        <item sd="0" x="22"/>
        <item sd="0" x="23"/>
        <item sd="0" x="24"/>
        <item sd="0" x="25"/>
        <item sd="0" x="26"/>
        <item sd="0" x="27"/>
        <item sd="0" x="28"/>
        <item sd="0" x="29"/>
        <item sd="0" x="30"/>
        <item sd="0" x="31"/>
        <item sd="0" x="32"/>
        <item sd="0" x="33"/>
        <item sd="0" x="34"/>
        <item sd="0" x="35"/>
        <item sd="0" x="36"/>
        <item sd="0" x="37"/>
        <item sd="0" x="38"/>
        <item sd="0" x="39"/>
        <item sd="0" x="40"/>
        <item sd="0" x="41"/>
        <item sd="0" x="42"/>
        <item sd="0" x="43"/>
        <item sd="0" x="44"/>
        <item sd="0" x="45"/>
        <item sd="0" x="46"/>
        <item sd="0" x="47"/>
        <item sd="0" x="48"/>
        <item sd="0" x="49"/>
        <item sd="0" x="50"/>
        <item sd="0" x="51"/>
        <item sd="0" x="52"/>
        <item sd="0" x="53"/>
        <item sd="0" x="54"/>
      </items>
    </pivotField>
    <pivotField showAll="0" defaultSubtotal="0"/>
    <pivotField showAll="0" defaultSubtotal="0"/>
    <pivotField showAll="0"/>
    <pivotField showAll="0" defaultSubtotal="0"/>
    <pivotField showAll="0" defaultSubtotal="0"/>
    <pivotField axis="axisPage" showAll="0" defaultSubtotal="0">
      <items count="3">
        <item x="2"/>
        <item x="0"/>
        <item x="1"/>
      </items>
    </pivotField>
    <pivotField axis="axisPage" multipleItemSelectionAllowed="1" showAll="0" defaultSubtotal="0">
      <items count="3068">
        <item x="86"/>
        <item x="1635"/>
        <item x="1821"/>
        <item x="855"/>
        <item x="785"/>
        <item x="801"/>
        <item x="853"/>
        <item x="570"/>
        <item x="520"/>
        <item x="512"/>
        <item x="1946"/>
        <item x="301"/>
        <item x="2649"/>
        <item x="997"/>
        <item x="1152"/>
        <item x="2099"/>
        <item x="1913"/>
        <item x="2334"/>
        <item x="938"/>
        <item x="2279"/>
        <item x="1051"/>
        <item x="994"/>
        <item x="2132"/>
        <item x="2131"/>
        <item x="2976"/>
        <item x="2294"/>
        <item x="900"/>
        <item x="838"/>
        <item x="1931"/>
        <item x="1933"/>
        <item x="789"/>
        <item x="804"/>
        <item x="2322"/>
        <item x="2303"/>
        <item x="2297"/>
        <item x="2293"/>
        <item x="2301"/>
        <item x="903"/>
        <item x="2312"/>
        <item x="1936"/>
        <item x="2726"/>
        <item x="2706"/>
        <item x="2628"/>
        <item x="2501"/>
        <item x="2590"/>
        <item x="2591"/>
        <item x="2725"/>
        <item x="2711"/>
        <item x="2606"/>
        <item x="724"/>
        <item x="740"/>
        <item x="728"/>
        <item x="748"/>
        <item x="2978"/>
        <item x="2756"/>
        <item x="2512"/>
        <item x="2940"/>
        <item x="2527"/>
        <item x="2718"/>
        <item x="2528"/>
        <item x="1243"/>
        <item x="2618"/>
        <item x="2576"/>
        <item x="544"/>
        <item x="2688"/>
        <item x="2667"/>
        <item x="2776"/>
        <item x="2773"/>
        <item x="59"/>
        <item x="2487"/>
        <item x="1783"/>
        <item x="1782"/>
        <item x="2419"/>
        <item x="2420"/>
        <item x="2204"/>
        <item x="1890"/>
        <item x="1711"/>
        <item x="1710"/>
        <item x="2932"/>
        <item x="2824"/>
        <item x="2936"/>
        <item x="2958"/>
        <item x="2860"/>
        <item x="2774"/>
        <item x="1898"/>
        <item x="1085"/>
        <item x="2554"/>
        <item x="2748"/>
        <item x="2569"/>
        <item x="2743"/>
        <item x="2632"/>
        <item x="1244"/>
        <item x="2547"/>
        <item x="2755"/>
        <item x="2709"/>
        <item x="2713"/>
        <item x="2712"/>
        <item x="2585"/>
        <item x="2745"/>
        <item x="2746"/>
        <item x="2524"/>
        <item x="1008"/>
        <item x="2747"/>
        <item x="2799"/>
        <item x="2544"/>
        <item x="2689"/>
        <item x="1043"/>
        <item x="1026"/>
        <item x="2566"/>
        <item x="2656"/>
        <item x="2790"/>
        <item x="2634"/>
        <item x="2621"/>
        <item x="2834"/>
        <item x="1881"/>
        <item x="2710"/>
        <item x="2891"/>
        <item x="250"/>
        <item x="1270"/>
        <item x="2880"/>
        <item x="2337"/>
        <item x="2345"/>
        <item x="1684"/>
        <item x="1525"/>
        <item x="2187"/>
        <item x="747"/>
        <item x="989"/>
        <item x="2798"/>
        <item x="2650"/>
        <item x="809"/>
        <item x="2508"/>
        <item x="2261"/>
        <item x="49"/>
        <item x="2801"/>
        <item x="2913"/>
        <item x="2687"/>
        <item x="2563"/>
        <item x="742"/>
        <item x="1733"/>
        <item x="2975"/>
        <item x="1617"/>
        <item x="1827"/>
        <item x="1464"/>
        <item x="1462"/>
        <item x="1461"/>
        <item x="781"/>
        <item x="1460"/>
        <item x="2167"/>
        <item x="2865"/>
        <item x="2927"/>
        <item x="2897"/>
        <item x="2906"/>
        <item x="2809"/>
        <item x="2853"/>
        <item x="2883"/>
        <item x="2811"/>
        <item x="2926"/>
        <item x="2826"/>
        <item x="2864"/>
        <item x="2847"/>
        <item x="2828"/>
        <item x="2916"/>
        <item x="2923"/>
        <item x="2827"/>
        <item x="2812"/>
        <item x="2845"/>
        <item x="1492"/>
        <item x="2695"/>
        <item x="702"/>
        <item x="673"/>
        <item x="664"/>
        <item x="791"/>
        <item x="2921"/>
        <item x="684"/>
        <item x="579"/>
        <item x="1302"/>
        <item x="2890"/>
        <item x="2829"/>
        <item x="2813"/>
        <item x="2872"/>
        <item x="1278"/>
        <item x="1484"/>
        <item x="2126"/>
        <item x="575"/>
        <item x="1227"/>
        <item x="1044"/>
        <item x="1573"/>
        <item x="587"/>
        <item x="1086"/>
        <item x="1084"/>
        <item x="1102"/>
        <item x="1083"/>
        <item x="1481"/>
        <item x="1240"/>
        <item x="714"/>
        <item x="688"/>
        <item x="627"/>
        <item x="618"/>
        <item x="689"/>
        <item x="716"/>
        <item x="672"/>
        <item x="1552"/>
        <item x="711"/>
        <item x="650"/>
        <item x="599"/>
        <item x="639"/>
        <item x="598"/>
        <item x="626"/>
        <item x="1311"/>
        <item x="1263"/>
        <item x="814"/>
        <item x="2902"/>
        <item x="1829"/>
        <item x="636"/>
        <item x="2305"/>
        <item x="622"/>
        <item x="2302"/>
        <item x="1828"/>
        <item x="632"/>
        <item x="623"/>
        <item x="1593"/>
        <item x="700"/>
        <item x="607"/>
        <item x="683"/>
        <item x="25"/>
        <item x="1560"/>
        <item x="582"/>
        <item x="2852"/>
        <item x="2831"/>
        <item x="617"/>
        <item x="368"/>
        <item x="3055"/>
        <item x="1577"/>
        <item x="218"/>
        <item x="1477"/>
        <item x="302"/>
        <item x="1547"/>
        <item x="2291"/>
        <item x="1475"/>
        <item x="1473"/>
        <item x="1553"/>
        <item x="2696"/>
        <item x="300"/>
        <item x="2984"/>
        <item x="88"/>
        <item x="1637"/>
        <item x="1883"/>
        <item x="1830"/>
        <item x="2045"/>
        <item x="1554"/>
        <item x="680"/>
        <item x="624"/>
        <item x="147"/>
        <item x="1149"/>
        <item x="297"/>
        <item x="2840"/>
        <item x="628"/>
        <item x="629"/>
        <item x="142"/>
        <item x="172"/>
        <item x="141"/>
        <item x="2920"/>
        <item x="2836"/>
        <item x="2851"/>
        <item x="2846"/>
        <item x="2820"/>
        <item x="2835"/>
        <item x="2821"/>
        <item x="2861"/>
        <item x="2877"/>
        <item x="527"/>
        <item x="2842"/>
        <item x="2895"/>
        <item x="2838"/>
        <item x="2915"/>
        <item x="2876"/>
        <item x="2867"/>
        <item x="2514"/>
        <item x="1884"/>
        <item x="1795"/>
        <item x="2037"/>
        <item x="2040"/>
        <item x="2039"/>
        <item x="2038"/>
        <item x="1789"/>
        <item x="91"/>
        <item x="127"/>
        <item x="2781"/>
        <item x="1626"/>
        <item x="2778"/>
        <item x="2168"/>
        <item x="2227"/>
        <item x="2258"/>
        <item x="686"/>
        <item x="2316"/>
        <item x="2259"/>
        <item x="604"/>
        <item x="655"/>
        <item x="638"/>
        <item x="661"/>
        <item x="671"/>
        <item x="669"/>
        <item x="1642"/>
        <item x="153"/>
        <item x="2230"/>
        <item x="167"/>
        <item x="2652"/>
        <item x="2666"/>
        <item x="1803"/>
        <item x="2023"/>
        <item x="2295"/>
        <item x="2003"/>
        <item x="2987"/>
        <item x="2998"/>
        <item x="3035"/>
        <item x="2993"/>
        <item x="3025"/>
        <item x="2989"/>
        <item x="3022"/>
        <item x="2991"/>
        <item x="3021"/>
        <item x="3023"/>
        <item x="3015"/>
        <item x="3010"/>
        <item x="3033"/>
        <item x="3031"/>
        <item x="3034"/>
        <item x="2999"/>
        <item x="2990"/>
        <item x="3000"/>
        <item x="3011"/>
        <item x="3012"/>
        <item x="3037"/>
        <item x="3020"/>
        <item x="956"/>
        <item x="1109"/>
        <item x="867"/>
        <item x="892"/>
        <item x="907"/>
        <item x="750"/>
        <item x="3027"/>
        <item x="958"/>
        <item x="906"/>
        <item x="921"/>
        <item x="869"/>
        <item x="851"/>
        <item x="2551"/>
        <item x="774"/>
        <item x="761"/>
        <item x="959"/>
        <item x="561"/>
        <item x="834"/>
        <item x="835"/>
        <item x="551"/>
        <item x="552"/>
        <item x="744"/>
        <item x="1797"/>
        <item x="856"/>
        <item x="836"/>
        <item x="2481"/>
        <item x="556"/>
        <item x="1874"/>
        <item x="927"/>
        <item x="824"/>
        <item x="2763"/>
        <item x="554"/>
        <item x="612"/>
        <item x="2930"/>
        <item x="690"/>
        <item x="1474"/>
        <item x="327"/>
        <item x="312"/>
        <item x="435"/>
        <item x="426"/>
        <item x="315"/>
        <item x="2180"/>
        <item x="2179"/>
        <item x="329"/>
        <item x="1715"/>
        <item x="2000"/>
        <item x="1616"/>
        <item x="3014"/>
        <item x="770"/>
        <item x="72"/>
        <item x="2146"/>
        <item x="1989"/>
        <item x="1985"/>
        <item x="1517"/>
        <item x="1822"/>
        <item x="1952"/>
        <item x="2741"/>
        <item x="916"/>
        <item x="1685"/>
        <item x="1737"/>
        <item x="1724"/>
        <item x="1669"/>
        <item x="37"/>
        <item x="1839"/>
        <item x="1841"/>
        <item x="1825"/>
        <item x="2942"/>
        <item x="2948"/>
        <item x="2955"/>
        <item x="2047"/>
        <item x="93"/>
        <item x="2393"/>
        <item x="418"/>
        <item x="406"/>
        <item x="340"/>
        <item x="353"/>
        <item x="397"/>
        <item x="341"/>
        <item x="320"/>
        <item x="305"/>
        <item x="396"/>
        <item x="322"/>
        <item x="352"/>
        <item x="1395"/>
        <item x="2111"/>
        <item x="2104"/>
        <item x="2238"/>
        <item x="2623"/>
        <item x="2158"/>
        <item x="1519"/>
        <item x="2028"/>
        <item x="2504"/>
        <item x="1740"/>
        <item x="1748"/>
        <item x="1746"/>
        <item x="1752"/>
        <item x="1755"/>
        <item x="1767"/>
        <item x="1745"/>
        <item x="1758"/>
        <item x="1757"/>
        <item x="1753"/>
        <item x="1749"/>
        <item x="1754"/>
        <item x="1209"/>
        <item x="1414"/>
        <item x="1427"/>
        <item x="1331"/>
        <item x="1332"/>
        <item x="1369"/>
        <item x="1322"/>
        <item x="1265"/>
        <item x="1171"/>
        <item x="1435"/>
        <item x="1421"/>
        <item x="1297"/>
        <item x="1301"/>
        <item x="1287"/>
        <item x="1391"/>
        <item x="1269"/>
        <item x="1175"/>
        <item x="1173"/>
        <item x="1451"/>
        <item x="1346"/>
        <item x="1363"/>
        <item x="1330"/>
        <item x="1277"/>
        <item x="1324"/>
        <item x="1336"/>
        <item x="1286"/>
        <item x="1402"/>
        <item x="1210"/>
        <item x="1455"/>
        <item x="1371"/>
        <item x="1373"/>
        <item x="1251"/>
        <item x="1249"/>
        <item x="18"/>
        <item x="1892"/>
        <item x="1245"/>
        <item x="1307"/>
        <item x="36"/>
        <item x="2398"/>
        <item x="2367"/>
        <item x="913"/>
        <item x="2166"/>
        <item x="1365"/>
        <item x="973"/>
        <item x="776"/>
        <item x="2855"/>
        <item x="2854"/>
        <item x="2868"/>
        <item x="2951"/>
        <item x="2952"/>
        <item x="2950"/>
        <item x="2933"/>
        <item x="2953"/>
        <item x="2810"/>
        <item x="2928"/>
        <item x="2848"/>
        <item x="2819"/>
        <item x="2888"/>
        <item x="2871"/>
        <item x="2844"/>
        <item x="1393"/>
        <item x="1432"/>
        <item x="1454"/>
        <item x="1452"/>
        <item x="2775"/>
        <item x="2558"/>
        <item x="2118"/>
        <item x="2185"/>
        <item x="1409"/>
        <item x="2170"/>
        <item x="2184"/>
        <item x="2183"/>
        <item x="2117"/>
        <item x="1087"/>
        <item x="1048"/>
        <item x="1092"/>
        <item x="999"/>
        <item x="2275"/>
        <item x="2274"/>
        <item x="2269"/>
        <item x="2052"/>
        <item x="8"/>
        <item x="140"/>
        <item x="133"/>
        <item x="299"/>
        <item x="2672"/>
        <item x="2671"/>
        <item x="1440"/>
        <item x="1350"/>
        <item x="1450"/>
        <item x="2254"/>
        <item x="1818"/>
        <item x="2323"/>
        <item x="2306"/>
        <item x="674"/>
        <item x="675"/>
        <item x="48"/>
        <item x="138"/>
        <item x="666"/>
        <item x="1847"/>
        <item x="1264"/>
        <item x="1312"/>
        <item x="1290"/>
        <item x="1292"/>
        <item x="1848"/>
        <item x="1910"/>
        <item x="1370"/>
        <item x="1063"/>
        <item x="2622"/>
        <item x="2807"/>
        <item x="2315"/>
        <item x="1970"/>
        <item x="1846"/>
        <item x="1439"/>
        <item x="2108"/>
        <item x="390"/>
        <item x="375"/>
        <item x="444"/>
        <item x="348"/>
        <item x="389"/>
        <item x="392"/>
        <item x="411"/>
        <item x="2239"/>
        <item x="2553"/>
        <item x="2010"/>
        <item x="2223"/>
        <item x="2141"/>
        <item x="2225"/>
        <item x="2986"/>
        <item x="1114"/>
        <item x="13"/>
        <item x="2594"/>
        <item x="580"/>
        <item x="1972"/>
        <item x="1067"/>
        <item x="2673"/>
        <item x="354"/>
        <item x="443"/>
        <item x="2245"/>
        <item x="1233"/>
        <item x="1230"/>
        <item x="1984"/>
        <item x="1211"/>
        <item x="1164"/>
        <item x="2430"/>
        <item x="948"/>
        <item x="182"/>
        <item x="64"/>
        <item x="965"/>
        <item x="2549"/>
        <item x="2608"/>
        <item x="2609"/>
        <item x="1472"/>
        <item x="1480"/>
        <item x="1469"/>
        <item x="1483"/>
        <item x="57"/>
        <item x="718"/>
        <item x="361"/>
        <item x="578"/>
        <item x="1283"/>
        <item x="821"/>
        <item x="830"/>
        <item x="2493"/>
        <item x="2870"/>
        <item x="1027"/>
        <item x="1023"/>
        <item x="1017"/>
        <item x="3032"/>
        <item x="3038"/>
        <item x="1073"/>
        <item x="2319"/>
        <item x="2292"/>
        <item x="2330"/>
        <item x="2133"/>
        <item x="1314"/>
        <item x="1298"/>
        <item x="1219"/>
        <item x="1361"/>
        <item x="1345"/>
        <item x="1196"/>
        <item x="1200"/>
        <item x="1448"/>
        <item x="1220"/>
        <item x="1205"/>
        <item x="2526"/>
        <item x="2564"/>
        <item x="2533"/>
        <item x="2534"/>
        <item x="1256"/>
        <item x="2934"/>
        <item x="2944"/>
        <item x="2503"/>
        <item x="2723"/>
        <item x="1259"/>
        <item x="2571"/>
        <item x="2727"/>
        <item x="2627"/>
        <item x="1794"/>
        <item x="2513"/>
        <item x="2638"/>
        <item x="1546"/>
        <item x="2721"/>
        <item x="1024"/>
        <item x="1030"/>
        <item x="2771"/>
        <item x="2582"/>
        <item x="2600"/>
        <item x="2635"/>
        <item x="1436"/>
        <item x="2655"/>
        <item x="1638"/>
        <item x="1643"/>
        <item x="2136"/>
        <item x="2640"/>
        <item x="2121"/>
        <item x="1644"/>
        <item x="1762"/>
        <item x="246"/>
        <item x="1700"/>
        <item x="87"/>
        <item x="1988"/>
        <item x="1774"/>
        <item x="1742"/>
        <item x="2102"/>
        <item x="1716"/>
        <item x="2220"/>
        <item x="2071"/>
        <item x="2067"/>
        <item x="2066"/>
        <item x="910"/>
        <item x="1694"/>
        <item x="576"/>
        <item x="1318"/>
        <item x="1340"/>
        <item x="1288"/>
        <item x="1686"/>
        <item x="1835"/>
        <item x="1151"/>
        <item x="1040"/>
        <item x="1039"/>
        <item x="1036"/>
        <item x="1113"/>
        <item x="1041"/>
        <item x="2381"/>
        <item x="1895"/>
        <item x="2440"/>
        <item x="1974"/>
        <item x="124"/>
        <item x="34"/>
        <item x="9"/>
        <item x="2830"/>
        <item x="2908"/>
        <item x="1261"/>
        <item x="1676"/>
        <item x="625"/>
        <item x="652"/>
        <item x="653"/>
        <item x="2328"/>
        <item x="1235"/>
        <item x="1232"/>
        <item x="1844"/>
        <item x="2324"/>
        <item x="2941"/>
        <item x="2825"/>
        <item x="1971"/>
        <item x="2808"/>
        <item x="161"/>
        <item x="159"/>
        <item x="188"/>
        <item x="288"/>
        <item x="198"/>
        <item x="193"/>
        <item x="192"/>
        <item x="256"/>
        <item x="2083"/>
        <item x="1633"/>
        <item x="2272"/>
        <item x="2235"/>
        <item x="990"/>
        <item x="992"/>
        <item x="991"/>
        <item x="196"/>
        <item x="151"/>
        <item x="1709"/>
        <item x="273"/>
        <item x="164"/>
        <item x="289"/>
        <item x="2470"/>
        <item x="1620"/>
        <item x="1624"/>
        <item x="1622"/>
        <item x="957"/>
        <item x="967"/>
        <item x="852"/>
        <item x="912"/>
        <item x="936"/>
        <item x="887"/>
        <item x="895"/>
        <item x="839"/>
        <item x="3017"/>
        <item x="1247"/>
        <item x="20"/>
        <item x="139"/>
        <item x="2222"/>
        <item x="2233"/>
        <item x="2282"/>
        <item x="1920"/>
        <item x="83"/>
        <item x="2772"/>
        <item x="2139"/>
        <item x="2123"/>
        <item x="2084"/>
        <item x="2140"/>
        <item x="2079"/>
        <item x="2054"/>
        <item x="2088"/>
        <item x="2097"/>
        <item x="2234"/>
        <item x="2137"/>
        <item x="2098"/>
        <item x="2081"/>
        <item x="2138"/>
        <item x="2134"/>
        <item x="2080"/>
        <item x="2135"/>
        <item x="1021"/>
        <item x="2232"/>
        <item x="1019"/>
        <item x="1025"/>
        <item x="135"/>
        <item x="4"/>
        <item x="1488"/>
        <item x="987"/>
        <item x="2633"/>
        <item x="1015"/>
        <item x="1140"/>
        <item x="2597"/>
        <item x="2598"/>
        <item x="1773"/>
        <item x="2488"/>
        <item x="509"/>
        <item x="508"/>
        <item x="510"/>
        <item x="505"/>
        <item x="516"/>
        <item x="1979"/>
        <item x="1981"/>
        <item x="1893"/>
        <item x="280"/>
        <item x="270"/>
        <item x="1075"/>
        <item x="760"/>
        <item x="201"/>
        <item x="735"/>
        <item x="1876"/>
        <item x="1993"/>
        <item x="237"/>
        <item x="264"/>
        <item x="1761"/>
        <item x="1747"/>
        <item x="2893"/>
        <item x="187"/>
        <item x="1923"/>
        <item x="200"/>
        <item x="245"/>
        <item x="1744"/>
        <item x="2277"/>
        <item x="741"/>
        <item x="1390"/>
        <item x="2215"/>
        <item x="2212"/>
        <item x="1775"/>
        <item x="1780"/>
        <item x="2946"/>
        <item x="725"/>
        <item x="1756"/>
        <item x="1776"/>
        <item x="1764"/>
        <item x="249"/>
        <item x="1790"/>
        <item x="1179"/>
        <item x="1759"/>
        <item x="2909"/>
        <item x="1768"/>
        <item x="1751"/>
        <item x="1239"/>
        <item x="736"/>
        <item x="2947"/>
        <item x="730"/>
        <item x="1760"/>
        <item x="734"/>
        <item x="726"/>
        <item x="1977"/>
        <item x="1808"/>
        <item x="755"/>
        <item x="677"/>
        <item x="676"/>
        <item x="2875"/>
        <item x="644"/>
        <item x="1915"/>
        <item x="1916"/>
        <item x="1341"/>
        <item x="1704"/>
        <item x="1355"/>
        <item x="1424"/>
        <item x="3009"/>
        <item x="759"/>
        <item x="96"/>
        <item x="2112"/>
        <item x="651"/>
        <item x="1061"/>
        <item x="738"/>
        <item x="3013"/>
        <item x="2997"/>
        <item x="3001"/>
        <item x="2992"/>
        <item x="3024"/>
        <item x="388"/>
        <item x="337"/>
        <item x="429"/>
        <item x="332"/>
        <item x="376"/>
        <item x="379"/>
        <item x="423"/>
        <item x="427"/>
        <item x="365"/>
        <item x="408"/>
        <item x="420"/>
        <item x="440"/>
        <item x="324"/>
        <item x="326"/>
        <item x="1317"/>
        <item x="2213"/>
        <item x="2214"/>
        <item x="922"/>
        <item x="2257"/>
        <item x="2253"/>
        <item x="2403"/>
        <item x="2404"/>
        <item x="2402"/>
        <item x="589"/>
        <item x="515"/>
        <item x="513"/>
        <item x="572"/>
        <item x="511"/>
        <item x="514"/>
        <item x="2400"/>
        <item x="2401"/>
        <item x="2399"/>
        <item x="574"/>
        <item x="2873"/>
        <item x="2814"/>
        <item x="1396"/>
        <item x="868"/>
        <item x="924"/>
        <item x="825"/>
        <item x="1107"/>
        <item x="46"/>
        <item x="1969"/>
        <item x="2433"/>
        <item x="76"/>
        <item x="1111"/>
        <item x="1918"/>
        <item x="2406"/>
        <item x="2969"/>
        <item x="2631"/>
        <item x="1329"/>
        <item x="1418"/>
        <item x="1274"/>
        <item x="1366"/>
        <item x="1320"/>
        <item x="1392"/>
        <item x="1315"/>
        <item x="1313"/>
        <item x="1335"/>
        <item x="1429"/>
        <item x="1272"/>
        <item x="1368"/>
        <item x="2967"/>
        <item x="2502"/>
        <item x="2730"/>
        <item x="1160"/>
        <item x="1162"/>
        <item x="2636"/>
        <item x="2511"/>
        <item x="2658"/>
        <item x="1144"/>
        <item x="1143"/>
        <item x="1161"/>
        <item x="1157"/>
        <item x="1159"/>
        <item x="1156"/>
        <item x="2615"/>
        <item x="1155"/>
        <item x="2757"/>
        <item x="2675"/>
        <item x="2717"/>
        <item x="1163"/>
        <item x="732"/>
        <item x="877"/>
        <item x="832"/>
        <item x="971"/>
        <item x="833"/>
        <item x="308"/>
        <item x="262"/>
        <item x="214"/>
        <item x="210"/>
        <item x="215"/>
        <item x="277"/>
        <item x="2449"/>
        <item x="316"/>
        <item x="2492"/>
        <item x="2453"/>
        <item x="184"/>
        <item x="2780"/>
        <item x="1119"/>
        <item x="1300"/>
        <item x="1299"/>
        <item x="2148"/>
        <item x="2147"/>
        <item x="765"/>
        <item x="2372"/>
        <item x="2364"/>
        <item x="1705"/>
        <item x="261"/>
        <item x="1071"/>
        <item x="3046"/>
        <item x="170"/>
        <item x="1964"/>
        <item x="980"/>
        <item x="2244"/>
        <item x="2178"/>
        <item x="2116"/>
        <item x="815"/>
        <item x="195"/>
        <item x="870"/>
        <item x="633"/>
        <item x="1216"/>
        <item x="2030"/>
        <item x="1422"/>
        <item x="268"/>
        <item x="2268"/>
        <item x="1139"/>
        <item x="2653"/>
        <item x="2326"/>
        <item x="745"/>
        <item x="863"/>
        <item x="1854"/>
        <item x="1788"/>
        <item x="1046"/>
        <item x="553"/>
        <item x="217"/>
        <item x="2518"/>
        <item x="2779"/>
        <item x="1094"/>
        <item x="1093"/>
        <item x="1100"/>
        <item x="1095"/>
        <item x="983"/>
        <item x="985"/>
        <item x="984"/>
        <item x="986"/>
        <item x="1031"/>
        <item x="1003"/>
        <item x="1141"/>
        <item x="1096"/>
        <item x="1097"/>
        <item x="1104"/>
        <item x="810"/>
        <item x="642"/>
        <item x="681"/>
        <item x="682"/>
        <item x="663"/>
        <item x="654"/>
        <item x="758"/>
        <item x="788"/>
        <item x="1975"/>
        <item x="3002"/>
        <item x="3003"/>
        <item x="3028"/>
        <item x="843"/>
        <item x="17"/>
        <item x="181"/>
        <item x="185"/>
        <item x="180"/>
        <item x="1670"/>
        <item x="11"/>
        <item x="1695"/>
        <item x="1692"/>
        <item x="1101"/>
        <item x="82"/>
        <item x="1673"/>
        <item x="2145"/>
        <item x="1738"/>
        <item x="1959"/>
        <item x="1172"/>
        <item x="1174"/>
        <item x="828"/>
        <item x="827"/>
        <item x="2431"/>
        <item x="2455"/>
        <item x="2458"/>
        <item x="2907"/>
        <item x="2457"/>
        <item x="293"/>
        <item x="1725"/>
        <item x="112"/>
        <item x="1231"/>
        <item x="1413"/>
        <item x="2290"/>
        <item x="2705"/>
        <item x="2583"/>
        <item x="31"/>
        <item x="2762"/>
        <item x="2686"/>
        <item x="2685"/>
        <item x="2724"/>
        <item x="2543"/>
        <item x="2593"/>
        <item x="2759"/>
        <item x="2626"/>
        <item x="2601"/>
        <item x="2691"/>
        <item x="2684"/>
        <item x="2602"/>
        <item x="2764"/>
        <item x="2596"/>
        <item x="2287"/>
        <item x="1123"/>
        <item x="1122"/>
        <item x="2288"/>
        <item x="2289"/>
        <item x="1124"/>
        <item x="1129"/>
        <item x="1128"/>
        <item x="1077"/>
        <item x="1131"/>
        <item x="1050"/>
        <item x="1049"/>
        <item x="1126"/>
        <item x="1125"/>
        <item x="1699"/>
        <item x="848"/>
        <item x="526"/>
        <item x="2577"/>
        <item x="2545"/>
        <item x="1169"/>
        <item x="2919"/>
        <item x="2903"/>
        <item x="1138"/>
        <item x="1045"/>
        <item x="1772"/>
        <item x="799"/>
        <item x="778"/>
        <item x="549"/>
        <item x="1640"/>
        <item x="2620"/>
        <item x="2385"/>
        <item x="2050"/>
        <item x="51"/>
        <item x="2560"/>
        <item x="2786"/>
        <item x="2769"/>
        <item x="2572"/>
        <item x="2541"/>
        <item x="876"/>
        <item x="2005"/>
        <item x="2849"/>
        <item x="2856"/>
        <item x="1176"/>
        <item x="2092"/>
        <item x="2089"/>
        <item x="2090"/>
        <item x="2093"/>
        <item x="565"/>
        <item x="976"/>
        <item x="1973"/>
        <item x="934"/>
        <item x="600"/>
        <item x="2307"/>
        <item x="69"/>
        <item x="1166"/>
        <item x="1326"/>
        <item x="1397"/>
        <item x="1405"/>
        <item x="2122"/>
        <item x="2143"/>
        <item x="1403"/>
        <item x="1992"/>
        <item x="2229"/>
        <item x="3043"/>
        <item x="2327"/>
        <item x="866"/>
        <item x="2202"/>
        <item x="416"/>
        <item x="382"/>
        <item x="442"/>
        <item x="339"/>
        <item x="430"/>
        <item x="333"/>
        <item x="359"/>
        <item x="311"/>
        <item x="386"/>
        <item x="417"/>
        <item x="328"/>
        <item x="398"/>
        <item x="338"/>
        <item x="344"/>
        <item x="345"/>
        <item x="394"/>
        <item x="433"/>
        <item x="371"/>
        <item x="356"/>
        <item x="401"/>
        <item x="387"/>
        <item x="357"/>
        <item x="310"/>
        <item x="360"/>
        <item x="1052"/>
        <item x="6"/>
        <item x="567"/>
        <item x="891"/>
        <item x="2961"/>
        <item x="2988"/>
        <item x="2996"/>
        <item x="2311"/>
        <item x="2483"/>
        <item x="2818"/>
        <item x="2822"/>
        <item x="2366"/>
        <item x="1098"/>
        <item x="2555"/>
        <item x="2096"/>
        <item x="2199"/>
        <item x="1425"/>
        <item x="1723"/>
        <item x="1611"/>
        <item x="131"/>
        <item x="128"/>
        <item x="2462"/>
        <item x="2905"/>
        <item x="2765"/>
        <item x="647"/>
        <item x="2629"/>
        <item x="2171"/>
        <item x="1374"/>
        <item x="1375"/>
        <item x="1376"/>
        <item x="2332"/>
        <item x="1654"/>
        <item x="2770"/>
        <item x="2519"/>
        <item x="1426"/>
        <item x="2192"/>
        <item x="116"/>
        <item x="2375"/>
        <item x="2371"/>
        <item x="2817"/>
        <item x="2843"/>
        <item x="2841"/>
        <item x="3047"/>
        <item x="562"/>
        <item x="566"/>
        <item x="1838"/>
        <item x="1791"/>
        <item x="1792"/>
        <item x="1942"/>
        <item x="1359"/>
        <item x="678"/>
        <item x="679"/>
        <item x="2174"/>
        <item x="818"/>
        <item x="2267"/>
        <item x="2489"/>
        <item x="2490"/>
        <item x="2732"/>
        <item x="1438"/>
        <item x="1664"/>
        <item x="1719"/>
        <item x="2411"/>
        <item x="1037"/>
        <item x="1986"/>
        <item x="1647"/>
        <item x="754"/>
        <item x="2418"/>
        <item x="1899"/>
        <item x="2025"/>
        <item x="1904"/>
        <item x="1801"/>
        <item x="2027"/>
        <item x="2026"/>
        <item x="1802"/>
        <item x="1901"/>
        <item x="2956"/>
        <item x="802"/>
        <item x="753"/>
        <item x="943"/>
        <item x="1805"/>
        <item x="949"/>
        <item x="932"/>
        <item x="931"/>
        <item x="940"/>
        <item x="2350"/>
        <item x="2357"/>
        <item x="2355"/>
        <item x="2353"/>
        <item x="2358"/>
        <item x="2833"/>
        <item x="1225"/>
        <item x="1221"/>
        <item x="1197"/>
        <item x="1202"/>
        <item x="2744"/>
        <item x="942"/>
        <item x="216"/>
        <item x="1906"/>
        <item x="2884"/>
        <item x="2815"/>
        <item x="2388"/>
        <item x="14"/>
        <item x="1064"/>
        <item x="2356"/>
        <item x="2390"/>
        <item x="1914"/>
        <item x="941"/>
        <item x="1032"/>
        <item x="842"/>
        <item x="762"/>
        <item x="2898"/>
        <item x="205"/>
        <item x="174"/>
        <item x="2674"/>
        <item x="2589"/>
        <item x="2588"/>
        <item x="2592"/>
        <item x="2546"/>
        <item x="1599"/>
        <item x="1578"/>
        <item x="2256"/>
        <item x="1743"/>
        <item x="1814"/>
        <item x="2216"/>
        <item x="2217"/>
        <item x="1896"/>
        <item x="2165"/>
        <item x="2176"/>
        <item x="2048"/>
        <item x="1786"/>
        <item x="1978"/>
        <item x="1721"/>
        <item x="2075"/>
        <item x="1819"/>
        <item x="1779"/>
        <item x="1339"/>
        <item x="960"/>
        <item x="970"/>
        <item x="757"/>
        <item x="240"/>
        <item x="1110"/>
        <item x="947"/>
        <item x="962"/>
        <item x="1479"/>
        <item x="1935"/>
        <item x="1778"/>
        <item x="424"/>
        <item x="434"/>
        <item x="410"/>
        <item x="928"/>
        <item x="925"/>
        <item x="953"/>
        <item x="1154"/>
        <item x="1158"/>
        <item x="2361"/>
        <item x="2395"/>
        <item x="2363"/>
        <item x="2380"/>
        <item x="2360"/>
        <item x="2377"/>
        <item x="2374"/>
        <item x="2365"/>
        <item x="1496"/>
        <item x="1153"/>
        <item x="1741"/>
        <item x="22"/>
        <item x="2226"/>
        <item x="1267"/>
        <item x="1411"/>
        <item x="1412"/>
        <item x="646"/>
        <item x="2409"/>
        <item x="2339"/>
        <item x="590"/>
        <item x="2196"/>
        <item x="2113"/>
        <item x="94"/>
        <item x="1362"/>
        <item x="1253"/>
        <item x="1250"/>
        <item x="2250"/>
        <item x="2248"/>
        <item x="2249"/>
        <item x="2247"/>
        <item x="2041"/>
        <item x="1858"/>
        <item x="2806"/>
        <item x="1398"/>
        <item x="2410"/>
        <item x="1564"/>
        <item x="2241"/>
        <item x="2369"/>
        <item x="2387"/>
        <item x="2465"/>
        <item x="1238"/>
        <item x="1404"/>
        <item x="1029"/>
        <item x="1016"/>
        <item x="1234"/>
        <item x="132"/>
        <item x="2384"/>
        <item x="1258"/>
        <item x="65"/>
        <item x="70"/>
        <item x="2198"/>
        <item x="2722"/>
        <item x="1281"/>
        <item x="2509"/>
        <item x="2595"/>
        <item x="2714"/>
        <item x="1781"/>
        <item x="68"/>
        <item x="1720"/>
        <item x="1246"/>
        <item x="1242"/>
        <item x="766"/>
        <item x="2208"/>
        <item x="1273"/>
        <item x="1271"/>
        <item x="1167"/>
        <item x="1303"/>
        <item x="1423"/>
        <item x="2194"/>
        <item x="1241"/>
        <item x="1237"/>
        <item x="591"/>
        <item x="596"/>
        <item x="428"/>
        <item x="134"/>
        <item x="38"/>
        <item x="3"/>
        <item x="2144"/>
        <item x="77"/>
        <item x="39"/>
        <item x="400"/>
        <item x="318"/>
        <item x="407"/>
        <item x="321"/>
        <item x="336"/>
        <item x="2114"/>
        <item x="1321"/>
        <item x="2467"/>
        <item x="1735"/>
        <item x="2630"/>
        <item x="731"/>
        <item x="61"/>
        <item x="75"/>
        <item x="41"/>
        <item x="109"/>
        <item x="2979"/>
        <item x="2980"/>
        <item x="272"/>
        <item x="1285"/>
        <item x="1121"/>
        <item x="1118"/>
        <item x="1136"/>
        <item x="1120"/>
        <item x="108"/>
        <item x="698"/>
        <item x="699"/>
        <item x="1108"/>
        <item x="266"/>
        <item x="1850"/>
        <item x="183"/>
        <item x="1784"/>
        <item x="1115"/>
        <item x="1116"/>
        <item x="1117"/>
        <item x="1410"/>
        <item x="864"/>
        <item x="3026"/>
        <item x="3016"/>
        <item x="3018"/>
        <item x="2383"/>
        <item x="1658"/>
        <item x="1726"/>
        <item x="1649"/>
        <item x="2839"/>
        <item x="3049"/>
        <item x="3052"/>
        <item x="2046"/>
        <item x="1763"/>
        <item x="335"/>
        <item x="2206"/>
        <item x="2205"/>
        <item x="2103"/>
        <item x="2105"/>
        <item x="2190"/>
        <item x="2219"/>
        <item x="334"/>
        <item x="2107"/>
        <item x="119"/>
        <item x="2972"/>
        <item x="45"/>
        <item x="2193"/>
        <item x="313"/>
        <item x="413"/>
        <item x="2091"/>
        <item x="2284"/>
        <item x="2087"/>
        <item x="540"/>
        <item x="593"/>
        <item x="545"/>
        <item x="577"/>
        <item x="584"/>
        <item x="1181"/>
        <item x="1498"/>
        <item x="1636"/>
        <item x="2182"/>
        <item x="2055"/>
        <item x="1983"/>
        <item x="1058"/>
        <item x="1056"/>
        <item x="1059"/>
        <item x="1053"/>
        <item x="1057"/>
        <item x="47"/>
        <item x="2676"/>
        <item x="2677"/>
        <item x="1065"/>
        <item x="1133"/>
        <item x="1055"/>
        <item x="1147"/>
        <item x="3050"/>
        <item x="1006"/>
        <item x="946"/>
        <item x="2575"/>
        <item x="1650"/>
        <item x="1736"/>
        <item x="1674"/>
        <item x="1691"/>
        <item x="1495"/>
        <item x="1468"/>
        <item x="1712"/>
        <item x="1680"/>
        <item x="1646"/>
        <item x="558"/>
        <item x="559"/>
        <item x="563"/>
        <item x="560"/>
        <item x="1494"/>
        <item x="874"/>
        <item x="586"/>
        <item x="769"/>
        <item x="865"/>
        <item x="177"/>
        <item x="784"/>
        <item x="935"/>
        <item x="918"/>
        <item x="975"/>
        <item x="231"/>
        <item x="746"/>
        <item x="2095"/>
        <item x="155"/>
        <item x="1127"/>
        <item x="1215"/>
        <item x="1980"/>
        <item x="2173"/>
        <item x="2160"/>
        <item x="803"/>
        <item x="1963"/>
        <item x="805"/>
        <item x="2935"/>
        <item x="889"/>
        <item x="888"/>
        <item x="886"/>
        <item x="1012"/>
        <item x="1010"/>
        <item x="2557"/>
        <item x="588"/>
        <item x="729"/>
        <item x="143"/>
        <item x="2517"/>
        <item x="1257"/>
        <item x="1453"/>
        <item x="756"/>
        <item x="2505"/>
        <item x="2657"/>
        <item x="3067"/>
        <item x="1911"/>
        <item x="1879"/>
        <item x="1091"/>
        <item x="862"/>
        <item x="969"/>
        <item x="2859"/>
        <item x="2552"/>
        <item x="2858"/>
        <item x="727"/>
        <item x="2163"/>
        <item x="2186"/>
        <item x="2119"/>
        <item x="1932"/>
        <item x="2264"/>
        <item x="615"/>
        <item x="692"/>
        <item x="610"/>
        <item x="2862"/>
        <item x="2153"/>
        <item x="2278"/>
        <item x="2152"/>
        <item x="2209"/>
        <item x="2207"/>
        <item x="2151"/>
        <item x="2154"/>
        <item x="2210"/>
        <item x="2203"/>
        <item x="2255"/>
        <item x="2611"/>
        <item x="1191"/>
        <item x="1194"/>
        <item x="267"/>
        <item x="952"/>
        <item x="898"/>
        <item x="897"/>
        <item x="896"/>
        <item x="2464"/>
        <item x="1081"/>
        <item x="1536"/>
        <item x="1535"/>
        <item x="1538"/>
        <item x="1533"/>
        <item x="1534"/>
        <item x="1530"/>
        <item x="982"/>
        <item x="1834"/>
        <item x="1182"/>
        <item x="2300"/>
        <item x="2299"/>
        <item x="2265"/>
        <item x="2336"/>
        <item x="2333"/>
        <item x="1389"/>
        <item x="2335"/>
        <item x="1990"/>
        <item x="1799"/>
        <item x="2994"/>
        <item x="1958"/>
        <item x="2922"/>
        <item x="2008"/>
        <item x="1333"/>
        <item x="2901"/>
        <item x="2971"/>
        <item x="1028"/>
        <item x="1020"/>
        <item x="2376"/>
        <item x="2660"/>
        <item x="168"/>
        <item x="2033"/>
        <item x="2753"/>
        <item x="660"/>
        <item x="2574"/>
        <item x="2394"/>
        <item x="105"/>
        <item x="1917"/>
        <item x="1310"/>
        <item x="1309"/>
        <item x="1919"/>
        <item x="978"/>
        <item x="1531"/>
        <item x="3040"/>
        <item x="1634"/>
        <item x="1069"/>
        <item x="2240"/>
        <item x="1463"/>
        <item x="52"/>
        <item x="2076"/>
        <item x="1851"/>
        <item x="99"/>
        <item x="1529"/>
        <item x="1537"/>
        <item x="737"/>
        <item x="85"/>
        <item x="1047"/>
        <item x="2280"/>
        <item x="104"/>
        <item x="573"/>
        <item x="2529"/>
        <item x="1142"/>
        <item x="1035"/>
        <item x="1090"/>
        <item x="1000"/>
        <item x="1042"/>
        <item x="1034"/>
        <item x="1038"/>
        <item x="1004"/>
        <item x="995"/>
        <item x="1005"/>
        <item x="1103"/>
        <item x="1009"/>
        <item x="1062"/>
        <item x="1527"/>
        <item x="2642"/>
        <item x="2570"/>
        <item x="2800"/>
        <item x="2525"/>
        <item x="2624"/>
        <item x="2707"/>
        <item x="1190"/>
        <item x="1193"/>
        <item x="1099"/>
        <item x="2792"/>
        <item x="2768"/>
        <item x="1526"/>
        <item x="3062"/>
        <item x="3061"/>
        <item x="3065"/>
        <item x="3064"/>
        <item x="3066"/>
        <item x="3063"/>
        <item x="3059"/>
        <item x="1875"/>
        <item x="1800"/>
        <item x="1869"/>
        <item x="1865"/>
        <item x="2036"/>
        <item x="2925"/>
        <item x="1991"/>
        <item x="2022"/>
        <item x="2749"/>
        <item x="2751"/>
        <item x="2973"/>
        <item x="2325"/>
        <item x="2304"/>
        <item x="2321"/>
        <item x="2760"/>
        <item x="2866"/>
        <item x="1925"/>
        <item x="1033"/>
        <item x="1002"/>
        <item x="541"/>
        <item x="1804"/>
        <item x="1667"/>
        <item x="1831"/>
        <item x="1446"/>
        <item x="2012"/>
        <item x="2011"/>
        <item x="871"/>
        <item x="797"/>
        <item x="2735"/>
        <item x="1880"/>
        <item x="1937"/>
        <item x="103"/>
        <item x="1905"/>
        <item x="1877"/>
        <item x="1845"/>
        <item x="2974"/>
        <item x="2963"/>
        <item x="2966"/>
        <item x="2962"/>
        <item x="1490"/>
        <item x="1487"/>
        <item x="1491"/>
        <item x="1765"/>
        <item x="2175"/>
        <item x="1798"/>
        <item x="1532"/>
        <item x="542"/>
        <item x="670"/>
        <item x="2793"/>
        <item x="2320"/>
        <item x="2188"/>
        <item x="1352"/>
        <item x="2266"/>
        <item x="658"/>
        <item x="2243"/>
        <item x="2189"/>
        <item x="2195"/>
        <item x="2612"/>
        <item x="2069"/>
        <item x="2242"/>
        <item x="2070"/>
        <item x="1903"/>
        <item x="2469"/>
        <item x="993"/>
        <item x="1248"/>
        <item x="1195"/>
        <item x="1192"/>
        <item x="914"/>
        <item x="15"/>
        <item x="885"/>
        <item x="144"/>
        <item x="524"/>
        <item x="528"/>
        <item x="506"/>
        <item x="2900"/>
        <item x="1629"/>
        <item x="1630"/>
        <item x="3048"/>
        <item x="1793"/>
        <item x="486"/>
        <item x="483"/>
        <item x="473"/>
        <item x="474"/>
        <item x="482"/>
        <item x="462"/>
        <item x="487"/>
        <item x="469"/>
        <item x="463"/>
        <item x="101"/>
        <item x="456"/>
        <item x="923"/>
        <item x="455"/>
        <item x="468"/>
        <item x="464"/>
        <item x="493"/>
        <item x="479"/>
        <item x="478"/>
        <item x="491"/>
        <item x="480"/>
        <item x="476"/>
        <item x="485"/>
        <item x="481"/>
        <item x="475"/>
        <item x="501"/>
        <item x="495"/>
        <item x="466"/>
        <item x="492"/>
        <item x="465"/>
        <item x="461"/>
        <item x="460"/>
        <item x="517"/>
        <item x="477"/>
        <item x="472"/>
        <item x="467"/>
        <item x="489"/>
        <item x="458"/>
        <item x="117"/>
        <item x="471"/>
        <item x="457"/>
        <item x="459"/>
        <item x="1137"/>
        <item x="484"/>
        <item x="518"/>
        <item x="522"/>
        <item x="1089"/>
        <item x="2486"/>
        <item x="24"/>
        <item x="494"/>
        <item x="490"/>
        <item x="488"/>
        <item x="496"/>
        <item x="470"/>
        <item x="123"/>
        <item x="497"/>
        <item x="1824"/>
        <item x="2379"/>
        <item x="2396"/>
        <item x="154"/>
        <item x="197"/>
        <item x="160"/>
        <item x="204"/>
        <item x="158"/>
        <item x="149"/>
        <item x="163"/>
        <item x="1551"/>
        <item x="917"/>
        <item x="1966"/>
        <item x="2115"/>
        <item x="2109"/>
        <item x="1940"/>
        <item x="1693"/>
        <item x="525"/>
        <item x="849"/>
        <item x="841"/>
        <item x="846"/>
        <item x="858"/>
        <item x="859"/>
        <item x="2378"/>
        <item x="1214"/>
        <item x="1207"/>
        <item x="448"/>
        <item x="452"/>
        <item x="2309"/>
        <item x="92"/>
        <item x="2863"/>
        <item x="2816"/>
        <item x="1833"/>
        <item x="602"/>
        <item x="1458"/>
        <item x="1459"/>
        <item x="1465"/>
        <item x="2644"/>
        <item x="2954"/>
        <item x="1457"/>
        <item x="1456"/>
        <item x="74"/>
        <item x="136"/>
        <item x="21"/>
        <item x="2939"/>
        <item x="23"/>
        <item x="2479"/>
        <item x="635"/>
        <item x="2472"/>
        <item x="1843"/>
        <item x="649"/>
        <item x="616"/>
        <item x="657"/>
        <item x="693"/>
        <item x="609"/>
        <item x="43"/>
        <item x="0"/>
        <item x="717"/>
        <item x="1068"/>
        <item x="2568"/>
        <item x="1323"/>
        <item x="1817"/>
        <item x="585"/>
        <item x="2177"/>
        <item x="1384"/>
        <item x="2645"/>
        <item x="5"/>
        <item x="1660"/>
        <item x="3058"/>
        <item x="2910"/>
        <item x="977"/>
        <item x="933"/>
        <item x="1428"/>
        <item x="1305"/>
        <item x="2924"/>
        <item x="1406"/>
        <item x="1442"/>
        <item x="1328"/>
        <item x="2007"/>
        <item x="1408"/>
        <item x="1430"/>
        <item x="1308"/>
        <item x="1407"/>
        <item x="1306"/>
        <item x="1441"/>
        <item x="1948"/>
        <item x="1950"/>
        <item x="879"/>
        <item x="771"/>
        <item x="882"/>
        <item x="795"/>
        <item x="872"/>
        <item x="831"/>
        <item x="860"/>
        <item x="2729"/>
        <item x="2995"/>
        <item x="2587"/>
        <item x="1953"/>
        <item x="1949"/>
        <item x="1962"/>
        <item x="1961"/>
        <item x="2886"/>
        <item x="1965"/>
        <item x="2879"/>
        <item x="2881"/>
        <item x="2692"/>
        <item x="819"/>
        <item x="1997"/>
        <item x="1998"/>
        <item x="2728"/>
        <item x="794"/>
        <item x="1145"/>
        <item x="2892"/>
        <item x="1856"/>
        <item x="1855"/>
        <item x="2359"/>
        <item x="1401"/>
        <item x="1400"/>
        <item x="764"/>
        <item x="1262"/>
        <item x="1229"/>
        <item x="1224"/>
        <item x="3041"/>
        <item x="854"/>
        <item x="966"/>
        <item x="3030"/>
        <item x="3004"/>
        <item x="773"/>
        <item x="817"/>
        <item x="780"/>
        <item x="822"/>
        <item x="951"/>
        <item x="1184"/>
        <item x="768"/>
        <item x="2752"/>
        <item x="772"/>
        <item x="1"/>
        <item x="2515"/>
        <item x="2700"/>
        <item x="1198"/>
        <item x="1185"/>
        <item x="1199"/>
        <item x="1255"/>
        <item x="1186"/>
        <item x="1204"/>
        <item x="611"/>
        <item x="816"/>
        <item x="1011"/>
        <item x="643"/>
        <item x="1857"/>
        <item x="1348"/>
        <item x="1316"/>
        <item x="1447"/>
        <item x="1358"/>
        <item x="1377"/>
        <item x="1289"/>
        <item x="1379"/>
        <item x="1183"/>
        <item x="1382"/>
        <item x="1354"/>
        <item x="2777"/>
        <item x="1387"/>
        <item x="2042"/>
        <item x="1356"/>
        <item x="1275"/>
        <item x="2009"/>
        <item x="1951"/>
        <item x="2004"/>
        <item x="1816"/>
        <item x="1338"/>
        <item x="130"/>
        <item x="2286"/>
        <item x="1304"/>
        <item x="1252"/>
        <item x="1815"/>
        <item x="901"/>
        <item x="944"/>
        <item x="2882"/>
        <item x="2885"/>
        <item x="1929"/>
        <item x="1349"/>
        <item x="1347"/>
        <item x="1276"/>
        <item x="2804"/>
        <item x="1627"/>
        <item x="648"/>
        <item x="641"/>
        <item x="640"/>
        <item x="899"/>
        <item x="800"/>
        <item x="2386"/>
        <item x="2389"/>
        <item x="1254"/>
        <item x="2894"/>
        <item x="2904"/>
        <item x="1260"/>
        <item x="1385"/>
        <item x="1383"/>
        <item x="1888"/>
        <item x="1889"/>
        <item x="1189"/>
        <item x="1187"/>
        <item x="1388"/>
        <item x="1188"/>
        <item x="2703"/>
        <item x="2647"/>
        <item x="1739"/>
        <item x="2869"/>
        <item x="1367"/>
        <item x="1416"/>
        <item x="1334"/>
        <item x="2899"/>
        <item x="2874"/>
        <item x="2857"/>
        <item x="2832"/>
        <item x="2889"/>
        <item x="1766"/>
        <item x="1687"/>
        <item x="1651"/>
        <item x="1668"/>
        <item x="1887"/>
        <item x="1689"/>
        <item x="1677"/>
        <item x="1663"/>
        <item x="1941"/>
        <item x="1206"/>
        <item x="1697"/>
        <item x="1683"/>
        <item x="137"/>
        <item x="1956"/>
        <item x="35"/>
        <item x="54"/>
        <item x="40"/>
        <item x="33"/>
        <item x="2733"/>
        <item x="2530"/>
        <item x="2370"/>
        <item x="113"/>
        <item x="548"/>
        <item x="546"/>
        <item x="1380"/>
        <item x="1381"/>
        <item x="2761"/>
        <item x="2758"/>
        <item x="2720"/>
        <item x="1679"/>
        <item x="1681"/>
        <item x="3060"/>
        <item x="1714"/>
        <item x="1807"/>
        <item x="2931"/>
        <item x="1924"/>
        <item x="1864"/>
        <item x="1926"/>
        <item x="2020"/>
        <item x="1921"/>
        <item x="2019"/>
        <item x="1820"/>
        <item x="1867"/>
        <item x="2021"/>
        <item x="2014"/>
        <item x="1886"/>
        <item x="1885"/>
        <item x="1866"/>
        <item x="2015"/>
        <item x="1882"/>
        <item x="2016"/>
        <item x="2018"/>
        <item x="710"/>
        <item x="2613"/>
        <item x="1862"/>
        <item x="2397"/>
        <item x="2887"/>
        <item x="100"/>
        <item x="1150"/>
        <item x="1812"/>
        <item x="1293"/>
        <item x="1148"/>
        <item x="1294"/>
        <item x="1836"/>
        <item x="1178"/>
        <item x="1449"/>
        <item x="1728"/>
        <item x="1682"/>
        <item x="1729"/>
        <item x="1934"/>
        <item x="1842"/>
        <item x="498"/>
        <item x="1007"/>
        <item x="50"/>
        <item x="81"/>
        <item x="58"/>
        <item x="1732"/>
        <item x="1701"/>
        <item x="1707"/>
        <item x="1690"/>
        <item x="2211"/>
        <item x="244"/>
        <item x="1180"/>
        <item x="1944"/>
        <item x="1870"/>
        <item x="3044"/>
        <item x="2181"/>
        <item x="2062"/>
        <item x="2478"/>
        <item x="2641"/>
        <item x="2100"/>
        <item x="1386"/>
        <item x="712"/>
        <item x="1632"/>
        <item x="2338"/>
        <item x="595"/>
        <item x="2246"/>
        <item x="1342"/>
        <item x="2086"/>
        <item x="2317"/>
        <item x="1014"/>
        <item x="2237"/>
        <item x="2231"/>
        <item x="2159"/>
        <item x="2060"/>
        <item x="2061"/>
        <item x="2362"/>
        <item x="2082"/>
        <item x="2162"/>
        <item x="2161"/>
        <item x="2157"/>
        <item x="2065"/>
        <item x="2064"/>
        <item x="2228"/>
        <item x="2056"/>
        <item x="2236"/>
        <item x="1208"/>
        <item x="812"/>
        <item x="1013"/>
        <item x="2006"/>
        <item x="125"/>
        <item x="569"/>
        <item x="564"/>
        <item x="705"/>
        <item x="704"/>
        <item x="2072"/>
        <item x="2218"/>
        <item x="2201"/>
        <item x="2058"/>
        <item x="279"/>
        <item x="2805"/>
        <item x="2197"/>
        <item x="499"/>
        <item x="939"/>
        <item x="2463"/>
        <item x="777"/>
        <item x="2466"/>
        <item x="2051"/>
        <item x="1018"/>
        <item x="1022"/>
        <item x="1708"/>
        <item x="1894"/>
        <item x="2408"/>
        <item x="150"/>
        <item x="823"/>
        <item x="1296"/>
        <item x="285"/>
        <item x="798"/>
        <item x="2085"/>
        <item x="2699"/>
        <item x="2263"/>
        <item x="2599"/>
        <item x="2719"/>
        <item x="1777"/>
        <item x="2614"/>
        <item x="1360"/>
        <item x="919"/>
        <item x="2252"/>
        <item x="190"/>
        <item x="1902"/>
        <item x="2484"/>
        <item x="2476"/>
        <item x="2446"/>
        <item x="1146"/>
        <item x="557"/>
        <item x="568"/>
        <item x="2068"/>
        <item x="28"/>
        <item x="114"/>
        <item x="42"/>
        <item x="26"/>
        <item x="32"/>
        <item x="44"/>
        <item x="29"/>
        <item x="30"/>
        <item x="19"/>
        <item x="60"/>
        <item x="2785"/>
        <item x="1466"/>
        <item x="1482"/>
        <item x="2029"/>
        <item x="1785"/>
        <item x="12"/>
        <item x="257"/>
        <item x="1718"/>
        <item x="1653"/>
        <item x="129"/>
        <item x="519"/>
        <item x="521"/>
        <item x="1734"/>
        <item x="796"/>
        <item x="2200"/>
        <item x="1809"/>
        <item x="202"/>
        <item x="719"/>
        <item x="451"/>
        <item x="707"/>
        <item x="706"/>
        <item x="2669"/>
        <item x="2977"/>
        <item x="1823"/>
        <item x="2125"/>
        <item x="2442"/>
        <item x="2788"/>
        <item x="2561"/>
        <item x="2619"/>
        <item x="2754"/>
        <item x="2578"/>
        <item x="2791"/>
        <item x="2548"/>
        <item x="2661"/>
        <item x="2664"/>
        <item x="2737"/>
        <item x="2734"/>
        <item x="2668"/>
        <item x="2584"/>
        <item x="2522"/>
        <item x="2550"/>
        <item x="2573"/>
        <item x="2738"/>
        <item x="2659"/>
        <item x="2537"/>
        <item x="2637"/>
        <item x="2540"/>
        <item x="2539"/>
        <item x="2538"/>
        <item x="2532"/>
        <item x="2531"/>
        <item x="2536"/>
        <item x="2535"/>
        <item x="2580"/>
        <item x="2698"/>
        <item x="2646"/>
        <item x="2579"/>
        <item x="2789"/>
        <item x="2607"/>
        <item x="2716"/>
        <item x="2521"/>
        <item x="2797"/>
        <item x="2697"/>
        <item x="2643"/>
        <item x="2787"/>
        <item x="2796"/>
        <item x="1960"/>
        <item x="1648"/>
        <item x="1659"/>
        <item x="968"/>
        <item x="656"/>
        <item x="1476"/>
        <item x="122"/>
        <item x="16"/>
        <item x="450"/>
        <item x="431"/>
        <item x="323"/>
        <item x="319"/>
        <item x="325"/>
        <item x="1656"/>
        <item x="2224"/>
        <item x="2429"/>
        <item x="2450"/>
        <item x="2444"/>
        <item x="2447"/>
        <item x="2473"/>
        <item x="2428"/>
        <item x="1787"/>
        <item x="807"/>
        <item x="2911"/>
        <item x="2485"/>
        <item x="2475"/>
        <item x="2474"/>
        <item x="881"/>
        <item x="1872"/>
        <item x="1908"/>
        <item x="79"/>
        <item x="78"/>
        <item x="2438"/>
        <item x="2441"/>
        <item x="2439"/>
        <item x="1947"/>
        <item x="165"/>
        <item x="294"/>
        <item x="171"/>
        <item x="964"/>
        <item x="961"/>
        <item x="2434"/>
        <item x="1072"/>
        <item x="1080"/>
        <item x="1445"/>
        <item x="1840"/>
        <item x="1996"/>
        <item x="1771"/>
        <item x="1528"/>
        <item x="95"/>
        <item x="665"/>
        <item x="713"/>
        <item x="2329"/>
        <item x="937"/>
        <item x="110"/>
        <item x="963"/>
        <item x="67"/>
        <item x="1770"/>
        <item x="1769"/>
        <item x="850"/>
        <item x="1130"/>
        <item x="2150"/>
        <item x="1088"/>
        <item x="1268"/>
        <item x="2567"/>
        <item x="829"/>
        <item x="873"/>
        <item x="845"/>
        <item x="1688"/>
        <item x="1703"/>
        <item x="1645"/>
        <item x="1861"/>
        <item x="1698"/>
        <item x="1675"/>
        <item x="366"/>
        <item x="53"/>
        <item x="2331"/>
        <item x="269"/>
        <item x="254"/>
        <item x="232"/>
        <item x="253"/>
        <item x="282"/>
        <item x="281"/>
        <item x="238"/>
        <item x="2494"/>
        <item x="2498"/>
        <item x="2495"/>
        <item x="2106"/>
        <item x="395"/>
        <item x="403"/>
        <item x="346"/>
        <item x="1291"/>
        <item x="1987"/>
        <item x="722"/>
        <item x="56"/>
        <item x="63"/>
        <item x="102"/>
        <item x="2448"/>
        <item x="668"/>
        <item x="2523"/>
        <item x="915"/>
        <item x="2965"/>
        <item x="2739"/>
        <item x="2617"/>
        <item x="2964"/>
        <item x="2562"/>
        <item x="2694"/>
        <item x="2616"/>
        <item x="2559"/>
        <item x="743"/>
        <item x="2878"/>
        <item x="1930"/>
        <item x="1607"/>
        <item x="1606"/>
        <item x="1927"/>
        <item x="1968"/>
        <item x="1873"/>
        <item x="2491"/>
        <item x="1954"/>
        <item x="1955"/>
        <item x="2314"/>
        <item x="2313"/>
        <item x="613"/>
        <item x="687"/>
        <item x="2017"/>
        <item x="2693"/>
        <item x="2639"/>
        <item x="2510"/>
        <item x="259"/>
        <item x="260"/>
        <item x="2937"/>
        <item x="2586"/>
        <item x="733"/>
        <item x="893"/>
        <item x="2679"/>
        <item x="2682"/>
        <item x="920"/>
        <item x="820"/>
        <item x="2803"/>
        <item x="2802"/>
        <item x="2651"/>
        <item x="2683"/>
        <item x="2678"/>
        <item x="2556"/>
        <item x="2938"/>
        <item x="930"/>
        <item x="2690"/>
        <item x="2715"/>
        <item x="2702"/>
        <item x="2701"/>
        <item x="1859"/>
        <item x="2349"/>
        <item x="2681"/>
        <item x="2680"/>
        <item x="2351"/>
        <item x="1832"/>
        <item x="2520"/>
        <item x="1837"/>
        <item x="2460"/>
        <item x="1938"/>
        <item x="2461"/>
        <item x="2035"/>
        <item x="2784"/>
        <item x="1943"/>
        <item x="1995"/>
        <item x="2766"/>
        <item x="2506"/>
        <item x="227"/>
        <item x="1939"/>
        <item x="1811"/>
        <item x="1922"/>
        <item x="1165"/>
        <item x="2354"/>
        <item x="2352"/>
        <item x="1826"/>
        <item x="2262"/>
        <item x="2663"/>
        <item x="2662"/>
        <item x="2665"/>
        <item x="2985"/>
        <item x="1849"/>
        <item x="2742"/>
        <item x="2024"/>
        <item x="1470"/>
        <item x="1860"/>
        <item x="1364"/>
        <item x="1813"/>
        <item x="543"/>
        <item x="287"/>
        <item x="739"/>
        <item x="1542"/>
        <item x="1579"/>
        <item x="1576"/>
        <item x="1557"/>
        <item x="1588"/>
        <item x="1596"/>
        <item x="1590"/>
        <item x="1574"/>
        <item x="1580"/>
        <item x="1563"/>
        <item x="1594"/>
        <item x="1543"/>
        <item x="1559"/>
        <item x="1561"/>
        <item x="1539"/>
        <item x="1545"/>
        <item x="1568"/>
        <item x="1612"/>
        <item x="1609"/>
        <item x="1613"/>
        <item x="1595"/>
        <item x="1555"/>
        <item x="1591"/>
        <item x="1587"/>
        <item x="1549"/>
        <item x="1541"/>
        <item x="1614"/>
        <item x="1585"/>
        <item x="1581"/>
        <item x="1550"/>
        <item x="1562"/>
        <item x="1544"/>
        <item x="1540"/>
        <item x="1584"/>
        <item x="1589"/>
        <item x="1548"/>
        <item x="1556"/>
        <item x="1566"/>
        <item x="1565"/>
        <item x="1558"/>
        <item x="1608"/>
        <item x="1592"/>
        <item x="1601"/>
        <item x="1572"/>
        <item x="1567"/>
        <item x="1571"/>
        <item x="1575"/>
        <item x="1610"/>
        <item x="1582"/>
        <item x="126"/>
        <item x="55"/>
        <item x="73"/>
        <item x="7"/>
        <item x="2"/>
        <item x="107"/>
        <item x="1976"/>
        <item x="1662"/>
        <item x="2078"/>
        <item x="1135"/>
        <item x="1134"/>
        <item x="979"/>
        <item x="1132"/>
        <item x="1863"/>
        <item x="826"/>
        <item x="1655"/>
        <item x="2704"/>
        <item x="1079"/>
        <item x="1074"/>
        <item x="749"/>
        <item x="439"/>
        <item x="438"/>
        <item x="367"/>
        <item x="349"/>
        <item x="393"/>
        <item x="383"/>
        <item x="381"/>
        <item x="378"/>
        <item x="380"/>
        <item x="402"/>
        <item x="309"/>
        <item x="399"/>
        <item x="445"/>
        <item x="391"/>
        <item x="331"/>
        <item x="314"/>
        <item x="414"/>
        <item x="317"/>
        <item x="342"/>
        <item x="373"/>
        <item x="1982"/>
        <item x="2049"/>
        <item x="239"/>
        <item x="89"/>
        <item x="263"/>
        <item x="220"/>
        <item x="191"/>
        <item x="847"/>
        <item x="782"/>
        <item x="2795"/>
        <item x="779"/>
        <item x="2120"/>
        <item x="955"/>
        <item x="954"/>
        <item x="115"/>
        <item x="2283"/>
        <item x="2983"/>
        <item x="2110"/>
        <item x="1891"/>
        <item x="1900"/>
        <item x="1999"/>
        <item x="840"/>
        <item x="691"/>
        <item x="2101"/>
        <item x="2281"/>
        <item x="2373"/>
        <item x="148"/>
        <item x="621"/>
        <item x="645"/>
        <item x="1671"/>
        <item x="2981"/>
        <item x="2499"/>
        <item x="2001"/>
        <item x="296"/>
        <item x="157"/>
        <item x="186"/>
        <item x="156"/>
        <item x="1604"/>
        <item x="1603"/>
        <item x="1598"/>
        <item x="1600"/>
        <item x="2497"/>
        <item x="808"/>
        <item x="2342"/>
        <item x="614"/>
        <item x="1223"/>
        <item x="1228"/>
        <item x="637"/>
        <item x="415"/>
        <item x="422"/>
        <item x="421"/>
        <item x="1731"/>
        <item x="2057"/>
        <item x="2970"/>
        <item x="1602"/>
        <item x="2044"/>
        <item x="2343"/>
        <item x="2341"/>
        <item x="2074"/>
        <item x="1570"/>
        <item x="2073"/>
        <item x="594"/>
        <item x="550"/>
        <item x="2043"/>
        <item x="592"/>
        <item x="1226"/>
        <item x="1499"/>
        <item x="1586"/>
        <item x="2053"/>
        <item x="536"/>
        <item x="709"/>
        <item x="603"/>
        <item x="619"/>
        <item x="1201"/>
        <item x="236"/>
        <item x="370"/>
        <item x="385"/>
        <item x="2296"/>
        <item x="2059"/>
        <item x="229"/>
        <item x="538"/>
        <item x="1706"/>
        <item x="539"/>
        <item x="307"/>
        <item x="1280"/>
        <item x="2982"/>
        <item x="708"/>
        <item x="298"/>
        <item x="608"/>
        <item x="620"/>
        <item x="667"/>
        <item x="1810"/>
        <item x="2032"/>
        <item x="904"/>
        <item x="974"/>
        <item x="793"/>
        <item x="837"/>
        <item x="792"/>
        <item x="806"/>
        <item x="844"/>
        <item x="811"/>
        <item x="786"/>
        <item x="752"/>
        <item x="861"/>
        <item x="813"/>
        <item x="787"/>
        <item x="790"/>
        <item x="2468"/>
        <item x="2731"/>
        <item x="1628"/>
        <item x="1623"/>
        <item x="1615"/>
        <item x="1618"/>
        <item x="2945"/>
        <item x="1621"/>
        <item x="1619"/>
        <item x="1625"/>
        <item x="1631"/>
        <item x="2837"/>
        <item x="2850"/>
        <item x="723"/>
        <item x="1078"/>
        <item x="2077"/>
        <item x="996"/>
        <item x="2736"/>
        <item x="2002"/>
        <item x="2368"/>
        <item x="1907"/>
        <item x="2782"/>
        <item x="2783"/>
        <item x="2654"/>
        <item x="2794"/>
        <item x="2581"/>
        <item x="1168"/>
        <item x="1236"/>
        <item x="2648"/>
        <item x="2542"/>
        <item x="1853"/>
        <item x="1878"/>
        <item x="2034"/>
        <item x="2708"/>
        <item x="2610"/>
        <item x="547"/>
        <item x="1852"/>
        <item x="2471"/>
        <item x="2013"/>
        <item x="2767"/>
        <item x="1750"/>
        <item x="1661"/>
        <item x="1672"/>
        <item x="583"/>
        <item x="2565"/>
        <item x="2127"/>
        <item x="2260"/>
        <item x="2318"/>
        <item x="2142"/>
        <item x="1868"/>
        <item x="2128"/>
        <item x="2129"/>
        <item x="2130"/>
        <item x="631"/>
        <item x="2271"/>
        <item x="2273"/>
        <item x="2251"/>
        <item x="2445"/>
        <item x="1696"/>
        <item x="2149"/>
        <item x="1444"/>
        <item x="1443"/>
        <item x="2496"/>
        <item x="2156"/>
        <item x="2155"/>
        <item x="2221"/>
        <item x="248"/>
        <item x="222"/>
        <item x="241"/>
        <item x="223"/>
        <item x="176"/>
        <item x="276"/>
        <item x="226"/>
        <item x="271"/>
        <item x="225"/>
        <item x="2285"/>
        <item x="258"/>
        <item x="972"/>
        <item x="890"/>
        <item x="905"/>
        <item x="1070"/>
        <item x="436"/>
        <item x="364"/>
        <item x="425"/>
        <item x="902"/>
        <item x="2432"/>
        <item x="1467"/>
        <item x="1967"/>
        <item x="84"/>
        <item x="783"/>
        <item x="283"/>
        <item x="213"/>
        <item x="251"/>
        <item x="265"/>
        <item x="2172"/>
        <item x="233"/>
        <item x="2917"/>
        <item x="1076"/>
        <item x="219"/>
        <item x="1054"/>
        <item x="3051"/>
        <item x="3053"/>
        <item x="351"/>
        <item x="2417"/>
        <item x="2421"/>
        <item x="2407"/>
        <item x="2427"/>
        <item x="2423"/>
        <item x="2416"/>
        <item x="2425"/>
        <item x="2426"/>
        <item x="2415"/>
        <item x="2482"/>
        <item x="2452"/>
        <item x="2480"/>
        <item x="2454"/>
        <item x="2456"/>
        <item x="2405"/>
        <item x="2477"/>
        <item x="2459"/>
        <item x="252"/>
        <item x="71"/>
        <item x="2914"/>
        <item x="1713"/>
        <item x="358"/>
        <item x="66"/>
        <item x="405"/>
        <item x="432"/>
        <item x="2191"/>
        <item x="571"/>
        <item x="441"/>
        <item x="62"/>
        <item x="362"/>
        <item x="97"/>
        <item x="121"/>
        <item x="120"/>
        <item x="419"/>
        <item x="409"/>
        <item x="372"/>
        <item x="355"/>
        <item x="90"/>
        <item x="330"/>
        <item x="377"/>
        <item x="303"/>
        <item x="369"/>
        <item x="347"/>
        <item x="374"/>
        <item x="412"/>
        <item x="350"/>
        <item x="2270"/>
        <item x="2276"/>
        <item x="1722"/>
        <item x="3005"/>
        <item x="3007"/>
        <item x="3006"/>
        <item x="3008"/>
        <item x="3039"/>
        <item x="1665"/>
        <item x="3029"/>
        <item x="3019"/>
        <item x="2424"/>
        <item x="2412"/>
        <item x="2413"/>
        <item x="2422"/>
        <item x="1282"/>
        <item x="1678"/>
        <item x="1702"/>
        <item x="1657"/>
        <item x="290"/>
        <item x="278"/>
        <item x="203"/>
        <item x="275"/>
        <item x="1597"/>
        <item x="295"/>
        <item x="230"/>
        <item x="209"/>
        <item x="247"/>
        <item x="235"/>
        <item x="169"/>
        <item x="179"/>
        <item x="178"/>
        <item x="3036"/>
        <item x="206"/>
        <item x="166"/>
        <item x="224"/>
        <item x="286"/>
        <item x="1569"/>
        <item x="189"/>
        <item x="630"/>
        <item x="694"/>
        <item x="634"/>
        <item x="1730"/>
        <item x="1641"/>
        <item x="1652"/>
        <item x="212"/>
        <item x="292"/>
        <item x="242"/>
        <item x="255"/>
        <item x="208"/>
        <item x="207"/>
        <item x="228"/>
        <item x="194"/>
        <item x="152"/>
        <item x="175"/>
        <item x="284"/>
        <item x="243"/>
        <item x="3056"/>
        <item x="1583"/>
        <item x="1928"/>
        <item x="1666"/>
        <item x="234"/>
        <item x="1493"/>
        <item x="1912"/>
        <item x="2391"/>
        <item x="1909"/>
        <item x="1796"/>
        <item x="697"/>
        <item x="696"/>
        <item x="10"/>
        <item x="2443"/>
        <item x="447"/>
        <item x="449"/>
        <item x="1001"/>
        <item x="454"/>
        <item x="2959"/>
        <item x="2960"/>
        <item x="911"/>
        <item x="446"/>
        <item x="1994"/>
        <item x="2308"/>
        <item x="2298"/>
        <item x="909"/>
        <item x="3042"/>
        <item x="3057"/>
        <item x="2949"/>
        <item x="2929"/>
        <item x="1478"/>
        <item x="908"/>
        <item x="929"/>
        <item x="857"/>
        <item x="950"/>
        <item x="1394"/>
        <item x="2382"/>
        <item x="2392"/>
        <item x="3045"/>
        <item x="1284"/>
        <item x="1417"/>
        <item x="1266"/>
        <item x="1170"/>
        <item x="1343"/>
        <item x="1344"/>
        <item x="1399"/>
        <item x="1295"/>
        <item x="685"/>
        <item x="1727"/>
        <item x="2500"/>
        <item x="1433"/>
        <item x="1319"/>
        <item x="1325"/>
        <item x="1353"/>
        <item x="1434"/>
        <item x="1437"/>
        <item x="1327"/>
        <item x="1212"/>
        <item x="1218"/>
        <item x="1213"/>
        <item x="1357"/>
        <item x="1222"/>
        <item x="1217"/>
        <item x="453"/>
        <item x="998"/>
        <item x="2957"/>
        <item x="1177"/>
        <item x="926"/>
        <item x="880"/>
        <item x="2918"/>
        <item x="1060"/>
        <item x="1112"/>
        <item x="221"/>
        <item x="80"/>
        <item x="2605"/>
        <item x="1420"/>
        <item x="1372"/>
        <item x="1378"/>
        <item x="1419"/>
        <item x="1431"/>
        <item x="1415"/>
        <item x="767"/>
        <item x="1337"/>
        <item x="2670"/>
        <item x="534"/>
        <item x="532"/>
        <item x="533"/>
        <item x="2516"/>
        <item x="2740"/>
        <item x="2625"/>
        <item x="2507"/>
        <item x="2604"/>
        <item x="1806"/>
        <item x="2451"/>
        <item x="1639"/>
        <item x="2603"/>
        <item x="118"/>
        <item x="2823"/>
        <item x="162"/>
        <item x="1605"/>
        <item x="199"/>
        <item x="523"/>
        <item x="146"/>
        <item x="500"/>
        <item x="535"/>
        <item x="2094"/>
        <item x="981"/>
        <item x="988"/>
        <item x="2968"/>
        <item x="721"/>
        <item x="145"/>
        <item x="1871"/>
        <item x="2310"/>
        <item x="662"/>
        <item x="701"/>
        <item x="537"/>
        <item x="720"/>
        <item x="2169"/>
        <item x="1082"/>
        <item x="1897"/>
        <item x="1351"/>
        <item x="27"/>
        <item x="502"/>
        <item x="529"/>
        <item x="531"/>
        <item x="581"/>
        <item x="504"/>
        <item x="1203"/>
        <item x="98"/>
        <item x="2943"/>
        <item x="530"/>
        <item x="503"/>
        <item x="2896"/>
        <item x="507"/>
        <item x="173"/>
        <item x="606"/>
        <item x="715"/>
        <item x="2063"/>
        <item x="1066"/>
        <item x="555"/>
        <item x="211"/>
        <item x="2912"/>
        <item x="111"/>
        <item x="274"/>
        <item x="2031"/>
        <item x="3054"/>
        <item x="1279"/>
        <item x="2124"/>
        <item x="601"/>
        <item x="1489"/>
        <item x="883"/>
        <item x="763"/>
        <item x="751"/>
        <item x="875"/>
        <item x="775"/>
        <item x="884"/>
        <item x="894"/>
        <item x="878"/>
        <item x="945"/>
        <item x="659"/>
        <item x="695"/>
        <item x="605"/>
        <item x="703"/>
        <item x="597"/>
        <item x="2164"/>
        <item x="1486"/>
        <item x="1485"/>
        <item x="1471"/>
        <item x="1105"/>
        <item x="1106"/>
        <item x="1512"/>
        <item x="1502"/>
        <item x="2344"/>
        <item x="1501"/>
        <item x="1511"/>
        <item x="1515"/>
        <item x="1518"/>
        <item x="1514"/>
        <item x="1503"/>
        <item x="1509"/>
        <item x="2347"/>
        <item x="2340"/>
        <item x="1506"/>
        <item x="1510"/>
        <item x="1524"/>
        <item x="1523"/>
        <item x="1504"/>
        <item x="1522"/>
        <item x="1520"/>
        <item x="2348"/>
        <item x="1513"/>
        <item x="1516"/>
        <item x="1521"/>
        <item x="1505"/>
        <item x="1507"/>
        <item x="1508"/>
        <item x="1500"/>
        <item x="1497"/>
        <item x="2346"/>
        <item x="1957"/>
        <item x="1945"/>
        <item x="304"/>
        <item x="2435"/>
        <item x="2436"/>
        <item x="2437"/>
        <item x="2414"/>
        <item x="291"/>
        <item x="306"/>
        <item x="363"/>
        <item x="343"/>
        <item x="404"/>
        <item x="384"/>
        <item x="437"/>
        <item x="1717"/>
        <item x="2750"/>
        <item x="106"/>
      </items>
    </pivotField>
  </pivotFields>
  <rowFields count="2">
    <field x="8"/>
    <field x="2"/>
  </rowFields>
  <rowItems count="56">
    <i>
      <x/>
    </i>
    <i>
      <x v="1"/>
    </i>
    <i>
      <x v="2"/>
    </i>
    <i>
      <x v="3"/>
    </i>
    <i>
      <x v="4"/>
    </i>
    <i>
      <x v="5"/>
    </i>
    <i>
      <x v="6"/>
    </i>
    <i>
      <x v="7"/>
    </i>
    <i>
      <x v="8"/>
    </i>
    <i>
      <x v="9"/>
    </i>
    <i>
      <x v="10"/>
    </i>
    <i>
      <x v="11"/>
    </i>
    <i>
      <x v="12"/>
    </i>
    <i>
      <x v="13"/>
    </i>
    <i>
      <x v="14"/>
    </i>
    <i>
      <x v="15"/>
    </i>
    <i>
      <x v="16"/>
    </i>
    <i>
      <x v="17"/>
    </i>
    <i>
      <x v="18"/>
    </i>
    <i>
      <x v="19"/>
    </i>
    <i>
      <x v="20"/>
    </i>
    <i>
      <x v="21"/>
    </i>
    <i>
      <x v="22"/>
    </i>
    <i>
      <x v="23"/>
    </i>
    <i>
      <x v="24"/>
    </i>
    <i>
      <x v="25"/>
    </i>
    <i>
      <x v="26"/>
    </i>
    <i>
      <x v="27"/>
    </i>
    <i>
      <x v="28"/>
    </i>
    <i>
      <x v="29"/>
    </i>
    <i>
      <x v="30"/>
    </i>
    <i>
      <x v="31"/>
    </i>
    <i>
      <x v="32"/>
    </i>
    <i>
      <x v="33"/>
    </i>
    <i>
      <x v="34"/>
    </i>
    <i>
      <x v="35"/>
    </i>
    <i>
      <x v="36"/>
    </i>
    <i>
      <x v="37"/>
    </i>
    <i>
      <x v="38"/>
    </i>
    <i>
      <x v="39"/>
    </i>
    <i>
      <x v="40"/>
    </i>
    <i>
      <x v="41"/>
    </i>
    <i>
      <x v="42"/>
    </i>
    <i>
      <x v="43"/>
    </i>
    <i>
      <x v="44"/>
    </i>
    <i>
      <x v="45"/>
    </i>
    <i>
      <x v="46"/>
    </i>
    <i>
      <x v="47"/>
    </i>
    <i>
      <x v="48"/>
    </i>
    <i>
      <x v="49"/>
    </i>
    <i>
      <x v="50"/>
    </i>
    <i>
      <x v="51"/>
    </i>
    <i>
      <x v="52"/>
    </i>
    <i>
      <x v="53"/>
    </i>
    <i>
      <x v="54"/>
    </i>
    <i t="grand">
      <x/>
    </i>
  </rowItems>
  <colItems count="1">
    <i/>
  </colItems>
  <pageFields count="5">
    <pageField fld="0" hier="-1"/>
    <pageField fld="1" hier="-1"/>
    <pageField fld="14" hier="-1"/>
    <pageField fld="6" hier="-1"/>
    <pageField fld="15" hier="-1"/>
  </pageFields>
  <dataFields count="1">
    <dataField name="Count of Acronym - Acronyme" fld="3" subtotal="count" baseField="0" baseItem="0"/>
  </dataFields>
  <pivotTableStyleInfo name="PivotStyleLight16" showRowHeaders="1" showColHeaders="1" showRowStripes="0" showColStripes="0" showLastColumn="1"/>
  <extLst>
    <ext xmlns:x14="http://schemas.microsoft.com/office/spreadsheetml/2009/9/main" uri="{962EF5D1-5CA2-4c93-8EF4-DBF5C05439D2}">
      <x14:pivotTableDefinition xmlns:xm="http://schemas.microsoft.com/office/excel/2006/main" hideValuesRow="1"/>
    </ext>
  </extLst>
</pivotTableDefinition>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pivotTable" Target="../pivotTables/pivotTable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B64"/>
  <sheetViews>
    <sheetView tabSelected="1" workbookViewId="0">
      <selection activeCell="I10" sqref="I10"/>
    </sheetView>
  </sheetViews>
  <sheetFormatPr defaultRowHeight="12.75" x14ac:dyDescent="0.2"/>
  <cols>
    <col min="1" max="1" width="63.5703125" customWidth="1"/>
    <col min="2" max="2" width="28.5703125" customWidth="1"/>
  </cols>
  <sheetData>
    <row r="2" spans="1:2" x14ac:dyDescent="0.2">
      <c r="A2" s="6" t="s">
        <v>32837</v>
      </c>
      <c r="B2" s="5" t="s">
        <v>29784</v>
      </c>
    </row>
    <row r="3" spans="1:2" x14ac:dyDescent="0.2">
      <c r="A3" s="6" t="s">
        <v>32836</v>
      </c>
      <c r="B3" s="5" t="s">
        <v>29784</v>
      </c>
    </row>
    <row r="4" spans="1:2" x14ac:dyDescent="0.2">
      <c r="A4" s="6" t="s">
        <v>32847</v>
      </c>
      <c r="B4" s="5" t="s">
        <v>29784</v>
      </c>
    </row>
    <row r="5" spans="1:2" x14ac:dyDescent="0.2">
      <c r="A5" s="6" t="s">
        <v>32840</v>
      </c>
      <c r="B5" s="5" t="s">
        <v>29784</v>
      </c>
    </row>
    <row r="6" spans="1:2" x14ac:dyDescent="0.2">
      <c r="A6" s="6" t="s">
        <v>32848</v>
      </c>
      <c r="B6" s="5" t="s">
        <v>29784</v>
      </c>
    </row>
    <row r="8" spans="1:2" x14ac:dyDescent="0.2">
      <c r="A8" s="6" t="s">
        <v>29782</v>
      </c>
      <c r="B8" t="s">
        <v>32849</v>
      </c>
    </row>
    <row r="9" spans="1:2" x14ac:dyDescent="0.2">
      <c r="A9" s="7" t="s">
        <v>1</v>
      </c>
      <c r="B9" s="8">
        <v>218</v>
      </c>
    </row>
    <row r="10" spans="1:2" x14ac:dyDescent="0.2">
      <c r="A10" s="7" t="s">
        <v>1005</v>
      </c>
      <c r="B10" s="8">
        <v>39</v>
      </c>
    </row>
    <row r="11" spans="1:2" x14ac:dyDescent="0.2">
      <c r="A11" s="7" t="s">
        <v>1182</v>
      </c>
      <c r="B11" s="8">
        <v>172</v>
      </c>
    </row>
    <row r="12" spans="1:2" x14ac:dyDescent="0.2">
      <c r="A12" s="7" t="s">
        <v>1840</v>
      </c>
      <c r="B12" s="8">
        <v>125</v>
      </c>
    </row>
    <row r="13" spans="1:2" x14ac:dyDescent="0.2">
      <c r="A13" s="7" t="s">
        <v>2312</v>
      </c>
      <c r="B13" s="8">
        <v>484</v>
      </c>
    </row>
    <row r="14" spans="1:2" x14ac:dyDescent="0.2">
      <c r="A14" s="7" t="s">
        <v>3848</v>
      </c>
      <c r="B14" s="8">
        <v>15</v>
      </c>
    </row>
    <row r="15" spans="1:2" x14ac:dyDescent="0.2">
      <c r="A15" s="7" t="s">
        <v>3926</v>
      </c>
      <c r="B15" s="8">
        <v>1</v>
      </c>
    </row>
    <row r="16" spans="1:2" x14ac:dyDescent="0.2">
      <c r="A16" s="7" t="s">
        <v>3929</v>
      </c>
      <c r="B16" s="8">
        <v>3</v>
      </c>
    </row>
    <row r="17" spans="1:2" x14ac:dyDescent="0.2">
      <c r="A17" s="7" t="s">
        <v>3941</v>
      </c>
      <c r="B17" s="8">
        <v>786</v>
      </c>
    </row>
    <row r="18" spans="1:2" x14ac:dyDescent="0.2">
      <c r="A18" s="7" t="s">
        <v>334</v>
      </c>
      <c r="B18" s="8">
        <v>37</v>
      </c>
    </row>
    <row r="19" spans="1:2" x14ac:dyDescent="0.2">
      <c r="A19" s="7" t="s">
        <v>6382</v>
      </c>
      <c r="B19" s="8">
        <v>175</v>
      </c>
    </row>
    <row r="20" spans="1:2" x14ac:dyDescent="0.2">
      <c r="A20" s="7" t="s">
        <v>7009</v>
      </c>
      <c r="B20" s="8">
        <v>1</v>
      </c>
    </row>
    <row r="21" spans="1:2" x14ac:dyDescent="0.2">
      <c r="A21" s="7" t="s">
        <v>7012</v>
      </c>
      <c r="B21" s="8">
        <v>1</v>
      </c>
    </row>
    <row r="22" spans="1:2" x14ac:dyDescent="0.2">
      <c r="A22" s="7" t="s">
        <v>7064</v>
      </c>
      <c r="B22" s="8">
        <v>55</v>
      </c>
    </row>
    <row r="23" spans="1:2" x14ac:dyDescent="0.2">
      <c r="A23" s="7" t="s">
        <v>7245</v>
      </c>
      <c r="B23" s="8">
        <v>5</v>
      </c>
    </row>
    <row r="24" spans="1:2" x14ac:dyDescent="0.2">
      <c r="A24" s="7" t="s">
        <v>7261</v>
      </c>
      <c r="B24" s="8">
        <v>88</v>
      </c>
    </row>
    <row r="25" spans="1:2" x14ac:dyDescent="0.2">
      <c r="A25" s="7" t="s">
        <v>7625</v>
      </c>
      <c r="B25" s="8">
        <v>1</v>
      </c>
    </row>
    <row r="26" spans="1:2" x14ac:dyDescent="0.2">
      <c r="A26" s="7" t="s">
        <v>7628</v>
      </c>
      <c r="B26" s="8">
        <v>249</v>
      </c>
    </row>
    <row r="27" spans="1:2" x14ac:dyDescent="0.2">
      <c r="A27" s="7" t="s">
        <v>8400</v>
      </c>
      <c r="B27" s="8">
        <v>145</v>
      </c>
    </row>
    <row r="28" spans="1:2" x14ac:dyDescent="0.2">
      <c r="A28" s="7" t="s">
        <v>8959</v>
      </c>
      <c r="B28" s="8">
        <v>51</v>
      </c>
    </row>
    <row r="29" spans="1:2" x14ac:dyDescent="0.2">
      <c r="A29" s="7" t="s">
        <v>9126</v>
      </c>
      <c r="B29" s="8">
        <v>387</v>
      </c>
    </row>
    <row r="30" spans="1:2" x14ac:dyDescent="0.2">
      <c r="A30" s="7" t="s">
        <v>10455</v>
      </c>
      <c r="B30" s="8">
        <v>344</v>
      </c>
    </row>
    <row r="31" spans="1:2" x14ac:dyDescent="0.2">
      <c r="A31" s="7" t="s">
        <v>11842</v>
      </c>
      <c r="B31" s="8">
        <v>9</v>
      </c>
    </row>
    <row r="32" spans="1:2" x14ac:dyDescent="0.2">
      <c r="A32" s="7" t="s">
        <v>11878</v>
      </c>
      <c r="B32" s="8">
        <v>114</v>
      </c>
    </row>
    <row r="33" spans="1:2" x14ac:dyDescent="0.2">
      <c r="A33" s="7" t="s">
        <v>12117</v>
      </c>
      <c r="B33" s="8">
        <v>401</v>
      </c>
    </row>
    <row r="34" spans="1:2" x14ac:dyDescent="0.2">
      <c r="A34" s="7" t="s">
        <v>13662</v>
      </c>
      <c r="B34" s="8">
        <v>174</v>
      </c>
    </row>
    <row r="35" spans="1:2" x14ac:dyDescent="0.2">
      <c r="A35" s="7" t="s">
        <v>14283</v>
      </c>
      <c r="B35" s="8">
        <v>318</v>
      </c>
    </row>
    <row r="36" spans="1:2" x14ac:dyDescent="0.2">
      <c r="A36" s="7" t="s">
        <v>15268</v>
      </c>
      <c r="B36" s="8">
        <v>28</v>
      </c>
    </row>
    <row r="37" spans="1:2" x14ac:dyDescent="0.2">
      <c r="A37" s="7" t="s">
        <v>15371</v>
      </c>
      <c r="B37" s="8">
        <v>168</v>
      </c>
    </row>
    <row r="38" spans="1:2" x14ac:dyDescent="0.2">
      <c r="A38" s="7" t="s">
        <v>15969</v>
      </c>
      <c r="B38" s="8">
        <v>75</v>
      </c>
    </row>
    <row r="39" spans="1:2" x14ac:dyDescent="0.2">
      <c r="A39" s="7" t="s">
        <v>16243</v>
      </c>
      <c r="B39" s="8">
        <v>16</v>
      </c>
    </row>
    <row r="40" spans="1:2" x14ac:dyDescent="0.2">
      <c r="A40" s="7" t="s">
        <v>16298</v>
      </c>
      <c r="B40" s="8">
        <v>183</v>
      </c>
    </row>
    <row r="41" spans="1:2" x14ac:dyDescent="0.2">
      <c r="A41" s="7" t="s">
        <v>16967</v>
      </c>
      <c r="B41" s="8">
        <v>60</v>
      </c>
    </row>
    <row r="42" spans="1:2" x14ac:dyDescent="0.2">
      <c r="A42" s="7" t="s">
        <v>17169</v>
      </c>
      <c r="B42" s="8">
        <v>2</v>
      </c>
    </row>
    <row r="43" spans="1:2" x14ac:dyDescent="0.2">
      <c r="A43" s="7" t="s">
        <v>17172</v>
      </c>
      <c r="B43" s="8">
        <v>583</v>
      </c>
    </row>
    <row r="44" spans="1:2" x14ac:dyDescent="0.2">
      <c r="A44" s="7" t="s">
        <v>19229</v>
      </c>
      <c r="B44" s="8">
        <v>29</v>
      </c>
    </row>
    <row r="45" spans="1:2" x14ac:dyDescent="0.2">
      <c r="A45" s="7" t="s">
        <v>19310</v>
      </c>
      <c r="B45" s="8">
        <v>633</v>
      </c>
    </row>
    <row r="46" spans="1:2" x14ac:dyDescent="0.2">
      <c r="A46" s="7" t="s">
        <v>21742</v>
      </c>
      <c r="B46" s="8">
        <v>24</v>
      </c>
    </row>
    <row r="47" spans="1:2" x14ac:dyDescent="0.2">
      <c r="A47" s="7" t="s">
        <v>21823</v>
      </c>
      <c r="B47" s="8">
        <v>3</v>
      </c>
    </row>
    <row r="48" spans="1:2" x14ac:dyDescent="0.2">
      <c r="A48" s="7" t="s">
        <v>21832</v>
      </c>
      <c r="B48" s="8">
        <v>3</v>
      </c>
    </row>
    <row r="49" spans="1:2" x14ac:dyDescent="0.2">
      <c r="A49" s="7" t="s">
        <v>21843</v>
      </c>
      <c r="B49" s="8">
        <v>24</v>
      </c>
    </row>
    <row r="50" spans="1:2" x14ac:dyDescent="0.2">
      <c r="A50" s="7" t="s">
        <v>21912</v>
      </c>
      <c r="B50" s="8">
        <v>37</v>
      </c>
    </row>
    <row r="51" spans="1:2" x14ac:dyDescent="0.2">
      <c r="A51" s="7" t="s">
        <v>22046</v>
      </c>
      <c r="B51" s="8">
        <v>65</v>
      </c>
    </row>
    <row r="52" spans="1:2" x14ac:dyDescent="0.2">
      <c r="A52" s="7" t="s">
        <v>22279</v>
      </c>
      <c r="B52" s="8">
        <v>56</v>
      </c>
    </row>
    <row r="53" spans="1:2" x14ac:dyDescent="0.2">
      <c r="A53" s="7" t="s">
        <v>22478</v>
      </c>
      <c r="B53" s="8">
        <v>31</v>
      </c>
    </row>
    <row r="54" spans="1:2" x14ac:dyDescent="0.2">
      <c r="A54" s="7" t="s">
        <v>22586</v>
      </c>
      <c r="B54" s="8">
        <v>53</v>
      </c>
    </row>
    <row r="55" spans="1:2" x14ac:dyDescent="0.2">
      <c r="A55" s="7" t="s">
        <v>22777</v>
      </c>
      <c r="B55" s="8">
        <v>357</v>
      </c>
    </row>
    <row r="56" spans="1:2" x14ac:dyDescent="0.2">
      <c r="A56" s="7" t="s">
        <v>24025</v>
      </c>
      <c r="B56" s="8">
        <v>97</v>
      </c>
    </row>
    <row r="57" spans="1:2" x14ac:dyDescent="0.2">
      <c r="A57" s="7" t="s">
        <v>22275</v>
      </c>
      <c r="B57" s="8">
        <v>247</v>
      </c>
    </row>
    <row r="58" spans="1:2" x14ac:dyDescent="0.2">
      <c r="A58" s="7" t="s">
        <v>7415</v>
      </c>
      <c r="B58" s="8">
        <v>717</v>
      </c>
    </row>
    <row r="59" spans="1:2" x14ac:dyDescent="0.2">
      <c r="A59" s="7" t="s">
        <v>27162</v>
      </c>
      <c r="B59" s="8">
        <v>31</v>
      </c>
    </row>
    <row r="60" spans="1:2" x14ac:dyDescent="0.2">
      <c r="A60" s="7" t="s">
        <v>1868</v>
      </c>
      <c r="B60" s="8">
        <v>405</v>
      </c>
    </row>
    <row r="61" spans="1:2" x14ac:dyDescent="0.2">
      <c r="A61" s="7" t="s">
        <v>28732</v>
      </c>
      <c r="B61" s="8">
        <v>131</v>
      </c>
    </row>
    <row r="62" spans="1:2" x14ac:dyDescent="0.2">
      <c r="A62" s="7" t="s">
        <v>29197</v>
      </c>
      <c r="B62" s="8">
        <v>151</v>
      </c>
    </row>
    <row r="63" spans="1:2" x14ac:dyDescent="0.2">
      <c r="A63" s="7" t="s">
        <v>29734</v>
      </c>
      <c r="B63" s="8">
        <v>15</v>
      </c>
    </row>
    <row r="64" spans="1:2" x14ac:dyDescent="0.2">
      <c r="A64" s="7" t="s">
        <v>29783</v>
      </c>
      <c r="B64" s="8">
        <v>8622</v>
      </c>
    </row>
  </sheetData>
  <pageMargins left="0.7" right="0.7" top="0.75" bottom="0.75" header="0.3" footer="0.3"/>
  <pageSetup orientation="portrait" r:id="rId2"/>
  <headerFooter differentOddEven="1" differentFirst="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P8623"/>
  <sheetViews>
    <sheetView zoomScale="90" zoomScaleNormal="90" workbookViewId="0">
      <selection activeCell="A21" sqref="A21"/>
    </sheetView>
  </sheetViews>
  <sheetFormatPr defaultRowHeight="12.75" x14ac:dyDescent="0.2"/>
  <cols>
    <col min="1" max="1" width="45" customWidth="1"/>
    <col min="2" max="2" width="47" customWidth="1"/>
    <col min="3" max="3" width="102.140625" customWidth="1"/>
    <col min="4" max="4" width="13" customWidth="1"/>
    <col min="5" max="5" width="29.140625" customWidth="1"/>
    <col min="6" max="6" width="30.7109375" customWidth="1"/>
    <col min="7" max="7" width="27.7109375" customWidth="1"/>
    <col min="8" max="8" width="26.140625" customWidth="1"/>
    <col min="9" max="10" width="34.85546875" customWidth="1"/>
    <col min="11" max="11" width="39.140625" customWidth="1"/>
    <col min="12" max="12" width="20.28515625" customWidth="1"/>
    <col min="13" max="13" width="22" customWidth="1"/>
    <col min="14" max="14" width="19" customWidth="1"/>
    <col min="15" max="15" width="43.5703125" customWidth="1"/>
    <col min="16" max="16" width="109.85546875" customWidth="1"/>
  </cols>
  <sheetData>
    <row r="1" spans="1:16" x14ac:dyDescent="0.2">
      <c r="A1" s="10" t="s">
        <v>32837</v>
      </c>
      <c r="B1" s="10" t="s">
        <v>32836</v>
      </c>
      <c r="C1" s="2" t="s">
        <v>32835</v>
      </c>
      <c r="D1" s="2" t="s">
        <v>32838</v>
      </c>
      <c r="E1" s="2" t="s">
        <v>29785</v>
      </c>
      <c r="F1" s="2" t="s">
        <v>32839</v>
      </c>
      <c r="G1" s="2" t="s">
        <v>32840</v>
      </c>
      <c r="H1" s="2" t="s">
        <v>32841</v>
      </c>
      <c r="I1" s="2" t="s">
        <v>32842</v>
      </c>
      <c r="J1" s="2" t="s">
        <v>32843</v>
      </c>
      <c r="K1" s="2" t="s">
        <v>32844</v>
      </c>
      <c r="L1" s="2" t="s">
        <v>0</v>
      </c>
      <c r="M1" s="2" t="s">
        <v>32845</v>
      </c>
      <c r="N1" s="2" t="s">
        <v>32846</v>
      </c>
      <c r="O1" s="2" t="s">
        <v>32847</v>
      </c>
      <c r="P1" s="2" t="s">
        <v>32848</v>
      </c>
    </row>
    <row r="2" spans="1:16" x14ac:dyDescent="0.2">
      <c r="A2" s="1" t="s">
        <v>20</v>
      </c>
      <c r="B2" s="1" t="s">
        <v>21</v>
      </c>
      <c r="C2" s="1" t="s">
        <v>3</v>
      </c>
      <c r="D2" s="1" t="s">
        <v>4</v>
      </c>
      <c r="E2" s="1"/>
      <c r="F2" s="1" t="s">
        <v>9</v>
      </c>
      <c r="G2" s="1" t="s">
        <v>18</v>
      </c>
      <c r="H2" s="1" t="s">
        <v>10</v>
      </c>
      <c r="I2" s="1" t="s">
        <v>1</v>
      </c>
      <c r="J2" s="1" t="s">
        <v>16</v>
      </c>
      <c r="K2" s="1" t="s">
        <v>7</v>
      </c>
      <c r="L2" s="1" t="s">
        <v>2</v>
      </c>
      <c r="M2" s="1" t="s">
        <v>5</v>
      </c>
      <c r="N2" s="1" t="s">
        <v>6</v>
      </c>
      <c r="O2" s="1" t="s">
        <v>8</v>
      </c>
      <c r="P2" t="s">
        <v>30926</v>
      </c>
    </row>
    <row r="3" spans="1:16" x14ac:dyDescent="0.2">
      <c r="A3" s="1" t="s">
        <v>32</v>
      </c>
      <c r="B3" s="1" t="s">
        <v>33</v>
      </c>
      <c r="C3" s="1" t="s">
        <v>23</v>
      </c>
      <c r="D3" s="1" t="s">
        <v>24</v>
      </c>
      <c r="E3" s="1"/>
      <c r="F3" s="1" t="s">
        <v>27</v>
      </c>
      <c r="G3" s="1" t="s">
        <v>10</v>
      </c>
      <c r="H3" s="1" t="s">
        <v>30</v>
      </c>
      <c r="I3" s="1" t="s">
        <v>1</v>
      </c>
      <c r="J3" s="1" t="s">
        <v>29</v>
      </c>
      <c r="K3" s="1" t="s">
        <v>26</v>
      </c>
      <c r="L3" s="1" t="s">
        <v>22</v>
      </c>
      <c r="M3" s="1" t="s">
        <v>5</v>
      </c>
      <c r="N3" s="1" t="s">
        <v>25</v>
      </c>
      <c r="O3" s="1" t="s">
        <v>8</v>
      </c>
      <c r="P3" s="5" t="s">
        <v>29786</v>
      </c>
    </row>
    <row r="4" spans="1:16" x14ac:dyDescent="0.2">
      <c r="A4" s="1" t="s">
        <v>42</v>
      </c>
      <c r="B4" s="1" t="s">
        <v>43</v>
      </c>
      <c r="C4" s="1" t="s">
        <v>35</v>
      </c>
      <c r="D4" s="1" t="s">
        <v>36</v>
      </c>
      <c r="E4" s="1"/>
      <c r="F4" s="1" t="s">
        <v>10</v>
      </c>
      <c r="G4" s="1" t="s">
        <v>10</v>
      </c>
      <c r="H4" s="1" t="s">
        <v>10</v>
      </c>
      <c r="I4" s="1" t="s">
        <v>1</v>
      </c>
      <c r="J4" s="1" t="s">
        <v>41</v>
      </c>
      <c r="K4" s="1" t="s">
        <v>37</v>
      </c>
      <c r="L4" s="1" t="s">
        <v>34</v>
      </c>
      <c r="M4" s="1" t="s">
        <v>5</v>
      </c>
      <c r="N4" s="1" t="s">
        <v>25</v>
      </c>
      <c r="O4" s="1" t="s">
        <v>38</v>
      </c>
      <c r="P4" s="5" t="s">
        <v>29787</v>
      </c>
    </row>
    <row r="5" spans="1:16" x14ac:dyDescent="0.2">
      <c r="A5" s="1" t="s">
        <v>42</v>
      </c>
      <c r="B5" s="1" t="s">
        <v>50</v>
      </c>
      <c r="C5" s="1" t="s">
        <v>45</v>
      </c>
      <c r="D5" s="1" t="s">
        <v>46</v>
      </c>
      <c r="E5" s="1" t="s">
        <v>48</v>
      </c>
      <c r="F5" s="1" t="s">
        <v>10</v>
      </c>
      <c r="G5" s="1" t="s">
        <v>10</v>
      </c>
      <c r="H5" s="1" t="s">
        <v>10</v>
      </c>
      <c r="I5" s="1" t="s">
        <v>1</v>
      </c>
      <c r="J5" s="1" t="s">
        <v>29</v>
      </c>
      <c r="K5" s="1" t="s">
        <v>47</v>
      </c>
      <c r="L5" s="1" t="s">
        <v>44</v>
      </c>
      <c r="M5" s="1" t="s">
        <v>5</v>
      </c>
      <c r="N5" s="1" t="s">
        <v>25</v>
      </c>
      <c r="O5" s="1" t="s">
        <v>38</v>
      </c>
      <c r="P5" s="5" t="s">
        <v>30927</v>
      </c>
    </row>
    <row r="6" spans="1:16" x14ac:dyDescent="0.2">
      <c r="A6" s="1" t="s">
        <v>42</v>
      </c>
      <c r="B6" s="1" t="s">
        <v>50</v>
      </c>
      <c r="C6" s="1" t="s">
        <v>52</v>
      </c>
      <c r="D6" s="1" t="s">
        <v>53</v>
      </c>
      <c r="E6" s="1" t="s">
        <v>55</v>
      </c>
      <c r="F6" s="1" t="s">
        <v>10</v>
      </c>
      <c r="G6" s="1" t="s">
        <v>10</v>
      </c>
      <c r="H6" s="1" t="s">
        <v>10</v>
      </c>
      <c r="I6" s="1" t="s">
        <v>1</v>
      </c>
      <c r="J6" s="1" t="s">
        <v>29</v>
      </c>
      <c r="K6" s="1" t="s">
        <v>47</v>
      </c>
      <c r="L6" s="1" t="s">
        <v>51</v>
      </c>
      <c r="M6" s="1" t="s">
        <v>5</v>
      </c>
      <c r="N6" s="1" t="s">
        <v>25</v>
      </c>
      <c r="O6" s="1" t="s">
        <v>38</v>
      </c>
      <c r="P6" s="5" t="s">
        <v>30928</v>
      </c>
    </row>
    <row r="7" spans="1:16" x14ac:dyDescent="0.2">
      <c r="A7" s="1" t="s">
        <v>42</v>
      </c>
      <c r="B7" s="1" t="s">
        <v>50</v>
      </c>
      <c r="C7" s="1" t="s">
        <v>57</v>
      </c>
      <c r="D7" s="1" t="s">
        <v>58</v>
      </c>
      <c r="E7" s="1"/>
      <c r="F7" s="1" t="s">
        <v>27</v>
      </c>
      <c r="G7" s="1" t="s">
        <v>10</v>
      </c>
      <c r="H7" s="1" t="s">
        <v>59</v>
      </c>
      <c r="I7" s="1" t="s">
        <v>1</v>
      </c>
      <c r="J7" s="1" t="s">
        <v>29</v>
      </c>
      <c r="K7" s="1" t="s">
        <v>47</v>
      </c>
      <c r="L7" s="1" t="s">
        <v>56</v>
      </c>
      <c r="M7" s="1" t="s">
        <v>5</v>
      </c>
      <c r="N7" s="1" t="s">
        <v>25</v>
      </c>
      <c r="O7" s="1" t="s">
        <v>8</v>
      </c>
      <c r="P7" s="5" t="s">
        <v>30925</v>
      </c>
    </row>
    <row r="8" spans="1:16" x14ac:dyDescent="0.2">
      <c r="A8" s="1" t="s">
        <v>66</v>
      </c>
      <c r="B8" s="1" t="s">
        <v>67</v>
      </c>
      <c r="C8" s="1" t="s">
        <v>62</v>
      </c>
      <c r="D8" s="1" t="s">
        <v>63</v>
      </c>
      <c r="E8" s="1" t="s">
        <v>65</v>
      </c>
      <c r="F8" s="1" t="s">
        <v>10</v>
      </c>
      <c r="G8" s="1" t="s">
        <v>10</v>
      </c>
      <c r="H8" s="1" t="s">
        <v>10</v>
      </c>
      <c r="I8" s="1" t="s">
        <v>1</v>
      </c>
      <c r="J8" s="1" t="s">
        <v>29</v>
      </c>
      <c r="K8" s="1" t="s">
        <v>64</v>
      </c>
      <c r="L8" s="1" t="s">
        <v>61</v>
      </c>
      <c r="M8" s="1" t="s">
        <v>5</v>
      </c>
      <c r="N8" s="1" t="s">
        <v>25</v>
      </c>
      <c r="O8" s="1" t="s">
        <v>38</v>
      </c>
      <c r="P8" s="5" t="s">
        <v>29788</v>
      </c>
    </row>
    <row r="9" spans="1:16" x14ac:dyDescent="0.2">
      <c r="A9" s="1" t="s">
        <v>42</v>
      </c>
      <c r="B9" s="1" t="s">
        <v>43</v>
      </c>
      <c r="C9" s="1" t="s">
        <v>69</v>
      </c>
      <c r="D9" s="1" t="s">
        <v>70</v>
      </c>
      <c r="E9" s="1" t="s">
        <v>71</v>
      </c>
      <c r="F9" s="1" t="s">
        <v>10</v>
      </c>
      <c r="G9" s="1" t="s">
        <v>10</v>
      </c>
      <c r="H9" s="1" t="s">
        <v>10</v>
      </c>
      <c r="I9" s="1" t="s">
        <v>1</v>
      </c>
      <c r="J9" s="1" t="s">
        <v>41</v>
      </c>
      <c r="K9" s="1" t="s">
        <v>37</v>
      </c>
      <c r="L9" s="1" t="s">
        <v>68</v>
      </c>
      <c r="M9" s="1" t="s">
        <v>5</v>
      </c>
      <c r="N9" s="1" t="s">
        <v>25</v>
      </c>
      <c r="O9" s="1" t="s">
        <v>38</v>
      </c>
      <c r="P9" s="5" t="s">
        <v>30929</v>
      </c>
    </row>
    <row r="10" spans="1:16" x14ac:dyDescent="0.2">
      <c r="A10" s="1" t="s">
        <v>10</v>
      </c>
      <c r="B10" s="1" t="s">
        <v>10</v>
      </c>
      <c r="C10" s="1" t="s">
        <v>73</v>
      </c>
      <c r="D10" s="1" t="s">
        <v>74</v>
      </c>
      <c r="E10" s="1"/>
      <c r="F10" s="1" t="s">
        <v>10</v>
      </c>
      <c r="G10" s="1" t="s">
        <v>10</v>
      </c>
      <c r="H10" s="1" t="s">
        <v>10</v>
      </c>
      <c r="I10" s="1" t="s">
        <v>1</v>
      </c>
      <c r="J10" s="1" t="s">
        <v>75</v>
      </c>
      <c r="K10" s="1" t="s">
        <v>27</v>
      </c>
      <c r="L10" s="1" t="s">
        <v>72</v>
      </c>
      <c r="M10" s="1" t="s">
        <v>5</v>
      </c>
      <c r="N10" s="1" t="s">
        <v>10</v>
      </c>
      <c r="O10" s="1" t="s">
        <v>38</v>
      </c>
      <c r="P10" s="5" t="s">
        <v>30930</v>
      </c>
    </row>
    <row r="11" spans="1:16" x14ac:dyDescent="0.2">
      <c r="A11" s="1" t="s">
        <v>66</v>
      </c>
      <c r="B11" s="1" t="s">
        <v>67</v>
      </c>
      <c r="C11" s="1" t="s">
        <v>77</v>
      </c>
      <c r="D11" s="1" t="s">
        <v>78</v>
      </c>
      <c r="E11" s="1" t="s">
        <v>80</v>
      </c>
      <c r="F11" s="1" t="s">
        <v>10</v>
      </c>
      <c r="G11" s="1" t="s">
        <v>10</v>
      </c>
      <c r="H11" s="1" t="s">
        <v>10</v>
      </c>
      <c r="I11" s="1" t="s">
        <v>1</v>
      </c>
      <c r="J11" s="1" t="s">
        <v>29</v>
      </c>
      <c r="K11" s="1" t="s">
        <v>7</v>
      </c>
      <c r="L11" s="1" t="s">
        <v>76</v>
      </c>
      <c r="M11" s="1" t="s">
        <v>5</v>
      </c>
      <c r="N11" s="1" t="s">
        <v>25</v>
      </c>
      <c r="O11" s="1" t="s">
        <v>38</v>
      </c>
      <c r="P11" s="5" t="s">
        <v>30931</v>
      </c>
    </row>
    <row r="12" spans="1:16" x14ac:dyDescent="0.2">
      <c r="A12" s="1" t="s">
        <v>42</v>
      </c>
      <c r="B12" s="1" t="s">
        <v>87</v>
      </c>
      <c r="C12" s="1" t="s">
        <v>82</v>
      </c>
      <c r="D12" s="1" t="s">
        <v>83</v>
      </c>
      <c r="E12" s="1" t="s">
        <v>84</v>
      </c>
      <c r="F12" s="1" t="s">
        <v>27</v>
      </c>
      <c r="G12" s="1" t="s">
        <v>10</v>
      </c>
      <c r="H12" s="1" t="s">
        <v>86</v>
      </c>
      <c r="I12" s="1" t="s">
        <v>1</v>
      </c>
      <c r="J12" s="1" t="s">
        <v>29</v>
      </c>
      <c r="K12" s="1" t="s">
        <v>7</v>
      </c>
      <c r="L12" s="1" t="s">
        <v>81</v>
      </c>
      <c r="M12" s="1" t="s">
        <v>5</v>
      </c>
      <c r="N12" s="1" t="s">
        <v>6</v>
      </c>
      <c r="O12" s="1" t="s">
        <v>8</v>
      </c>
      <c r="P12" s="5" t="s">
        <v>14</v>
      </c>
    </row>
    <row r="13" spans="1:16" x14ac:dyDescent="0.2">
      <c r="A13" s="1" t="s">
        <v>20</v>
      </c>
      <c r="B13" s="1" t="s">
        <v>93</v>
      </c>
      <c r="C13" s="1" t="s">
        <v>89</v>
      </c>
      <c r="D13" s="1" t="s">
        <v>90</v>
      </c>
      <c r="E13" s="1" t="s">
        <v>91</v>
      </c>
      <c r="F13" s="1" t="s">
        <v>27</v>
      </c>
      <c r="G13" s="1" t="s">
        <v>10</v>
      </c>
      <c r="H13" s="1" t="s">
        <v>92</v>
      </c>
      <c r="I13" s="1" t="s">
        <v>1</v>
      </c>
      <c r="J13" s="1" t="s">
        <v>29</v>
      </c>
      <c r="K13" s="1" t="s">
        <v>7</v>
      </c>
      <c r="L13" s="1" t="s">
        <v>88</v>
      </c>
      <c r="M13" s="1" t="s">
        <v>5</v>
      </c>
      <c r="N13" s="1" t="s">
        <v>25</v>
      </c>
      <c r="O13" s="1" t="s">
        <v>8</v>
      </c>
      <c r="P13" s="5" t="s">
        <v>30932</v>
      </c>
    </row>
    <row r="14" spans="1:16" x14ac:dyDescent="0.2">
      <c r="A14" s="1" t="s">
        <v>20</v>
      </c>
      <c r="B14" s="1" t="s">
        <v>99</v>
      </c>
      <c r="C14" s="1" t="s">
        <v>95</v>
      </c>
      <c r="D14" s="1" t="s">
        <v>96</v>
      </c>
      <c r="E14" s="1" t="s">
        <v>97</v>
      </c>
      <c r="F14" s="1" t="s">
        <v>27</v>
      </c>
      <c r="G14" s="1" t="s">
        <v>10</v>
      </c>
      <c r="H14" s="1" t="s">
        <v>98</v>
      </c>
      <c r="I14" s="1" t="s">
        <v>1</v>
      </c>
      <c r="J14" s="1" t="s">
        <v>29</v>
      </c>
      <c r="K14" s="1" t="s">
        <v>64</v>
      </c>
      <c r="L14" s="1" t="s">
        <v>94</v>
      </c>
      <c r="M14" s="1" t="s">
        <v>5</v>
      </c>
      <c r="N14" s="1" t="s">
        <v>25</v>
      </c>
      <c r="O14" s="1" t="s">
        <v>8</v>
      </c>
      <c r="P14" s="5" t="s">
        <v>30933</v>
      </c>
    </row>
    <row r="15" spans="1:16" x14ac:dyDescent="0.2">
      <c r="A15" s="1" t="s">
        <v>42</v>
      </c>
      <c r="B15" s="1" t="s">
        <v>109</v>
      </c>
      <c r="C15" s="1" t="s">
        <v>103</v>
      </c>
      <c r="D15" s="1" t="s">
        <v>104</v>
      </c>
      <c r="E15" s="1"/>
      <c r="F15" s="1" t="s">
        <v>105</v>
      </c>
      <c r="G15" s="1" t="s">
        <v>108</v>
      </c>
      <c r="H15" s="1" t="s">
        <v>10</v>
      </c>
      <c r="I15" s="1" t="s">
        <v>1</v>
      </c>
      <c r="J15" s="1" t="s">
        <v>10</v>
      </c>
      <c r="K15" s="1" t="s">
        <v>27</v>
      </c>
      <c r="L15" s="1" t="s">
        <v>102</v>
      </c>
      <c r="M15" s="1" t="s">
        <v>5</v>
      </c>
      <c r="N15" s="1" t="s">
        <v>25</v>
      </c>
      <c r="O15" s="1" t="s">
        <v>8</v>
      </c>
      <c r="P15" s="5" t="s">
        <v>30893</v>
      </c>
    </row>
    <row r="16" spans="1:16" x14ac:dyDescent="0.2">
      <c r="A16" s="1" t="s">
        <v>42</v>
      </c>
      <c r="B16" s="1" t="s">
        <v>118</v>
      </c>
      <c r="C16" s="1" t="s">
        <v>111</v>
      </c>
      <c r="D16" s="1" t="s">
        <v>112</v>
      </c>
      <c r="E16" s="1" t="s">
        <v>116</v>
      </c>
      <c r="F16" s="1" t="s">
        <v>27</v>
      </c>
      <c r="G16" s="1" t="s">
        <v>10</v>
      </c>
      <c r="H16" s="1" t="s">
        <v>117</v>
      </c>
      <c r="I16" s="1" t="s">
        <v>1</v>
      </c>
      <c r="J16" s="1" t="s">
        <v>115</v>
      </c>
      <c r="K16" s="1" t="s">
        <v>113</v>
      </c>
      <c r="L16" s="1" t="s">
        <v>110</v>
      </c>
      <c r="M16" s="1" t="s">
        <v>5</v>
      </c>
      <c r="N16" s="1" t="s">
        <v>25</v>
      </c>
      <c r="O16" s="1" t="s">
        <v>8</v>
      </c>
      <c r="P16" s="5" t="s">
        <v>30934</v>
      </c>
    </row>
    <row r="17" spans="1:16" x14ac:dyDescent="0.2">
      <c r="A17" s="1" t="s">
        <v>66</v>
      </c>
      <c r="B17" s="1" t="s">
        <v>67</v>
      </c>
      <c r="C17" s="1" t="s">
        <v>121</v>
      </c>
      <c r="D17" s="1" t="s">
        <v>122</v>
      </c>
      <c r="E17" s="1"/>
      <c r="F17" s="1" t="s">
        <v>10</v>
      </c>
      <c r="G17" s="1" t="s">
        <v>10</v>
      </c>
      <c r="H17" s="1" t="s">
        <v>10</v>
      </c>
      <c r="I17" s="1" t="s">
        <v>1</v>
      </c>
      <c r="J17" s="1" t="s">
        <v>10</v>
      </c>
      <c r="K17" s="1" t="s">
        <v>7</v>
      </c>
      <c r="L17" s="1" t="s">
        <v>120</v>
      </c>
      <c r="M17" s="1" t="s">
        <v>5</v>
      </c>
      <c r="N17" s="1" t="s">
        <v>25</v>
      </c>
      <c r="O17" s="1" t="s">
        <v>38</v>
      </c>
      <c r="P17" s="5" t="s">
        <v>30935</v>
      </c>
    </row>
    <row r="18" spans="1:16" x14ac:dyDescent="0.2">
      <c r="A18" s="1" t="s">
        <v>20</v>
      </c>
      <c r="B18" s="1" t="s">
        <v>93</v>
      </c>
      <c r="C18" s="1" t="s">
        <v>124</v>
      </c>
      <c r="D18" s="1" t="s">
        <v>125</v>
      </c>
      <c r="E18" s="1"/>
      <c r="F18" s="1" t="s">
        <v>27</v>
      </c>
      <c r="G18" s="1" t="s">
        <v>10</v>
      </c>
      <c r="H18" s="1" t="s">
        <v>126</v>
      </c>
      <c r="I18" s="1" t="s">
        <v>1</v>
      </c>
      <c r="J18" s="1" t="s">
        <v>29</v>
      </c>
      <c r="K18" s="1" t="s">
        <v>7</v>
      </c>
      <c r="L18" s="1" t="s">
        <v>123</v>
      </c>
      <c r="M18" s="1" t="s">
        <v>5</v>
      </c>
      <c r="N18" s="1" t="s">
        <v>6</v>
      </c>
      <c r="O18" s="1" t="s">
        <v>8</v>
      </c>
      <c r="P18" s="5" t="s">
        <v>30936</v>
      </c>
    </row>
    <row r="19" spans="1:16" x14ac:dyDescent="0.2">
      <c r="A19" s="1" t="s">
        <v>20</v>
      </c>
      <c r="B19" s="1" t="s">
        <v>132</v>
      </c>
      <c r="C19" s="1" t="s">
        <v>128</v>
      </c>
      <c r="D19" s="1" t="s">
        <v>129</v>
      </c>
      <c r="E19" s="1" t="s">
        <v>131</v>
      </c>
      <c r="F19" s="1" t="s">
        <v>10</v>
      </c>
      <c r="G19" s="1" t="s">
        <v>10</v>
      </c>
      <c r="H19" s="1" t="s">
        <v>10</v>
      </c>
      <c r="I19" s="1" t="s">
        <v>1</v>
      </c>
      <c r="J19" s="1" t="s">
        <v>10</v>
      </c>
      <c r="K19" s="1" t="s">
        <v>130</v>
      </c>
      <c r="L19" s="1" t="s">
        <v>127</v>
      </c>
      <c r="M19" s="1" t="s">
        <v>5</v>
      </c>
      <c r="N19" s="1" t="s">
        <v>10</v>
      </c>
      <c r="O19" s="1" t="s">
        <v>38</v>
      </c>
      <c r="P19" s="5" t="s">
        <v>30937</v>
      </c>
    </row>
    <row r="20" spans="1:16" x14ac:dyDescent="0.2">
      <c r="A20" s="1" t="s">
        <v>42</v>
      </c>
      <c r="B20" s="1" t="s">
        <v>118</v>
      </c>
      <c r="C20" s="1" t="s">
        <v>134</v>
      </c>
      <c r="D20" s="1" t="s">
        <v>135</v>
      </c>
      <c r="E20" s="1"/>
      <c r="F20" s="1" t="s">
        <v>10</v>
      </c>
      <c r="G20" s="1" t="s">
        <v>10</v>
      </c>
      <c r="H20" s="1" t="s">
        <v>10</v>
      </c>
      <c r="I20" s="1" t="s">
        <v>1</v>
      </c>
      <c r="J20" s="1" t="s">
        <v>16</v>
      </c>
      <c r="K20" s="1" t="s">
        <v>27</v>
      </c>
      <c r="L20" s="1" t="s">
        <v>133</v>
      </c>
      <c r="M20" s="1" t="s">
        <v>5</v>
      </c>
      <c r="N20" s="1" t="s">
        <v>25</v>
      </c>
      <c r="O20" s="1" t="s">
        <v>38</v>
      </c>
      <c r="P20" s="5" t="s">
        <v>30938</v>
      </c>
    </row>
    <row r="21" spans="1:16" x14ac:dyDescent="0.2">
      <c r="A21" s="1" t="s">
        <v>32</v>
      </c>
      <c r="B21" s="1" t="s">
        <v>140</v>
      </c>
      <c r="C21" s="1" t="s">
        <v>137</v>
      </c>
      <c r="D21" s="1" t="s">
        <v>138</v>
      </c>
      <c r="E21" s="1" t="s">
        <v>139</v>
      </c>
      <c r="F21" s="1" t="s">
        <v>10</v>
      </c>
      <c r="G21" s="1" t="s">
        <v>10</v>
      </c>
      <c r="H21" s="1" t="s">
        <v>10</v>
      </c>
      <c r="I21" s="1" t="s">
        <v>1</v>
      </c>
      <c r="J21" s="1" t="s">
        <v>29</v>
      </c>
      <c r="K21" s="1" t="s">
        <v>7</v>
      </c>
      <c r="L21" s="1" t="s">
        <v>136</v>
      </c>
      <c r="M21" s="1" t="s">
        <v>5</v>
      </c>
      <c r="N21" s="1" t="s">
        <v>25</v>
      </c>
      <c r="O21" s="1" t="s">
        <v>38</v>
      </c>
      <c r="P21" s="5" t="s">
        <v>29789</v>
      </c>
    </row>
    <row r="22" spans="1:16" x14ac:dyDescent="0.2">
      <c r="A22" s="1" t="s">
        <v>20</v>
      </c>
      <c r="B22" s="1" t="s">
        <v>21</v>
      </c>
      <c r="C22" s="1" t="s">
        <v>142</v>
      </c>
      <c r="D22" s="1" t="s">
        <v>143</v>
      </c>
      <c r="E22" s="1"/>
      <c r="F22" s="1" t="s">
        <v>9</v>
      </c>
      <c r="G22" s="1" t="s">
        <v>18</v>
      </c>
      <c r="H22" s="1" t="s">
        <v>10</v>
      </c>
      <c r="I22" s="1" t="s">
        <v>1</v>
      </c>
      <c r="J22" s="1" t="s">
        <v>10</v>
      </c>
      <c r="K22" s="1" t="s">
        <v>7</v>
      </c>
      <c r="L22" s="1" t="s">
        <v>141</v>
      </c>
      <c r="M22" s="1" t="s">
        <v>5</v>
      </c>
      <c r="N22" s="1" t="s">
        <v>6</v>
      </c>
      <c r="O22" s="1" t="s">
        <v>8</v>
      </c>
      <c r="P22" s="5" t="s">
        <v>30926</v>
      </c>
    </row>
    <row r="23" spans="1:16" x14ac:dyDescent="0.2">
      <c r="A23" s="1" t="s">
        <v>20</v>
      </c>
      <c r="B23" s="1" t="s">
        <v>21</v>
      </c>
      <c r="C23" s="1" t="s">
        <v>145</v>
      </c>
      <c r="D23" s="1" t="s">
        <v>146</v>
      </c>
      <c r="E23" s="1" t="s">
        <v>148</v>
      </c>
      <c r="F23" s="1" t="s">
        <v>10</v>
      </c>
      <c r="G23" s="1" t="s">
        <v>10</v>
      </c>
      <c r="H23" s="1" t="s">
        <v>10</v>
      </c>
      <c r="I23" s="1" t="s">
        <v>1</v>
      </c>
      <c r="J23" s="1" t="s">
        <v>147</v>
      </c>
      <c r="K23" s="1" t="s">
        <v>27</v>
      </c>
      <c r="L23" s="1" t="s">
        <v>144</v>
      </c>
      <c r="M23" s="1" t="s">
        <v>5</v>
      </c>
      <c r="N23" s="1" t="s">
        <v>25</v>
      </c>
      <c r="O23" s="1" t="s">
        <v>38</v>
      </c>
      <c r="P23" s="5" t="s">
        <v>30894</v>
      </c>
    </row>
    <row r="24" spans="1:16" x14ac:dyDescent="0.2">
      <c r="A24" s="1" t="s">
        <v>20</v>
      </c>
      <c r="B24" s="1" t="s">
        <v>93</v>
      </c>
      <c r="C24" s="1" t="s">
        <v>150</v>
      </c>
      <c r="D24" s="1" t="s">
        <v>143</v>
      </c>
      <c r="E24" s="1"/>
      <c r="F24" s="1" t="s">
        <v>10</v>
      </c>
      <c r="G24" s="1" t="s">
        <v>10</v>
      </c>
      <c r="H24" s="1" t="s">
        <v>10</v>
      </c>
      <c r="I24" s="1" t="s">
        <v>1</v>
      </c>
      <c r="J24" s="1" t="s">
        <v>10</v>
      </c>
      <c r="K24" s="1" t="s">
        <v>7</v>
      </c>
      <c r="L24" s="1" t="s">
        <v>149</v>
      </c>
      <c r="M24" s="1" t="s">
        <v>5</v>
      </c>
      <c r="N24" s="1" t="s">
        <v>25</v>
      </c>
      <c r="O24" s="1" t="s">
        <v>38</v>
      </c>
      <c r="P24" s="5" t="s">
        <v>30895</v>
      </c>
    </row>
    <row r="25" spans="1:16" x14ac:dyDescent="0.2">
      <c r="A25" s="1" t="s">
        <v>42</v>
      </c>
      <c r="B25" s="1" t="s">
        <v>50</v>
      </c>
      <c r="C25" s="1" t="s">
        <v>152</v>
      </c>
      <c r="D25" s="1" t="s">
        <v>153</v>
      </c>
      <c r="E25" s="1"/>
      <c r="F25" s="1" t="s">
        <v>10</v>
      </c>
      <c r="G25" s="1" t="s">
        <v>10</v>
      </c>
      <c r="H25" s="1" t="s">
        <v>10</v>
      </c>
      <c r="I25" s="1" t="s">
        <v>1</v>
      </c>
      <c r="J25" s="1" t="s">
        <v>29</v>
      </c>
      <c r="K25" s="1" t="s">
        <v>47</v>
      </c>
      <c r="L25" s="1" t="s">
        <v>151</v>
      </c>
      <c r="M25" s="1" t="s">
        <v>5</v>
      </c>
      <c r="N25" s="1" t="s">
        <v>25</v>
      </c>
      <c r="O25" s="1" t="s">
        <v>38</v>
      </c>
      <c r="P25" s="5" t="s">
        <v>30939</v>
      </c>
    </row>
    <row r="26" spans="1:16" x14ac:dyDescent="0.2">
      <c r="A26" s="1" t="s">
        <v>42</v>
      </c>
      <c r="B26" s="1" t="s">
        <v>109</v>
      </c>
      <c r="C26" s="1" t="s">
        <v>156</v>
      </c>
      <c r="D26" s="1" t="s">
        <v>157</v>
      </c>
      <c r="E26" s="1"/>
      <c r="F26" s="1" t="s">
        <v>10</v>
      </c>
      <c r="G26" s="1" t="s">
        <v>10</v>
      </c>
      <c r="H26" s="1" t="s">
        <v>10</v>
      </c>
      <c r="I26" s="1" t="s">
        <v>1</v>
      </c>
      <c r="J26" s="1" t="s">
        <v>29</v>
      </c>
      <c r="K26" s="1" t="s">
        <v>130</v>
      </c>
      <c r="L26" s="1" t="s">
        <v>155</v>
      </c>
      <c r="M26" s="1" t="s">
        <v>5</v>
      </c>
      <c r="N26" s="1" t="s">
        <v>25</v>
      </c>
      <c r="O26" s="1" t="s">
        <v>38</v>
      </c>
      <c r="P26" s="5" t="s">
        <v>30940</v>
      </c>
    </row>
    <row r="27" spans="1:16" x14ac:dyDescent="0.2">
      <c r="A27" s="1" t="s">
        <v>20</v>
      </c>
      <c r="B27" s="1" t="s">
        <v>132</v>
      </c>
      <c r="C27" s="1" t="s">
        <v>159</v>
      </c>
      <c r="D27" s="1" t="s">
        <v>160</v>
      </c>
      <c r="E27" s="1" t="s">
        <v>162</v>
      </c>
      <c r="F27" s="1" t="s">
        <v>27</v>
      </c>
      <c r="G27" s="1" t="s">
        <v>10</v>
      </c>
      <c r="H27" s="1" t="s">
        <v>163</v>
      </c>
      <c r="I27" s="1" t="s">
        <v>1</v>
      </c>
      <c r="J27" s="1" t="s">
        <v>16</v>
      </c>
      <c r="K27" s="1" t="s">
        <v>27</v>
      </c>
      <c r="L27" s="1" t="s">
        <v>158</v>
      </c>
      <c r="M27" s="1" t="s">
        <v>5</v>
      </c>
      <c r="N27" s="1" t="s">
        <v>6</v>
      </c>
      <c r="O27" s="1" t="s">
        <v>8</v>
      </c>
      <c r="P27" s="5" t="s">
        <v>30941</v>
      </c>
    </row>
    <row r="28" spans="1:16" x14ac:dyDescent="0.2">
      <c r="A28" s="1" t="s">
        <v>20</v>
      </c>
      <c r="B28" s="1" t="s">
        <v>132</v>
      </c>
      <c r="C28" s="1" t="s">
        <v>165</v>
      </c>
      <c r="D28" s="1" t="s">
        <v>166</v>
      </c>
      <c r="E28" s="1" t="s">
        <v>167</v>
      </c>
      <c r="F28" s="1" t="s">
        <v>10</v>
      </c>
      <c r="G28" s="1" t="s">
        <v>10</v>
      </c>
      <c r="H28" s="1" t="s">
        <v>10</v>
      </c>
      <c r="I28" s="1" t="s">
        <v>1</v>
      </c>
      <c r="J28" s="1" t="s">
        <v>10</v>
      </c>
      <c r="K28" s="1" t="s">
        <v>27</v>
      </c>
      <c r="L28" s="1" t="s">
        <v>164</v>
      </c>
      <c r="M28" s="1" t="s">
        <v>5</v>
      </c>
      <c r="N28" s="1" t="s">
        <v>6</v>
      </c>
      <c r="O28" s="1" t="s">
        <v>38</v>
      </c>
      <c r="P28" s="5" t="s">
        <v>30942</v>
      </c>
    </row>
    <row r="29" spans="1:16" x14ac:dyDescent="0.2">
      <c r="A29" s="1" t="s">
        <v>20</v>
      </c>
      <c r="B29" s="1" t="s">
        <v>172</v>
      </c>
      <c r="C29" s="1" t="s">
        <v>169</v>
      </c>
      <c r="D29" s="1" t="s">
        <v>170</v>
      </c>
      <c r="E29" s="1"/>
      <c r="F29" s="1" t="s">
        <v>10</v>
      </c>
      <c r="G29" s="1" t="s">
        <v>10</v>
      </c>
      <c r="H29" s="1" t="s">
        <v>10</v>
      </c>
      <c r="I29" s="1" t="s">
        <v>1</v>
      </c>
      <c r="J29" s="1" t="s">
        <v>41</v>
      </c>
      <c r="K29" s="1" t="s">
        <v>171</v>
      </c>
      <c r="L29" s="1" t="s">
        <v>168</v>
      </c>
      <c r="M29" s="1" t="s">
        <v>5</v>
      </c>
      <c r="N29" s="1" t="s">
        <v>25</v>
      </c>
      <c r="O29" s="1" t="s">
        <v>38</v>
      </c>
      <c r="P29" s="5" t="s">
        <v>29790</v>
      </c>
    </row>
    <row r="30" spans="1:16" x14ac:dyDescent="0.2">
      <c r="A30" s="1" t="s">
        <v>20</v>
      </c>
      <c r="B30" s="1" t="s">
        <v>21</v>
      </c>
      <c r="C30" s="1" t="s">
        <v>174</v>
      </c>
      <c r="D30" s="1" t="s">
        <v>175</v>
      </c>
      <c r="E30" s="1"/>
      <c r="F30" s="1" t="s">
        <v>9</v>
      </c>
      <c r="G30" s="1" t="s">
        <v>18</v>
      </c>
      <c r="H30" s="1" t="s">
        <v>10</v>
      </c>
      <c r="I30" s="1" t="s">
        <v>1</v>
      </c>
      <c r="J30" s="1" t="s">
        <v>29</v>
      </c>
      <c r="K30" s="1" t="s">
        <v>7</v>
      </c>
      <c r="L30" s="1" t="s">
        <v>173</v>
      </c>
      <c r="M30" s="1" t="s">
        <v>5</v>
      </c>
      <c r="N30" s="1" t="s">
        <v>6</v>
      </c>
      <c r="O30" s="1" t="s">
        <v>8</v>
      </c>
      <c r="P30" s="5" t="s">
        <v>29908</v>
      </c>
    </row>
    <row r="31" spans="1:16" x14ac:dyDescent="0.2">
      <c r="A31" s="1" t="s">
        <v>20</v>
      </c>
      <c r="B31" s="1" t="s">
        <v>172</v>
      </c>
      <c r="C31" s="1" t="s">
        <v>177</v>
      </c>
      <c r="D31" s="1" t="s">
        <v>178</v>
      </c>
      <c r="E31" s="1"/>
      <c r="F31" s="1" t="s">
        <v>10</v>
      </c>
      <c r="G31" s="1" t="s">
        <v>10</v>
      </c>
      <c r="H31" s="1" t="s">
        <v>10</v>
      </c>
      <c r="I31" s="1" t="s">
        <v>1</v>
      </c>
      <c r="J31" s="1" t="s">
        <v>16</v>
      </c>
      <c r="K31" s="1" t="s">
        <v>179</v>
      </c>
      <c r="L31" s="1" t="s">
        <v>176</v>
      </c>
      <c r="M31" s="1" t="s">
        <v>5</v>
      </c>
      <c r="N31" s="1" t="s">
        <v>25</v>
      </c>
      <c r="O31" s="1" t="s">
        <v>38</v>
      </c>
      <c r="P31" s="5" t="s">
        <v>29791</v>
      </c>
    </row>
    <row r="32" spans="1:16" x14ac:dyDescent="0.2">
      <c r="A32" s="1" t="s">
        <v>20</v>
      </c>
      <c r="B32" s="1" t="s">
        <v>172</v>
      </c>
      <c r="C32" s="1" t="s">
        <v>181</v>
      </c>
      <c r="D32" s="1" t="s">
        <v>182</v>
      </c>
      <c r="E32" s="1"/>
      <c r="F32" s="1" t="s">
        <v>10</v>
      </c>
      <c r="G32" s="1" t="s">
        <v>10</v>
      </c>
      <c r="H32" s="1" t="s">
        <v>10</v>
      </c>
      <c r="I32" s="1" t="s">
        <v>1</v>
      </c>
      <c r="J32" s="1" t="s">
        <v>16</v>
      </c>
      <c r="K32" s="1" t="s">
        <v>179</v>
      </c>
      <c r="L32" s="1" t="s">
        <v>180</v>
      </c>
      <c r="M32" s="1" t="s">
        <v>5</v>
      </c>
      <c r="N32" s="1" t="s">
        <v>25</v>
      </c>
      <c r="O32" s="1" t="s">
        <v>38</v>
      </c>
      <c r="P32" s="5" t="s">
        <v>30943</v>
      </c>
    </row>
    <row r="33" spans="1:16" x14ac:dyDescent="0.2">
      <c r="A33" s="1" t="s">
        <v>20</v>
      </c>
      <c r="B33" s="1" t="s">
        <v>93</v>
      </c>
      <c r="C33" s="1" t="s">
        <v>184</v>
      </c>
      <c r="D33" s="1" t="s">
        <v>185</v>
      </c>
      <c r="E33" s="1" t="s">
        <v>187</v>
      </c>
      <c r="F33" s="1" t="s">
        <v>10</v>
      </c>
      <c r="G33" s="1" t="s">
        <v>10</v>
      </c>
      <c r="H33" s="1" t="s">
        <v>10</v>
      </c>
      <c r="I33" s="1" t="s">
        <v>1</v>
      </c>
      <c r="J33" s="1" t="s">
        <v>186</v>
      </c>
      <c r="K33" s="1" t="s">
        <v>7</v>
      </c>
      <c r="L33" s="1" t="s">
        <v>183</v>
      </c>
      <c r="M33" s="1" t="s">
        <v>5</v>
      </c>
      <c r="N33" s="1" t="s">
        <v>25</v>
      </c>
      <c r="O33" s="1" t="s">
        <v>38</v>
      </c>
      <c r="P33" s="5" t="s">
        <v>29792</v>
      </c>
    </row>
    <row r="34" spans="1:16" x14ac:dyDescent="0.2">
      <c r="A34" s="1" t="s">
        <v>194</v>
      </c>
      <c r="B34" s="1" t="s">
        <v>195</v>
      </c>
      <c r="C34" s="1" t="s">
        <v>191</v>
      </c>
      <c r="D34" s="1" t="s">
        <v>192</v>
      </c>
      <c r="E34" s="1" t="s">
        <v>193</v>
      </c>
      <c r="F34" s="1" t="s">
        <v>10</v>
      </c>
      <c r="G34" s="1" t="s">
        <v>10</v>
      </c>
      <c r="H34" s="1" t="s">
        <v>10</v>
      </c>
      <c r="I34" s="1" t="s">
        <v>1</v>
      </c>
      <c r="J34" s="1" t="s">
        <v>29</v>
      </c>
      <c r="K34" s="1" t="s">
        <v>27</v>
      </c>
      <c r="L34" s="1" t="s">
        <v>190</v>
      </c>
      <c r="M34" s="1" t="s">
        <v>5</v>
      </c>
      <c r="N34" s="1" t="s">
        <v>6</v>
      </c>
      <c r="O34" s="1" t="s">
        <v>38</v>
      </c>
      <c r="P34" s="5" t="s">
        <v>30896</v>
      </c>
    </row>
    <row r="35" spans="1:16" x14ac:dyDescent="0.2">
      <c r="A35" s="1" t="s">
        <v>20</v>
      </c>
      <c r="B35" s="1" t="s">
        <v>172</v>
      </c>
      <c r="C35" s="1" t="s">
        <v>197</v>
      </c>
      <c r="D35" s="1" t="s">
        <v>198</v>
      </c>
      <c r="E35" s="1"/>
      <c r="F35" s="1" t="s">
        <v>10</v>
      </c>
      <c r="G35" s="1" t="s">
        <v>10</v>
      </c>
      <c r="H35" s="1" t="s">
        <v>10</v>
      </c>
      <c r="I35" s="1" t="s">
        <v>1</v>
      </c>
      <c r="J35" s="1" t="s">
        <v>16</v>
      </c>
      <c r="K35" s="1" t="s">
        <v>179</v>
      </c>
      <c r="L35" s="1" t="s">
        <v>196</v>
      </c>
      <c r="M35" s="1" t="s">
        <v>5</v>
      </c>
      <c r="N35" s="1" t="s">
        <v>25</v>
      </c>
      <c r="O35" s="1" t="s">
        <v>38</v>
      </c>
      <c r="P35" s="5" t="s">
        <v>29793</v>
      </c>
    </row>
    <row r="36" spans="1:16" x14ac:dyDescent="0.2">
      <c r="A36" s="1" t="s">
        <v>20</v>
      </c>
      <c r="B36" s="1" t="s">
        <v>99</v>
      </c>
      <c r="C36" s="1" t="s">
        <v>200</v>
      </c>
      <c r="D36" s="1" t="s">
        <v>201</v>
      </c>
      <c r="E36" s="1" t="s">
        <v>203</v>
      </c>
      <c r="F36" s="1" t="s">
        <v>10</v>
      </c>
      <c r="G36" s="1" t="s">
        <v>10</v>
      </c>
      <c r="H36" s="1" t="s">
        <v>10</v>
      </c>
      <c r="I36" s="1" t="s">
        <v>1</v>
      </c>
      <c r="J36" s="1" t="s">
        <v>202</v>
      </c>
      <c r="K36" s="1" t="s">
        <v>7</v>
      </c>
      <c r="L36" s="1" t="s">
        <v>199</v>
      </c>
      <c r="M36" s="1" t="s">
        <v>5</v>
      </c>
      <c r="N36" s="1" t="s">
        <v>25</v>
      </c>
      <c r="O36" s="1" t="s">
        <v>38</v>
      </c>
      <c r="P36" s="5" t="s">
        <v>29794</v>
      </c>
    </row>
    <row r="37" spans="1:16" x14ac:dyDescent="0.2">
      <c r="A37" s="1" t="s">
        <v>20</v>
      </c>
      <c r="B37" s="1" t="s">
        <v>172</v>
      </c>
      <c r="C37" s="1" t="s">
        <v>205</v>
      </c>
      <c r="D37" s="1" t="s">
        <v>206</v>
      </c>
      <c r="E37" s="1"/>
      <c r="F37" s="1" t="s">
        <v>10</v>
      </c>
      <c r="G37" s="1" t="s">
        <v>10</v>
      </c>
      <c r="H37" s="1" t="s">
        <v>10</v>
      </c>
      <c r="I37" s="1" t="s">
        <v>1</v>
      </c>
      <c r="J37" s="1" t="s">
        <v>207</v>
      </c>
      <c r="K37" s="1" t="s">
        <v>179</v>
      </c>
      <c r="L37" s="1" t="s">
        <v>204</v>
      </c>
      <c r="M37" s="1" t="s">
        <v>5</v>
      </c>
      <c r="N37" s="1" t="s">
        <v>25</v>
      </c>
      <c r="O37" s="1" t="s">
        <v>38</v>
      </c>
      <c r="P37" s="5" t="s">
        <v>29792</v>
      </c>
    </row>
    <row r="38" spans="1:16" x14ac:dyDescent="0.2">
      <c r="A38" s="1" t="s">
        <v>66</v>
      </c>
      <c r="B38" s="1" t="s">
        <v>212</v>
      </c>
      <c r="C38" s="1" t="s">
        <v>209</v>
      </c>
      <c r="D38" s="1" t="s">
        <v>210</v>
      </c>
      <c r="E38" s="1" t="s">
        <v>211</v>
      </c>
      <c r="F38" s="1" t="s">
        <v>10</v>
      </c>
      <c r="G38" s="1" t="s">
        <v>10</v>
      </c>
      <c r="H38" s="1" t="s">
        <v>10</v>
      </c>
      <c r="I38" s="1" t="s">
        <v>1</v>
      </c>
      <c r="J38" s="1" t="s">
        <v>16</v>
      </c>
      <c r="K38" s="1" t="s">
        <v>7</v>
      </c>
      <c r="L38" s="1" t="s">
        <v>208</v>
      </c>
      <c r="M38" s="1" t="s">
        <v>5</v>
      </c>
      <c r="N38" s="1" t="s">
        <v>25</v>
      </c>
      <c r="O38" s="1" t="s">
        <v>38</v>
      </c>
      <c r="P38" s="5" t="s">
        <v>29792</v>
      </c>
    </row>
    <row r="39" spans="1:16" x14ac:dyDescent="0.2">
      <c r="A39" s="1" t="s">
        <v>20</v>
      </c>
      <c r="B39" s="1" t="s">
        <v>93</v>
      </c>
      <c r="C39" s="1" t="s">
        <v>214</v>
      </c>
      <c r="D39" s="1" t="s">
        <v>215</v>
      </c>
      <c r="E39" s="1" t="s">
        <v>217</v>
      </c>
      <c r="F39" s="1" t="s">
        <v>10</v>
      </c>
      <c r="G39" s="1" t="s">
        <v>10</v>
      </c>
      <c r="H39" s="1" t="s">
        <v>10</v>
      </c>
      <c r="I39" s="1" t="s">
        <v>1</v>
      </c>
      <c r="J39" s="1" t="s">
        <v>216</v>
      </c>
      <c r="K39" s="1" t="s">
        <v>7</v>
      </c>
      <c r="L39" s="1" t="s">
        <v>213</v>
      </c>
      <c r="M39" s="1" t="s">
        <v>5</v>
      </c>
      <c r="N39" s="1" t="s">
        <v>25</v>
      </c>
      <c r="O39" s="1" t="s">
        <v>38</v>
      </c>
      <c r="P39" s="5" t="s">
        <v>29792</v>
      </c>
    </row>
    <row r="40" spans="1:16" x14ac:dyDescent="0.2">
      <c r="A40" s="1" t="s">
        <v>66</v>
      </c>
      <c r="B40" s="1" t="s">
        <v>67</v>
      </c>
      <c r="C40" s="1" t="s">
        <v>219</v>
      </c>
      <c r="D40" s="1" t="s">
        <v>220</v>
      </c>
      <c r="E40" s="1" t="s">
        <v>221</v>
      </c>
      <c r="F40" s="1" t="s">
        <v>10</v>
      </c>
      <c r="G40" s="1" t="s">
        <v>10</v>
      </c>
      <c r="H40" s="1" t="s">
        <v>10</v>
      </c>
      <c r="I40" s="1" t="s">
        <v>1</v>
      </c>
      <c r="J40" s="1" t="s">
        <v>29</v>
      </c>
      <c r="K40" s="1" t="s">
        <v>7</v>
      </c>
      <c r="L40" s="1" t="s">
        <v>218</v>
      </c>
      <c r="M40" s="1" t="s">
        <v>5</v>
      </c>
      <c r="N40" s="1" t="s">
        <v>25</v>
      </c>
      <c r="O40" s="1" t="s">
        <v>38</v>
      </c>
      <c r="P40" s="5" t="s">
        <v>30944</v>
      </c>
    </row>
    <row r="41" spans="1:16" x14ac:dyDescent="0.2">
      <c r="A41" s="1" t="s">
        <v>20</v>
      </c>
      <c r="B41" s="1" t="s">
        <v>172</v>
      </c>
      <c r="C41" s="1" t="s">
        <v>223</v>
      </c>
      <c r="D41" s="1" t="s">
        <v>224</v>
      </c>
      <c r="E41" s="1"/>
      <c r="F41" s="1" t="s">
        <v>10</v>
      </c>
      <c r="G41" s="1" t="s">
        <v>10</v>
      </c>
      <c r="H41" s="1" t="s">
        <v>10</v>
      </c>
      <c r="I41" s="1" t="s">
        <v>1</v>
      </c>
      <c r="J41" s="1" t="s">
        <v>41</v>
      </c>
      <c r="K41" s="1" t="s">
        <v>7</v>
      </c>
      <c r="L41" s="1" t="s">
        <v>222</v>
      </c>
      <c r="M41" s="1" t="s">
        <v>5</v>
      </c>
      <c r="N41" s="1" t="s">
        <v>25</v>
      </c>
      <c r="O41" s="1" t="s">
        <v>38</v>
      </c>
      <c r="P41" s="5" t="s">
        <v>29795</v>
      </c>
    </row>
    <row r="42" spans="1:16" x14ac:dyDescent="0.2">
      <c r="A42" s="1" t="s">
        <v>20</v>
      </c>
      <c r="B42" s="1" t="s">
        <v>93</v>
      </c>
      <c r="C42" s="1" t="s">
        <v>226</v>
      </c>
      <c r="D42" s="1" t="s">
        <v>227</v>
      </c>
      <c r="E42" s="1"/>
      <c r="F42" s="1" t="s">
        <v>27</v>
      </c>
      <c r="G42" s="1" t="s">
        <v>10</v>
      </c>
      <c r="H42" s="1" t="s">
        <v>126</v>
      </c>
      <c r="I42" s="1" t="s">
        <v>1</v>
      </c>
      <c r="J42" s="1" t="s">
        <v>29</v>
      </c>
      <c r="K42" s="1" t="s">
        <v>7</v>
      </c>
      <c r="L42" s="1" t="s">
        <v>225</v>
      </c>
      <c r="M42" s="1" t="s">
        <v>5</v>
      </c>
      <c r="N42" s="1" t="s">
        <v>6</v>
      </c>
      <c r="O42" s="1" t="s">
        <v>8</v>
      </c>
      <c r="P42" s="5" t="s">
        <v>30945</v>
      </c>
    </row>
    <row r="43" spans="1:16" x14ac:dyDescent="0.2">
      <c r="A43" s="1" t="s">
        <v>42</v>
      </c>
      <c r="B43" s="1" t="s">
        <v>50</v>
      </c>
      <c r="C43" s="1" t="s">
        <v>229</v>
      </c>
      <c r="D43" s="1" t="s">
        <v>230</v>
      </c>
      <c r="E43" s="1" t="s">
        <v>232</v>
      </c>
      <c r="F43" s="1" t="s">
        <v>10</v>
      </c>
      <c r="G43" s="1" t="s">
        <v>10</v>
      </c>
      <c r="H43" s="1" t="s">
        <v>10</v>
      </c>
      <c r="I43" s="1" t="s">
        <v>1</v>
      </c>
      <c r="J43" s="1" t="s">
        <v>29</v>
      </c>
      <c r="K43" s="1" t="s">
        <v>231</v>
      </c>
      <c r="L43" s="1" t="s">
        <v>228</v>
      </c>
      <c r="M43" s="1" t="s">
        <v>5</v>
      </c>
      <c r="N43" s="1" t="s">
        <v>25</v>
      </c>
      <c r="O43" s="1" t="s">
        <v>38</v>
      </c>
      <c r="P43" s="5" t="s">
        <v>30946</v>
      </c>
    </row>
    <row r="44" spans="1:16" x14ac:dyDescent="0.2">
      <c r="A44" s="1" t="s">
        <v>20</v>
      </c>
      <c r="B44" s="1" t="s">
        <v>93</v>
      </c>
      <c r="C44" s="1" t="s">
        <v>234</v>
      </c>
      <c r="D44" s="1" t="s">
        <v>235</v>
      </c>
      <c r="E44" s="1" t="s">
        <v>236</v>
      </c>
      <c r="F44" s="1" t="s">
        <v>10</v>
      </c>
      <c r="G44" s="1" t="s">
        <v>10</v>
      </c>
      <c r="H44" s="1" t="s">
        <v>10</v>
      </c>
      <c r="I44" s="1" t="s">
        <v>1</v>
      </c>
      <c r="J44" s="1" t="s">
        <v>29</v>
      </c>
      <c r="K44" s="1" t="s">
        <v>7</v>
      </c>
      <c r="L44" s="1" t="s">
        <v>233</v>
      </c>
      <c r="M44" s="1" t="s">
        <v>5</v>
      </c>
      <c r="N44" s="1" t="s">
        <v>25</v>
      </c>
      <c r="O44" s="1" t="s">
        <v>38</v>
      </c>
      <c r="P44" s="5" t="s">
        <v>30947</v>
      </c>
    </row>
    <row r="45" spans="1:16" x14ac:dyDescent="0.2">
      <c r="A45" s="1" t="s">
        <v>20</v>
      </c>
      <c r="B45" s="1" t="s">
        <v>93</v>
      </c>
      <c r="C45" s="1" t="s">
        <v>238</v>
      </c>
      <c r="D45" s="1" t="s">
        <v>239</v>
      </c>
      <c r="E45" s="1" t="s">
        <v>240</v>
      </c>
      <c r="F45" s="1" t="s">
        <v>10</v>
      </c>
      <c r="G45" s="1" t="s">
        <v>10</v>
      </c>
      <c r="H45" s="1" t="s">
        <v>10</v>
      </c>
      <c r="I45" s="1" t="s">
        <v>1</v>
      </c>
      <c r="J45" s="1" t="s">
        <v>29</v>
      </c>
      <c r="K45" s="1" t="s">
        <v>7</v>
      </c>
      <c r="L45" s="1" t="s">
        <v>237</v>
      </c>
      <c r="M45" s="1" t="s">
        <v>5</v>
      </c>
      <c r="N45" s="1" t="s">
        <v>25</v>
      </c>
      <c r="O45" s="1" t="s">
        <v>38</v>
      </c>
      <c r="P45" s="5" t="s">
        <v>30948</v>
      </c>
    </row>
    <row r="46" spans="1:16" x14ac:dyDescent="0.2">
      <c r="A46" s="1" t="s">
        <v>20</v>
      </c>
      <c r="B46" s="1" t="s">
        <v>172</v>
      </c>
      <c r="C46" s="1" t="s">
        <v>242</v>
      </c>
      <c r="D46" s="1" t="s">
        <v>243</v>
      </c>
      <c r="E46" s="1" t="s">
        <v>246</v>
      </c>
      <c r="F46" s="1" t="s">
        <v>10</v>
      </c>
      <c r="G46" s="1" t="s">
        <v>10</v>
      </c>
      <c r="H46" s="1" t="s">
        <v>10</v>
      </c>
      <c r="I46" s="1" t="s">
        <v>1</v>
      </c>
      <c r="J46" s="1" t="s">
        <v>245</v>
      </c>
      <c r="K46" s="1" t="s">
        <v>244</v>
      </c>
      <c r="L46" s="1" t="s">
        <v>241</v>
      </c>
      <c r="M46" s="1" t="s">
        <v>5</v>
      </c>
      <c r="N46" s="1" t="s">
        <v>25</v>
      </c>
      <c r="O46" s="1" t="s">
        <v>38</v>
      </c>
      <c r="P46" s="5" t="s">
        <v>30949</v>
      </c>
    </row>
    <row r="47" spans="1:16" x14ac:dyDescent="0.2">
      <c r="A47" s="1" t="s">
        <v>42</v>
      </c>
      <c r="B47" s="1" t="s">
        <v>43</v>
      </c>
      <c r="C47" s="1" t="s">
        <v>248</v>
      </c>
      <c r="D47" s="1" t="s">
        <v>249</v>
      </c>
      <c r="E47" s="1"/>
      <c r="F47" s="1" t="s">
        <v>10</v>
      </c>
      <c r="G47" s="1" t="s">
        <v>10</v>
      </c>
      <c r="H47" s="1" t="s">
        <v>10</v>
      </c>
      <c r="I47" s="1" t="s">
        <v>1</v>
      </c>
      <c r="J47" s="1" t="s">
        <v>41</v>
      </c>
      <c r="K47" s="1" t="s">
        <v>37</v>
      </c>
      <c r="L47" s="1" t="s">
        <v>247</v>
      </c>
      <c r="M47" s="1" t="s">
        <v>5</v>
      </c>
      <c r="N47" s="1" t="s">
        <v>25</v>
      </c>
      <c r="O47" s="1" t="s">
        <v>38</v>
      </c>
      <c r="P47" s="5" t="s">
        <v>29796</v>
      </c>
    </row>
    <row r="48" spans="1:16" x14ac:dyDescent="0.2">
      <c r="A48" s="1" t="s">
        <v>20</v>
      </c>
      <c r="B48" s="1" t="s">
        <v>253</v>
      </c>
      <c r="C48" s="1" t="s">
        <v>251</v>
      </c>
      <c r="D48" s="1" t="s">
        <v>252</v>
      </c>
      <c r="E48" s="1"/>
      <c r="F48" s="1" t="s">
        <v>10</v>
      </c>
      <c r="G48" s="1" t="s">
        <v>10</v>
      </c>
      <c r="H48" s="1" t="s">
        <v>10</v>
      </c>
      <c r="I48" s="1" t="s">
        <v>1</v>
      </c>
      <c r="J48" s="1" t="s">
        <v>41</v>
      </c>
      <c r="K48" s="1" t="s">
        <v>7</v>
      </c>
      <c r="L48" s="1" t="s">
        <v>250</v>
      </c>
      <c r="M48" s="1" t="s">
        <v>5</v>
      </c>
      <c r="N48" s="1" t="s">
        <v>25</v>
      </c>
      <c r="O48" s="1" t="s">
        <v>38</v>
      </c>
      <c r="P48" s="5" t="s">
        <v>29797</v>
      </c>
    </row>
    <row r="49" spans="1:16" x14ac:dyDescent="0.2">
      <c r="A49" s="1" t="s">
        <v>20</v>
      </c>
      <c r="B49" s="1" t="s">
        <v>21</v>
      </c>
      <c r="C49" s="1" t="s">
        <v>255</v>
      </c>
      <c r="D49" s="1" t="s">
        <v>256</v>
      </c>
      <c r="E49" s="1"/>
      <c r="F49" s="1" t="s">
        <v>9</v>
      </c>
      <c r="G49" s="1" t="s">
        <v>18</v>
      </c>
      <c r="H49" s="1" t="s">
        <v>10</v>
      </c>
      <c r="I49" s="1" t="s">
        <v>1</v>
      </c>
      <c r="J49" s="1" t="s">
        <v>29</v>
      </c>
      <c r="K49" s="1" t="s">
        <v>7</v>
      </c>
      <c r="L49" s="1" t="s">
        <v>254</v>
      </c>
      <c r="M49" s="1" t="s">
        <v>5</v>
      </c>
      <c r="N49" s="1" t="s">
        <v>6</v>
      </c>
      <c r="O49" s="1" t="s">
        <v>8</v>
      </c>
      <c r="P49" s="5" t="s">
        <v>30950</v>
      </c>
    </row>
    <row r="50" spans="1:16" x14ac:dyDescent="0.2">
      <c r="A50" s="1" t="s">
        <v>20</v>
      </c>
      <c r="B50" s="1" t="s">
        <v>172</v>
      </c>
      <c r="C50" s="1" t="s">
        <v>258</v>
      </c>
      <c r="D50" s="1" t="s">
        <v>259</v>
      </c>
      <c r="E50" s="1"/>
      <c r="F50" s="1" t="s">
        <v>10</v>
      </c>
      <c r="G50" s="1" t="s">
        <v>10</v>
      </c>
      <c r="H50" s="1" t="s">
        <v>10</v>
      </c>
      <c r="I50" s="1" t="s">
        <v>1</v>
      </c>
      <c r="J50" s="1" t="s">
        <v>41</v>
      </c>
      <c r="K50" s="1" t="s">
        <v>179</v>
      </c>
      <c r="L50" s="1" t="s">
        <v>257</v>
      </c>
      <c r="M50" s="1" t="s">
        <v>5</v>
      </c>
      <c r="N50" s="1" t="s">
        <v>25</v>
      </c>
      <c r="O50" s="1" t="s">
        <v>38</v>
      </c>
      <c r="P50" s="5" t="s">
        <v>29798</v>
      </c>
    </row>
    <row r="51" spans="1:16" x14ac:dyDescent="0.2">
      <c r="A51" s="1" t="s">
        <v>42</v>
      </c>
      <c r="B51" s="1" t="s">
        <v>118</v>
      </c>
      <c r="C51" s="1" t="s">
        <v>261</v>
      </c>
      <c r="D51" s="1" t="s">
        <v>262</v>
      </c>
      <c r="E51" s="1" t="s">
        <v>265</v>
      </c>
      <c r="F51" s="1" t="s">
        <v>27</v>
      </c>
      <c r="G51" s="1" t="s">
        <v>10</v>
      </c>
      <c r="H51" s="1" t="s">
        <v>266</v>
      </c>
      <c r="I51" s="1" t="s">
        <v>1</v>
      </c>
      <c r="J51" s="1" t="s">
        <v>264</v>
      </c>
      <c r="K51" s="1" t="s">
        <v>263</v>
      </c>
      <c r="L51" s="1" t="s">
        <v>260</v>
      </c>
      <c r="M51" s="1" t="s">
        <v>5</v>
      </c>
      <c r="N51" s="1" t="s">
        <v>25</v>
      </c>
      <c r="O51" s="1" t="s">
        <v>8</v>
      </c>
      <c r="P51" s="5" t="s">
        <v>30951</v>
      </c>
    </row>
    <row r="52" spans="1:16" x14ac:dyDescent="0.2">
      <c r="A52" s="1" t="s">
        <v>42</v>
      </c>
      <c r="B52" s="1" t="s">
        <v>118</v>
      </c>
      <c r="C52" s="1" t="s">
        <v>268</v>
      </c>
      <c r="D52" s="1" t="s">
        <v>269</v>
      </c>
      <c r="E52" s="1" t="s">
        <v>270</v>
      </c>
      <c r="F52" s="1" t="s">
        <v>10</v>
      </c>
      <c r="G52" s="1" t="s">
        <v>10</v>
      </c>
      <c r="H52" s="1" t="s">
        <v>10</v>
      </c>
      <c r="I52" s="1" t="s">
        <v>1</v>
      </c>
      <c r="J52" s="1" t="s">
        <v>147</v>
      </c>
      <c r="K52" s="1" t="s">
        <v>7</v>
      </c>
      <c r="L52" s="1" t="s">
        <v>267</v>
      </c>
      <c r="M52" s="1" t="s">
        <v>5</v>
      </c>
      <c r="N52" s="1" t="s">
        <v>25</v>
      </c>
      <c r="O52" s="1" t="s">
        <v>38</v>
      </c>
      <c r="P52" s="5" t="s">
        <v>29799</v>
      </c>
    </row>
    <row r="53" spans="1:16" x14ac:dyDescent="0.2">
      <c r="A53" s="1" t="s">
        <v>66</v>
      </c>
      <c r="B53" s="1" t="s">
        <v>276</v>
      </c>
      <c r="C53" s="1" t="s">
        <v>272</v>
      </c>
      <c r="D53" s="1" t="s">
        <v>273</v>
      </c>
      <c r="E53" s="1" t="s">
        <v>274</v>
      </c>
      <c r="F53" s="1" t="s">
        <v>27</v>
      </c>
      <c r="G53" s="1" t="s">
        <v>10</v>
      </c>
      <c r="H53" s="1" t="s">
        <v>275</v>
      </c>
      <c r="I53" s="1" t="s">
        <v>1</v>
      </c>
      <c r="J53" s="1" t="s">
        <v>29</v>
      </c>
      <c r="K53" s="1" t="s">
        <v>7</v>
      </c>
      <c r="L53" s="1" t="s">
        <v>271</v>
      </c>
      <c r="M53" s="1" t="s">
        <v>5</v>
      </c>
      <c r="N53" s="1" t="s">
        <v>25</v>
      </c>
      <c r="O53" s="1" t="s">
        <v>8</v>
      </c>
      <c r="P53" s="5" t="s">
        <v>30952</v>
      </c>
    </row>
    <row r="54" spans="1:16" x14ac:dyDescent="0.2">
      <c r="A54" s="1" t="s">
        <v>42</v>
      </c>
      <c r="B54" s="1" t="s">
        <v>50</v>
      </c>
      <c r="C54" s="1" t="s">
        <v>278</v>
      </c>
      <c r="D54" s="1" t="s">
        <v>279</v>
      </c>
      <c r="E54" s="1"/>
      <c r="F54" s="1" t="s">
        <v>10</v>
      </c>
      <c r="G54" s="1" t="s">
        <v>10</v>
      </c>
      <c r="H54" s="1" t="s">
        <v>10</v>
      </c>
      <c r="I54" s="1" t="s">
        <v>1</v>
      </c>
      <c r="J54" s="1" t="s">
        <v>29</v>
      </c>
      <c r="K54" s="1" t="s">
        <v>47</v>
      </c>
      <c r="L54" s="1" t="s">
        <v>277</v>
      </c>
      <c r="M54" s="1" t="s">
        <v>5</v>
      </c>
      <c r="N54" s="1" t="s">
        <v>25</v>
      </c>
      <c r="O54" s="1" t="s">
        <v>38</v>
      </c>
      <c r="P54" s="5" t="s">
        <v>30953</v>
      </c>
    </row>
    <row r="55" spans="1:16" x14ac:dyDescent="0.2">
      <c r="A55" s="1" t="s">
        <v>42</v>
      </c>
      <c r="B55" s="1" t="s">
        <v>50</v>
      </c>
      <c r="C55" s="1" t="s">
        <v>281</v>
      </c>
      <c r="D55" s="1" t="s">
        <v>282</v>
      </c>
      <c r="E55" s="1" t="s">
        <v>283</v>
      </c>
      <c r="F55" s="1" t="s">
        <v>10</v>
      </c>
      <c r="G55" s="1" t="s">
        <v>10</v>
      </c>
      <c r="H55" s="1" t="s">
        <v>10</v>
      </c>
      <c r="I55" s="1" t="s">
        <v>1</v>
      </c>
      <c r="J55" s="1" t="s">
        <v>29</v>
      </c>
      <c r="K55" s="1" t="s">
        <v>47</v>
      </c>
      <c r="L55" s="1" t="s">
        <v>280</v>
      </c>
      <c r="M55" s="1" t="s">
        <v>5</v>
      </c>
      <c r="N55" s="1" t="s">
        <v>25</v>
      </c>
      <c r="O55" s="1" t="s">
        <v>38</v>
      </c>
      <c r="P55" s="5" t="s">
        <v>29800</v>
      </c>
    </row>
    <row r="56" spans="1:16" x14ac:dyDescent="0.2">
      <c r="A56" s="1" t="s">
        <v>194</v>
      </c>
      <c r="B56" s="1" t="s">
        <v>195</v>
      </c>
      <c r="C56" s="1" t="s">
        <v>285</v>
      </c>
      <c r="D56" s="1" t="s">
        <v>286</v>
      </c>
      <c r="E56" s="1" t="s">
        <v>287</v>
      </c>
      <c r="F56" s="1" t="s">
        <v>10</v>
      </c>
      <c r="G56" s="1" t="s">
        <v>10</v>
      </c>
      <c r="H56" s="1" t="s">
        <v>10</v>
      </c>
      <c r="I56" s="1" t="s">
        <v>1</v>
      </c>
      <c r="J56" s="1" t="s">
        <v>41</v>
      </c>
      <c r="K56" s="1" t="s">
        <v>7</v>
      </c>
      <c r="L56" s="1" t="s">
        <v>284</v>
      </c>
      <c r="M56" s="1" t="s">
        <v>5</v>
      </c>
      <c r="N56" s="1" t="s">
        <v>25</v>
      </c>
      <c r="O56" s="1" t="s">
        <v>38</v>
      </c>
      <c r="P56" s="5" t="s">
        <v>30954</v>
      </c>
    </row>
    <row r="57" spans="1:16" x14ac:dyDescent="0.2">
      <c r="A57" s="1" t="s">
        <v>20</v>
      </c>
      <c r="B57" s="1" t="s">
        <v>132</v>
      </c>
      <c r="C57" s="1" t="s">
        <v>289</v>
      </c>
      <c r="D57" s="1" t="s">
        <v>290</v>
      </c>
      <c r="E57" s="1" t="s">
        <v>291</v>
      </c>
      <c r="F57" s="1" t="s">
        <v>10</v>
      </c>
      <c r="G57" s="1" t="s">
        <v>10</v>
      </c>
      <c r="H57" s="1" t="s">
        <v>10</v>
      </c>
      <c r="I57" s="1" t="s">
        <v>1</v>
      </c>
      <c r="J57" s="1" t="s">
        <v>29</v>
      </c>
      <c r="K57" s="1" t="s">
        <v>7</v>
      </c>
      <c r="L57" s="1" t="s">
        <v>288</v>
      </c>
      <c r="M57" s="1" t="s">
        <v>5</v>
      </c>
      <c r="N57" s="1" t="s">
        <v>25</v>
      </c>
      <c r="O57" s="1" t="s">
        <v>38</v>
      </c>
      <c r="P57" s="5" t="s">
        <v>30955</v>
      </c>
    </row>
    <row r="58" spans="1:16" x14ac:dyDescent="0.2">
      <c r="A58" s="1" t="s">
        <v>20</v>
      </c>
      <c r="B58" s="1" t="s">
        <v>132</v>
      </c>
      <c r="C58" s="1" t="s">
        <v>293</v>
      </c>
      <c r="D58" s="1" t="s">
        <v>294</v>
      </c>
      <c r="E58" s="1"/>
      <c r="F58" s="1" t="s">
        <v>10</v>
      </c>
      <c r="G58" s="1" t="s">
        <v>10</v>
      </c>
      <c r="H58" s="1" t="s">
        <v>10</v>
      </c>
      <c r="I58" s="1" t="s">
        <v>1</v>
      </c>
      <c r="J58" s="1" t="s">
        <v>29</v>
      </c>
      <c r="K58" s="1" t="s">
        <v>37</v>
      </c>
      <c r="L58" s="1" t="s">
        <v>292</v>
      </c>
      <c r="M58" s="1" t="s">
        <v>5</v>
      </c>
      <c r="N58" s="1" t="s">
        <v>25</v>
      </c>
      <c r="O58" s="1" t="s">
        <v>38</v>
      </c>
      <c r="P58" s="5" t="s">
        <v>30956</v>
      </c>
    </row>
    <row r="59" spans="1:16" x14ac:dyDescent="0.2">
      <c r="A59" s="1" t="s">
        <v>20</v>
      </c>
      <c r="B59" s="1" t="s">
        <v>302</v>
      </c>
      <c r="C59" s="1" t="s">
        <v>297</v>
      </c>
      <c r="D59" s="1" t="s">
        <v>298</v>
      </c>
      <c r="E59" s="1" t="s">
        <v>299</v>
      </c>
      <c r="F59" s="1" t="s">
        <v>27</v>
      </c>
      <c r="G59" s="1" t="s">
        <v>10</v>
      </c>
      <c r="H59" s="1" t="s">
        <v>301</v>
      </c>
      <c r="I59" s="1" t="s">
        <v>1</v>
      </c>
      <c r="J59" s="1" t="s">
        <v>29</v>
      </c>
      <c r="K59" s="1" t="s">
        <v>100</v>
      </c>
      <c r="L59" s="1" t="s">
        <v>296</v>
      </c>
      <c r="M59" s="1" t="s">
        <v>5</v>
      </c>
      <c r="N59" s="1" t="s">
        <v>25</v>
      </c>
      <c r="O59" s="1" t="s">
        <v>8</v>
      </c>
      <c r="P59" s="5" t="s">
        <v>30957</v>
      </c>
    </row>
    <row r="60" spans="1:16" x14ac:dyDescent="0.2">
      <c r="A60" s="1" t="s">
        <v>20</v>
      </c>
      <c r="B60" s="1" t="s">
        <v>309</v>
      </c>
      <c r="C60" s="1" t="s">
        <v>305</v>
      </c>
      <c r="D60" s="1" t="s">
        <v>306</v>
      </c>
      <c r="E60" s="1" t="s">
        <v>308</v>
      </c>
      <c r="F60" s="1" t="s">
        <v>10</v>
      </c>
      <c r="G60" s="1" t="s">
        <v>10</v>
      </c>
      <c r="H60" s="1" t="s">
        <v>10</v>
      </c>
      <c r="I60" s="1" t="s">
        <v>1</v>
      </c>
      <c r="J60" s="1" t="s">
        <v>307</v>
      </c>
      <c r="K60" s="1" t="s">
        <v>179</v>
      </c>
      <c r="L60" s="1" t="s">
        <v>304</v>
      </c>
      <c r="M60" s="1" t="s">
        <v>5</v>
      </c>
      <c r="N60" s="1" t="s">
        <v>25</v>
      </c>
      <c r="O60" s="1" t="s">
        <v>38</v>
      </c>
      <c r="P60" s="5" t="s">
        <v>29801</v>
      </c>
    </row>
    <row r="61" spans="1:16" x14ac:dyDescent="0.2">
      <c r="A61" s="1" t="s">
        <v>42</v>
      </c>
      <c r="B61" s="1" t="s">
        <v>43</v>
      </c>
      <c r="C61" s="1" t="s">
        <v>312</v>
      </c>
      <c r="D61" s="1" t="s">
        <v>313</v>
      </c>
      <c r="E61" s="1" t="s">
        <v>314</v>
      </c>
      <c r="F61" s="1" t="s">
        <v>10</v>
      </c>
      <c r="G61" s="1" t="s">
        <v>10</v>
      </c>
      <c r="H61" s="1" t="s">
        <v>10</v>
      </c>
      <c r="I61" s="1" t="s">
        <v>1</v>
      </c>
      <c r="J61" s="1" t="s">
        <v>29</v>
      </c>
      <c r="K61" s="1" t="s">
        <v>37</v>
      </c>
      <c r="L61" s="1" t="s">
        <v>311</v>
      </c>
      <c r="M61" s="1" t="s">
        <v>5</v>
      </c>
      <c r="N61" s="1" t="s">
        <v>25</v>
      </c>
      <c r="O61" s="1" t="s">
        <v>38</v>
      </c>
      <c r="P61" s="5" t="s">
        <v>29802</v>
      </c>
    </row>
    <row r="62" spans="1:16" x14ac:dyDescent="0.2">
      <c r="A62" s="1" t="s">
        <v>42</v>
      </c>
      <c r="B62" s="1" t="s">
        <v>320</v>
      </c>
      <c r="C62" s="1" t="s">
        <v>316</v>
      </c>
      <c r="D62" s="1" t="s">
        <v>317</v>
      </c>
      <c r="E62" s="1" t="s">
        <v>319</v>
      </c>
      <c r="F62" s="1" t="s">
        <v>10</v>
      </c>
      <c r="G62" s="1" t="s">
        <v>10</v>
      </c>
      <c r="H62" s="1" t="s">
        <v>10</v>
      </c>
      <c r="I62" s="1" t="s">
        <v>1</v>
      </c>
      <c r="J62" s="1" t="s">
        <v>318</v>
      </c>
      <c r="K62" s="1" t="s">
        <v>130</v>
      </c>
      <c r="L62" s="1" t="s">
        <v>315</v>
      </c>
      <c r="M62" s="1" t="s">
        <v>5</v>
      </c>
      <c r="N62" s="1" t="s">
        <v>25</v>
      </c>
      <c r="O62" s="1" t="s">
        <v>38</v>
      </c>
      <c r="P62" s="5" t="s">
        <v>29803</v>
      </c>
    </row>
    <row r="63" spans="1:16" x14ac:dyDescent="0.2">
      <c r="A63" s="1" t="s">
        <v>20</v>
      </c>
      <c r="B63" s="1" t="s">
        <v>132</v>
      </c>
      <c r="C63" s="1" t="s">
        <v>322</v>
      </c>
      <c r="D63" s="1" t="s">
        <v>323</v>
      </c>
      <c r="E63" s="1" t="s">
        <v>324</v>
      </c>
      <c r="F63" s="1" t="s">
        <v>10</v>
      </c>
      <c r="G63" s="1" t="s">
        <v>10</v>
      </c>
      <c r="H63" s="1" t="s">
        <v>10</v>
      </c>
      <c r="I63" s="1" t="s">
        <v>1</v>
      </c>
      <c r="J63" s="1" t="s">
        <v>29</v>
      </c>
      <c r="K63" s="1" t="s">
        <v>7</v>
      </c>
      <c r="L63" s="1" t="s">
        <v>321</v>
      </c>
      <c r="M63" s="1" t="s">
        <v>5</v>
      </c>
      <c r="N63" s="1" t="s">
        <v>25</v>
      </c>
      <c r="O63" s="1" t="s">
        <v>38</v>
      </c>
      <c r="P63" s="5" t="s">
        <v>29804</v>
      </c>
    </row>
    <row r="64" spans="1:16" x14ac:dyDescent="0.2">
      <c r="A64" s="1" t="s">
        <v>329</v>
      </c>
      <c r="B64" s="1" t="s">
        <v>330</v>
      </c>
      <c r="C64" s="1" t="s">
        <v>326</v>
      </c>
      <c r="D64" s="1" t="s">
        <v>327</v>
      </c>
      <c r="E64" s="1" t="s">
        <v>328</v>
      </c>
      <c r="F64" s="1" t="s">
        <v>10</v>
      </c>
      <c r="G64" s="1" t="s">
        <v>10</v>
      </c>
      <c r="H64" s="1" t="s">
        <v>10</v>
      </c>
      <c r="I64" s="1" t="s">
        <v>1</v>
      </c>
      <c r="J64" s="1" t="s">
        <v>29</v>
      </c>
      <c r="K64" s="1" t="s">
        <v>100</v>
      </c>
      <c r="L64" s="1" t="s">
        <v>325</v>
      </c>
      <c r="M64" s="1" t="s">
        <v>5</v>
      </c>
      <c r="N64" s="1" t="s">
        <v>25</v>
      </c>
      <c r="O64" s="1" t="s">
        <v>38</v>
      </c>
      <c r="P64" s="5" t="s">
        <v>30958</v>
      </c>
    </row>
    <row r="65" spans="1:16" x14ac:dyDescent="0.2">
      <c r="A65" s="1" t="s">
        <v>42</v>
      </c>
      <c r="B65" s="1" t="s">
        <v>335</v>
      </c>
      <c r="C65" s="1" t="s">
        <v>332</v>
      </c>
      <c r="D65" s="1" t="s">
        <v>333</v>
      </c>
      <c r="E65" s="1"/>
      <c r="F65" s="1" t="s">
        <v>10</v>
      </c>
      <c r="G65" s="1" t="s">
        <v>10</v>
      </c>
      <c r="H65" s="1" t="s">
        <v>10</v>
      </c>
      <c r="I65" s="1" t="s">
        <v>1</v>
      </c>
      <c r="J65" s="1" t="s">
        <v>10</v>
      </c>
      <c r="K65" s="1" t="s">
        <v>47</v>
      </c>
      <c r="L65" s="1" t="s">
        <v>331</v>
      </c>
      <c r="M65" s="1" t="s">
        <v>5</v>
      </c>
      <c r="N65" s="1" t="s">
        <v>25</v>
      </c>
      <c r="O65" s="1" t="s">
        <v>38</v>
      </c>
      <c r="P65" s="5" t="s">
        <v>30959</v>
      </c>
    </row>
    <row r="66" spans="1:16" x14ac:dyDescent="0.2">
      <c r="A66" s="1" t="s">
        <v>20</v>
      </c>
      <c r="B66" s="1" t="s">
        <v>93</v>
      </c>
      <c r="C66" s="1" t="s">
        <v>337</v>
      </c>
      <c r="D66" s="1" t="s">
        <v>338</v>
      </c>
      <c r="E66" s="1" t="s">
        <v>339</v>
      </c>
      <c r="F66" s="1" t="s">
        <v>10</v>
      </c>
      <c r="G66" s="1" t="s">
        <v>10</v>
      </c>
      <c r="H66" s="1" t="s">
        <v>10</v>
      </c>
      <c r="I66" s="1" t="s">
        <v>1</v>
      </c>
      <c r="J66" s="1" t="s">
        <v>41</v>
      </c>
      <c r="K66" s="1" t="s">
        <v>7</v>
      </c>
      <c r="L66" s="1" t="s">
        <v>336</v>
      </c>
      <c r="M66" s="1" t="s">
        <v>5</v>
      </c>
      <c r="N66" s="1" t="s">
        <v>25</v>
      </c>
      <c r="O66" s="1" t="s">
        <v>38</v>
      </c>
      <c r="P66" s="5" t="s">
        <v>29805</v>
      </c>
    </row>
    <row r="67" spans="1:16" x14ac:dyDescent="0.2">
      <c r="A67" s="1" t="s">
        <v>10</v>
      </c>
      <c r="B67" s="1" t="s">
        <v>10</v>
      </c>
      <c r="C67" s="1" t="s">
        <v>342</v>
      </c>
      <c r="D67" s="1" t="s">
        <v>343</v>
      </c>
      <c r="E67" s="1"/>
      <c r="F67" s="1" t="s">
        <v>10</v>
      </c>
      <c r="G67" s="1" t="s">
        <v>10</v>
      </c>
      <c r="H67" s="1" t="s">
        <v>10</v>
      </c>
      <c r="I67" s="1" t="s">
        <v>1</v>
      </c>
      <c r="J67" s="1" t="s">
        <v>75</v>
      </c>
      <c r="K67" s="1" t="s">
        <v>27</v>
      </c>
      <c r="L67" s="1" t="s">
        <v>341</v>
      </c>
      <c r="M67" s="1" t="s">
        <v>5</v>
      </c>
      <c r="N67" s="1" t="s">
        <v>10</v>
      </c>
      <c r="O67" s="1" t="s">
        <v>38</v>
      </c>
      <c r="P67" s="5" t="s">
        <v>30960</v>
      </c>
    </row>
    <row r="68" spans="1:16" x14ac:dyDescent="0.2">
      <c r="A68" s="1" t="s">
        <v>42</v>
      </c>
      <c r="B68" s="1" t="s">
        <v>43</v>
      </c>
      <c r="C68" s="1" t="s">
        <v>345</v>
      </c>
      <c r="D68" s="1" t="s">
        <v>346</v>
      </c>
      <c r="E68" s="1"/>
      <c r="F68" s="1" t="s">
        <v>10</v>
      </c>
      <c r="G68" s="1" t="s">
        <v>10</v>
      </c>
      <c r="H68" s="1" t="s">
        <v>10</v>
      </c>
      <c r="I68" s="1" t="s">
        <v>1</v>
      </c>
      <c r="J68" s="1" t="s">
        <v>29</v>
      </c>
      <c r="K68" s="1" t="s">
        <v>37</v>
      </c>
      <c r="L68" s="1" t="s">
        <v>344</v>
      </c>
      <c r="M68" s="1" t="s">
        <v>5</v>
      </c>
      <c r="N68" s="1" t="s">
        <v>25</v>
      </c>
      <c r="O68" s="1" t="s">
        <v>38</v>
      </c>
      <c r="P68" s="5" t="s">
        <v>29806</v>
      </c>
    </row>
    <row r="69" spans="1:16" x14ac:dyDescent="0.2">
      <c r="A69" s="1" t="s">
        <v>42</v>
      </c>
      <c r="B69" s="1" t="s">
        <v>351</v>
      </c>
      <c r="C69" s="1" t="s">
        <v>348</v>
      </c>
      <c r="D69" s="1" t="s">
        <v>349</v>
      </c>
      <c r="E69" s="1" t="s">
        <v>350</v>
      </c>
      <c r="F69" s="1" t="s">
        <v>10</v>
      </c>
      <c r="G69" s="1" t="s">
        <v>10</v>
      </c>
      <c r="H69" s="1" t="s">
        <v>10</v>
      </c>
      <c r="I69" s="1" t="s">
        <v>1</v>
      </c>
      <c r="J69" s="1" t="s">
        <v>318</v>
      </c>
      <c r="K69" s="1" t="s">
        <v>7</v>
      </c>
      <c r="L69" s="1" t="s">
        <v>347</v>
      </c>
      <c r="M69" s="1" t="s">
        <v>5</v>
      </c>
      <c r="N69" s="1" t="s">
        <v>25</v>
      </c>
      <c r="O69" s="1" t="s">
        <v>38</v>
      </c>
      <c r="P69" s="5" t="s">
        <v>29807</v>
      </c>
    </row>
    <row r="70" spans="1:16" x14ac:dyDescent="0.2">
      <c r="A70" s="1" t="s">
        <v>42</v>
      </c>
      <c r="B70" s="1" t="s">
        <v>43</v>
      </c>
      <c r="C70" s="1" t="s">
        <v>353</v>
      </c>
      <c r="D70" s="1" t="s">
        <v>354</v>
      </c>
      <c r="E70" s="1"/>
      <c r="F70" s="1" t="s">
        <v>10</v>
      </c>
      <c r="G70" s="1" t="s">
        <v>10</v>
      </c>
      <c r="H70" s="1" t="s">
        <v>10</v>
      </c>
      <c r="I70" s="1" t="s">
        <v>1</v>
      </c>
      <c r="J70" s="1" t="s">
        <v>29</v>
      </c>
      <c r="K70" s="1" t="s">
        <v>37</v>
      </c>
      <c r="L70" s="1" t="s">
        <v>352</v>
      </c>
      <c r="M70" s="1" t="s">
        <v>5</v>
      </c>
      <c r="N70" s="1" t="s">
        <v>25</v>
      </c>
      <c r="O70" s="1" t="s">
        <v>38</v>
      </c>
      <c r="P70" s="5" t="s">
        <v>29808</v>
      </c>
    </row>
    <row r="71" spans="1:16" x14ac:dyDescent="0.2">
      <c r="A71" s="1" t="s">
        <v>42</v>
      </c>
      <c r="B71" s="1" t="s">
        <v>50</v>
      </c>
      <c r="C71" s="1" t="s">
        <v>358</v>
      </c>
      <c r="D71" s="1" t="s">
        <v>359</v>
      </c>
      <c r="E71" s="1"/>
      <c r="F71" s="1" t="s">
        <v>10</v>
      </c>
      <c r="G71" s="1" t="s">
        <v>10</v>
      </c>
      <c r="H71" s="1" t="s">
        <v>10</v>
      </c>
      <c r="I71" s="1" t="s">
        <v>1</v>
      </c>
      <c r="J71" s="1" t="s">
        <v>29</v>
      </c>
      <c r="K71" s="1" t="s">
        <v>47</v>
      </c>
      <c r="L71" s="1" t="s">
        <v>357</v>
      </c>
      <c r="M71" s="1" t="s">
        <v>5</v>
      </c>
      <c r="N71" s="1" t="s">
        <v>25</v>
      </c>
      <c r="O71" s="1" t="s">
        <v>38</v>
      </c>
      <c r="P71" s="5" t="s">
        <v>29809</v>
      </c>
    </row>
    <row r="72" spans="1:16" x14ac:dyDescent="0.2">
      <c r="A72" s="1" t="s">
        <v>20</v>
      </c>
      <c r="B72" s="1" t="s">
        <v>132</v>
      </c>
      <c r="C72" s="1" t="s">
        <v>362</v>
      </c>
      <c r="D72" s="1" t="s">
        <v>363</v>
      </c>
      <c r="E72" s="1"/>
      <c r="F72" s="1" t="s">
        <v>10</v>
      </c>
      <c r="G72" s="1" t="s">
        <v>10</v>
      </c>
      <c r="H72" s="1" t="s">
        <v>10</v>
      </c>
      <c r="I72" s="1" t="s">
        <v>1</v>
      </c>
      <c r="J72" s="1" t="s">
        <v>16</v>
      </c>
      <c r="K72" s="1" t="s">
        <v>7</v>
      </c>
      <c r="L72" s="1" t="s">
        <v>361</v>
      </c>
      <c r="M72" s="1" t="s">
        <v>5</v>
      </c>
      <c r="N72" s="1" t="s">
        <v>25</v>
      </c>
      <c r="O72" s="1" t="s">
        <v>38</v>
      </c>
      <c r="P72" s="5" t="s">
        <v>29810</v>
      </c>
    </row>
    <row r="73" spans="1:16" x14ac:dyDescent="0.2">
      <c r="A73" s="1" t="s">
        <v>20</v>
      </c>
      <c r="B73" s="1" t="s">
        <v>21</v>
      </c>
      <c r="C73" s="1" t="s">
        <v>365</v>
      </c>
      <c r="D73" s="1" t="s">
        <v>366</v>
      </c>
      <c r="E73" s="1"/>
      <c r="F73" s="1" t="s">
        <v>10</v>
      </c>
      <c r="G73" s="1" t="s">
        <v>10</v>
      </c>
      <c r="H73" s="1" t="s">
        <v>10</v>
      </c>
      <c r="I73" s="1" t="s">
        <v>1</v>
      </c>
      <c r="J73" s="1" t="s">
        <v>147</v>
      </c>
      <c r="K73" s="1" t="s">
        <v>7</v>
      </c>
      <c r="L73" s="1" t="s">
        <v>364</v>
      </c>
      <c r="M73" s="1" t="s">
        <v>5</v>
      </c>
      <c r="N73" s="1" t="s">
        <v>25</v>
      </c>
      <c r="O73" s="1" t="s">
        <v>38</v>
      </c>
      <c r="P73" s="5" t="s">
        <v>30961</v>
      </c>
    </row>
    <row r="74" spans="1:16" x14ac:dyDescent="0.2">
      <c r="A74" s="1" t="s">
        <v>194</v>
      </c>
      <c r="B74" s="1" t="s">
        <v>195</v>
      </c>
      <c r="C74" s="1" t="s">
        <v>368</v>
      </c>
      <c r="D74" s="1" t="s">
        <v>369</v>
      </c>
      <c r="E74" s="1" t="s">
        <v>371</v>
      </c>
      <c r="F74" s="1" t="s">
        <v>10</v>
      </c>
      <c r="G74" s="1" t="s">
        <v>10</v>
      </c>
      <c r="H74" s="1" t="s">
        <v>10</v>
      </c>
      <c r="I74" s="1" t="s">
        <v>1</v>
      </c>
      <c r="J74" s="1" t="s">
        <v>370</v>
      </c>
      <c r="K74" s="1" t="s">
        <v>7</v>
      </c>
      <c r="L74" s="1" t="s">
        <v>367</v>
      </c>
      <c r="M74" s="1" t="s">
        <v>5</v>
      </c>
      <c r="N74" s="1" t="s">
        <v>25</v>
      </c>
      <c r="O74" s="1" t="s">
        <v>38</v>
      </c>
      <c r="P74" s="5" t="s">
        <v>29811</v>
      </c>
    </row>
    <row r="75" spans="1:16" x14ac:dyDescent="0.2">
      <c r="A75" s="1" t="s">
        <v>20</v>
      </c>
      <c r="B75" s="1" t="s">
        <v>309</v>
      </c>
      <c r="C75" s="1" t="s">
        <v>373</v>
      </c>
      <c r="D75" s="1" t="s">
        <v>374</v>
      </c>
      <c r="E75" s="1" t="s">
        <v>375</v>
      </c>
      <c r="F75" s="1" t="s">
        <v>10</v>
      </c>
      <c r="G75" s="1" t="s">
        <v>10</v>
      </c>
      <c r="H75" s="1" t="s">
        <v>10</v>
      </c>
      <c r="I75" s="1" t="s">
        <v>1</v>
      </c>
      <c r="J75" s="1" t="s">
        <v>29</v>
      </c>
      <c r="K75" s="1" t="s">
        <v>64</v>
      </c>
      <c r="L75" s="1" t="s">
        <v>372</v>
      </c>
      <c r="M75" s="1" t="s">
        <v>5</v>
      </c>
      <c r="N75" s="1" t="s">
        <v>6</v>
      </c>
      <c r="O75" s="1" t="s">
        <v>38</v>
      </c>
      <c r="P75" s="5" t="s">
        <v>29812</v>
      </c>
    </row>
    <row r="76" spans="1:16" x14ac:dyDescent="0.2">
      <c r="A76" s="1" t="s">
        <v>42</v>
      </c>
      <c r="B76" s="1" t="s">
        <v>50</v>
      </c>
      <c r="C76" s="1" t="s">
        <v>378</v>
      </c>
      <c r="D76" s="1" t="s">
        <v>379</v>
      </c>
      <c r="E76" s="1" t="s">
        <v>381</v>
      </c>
      <c r="F76" s="1" t="s">
        <v>10</v>
      </c>
      <c r="G76" s="1" t="s">
        <v>10</v>
      </c>
      <c r="H76" s="1" t="s">
        <v>10</v>
      </c>
      <c r="I76" s="1" t="s">
        <v>1</v>
      </c>
      <c r="J76" s="1" t="s">
        <v>29</v>
      </c>
      <c r="K76" s="1" t="s">
        <v>47</v>
      </c>
      <c r="L76" s="1" t="s">
        <v>377</v>
      </c>
      <c r="M76" s="1" t="s">
        <v>5</v>
      </c>
      <c r="N76" s="1" t="s">
        <v>25</v>
      </c>
      <c r="O76" s="1" t="s">
        <v>38</v>
      </c>
      <c r="P76" s="5" t="s">
        <v>29813</v>
      </c>
    </row>
    <row r="77" spans="1:16" x14ac:dyDescent="0.2">
      <c r="A77" s="1" t="s">
        <v>329</v>
      </c>
      <c r="B77" s="1" t="s">
        <v>340</v>
      </c>
      <c r="C77" s="1" t="s">
        <v>383</v>
      </c>
      <c r="D77" s="1" t="s">
        <v>384</v>
      </c>
      <c r="E77" s="1" t="s">
        <v>385</v>
      </c>
      <c r="F77" s="1" t="s">
        <v>10</v>
      </c>
      <c r="G77" s="1" t="s">
        <v>10</v>
      </c>
      <c r="H77" s="1" t="s">
        <v>10</v>
      </c>
      <c r="I77" s="1" t="s">
        <v>1</v>
      </c>
      <c r="J77" s="1" t="s">
        <v>307</v>
      </c>
      <c r="K77" s="1" t="s">
        <v>244</v>
      </c>
      <c r="L77" s="1" t="s">
        <v>382</v>
      </c>
      <c r="M77" s="1" t="s">
        <v>5</v>
      </c>
      <c r="N77" s="1" t="s">
        <v>25</v>
      </c>
      <c r="O77" s="1" t="s">
        <v>38</v>
      </c>
      <c r="P77" s="5" t="s">
        <v>29792</v>
      </c>
    </row>
    <row r="78" spans="1:16" x14ac:dyDescent="0.2">
      <c r="A78" s="1" t="s">
        <v>42</v>
      </c>
      <c r="B78" s="1" t="s">
        <v>118</v>
      </c>
      <c r="C78" s="1" t="s">
        <v>387</v>
      </c>
      <c r="D78" s="1" t="s">
        <v>388</v>
      </c>
      <c r="E78" s="1" t="s">
        <v>389</v>
      </c>
      <c r="F78" s="1" t="s">
        <v>10</v>
      </c>
      <c r="G78" s="1" t="s">
        <v>10</v>
      </c>
      <c r="H78" s="1" t="s">
        <v>10</v>
      </c>
      <c r="I78" s="1" t="s">
        <v>1</v>
      </c>
      <c r="J78" s="1" t="s">
        <v>16</v>
      </c>
      <c r="K78" s="1" t="s">
        <v>37</v>
      </c>
      <c r="L78" s="1" t="s">
        <v>386</v>
      </c>
      <c r="M78" s="1" t="s">
        <v>5</v>
      </c>
      <c r="N78" s="1" t="s">
        <v>25</v>
      </c>
      <c r="O78" s="1" t="s">
        <v>38</v>
      </c>
      <c r="P78" s="5" t="s">
        <v>30897</v>
      </c>
    </row>
    <row r="79" spans="1:16" x14ac:dyDescent="0.2">
      <c r="A79" s="1" t="s">
        <v>194</v>
      </c>
      <c r="B79" s="1" t="s">
        <v>396</v>
      </c>
      <c r="C79" s="1" t="s">
        <v>391</v>
      </c>
      <c r="D79" s="1" t="s">
        <v>392</v>
      </c>
      <c r="E79" s="1" t="s">
        <v>394</v>
      </c>
      <c r="F79" s="1" t="s">
        <v>393</v>
      </c>
      <c r="G79" s="1" t="s">
        <v>395</v>
      </c>
      <c r="H79" s="1" t="s">
        <v>10</v>
      </c>
      <c r="I79" s="1" t="s">
        <v>1</v>
      </c>
      <c r="J79" s="1" t="s">
        <v>10</v>
      </c>
      <c r="K79" s="1" t="s">
        <v>27</v>
      </c>
      <c r="L79" s="1" t="s">
        <v>390</v>
      </c>
      <c r="M79" s="1" t="s">
        <v>5</v>
      </c>
      <c r="N79" s="1" t="s">
        <v>6</v>
      </c>
      <c r="O79" s="1" t="s">
        <v>8</v>
      </c>
      <c r="P79" s="5" t="s">
        <v>30962</v>
      </c>
    </row>
    <row r="80" spans="1:16" x14ac:dyDescent="0.2">
      <c r="A80" s="1" t="s">
        <v>42</v>
      </c>
      <c r="B80" s="1" t="s">
        <v>43</v>
      </c>
      <c r="C80" s="1" t="s">
        <v>398</v>
      </c>
      <c r="D80" s="1" t="s">
        <v>399</v>
      </c>
      <c r="E80" s="1"/>
      <c r="F80" s="1" t="s">
        <v>10</v>
      </c>
      <c r="G80" s="1" t="s">
        <v>10</v>
      </c>
      <c r="H80" s="1" t="s">
        <v>10</v>
      </c>
      <c r="I80" s="1" t="s">
        <v>1</v>
      </c>
      <c r="J80" s="1" t="s">
        <v>41</v>
      </c>
      <c r="K80" s="1" t="s">
        <v>37</v>
      </c>
      <c r="L80" s="1" t="s">
        <v>397</v>
      </c>
      <c r="M80" s="1" t="s">
        <v>5</v>
      </c>
      <c r="N80" s="1" t="s">
        <v>25</v>
      </c>
      <c r="O80" s="1" t="s">
        <v>38</v>
      </c>
      <c r="P80" s="5" t="s">
        <v>29814</v>
      </c>
    </row>
    <row r="81" spans="1:16" x14ac:dyDescent="0.2">
      <c r="A81" s="1" t="s">
        <v>42</v>
      </c>
      <c r="B81" s="1" t="s">
        <v>43</v>
      </c>
      <c r="C81" s="1" t="s">
        <v>401</v>
      </c>
      <c r="D81" s="1" t="s">
        <v>402</v>
      </c>
      <c r="E81" s="1"/>
      <c r="F81" s="1" t="s">
        <v>10</v>
      </c>
      <c r="G81" s="1" t="s">
        <v>10</v>
      </c>
      <c r="H81" s="1" t="s">
        <v>10</v>
      </c>
      <c r="I81" s="1" t="s">
        <v>1</v>
      </c>
      <c r="J81" s="1" t="s">
        <v>41</v>
      </c>
      <c r="K81" s="1" t="s">
        <v>37</v>
      </c>
      <c r="L81" s="1" t="s">
        <v>400</v>
      </c>
      <c r="M81" s="1" t="s">
        <v>5</v>
      </c>
      <c r="N81" s="1" t="s">
        <v>25</v>
      </c>
      <c r="O81" s="1" t="s">
        <v>38</v>
      </c>
      <c r="P81" s="5" t="s">
        <v>29802</v>
      </c>
    </row>
    <row r="82" spans="1:16" x14ac:dyDescent="0.2">
      <c r="A82" s="1" t="s">
        <v>42</v>
      </c>
      <c r="B82" s="1" t="s">
        <v>109</v>
      </c>
      <c r="C82" s="1" t="s">
        <v>404</v>
      </c>
      <c r="D82" s="1" t="s">
        <v>405</v>
      </c>
      <c r="E82" s="1" t="s">
        <v>406</v>
      </c>
      <c r="F82" s="1" t="s">
        <v>10</v>
      </c>
      <c r="G82" s="1" t="s">
        <v>10</v>
      </c>
      <c r="H82" s="1" t="s">
        <v>10</v>
      </c>
      <c r="I82" s="1" t="s">
        <v>1</v>
      </c>
      <c r="J82" s="1" t="s">
        <v>41</v>
      </c>
      <c r="K82" s="1" t="s">
        <v>7</v>
      </c>
      <c r="L82" s="1" t="s">
        <v>403</v>
      </c>
      <c r="M82" s="1" t="s">
        <v>5</v>
      </c>
      <c r="N82" s="1" t="s">
        <v>25</v>
      </c>
      <c r="O82" s="1" t="s">
        <v>38</v>
      </c>
      <c r="P82" s="5" t="s">
        <v>29815</v>
      </c>
    </row>
    <row r="83" spans="1:16" x14ac:dyDescent="0.2">
      <c r="A83" s="1" t="s">
        <v>42</v>
      </c>
      <c r="B83" s="1" t="s">
        <v>43</v>
      </c>
      <c r="C83" s="1" t="s">
        <v>408</v>
      </c>
      <c r="D83" s="1" t="s">
        <v>409</v>
      </c>
      <c r="E83" s="1" t="s">
        <v>410</v>
      </c>
      <c r="F83" s="1" t="s">
        <v>10</v>
      </c>
      <c r="G83" s="1" t="s">
        <v>10</v>
      </c>
      <c r="H83" s="1" t="s">
        <v>10</v>
      </c>
      <c r="I83" s="1" t="s">
        <v>1</v>
      </c>
      <c r="J83" s="1" t="s">
        <v>41</v>
      </c>
      <c r="K83" s="1" t="s">
        <v>27</v>
      </c>
      <c r="L83" s="1" t="s">
        <v>407</v>
      </c>
      <c r="M83" s="1" t="s">
        <v>5</v>
      </c>
      <c r="N83" s="1" t="s">
        <v>25</v>
      </c>
      <c r="O83" s="1" t="s">
        <v>38</v>
      </c>
      <c r="P83" s="5" t="s">
        <v>29816</v>
      </c>
    </row>
    <row r="84" spans="1:16" x14ac:dyDescent="0.2">
      <c r="A84" s="1" t="s">
        <v>10</v>
      </c>
      <c r="B84" s="1" t="s">
        <v>10</v>
      </c>
      <c r="C84" s="1" t="s">
        <v>412</v>
      </c>
      <c r="D84" s="1" t="s">
        <v>413</v>
      </c>
      <c r="E84" s="1"/>
      <c r="F84" s="1" t="s">
        <v>414</v>
      </c>
      <c r="G84" s="1" t="s">
        <v>416</v>
      </c>
      <c r="H84" s="1" t="s">
        <v>10</v>
      </c>
      <c r="I84" s="1" t="s">
        <v>1</v>
      </c>
      <c r="J84" s="1" t="s">
        <v>415</v>
      </c>
      <c r="K84" s="1" t="s">
        <v>27</v>
      </c>
      <c r="L84" s="1" t="s">
        <v>411</v>
      </c>
      <c r="M84" s="1" t="s">
        <v>5</v>
      </c>
      <c r="N84" s="1" t="s">
        <v>25</v>
      </c>
      <c r="O84" s="1" t="s">
        <v>8</v>
      </c>
      <c r="P84" s="5" t="s">
        <v>30963</v>
      </c>
    </row>
    <row r="85" spans="1:16" x14ac:dyDescent="0.2">
      <c r="A85" s="1" t="s">
        <v>423</v>
      </c>
      <c r="B85" s="1" t="s">
        <v>424</v>
      </c>
      <c r="C85" s="1" t="s">
        <v>420</v>
      </c>
      <c r="D85" s="1" t="s">
        <v>421</v>
      </c>
      <c r="E85" s="1" t="s">
        <v>422</v>
      </c>
      <c r="F85" s="1" t="s">
        <v>10</v>
      </c>
      <c r="G85" s="1" t="s">
        <v>10</v>
      </c>
      <c r="H85" s="1" t="s">
        <v>10</v>
      </c>
      <c r="I85" s="1" t="s">
        <v>1</v>
      </c>
      <c r="J85" s="1" t="s">
        <v>29</v>
      </c>
      <c r="K85" s="1" t="s">
        <v>100</v>
      </c>
      <c r="L85" s="1" t="s">
        <v>419</v>
      </c>
      <c r="M85" s="1" t="s">
        <v>5</v>
      </c>
      <c r="N85" s="1" t="s">
        <v>25</v>
      </c>
      <c r="O85" s="1" t="s">
        <v>38</v>
      </c>
      <c r="P85" s="5" t="s">
        <v>30964</v>
      </c>
    </row>
    <row r="86" spans="1:16" x14ac:dyDescent="0.2">
      <c r="A86" s="1" t="s">
        <v>20</v>
      </c>
      <c r="B86" s="1" t="s">
        <v>253</v>
      </c>
      <c r="C86" s="1" t="s">
        <v>426</v>
      </c>
      <c r="D86" s="1" t="s">
        <v>427</v>
      </c>
      <c r="E86" s="1"/>
      <c r="F86" s="1" t="s">
        <v>27</v>
      </c>
      <c r="G86" s="1" t="s">
        <v>10</v>
      </c>
      <c r="H86" s="1" t="s">
        <v>428</v>
      </c>
      <c r="I86" s="1" t="s">
        <v>1</v>
      </c>
      <c r="J86" s="1" t="s">
        <v>29</v>
      </c>
      <c r="K86" s="1" t="s">
        <v>7</v>
      </c>
      <c r="L86" s="1" t="s">
        <v>425</v>
      </c>
      <c r="M86" s="1" t="s">
        <v>5</v>
      </c>
      <c r="N86" s="1" t="s">
        <v>25</v>
      </c>
      <c r="O86" s="1" t="s">
        <v>8</v>
      </c>
      <c r="P86" s="5" t="s">
        <v>29817</v>
      </c>
    </row>
    <row r="87" spans="1:16" x14ac:dyDescent="0.2">
      <c r="A87" s="1" t="s">
        <v>20</v>
      </c>
      <c r="B87" s="1" t="s">
        <v>253</v>
      </c>
      <c r="C87" s="1" t="s">
        <v>430</v>
      </c>
      <c r="D87" s="1" t="s">
        <v>431</v>
      </c>
      <c r="E87" s="1"/>
      <c r="F87" s="1" t="s">
        <v>27</v>
      </c>
      <c r="G87" s="1" t="s">
        <v>10</v>
      </c>
      <c r="H87" s="1" t="s">
        <v>433</v>
      </c>
      <c r="I87" s="1" t="s">
        <v>1</v>
      </c>
      <c r="J87" s="1" t="s">
        <v>29</v>
      </c>
      <c r="K87" s="1" t="s">
        <v>100</v>
      </c>
      <c r="L87" s="1" t="s">
        <v>429</v>
      </c>
      <c r="M87" s="1" t="s">
        <v>5</v>
      </c>
      <c r="N87" s="1" t="s">
        <v>432</v>
      </c>
      <c r="O87" s="1" t="s">
        <v>8</v>
      </c>
      <c r="P87" s="5" t="s">
        <v>29818</v>
      </c>
    </row>
    <row r="88" spans="1:16" x14ac:dyDescent="0.2">
      <c r="A88" s="1" t="s">
        <v>329</v>
      </c>
      <c r="B88" s="1" t="s">
        <v>439</v>
      </c>
      <c r="C88" s="1" t="s">
        <v>435</v>
      </c>
      <c r="D88" s="1" t="s">
        <v>436</v>
      </c>
      <c r="E88" s="1"/>
      <c r="F88" s="1" t="s">
        <v>437</v>
      </c>
      <c r="G88" s="1" t="s">
        <v>10</v>
      </c>
      <c r="H88" s="1" t="s">
        <v>438</v>
      </c>
      <c r="I88" s="1" t="s">
        <v>1</v>
      </c>
      <c r="J88" s="1" t="s">
        <v>29</v>
      </c>
      <c r="K88" s="1" t="s">
        <v>100</v>
      </c>
      <c r="L88" s="1" t="s">
        <v>434</v>
      </c>
      <c r="M88" s="1" t="s">
        <v>5</v>
      </c>
      <c r="N88" s="1" t="s">
        <v>6</v>
      </c>
      <c r="O88" s="1" t="s">
        <v>8</v>
      </c>
      <c r="P88" s="5" t="s">
        <v>29819</v>
      </c>
    </row>
    <row r="89" spans="1:16" x14ac:dyDescent="0.2">
      <c r="A89" s="1" t="s">
        <v>20</v>
      </c>
      <c r="B89" s="1" t="s">
        <v>445</v>
      </c>
      <c r="C89" s="1" t="s">
        <v>441</v>
      </c>
      <c r="D89" s="1" t="s">
        <v>442</v>
      </c>
      <c r="E89" s="1" t="s">
        <v>444</v>
      </c>
      <c r="F89" s="1" t="s">
        <v>10</v>
      </c>
      <c r="G89" s="1" t="s">
        <v>10</v>
      </c>
      <c r="H89" s="1" t="s">
        <v>10</v>
      </c>
      <c r="I89" s="1" t="s">
        <v>1</v>
      </c>
      <c r="J89" s="1" t="s">
        <v>147</v>
      </c>
      <c r="K89" s="1" t="s">
        <v>443</v>
      </c>
      <c r="L89" s="1" t="s">
        <v>440</v>
      </c>
      <c r="M89" s="1" t="s">
        <v>5</v>
      </c>
      <c r="N89" s="1" t="s">
        <v>25</v>
      </c>
      <c r="O89" s="1" t="s">
        <v>38</v>
      </c>
      <c r="P89" s="5" t="s">
        <v>30965</v>
      </c>
    </row>
    <row r="90" spans="1:16" x14ac:dyDescent="0.2">
      <c r="A90" s="1" t="s">
        <v>20</v>
      </c>
      <c r="B90" s="1" t="s">
        <v>445</v>
      </c>
      <c r="C90" s="1" t="s">
        <v>447</v>
      </c>
      <c r="D90" s="1" t="s">
        <v>448</v>
      </c>
      <c r="E90" s="1"/>
      <c r="F90" s="1" t="s">
        <v>10</v>
      </c>
      <c r="G90" s="1" t="s">
        <v>10</v>
      </c>
      <c r="H90" s="1" t="s">
        <v>10</v>
      </c>
      <c r="I90" s="1" t="s">
        <v>1</v>
      </c>
      <c r="J90" s="1" t="s">
        <v>41</v>
      </c>
      <c r="K90" s="1" t="s">
        <v>27</v>
      </c>
      <c r="L90" s="1" t="s">
        <v>446</v>
      </c>
      <c r="M90" s="1" t="s">
        <v>5</v>
      </c>
      <c r="N90" s="1" t="s">
        <v>25</v>
      </c>
      <c r="O90" s="1" t="s">
        <v>38</v>
      </c>
      <c r="P90" s="5" t="s">
        <v>30966</v>
      </c>
    </row>
    <row r="91" spans="1:16" x14ac:dyDescent="0.2">
      <c r="A91" s="1" t="s">
        <v>10</v>
      </c>
      <c r="B91" s="1" t="s">
        <v>10</v>
      </c>
      <c r="C91" s="1" t="s">
        <v>450</v>
      </c>
      <c r="D91" s="1" t="s">
        <v>451</v>
      </c>
      <c r="E91" s="1" t="s">
        <v>452</v>
      </c>
      <c r="F91" s="1" t="s">
        <v>10</v>
      </c>
      <c r="G91" s="1" t="s">
        <v>10</v>
      </c>
      <c r="H91" s="1" t="s">
        <v>10</v>
      </c>
      <c r="I91" s="1" t="s">
        <v>1</v>
      </c>
      <c r="J91" s="1" t="s">
        <v>216</v>
      </c>
      <c r="K91" s="1" t="s">
        <v>7</v>
      </c>
      <c r="L91" s="1" t="s">
        <v>449</v>
      </c>
      <c r="M91" s="1" t="s">
        <v>5</v>
      </c>
      <c r="N91" s="1" t="s">
        <v>25</v>
      </c>
      <c r="O91" s="1" t="s">
        <v>38</v>
      </c>
      <c r="P91" s="5" t="s">
        <v>30967</v>
      </c>
    </row>
    <row r="92" spans="1:16" ht="76.5" x14ac:dyDescent="0.2">
      <c r="A92" s="1" t="s">
        <v>10</v>
      </c>
      <c r="B92" s="1" t="s">
        <v>10</v>
      </c>
      <c r="C92" s="1" t="s">
        <v>454</v>
      </c>
      <c r="D92" s="1" t="s">
        <v>455</v>
      </c>
      <c r="E92" s="1" t="s">
        <v>456</v>
      </c>
      <c r="F92" s="1" t="s">
        <v>27</v>
      </c>
      <c r="G92" s="1" t="s">
        <v>10</v>
      </c>
      <c r="H92" s="1" t="s">
        <v>457</v>
      </c>
      <c r="I92" s="1" t="s">
        <v>1</v>
      </c>
      <c r="J92" s="1" t="s">
        <v>29</v>
      </c>
      <c r="K92" s="1" t="s">
        <v>113</v>
      </c>
      <c r="L92" s="1" t="s">
        <v>453</v>
      </c>
      <c r="M92" s="1" t="s">
        <v>5</v>
      </c>
      <c r="N92" s="1" t="s">
        <v>25</v>
      </c>
      <c r="O92" s="1" t="s">
        <v>8</v>
      </c>
      <c r="P92" s="9" t="s">
        <v>32690</v>
      </c>
    </row>
    <row r="93" spans="1:16" x14ac:dyDescent="0.2">
      <c r="A93" s="1" t="s">
        <v>10</v>
      </c>
      <c r="B93" s="1" t="s">
        <v>10</v>
      </c>
      <c r="C93" s="1" t="s">
        <v>459</v>
      </c>
      <c r="D93" s="1" t="s">
        <v>146</v>
      </c>
      <c r="E93" s="1" t="s">
        <v>460</v>
      </c>
      <c r="F93" s="1" t="s">
        <v>10</v>
      </c>
      <c r="G93" s="1" t="s">
        <v>10</v>
      </c>
      <c r="H93" s="1" t="s">
        <v>10</v>
      </c>
      <c r="I93" s="1" t="s">
        <v>1</v>
      </c>
      <c r="J93" s="1" t="s">
        <v>16</v>
      </c>
      <c r="K93" s="1" t="s">
        <v>27</v>
      </c>
      <c r="L93" s="1" t="s">
        <v>458</v>
      </c>
      <c r="M93" s="1" t="s">
        <v>5</v>
      </c>
      <c r="N93" s="1" t="s">
        <v>6</v>
      </c>
      <c r="O93" s="1" t="s">
        <v>38</v>
      </c>
      <c r="P93" s="5" t="s">
        <v>30968</v>
      </c>
    </row>
    <row r="94" spans="1:16" x14ac:dyDescent="0.2">
      <c r="A94" s="1" t="s">
        <v>10</v>
      </c>
      <c r="B94" s="1" t="s">
        <v>10</v>
      </c>
      <c r="C94" s="1" t="s">
        <v>462</v>
      </c>
      <c r="D94" s="1" t="s">
        <v>463</v>
      </c>
      <c r="E94" s="1" t="s">
        <v>464</v>
      </c>
      <c r="F94" s="1" t="s">
        <v>27</v>
      </c>
      <c r="G94" s="1" t="s">
        <v>10</v>
      </c>
      <c r="H94" s="1" t="s">
        <v>465</v>
      </c>
      <c r="I94" s="1" t="s">
        <v>1</v>
      </c>
      <c r="J94" s="1" t="s">
        <v>29</v>
      </c>
      <c r="K94" s="1" t="s">
        <v>64</v>
      </c>
      <c r="L94" s="1" t="s">
        <v>461</v>
      </c>
      <c r="M94" s="1" t="s">
        <v>5</v>
      </c>
      <c r="N94" s="1" t="s">
        <v>25</v>
      </c>
      <c r="O94" s="1" t="s">
        <v>8</v>
      </c>
      <c r="P94" s="5" t="s">
        <v>10</v>
      </c>
    </row>
    <row r="95" spans="1:16" x14ac:dyDescent="0.2">
      <c r="A95" s="1" t="s">
        <v>10</v>
      </c>
      <c r="B95" s="1" t="s">
        <v>10</v>
      </c>
      <c r="C95" s="1" t="s">
        <v>467</v>
      </c>
      <c r="D95" s="1" t="s">
        <v>468</v>
      </c>
      <c r="E95" s="1" t="s">
        <v>469</v>
      </c>
      <c r="F95" s="1" t="s">
        <v>27</v>
      </c>
      <c r="G95" s="1" t="s">
        <v>10</v>
      </c>
      <c r="H95" s="1" t="s">
        <v>470</v>
      </c>
      <c r="I95" s="1" t="s">
        <v>1</v>
      </c>
      <c r="J95" s="1" t="s">
        <v>29</v>
      </c>
      <c r="K95" s="1" t="s">
        <v>64</v>
      </c>
      <c r="L95" s="1" t="s">
        <v>466</v>
      </c>
      <c r="M95" s="1" t="s">
        <v>5</v>
      </c>
      <c r="N95" s="1" t="s">
        <v>6</v>
      </c>
      <c r="O95" s="1" t="s">
        <v>8</v>
      </c>
      <c r="P95" s="5" t="s">
        <v>10</v>
      </c>
    </row>
    <row r="96" spans="1:16" x14ac:dyDescent="0.2">
      <c r="A96" s="1" t="s">
        <v>194</v>
      </c>
      <c r="B96" s="1" t="s">
        <v>195</v>
      </c>
      <c r="C96" s="1" t="s">
        <v>472</v>
      </c>
      <c r="D96" s="1" t="s">
        <v>473</v>
      </c>
      <c r="E96" s="1" t="s">
        <v>475</v>
      </c>
      <c r="F96" s="1" t="s">
        <v>474</v>
      </c>
      <c r="G96" s="1" t="s">
        <v>476</v>
      </c>
      <c r="H96" s="1" t="s">
        <v>10</v>
      </c>
      <c r="I96" s="1" t="s">
        <v>1</v>
      </c>
      <c r="J96" s="1" t="s">
        <v>29</v>
      </c>
      <c r="K96" s="1" t="s">
        <v>27</v>
      </c>
      <c r="L96" s="1" t="s">
        <v>471</v>
      </c>
      <c r="M96" s="1" t="s">
        <v>5</v>
      </c>
      <c r="N96" s="1" t="s">
        <v>6</v>
      </c>
      <c r="O96" s="1" t="s">
        <v>8</v>
      </c>
      <c r="P96" s="5" t="s">
        <v>29820</v>
      </c>
    </row>
    <row r="97" spans="1:16" x14ac:dyDescent="0.2">
      <c r="A97" s="1" t="s">
        <v>10</v>
      </c>
      <c r="B97" s="1" t="s">
        <v>10</v>
      </c>
      <c r="C97" s="1" t="s">
        <v>478</v>
      </c>
      <c r="D97" s="1" t="s">
        <v>479</v>
      </c>
      <c r="E97" s="1" t="s">
        <v>480</v>
      </c>
      <c r="F97" s="1" t="s">
        <v>27</v>
      </c>
      <c r="G97" s="1" t="s">
        <v>10</v>
      </c>
      <c r="H97" s="1" t="s">
        <v>481</v>
      </c>
      <c r="I97" s="1" t="s">
        <v>1</v>
      </c>
      <c r="J97" s="1" t="s">
        <v>29</v>
      </c>
      <c r="K97" s="1" t="s">
        <v>64</v>
      </c>
      <c r="L97" s="1" t="s">
        <v>477</v>
      </c>
      <c r="M97" s="1" t="s">
        <v>5</v>
      </c>
      <c r="N97" s="1" t="s">
        <v>6</v>
      </c>
      <c r="O97" s="1" t="s">
        <v>8</v>
      </c>
      <c r="P97" s="5" t="s">
        <v>10</v>
      </c>
    </row>
    <row r="98" spans="1:16" x14ac:dyDescent="0.2">
      <c r="A98" s="1" t="s">
        <v>487</v>
      </c>
      <c r="B98" s="1" t="s">
        <v>488</v>
      </c>
      <c r="C98" s="1" t="s">
        <v>483</v>
      </c>
      <c r="D98" s="1" t="s">
        <v>484</v>
      </c>
      <c r="E98" s="1" t="s">
        <v>485</v>
      </c>
      <c r="F98" s="1" t="s">
        <v>27</v>
      </c>
      <c r="G98" s="1" t="s">
        <v>10</v>
      </c>
      <c r="H98" s="1" t="s">
        <v>486</v>
      </c>
      <c r="I98" s="1" t="s">
        <v>1</v>
      </c>
      <c r="J98" s="1" t="s">
        <v>29</v>
      </c>
      <c r="K98" s="1" t="s">
        <v>10</v>
      </c>
      <c r="L98" s="1" t="s">
        <v>482</v>
      </c>
      <c r="M98" s="1" t="s">
        <v>5</v>
      </c>
      <c r="N98" s="1" t="s">
        <v>6</v>
      </c>
      <c r="O98" s="1" t="s">
        <v>8</v>
      </c>
      <c r="P98" s="5" t="s">
        <v>10</v>
      </c>
    </row>
    <row r="99" spans="1:16" x14ac:dyDescent="0.2">
      <c r="A99" s="1" t="s">
        <v>10</v>
      </c>
      <c r="B99" s="1" t="s">
        <v>10</v>
      </c>
      <c r="C99" s="1" t="s">
        <v>490</v>
      </c>
      <c r="D99" s="1" t="s">
        <v>491</v>
      </c>
      <c r="E99" s="1" t="s">
        <v>492</v>
      </c>
      <c r="F99" s="1" t="s">
        <v>27</v>
      </c>
      <c r="G99" s="1" t="s">
        <v>10</v>
      </c>
      <c r="H99" s="1" t="s">
        <v>493</v>
      </c>
      <c r="I99" s="1" t="s">
        <v>1</v>
      </c>
      <c r="J99" s="1" t="s">
        <v>29</v>
      </c>
      <c r="K99" s="1" t="s">
        <v>10</v>
      </c>
      <c r="L99" s="1" t="s">
        <v>489</v>
      </c>
      <c r="M99" s="1" t="s">
        <v>5</v>
      </c>
      <c r="N99" s="1" t="s">
        <v>25</v>
      </c>
      <c r="O99" s="1" t="s">
        <v>8</v>
      </c>
      <c r="P99" s="5" t="s">
        <v>10</v>
      </c>
    </row>
    <row r="100" spans="1:16" x14ac:dyDescent="0.2">
      <c r="A100" s="1" t="s">
        <v>66</v>
      </c>
      <c r="B100" s="1" t="s">
        <v>498</v>
      </c>
      <c r="C100" s="1" t="s">
        <v>495</v>
      </c>
      <c r="D100" s="1" t="s">
        <v>496</v>
      </c>
      <c r="E100" s="1" t="s">
        <v>497</v>
      </c>
      <c r="F100" s="1" t="s">
        <v>10</v>
      </c>
      <c r="G100" s="1" t="s">
        <v>10</v>
      </c>
      <c r="H100" s="1" t="s">
        <v>10</v>
      </c>
      <c r="I100" s="1" t="s">
        <v>1</v>
      </c>
      <c r="J100" s="1" t="s">
        <v>16</v>
      </c>
      <c r="K100" s="1" t="s">
        <v>7</v>
      </c>
      <c r="L100" s="1" t="s">
        <v>494</v>
      </c>
      <c r="M100" s="1" t="s">
        <v>5</v>
      </c>
      <c r="N100" s="1" t="s">
        <v>25</v>
      </c>
      <c r="O100" s="1" t="s">
        <v>38</v>
      </c>
      <c r="P100" s="5" t="s">
        <v>29821</v>
      </c>
    </row>
    <row r="101" spans="1:16" x14ac:dyDescent="0.2">
      <c r="A101" s="1" t="s">
        <v>10</v>
      </c>
      <c r="B101" s="1" t="s">
        <v>10</v>
      </c>
      <c r="C101" s="1" t="s">
        <v>500</v>
      </c>
      <c r="D101" s="1" t="s">
        <v>501</v>
      </c>
      <c r="E101" s="1" t="s">
        <v>502</v>
      </c>
      <c r="F101" s="1" t="s">
        <v>27</v>
      </c>
      <c r="G101" s="1" t="s">
        <v>10</v>
      </c>
      <c r="H101" s="1" t="s">
        <v>503</v>
      </c>
      <c r="I101" s="1" t="s">
        <v>1</v>
      </c>
      <c r="J101" s="1" t="s">
        <v>29</v>
      </c>
      <c r="K101" s="1" t="s">
        <v>64</v>
      </c>
      <c r="L101" s="1" t="s">
        <v>499</v>
      </c>
      <c r="M101" s="1" t="s">
        <v>5</v>
      </c>
      <c r="N101" s="1" t="s">
        <v>6</v>
      </c>
      <c r="O101" s="1" t="s">
        <v>8</v>
      </c>
      <c r="P101" s="5" t="s">
        <v>10</v>
      </c>
    </row>
    <row r="102" spans="1:16" x14ac:dyDescent="0.2">
      <c r="A102" s="1" t="s">
        <v>10</v>
      </c>
      <c r="B102" s="1" t="s">
        <v>10</v>
      </c>
      <c r="C102" s="1" t="s">
        <v>505</v>
      </c>
      <c r="D102" s="1" t="s">
        <v>506</v>
      </c>
      <c r="E102" s="1" t="s">
        <v>507</v>
      </c>
      <c r="F102" s="1" t="s">
        <v>27</v>
      </c>
      <c r="G102" s="1" t="s">
        <v>10</v>
      </c>
      <c r="H102" s="1" t="s">
        <v>508</v>
      </c>
      <c r="I102" s="1" t="s">
        <v>1</v>
      </c>
      <c r="J102" s="1" t="s">
        <v>29</v>
      </c>
      <c r="K102" s="1" t="s">
        <v>64</v>
      </c>
      <c r="L102" s="1" t="s">
        <v>504</v>
      </c>
      <c r="M102" s="1" t="s">
        <v>5</v>
      </c>
      <c r="N102" s="1" t="s">
        <v>6</v>
      </c>
      <c r="O102" s="1" t="s">
        <v>8</v>
      </c>
      <c r="P102" s="5" t="s">
        <v>10</v>
      </c>
    </row>
    <row r="103" spans="1:16" x14ac:dyDescent="0.2">
      <c r="A103" s="1" t="s">
        <v>10</v>
      </c>
      <c r="B103" s="1" t="s">
        <v>10</v>
      </c>
      <c r="C103" s="1" t="s">
        <v>510</v>
      </c>
      <c r="D103" s="1" t="s">
        <v>511</v>
      </c>
      <c r="E103" s="1" t="s">
        <v>512</v>
      </c>
      <c r="F103" s="1" t="s">
        <v>27</v>
      </c>
      <c r="G103" s="1" t="s">
        <v>10</v>
      </c>
      <c r="H103" s="1" t="s">
        <v>513</v>
      </c>
      <c r="I103" s="1" t="s">
        <v>1</v>
      </c>
      <c r="J103" s="1" t="s">
        <v>29</v>
      </c>
      <c r="K103" s="1" t="s">
        <v>64</v>
      </c>
      <c r="L103" s="1" t="s">
        <v>509</v>
      </c>
      <c r="M103" s="1" t="s">
        <v>5</v>
      </c>
      <c r="N103" s="1" t="s">
        <v>25</v>
      </c>
      <c r="O103" s="1" t="s">
        <v>8</v>
      </c>
      <c r="P103" s="5" t="s">
        <v>10</v>
      </c>
    </row>
    <row r="104" spans="1:16" x14ac:dyDescent="0.2">
      <c r="A104" s="1" t="s">
        <v>10</v>
      </c>
      <c r="B104" s="1" t="s">
        <v>10</v>
      </c>
      <c r="C104" s="1" t="s">
        <v>515</v>
      </c>
      <c r="D104" s="1" t="s">
        <v>516</v>
      </c>
      <c r="E104" s="1" t="s">
        <v>517</v>
      </c>
      <c r="F104" s="1" t="s">
        <v>27</v>
      </c>
      <c r="G104" s="1" t="s">
        <v>10</v>
      </c>
      <c r="H104" s="1" t="s">
        <v>518</v>
      </c>
      <c r="I104" s="1" t="s">
        <v>1</v>
      </c>
      <c r="J104" s="1" t="s">
        <v>29</v>
      </c>
      <c r="K104" s="1" t="s">
        <v>64</v>
      </c>
      <c r="L104" s="1" t="s">
        <v>514</v>
      </c>
      <c r="M104" s="1" t="s">
        <v>5</v>
      </c>
      <c r="N104" s="1" t="s">
        <v>25</v>
      </c>
      <c r="O104" s="1" t="s">
        <v>8</v>
      </c>
      <c r="P104" s="5" t="s">
        <v>10</v>
      </c>
    </row>
    <row r="105" spans="1:16" x14ac:dyDescent="0.2">
      <c r="A105" s="1" t="s">
        <v>10</v>
      </c>
      <c r="B105" s="1" t="s">
        <v>10</v>
      </c>
      <c r="C105" s="1" t="s">
        <v>520</v>
      </c>
      <c r="D105" s="1" t="s">
        <v>521</v>
      </c>
      <c r="E105" s="1" t="s">
        <v>523</v>
      </c>
      <c r="F105" s="1" t="s">
        <v>522</v>
      </c>
      <c r="G105" s="1" t="s">
        <v>524</v>
      </c>
      <c r="H105" s="1" t="s">
        <v>10</v>
      </c>
      <c r="I105" s="1" t="s">
        <v>1</v>
      </c>
      <c r="J105" s="1" t="s">
        <v>29</v>
      </c>
      <c r="K105" s="1" t="s">
        <v>64</v>
      </c>
      <c r="L105" s="1" t="s">
        <v>519</v>
      </c>
      <c r="M105" s="1" t="s">
        <v>5</v>
      </c>
      <c r="N105" s="1" t="s">
        <v>6</v>
      </c>
      <c r="O105" s="1" t="s">
        <v>8</v>
      </c>
      <c r="P105" s="5" t="s">
        <v>10</v>
      </c>
    </row>
    <row r="106" spans="1:16" x14ac:dyDescent="0.2">
      <c r="A106" s="1" t="s">
        <v>10</v>
      </c>
      <c r="B106" s="1" t="s">
        <v>10</v>
      </c>
      <c r="C106" s="1" t="s">
        <v>526</v>
      </c>
      <c r="D106" s="1" t="s">
        <v>527</v>
      </c>
      <c r="E106" s="1" t="s">
        <v>528</v>
      </c>
      <c r="F106" s="1" t="s">
        <v>27</v>
      </c>
      <c r="G106" s="1" t="s">
        <v>10</v>
      </c>
      <c r="H106" s="1" t="s">
        <v>529</v>
      </c>
      <c r="I106" s="1" t="s">
        <v>1</v>
      </c>
      <c r="J106" s="1" t="s">
        <v>29</v>
      </c>
      <c r="K106" s="1" t="s">
        <v>64</v>
      </c>
      <c r="L106" s="1" t="s">
        <v>525</v>
      </c>
      <c r="M106" s="1" t="s">
        <v>5</v>
      </c>
      <c r="N106" s="1" t="s">
        <v>6</v>
      </c>
      <c r="O106" s="1" t="s">
        <v>8</v>
      </c>
      <c r="P106" s="5" t="s">
        <v>10</v>
      </c>
    </row>
    <row r="107" spans="1:16" x14ac:dyDescent="0.2">
      <c r="A107" s="1" t="s">
        <v>10</v>
      </c>
      <c r="B107" s="1" t="s">
        <v>10</v>
      </c>
      <c r="C107" s="1" t="s">
        <v>531</v>
      </c>
      <c r="D107" s="1" t="s">
        <v>532</v>
      </c>
      <c r="E107" s="1" t="s">
        <v>533</v>
      </c>
      <c r="F107" s="1" t="s">
        <v>27</v>
      </c>
      <c r="G107" s="1" t="s">
        <v>10</v>
      </c>
      <c r="H107" s="1" t="s">
        <v>535</v>
      </c>
      <c r="I107" s="1" t="s">
        <v>1</v>
      </c>
      <c r="J107" s="1" t="s">
        <v>29</v>
      </c>
      <c r="K107" s="1" t="s">
        <v>64</v>
      </c>
      <c r="L107" s="1" t="s">
        <v>530</v>
      </c>
      <c r="M107" s="1" t="s">
        <v>5</v>
      </c>
      <c r="N107" s="1" t="s">
        <v>25</v>
      </c>
      <c r="O107" s="1" t="s">
        <v>8</v>
      </c>
      <c r="P107" s="5" t="s">
        <v>534</v>
      </c>
    </row>
    <row r="108" spans="1:16" x14ac:dyDescent="0.2">
      <c r="A108" s="1" t="s">
        <v>329</v>
      </c>
      <c r="B108" s="1" t="s">
        <v>10</v>
      </c>
      <c r="C108" s="1" t="s">
        <v>537</v>
      </c>
      <c r="D108" s="1" t="s">
        <v>538</v>
      </c>
      <c r="E108" s="1"/>
      <c r="F108" s="1" t="s">
        <v>10</v>
      </c>
      <c r="G108" s="1" t="s">
        <v>10</v>
      </c>
      <c r="H108" s="1" t="s">
        <v>10</v>
      </c>
      <c r="I108" s="1" t="s">
        <v>1</v>
      </c>
      <c r="J108" s="1" t="s">
        <v>16</v>
      </c>
      <c r="K108" s="1" t="s">
        <v>130</v>
      </c>
      <c r="L108" s="1" t="s">
        <v>536</v>
      </c>
      <c r="M108" s="1" t="s">
        <v>5</v>
      </c>
      <c r="N108" s="1" t="s">
        <v>25</v>
      </c>
      <c r="O108" s="1" t="s">
        <v>38</v>
      </c>
      <c r="P108" s="5" t="s">
        <v>29822</v>
      </c>
    </row>
    <row r="109" spans="1:16" x14ac:dyDescent="0.2">
      <c r="A109" s="1" t="s">
        <v>10</v>
      </c>
      <c r="B109" s="1" t="s">
        <v>10</v>
      </c>
      <c r="C109" s="1" t="s">
        <v>540</v>
      </c>
      <c r="D109" s="1" t="s">
        <v>541</v>
      </c>
      <c r="E109" s="1" t="s">
        <v>542</v>
      </c>
      <c r="F109" s="1" t="s">
        <v>27</v>
      </c>
      <c r="G109" s="1" t="s">
        <v>10</v>
      </c>
      <c r="H109" s="1" t="s">
        <v>543</v>
      </c>
      <c r="I109" s="1" t="s">
        <v>1</v>
      </c>
      <c r="J109" s="1" t="s">
        <v>29</v>
      </c>
      <c r="K109" s="1" t="s">
        <v>64</v>
      </c>
      <c r="L109" s="1" t="s">
        <v>539</v>
      </c>
      <c r="M109" s="1" t="s">
        <v>5</v>
      </c>
      <c r="N109" s="1" t="s">
        <v>6</v>
      </c>
      <c r="O109" s="1" t="s">
        <v>8</v>
      </c>
      <c r="P109" s="5" t="s">
        <v>10</v>
      </c>
    </row>
    <row r="110" spans="1:16" x14ac:dyDescent="0.2">
      <c r="A110" s="1" t="s">
        <v>20</v>
      </c>
      <c r="B110" s="1" t="s">
        <v>132</v>
      </c>
      <c r="C110" s="1" t="s">
        <v>545</v>
      </c>
      <c r="D110" s="1" t="s">
        <v>546</v>
      </c>
      <c r="E110" s="1"/>
      <c r="F110" s="1" t="s">
        <v>10</v>
      </c>
      <c r="G110" s="1" t="s">
        <v>10</v>
      </c>
      <c r="H110" s="1" t="s">
        <v>10</v>
      </c>
      <c r="I110" s="1" t="s">
        <v>1</v>
      </c>
      <c r="J110" s="1" t="s">
        <v>16</v>
      </c>
      <c r="K110" s="1" t="s">
        <v>7</v>
      </c>
      <c r="L110" s="1" t="s">
        <v>544</v>
      </c>
      <c r="M110" s="1" t="s">
        <v>5</v>
      </c>
      <c r="N110" s="1" t="s">
        <v>25</v>
      </c>
      <c r="O110" s="1" t="s">
        <v>38</v>
      </c>
      <c r="P110" s="5" t="s">
        <v>29823</v>
      </c>
    </row>
    <row r="111" spans="1:16" x14ac:dyDescent="0.2">
      <c r="A111" s="1" t="s">
        <v>487</v>
      </c>
      <c r="B111" s="1" t="s">
        <v>488</v>
      </c>
      <c r="C111" s="1" t="s">
        <v>548</v>
      </c>
      <c r="D111" s="1" t="s">
        <v>549</v>
      </c>
      <c r="E111" s="1" t="s">
        <v>550</v>
      </c>
      <c r="F111" s="1" t="s">
        <v>27</v>
      </c>
      <c r="G111" s="1" t="s">
        <v>10</v>
      </c>
      <c r="H111" s="1" t="s">
        <v>551</v>
      </c>
      <c r="I111" s="1" t="s">
        <v>1</v>
      </c>
      <c r="J111" s="1" t="s">
        <v>29</v>
      </c>
      <c r="K111" s="1" t="s">
        <v>10</v>
      </c>
      <c r="L111" s="1" t="s">
        <v>547</v>
      </c>
      <c r="M111" s="1" t="s">
        <v>5</v>
      </c>
      <c r="N111" s="1" t="s">
        <v>6</v>
      </c>
      <c r="O111" s="1" t="s">
        <v>8</v>
      </c>
      <c r="P111" s="5" t="s">
        <v>10</v>
      </c>
    </row>
    <row r="112" spans="1:16" x14ac:dyDescent="0.2">
      <c r="A112" s="1" t="s">
        <v>10</v>
      </c>
      <c r="B112" s="1" t="s">
        <v>10</v>
      </c>
      <c r="C112" s="1" t="s">
        <v>553</v>
      </c>
      <c r="D112" s="1" t="s">
        <v>554</v>
      </c>
      <c r="E112" s="1" t="s">
        <v>555</v>
      </c>
      <c r="F112" s="1" t="s">
        <v>27</v>
      </c>
      <c r="G112" s="1" t="s">
        <v>10</v>
      </c>
      <c r="H112" s="1" t="s">
        <v>556</v>
      </c>
      <c r="I112" s="1" t="s">
        <v>1</v>
      </c>
      <c r="J112" s="1" t="s">
        <v>29</v>
      </c>
      <c r="K112" s="1" t="s">
        <v>64</v>
      </c>
      <c r="L112" s="1" t="s">
        <v>552</v>
      </c>
      <c r="M112" s="1" t="s">
        <v>5</v>
      </c>
      <c r="N112" s="1" t="s">
        <v>6</v>
      </c>
      <c r="O112" s="1" t="s">
        <v>8</v>
      </c>
      <c r="P112" s="5" t="s">
        <v>10</v>
      </c>
    </row>
    <row r="113" spans="1:16" x14ac:dyDescent="0.2">
      <c r="A113" s="1" t="s">
        <v>10</v>
      </c>
      <c r="B113" s="1" t="s">
        <v>10</v>
      </c>
      <c r="C113" s="1" t="s">
        <v>558</v>
      </c>
      <c r="D113" s="1" t="s">
        <v>559</v>
      </c>
      <c r="E113" s="1" t="s">
        <v>560</v>
      </c>
      <c r="F113" s="1" t="s">
        <v>27</v>
      </c>
      <c r="G113" s="1" t="s">
        <v>10</v>
      </c>
      <c r="H113" s="1" t="s">
        <v>561</v>
      </c>
      <c r="I113" s="1" t="s">
        <v>1</v>
      </c>
      <c r="J113" s="1" t="s">
        <v>29</v>
      </c>
      <c r="K113" s="1" t="s">
        <v>10</v>
      </c>
      <c r="L113" s="1" t="s">
        <v>557</v>
      </c>
      <c r="M113" s="1" t="s">
        <v>5</v>
      </c>
      <c r="N113" s="1" t="s">
        <v>6</v>
      </c>
      <c r="O113" s="1" t="s">
        <v>8</v>
      </c>
      <c r="P113" s="5" t="s">
        <v>10</v>
      </c>
    </row>
    <row r="114" spans="1:16" x14ac:dyDescent="0.2">
      <c r="A114" s="1" t="s">
        <v>10</v>
      </c>
      <c r="B114" s="1" t="s">
        <v>10</v>
      </c>
      <c r="C114" s="1" t="s">
        <v>563</v>
      </c>
      <c r="D114" s="1" t="s">
        <v>564</v>
      </c>
      <c r="E114" s="1" t="s">
        <v>565</v>
      </c>
      <c r="F114" s="1" t="s">
        <v>27</v>
      </c>
      <c r="G114" s="1" t="s">
        <v>10</v>
      </c>
      <c r="H114" s="1" t="s">
        <v>566</v>
      </c>
      <c r="I114" s="1" t="s">
        <v>1</v>
      </c>
      <c r="J114" s="1" t="s">
        <v>29</v>
      </c>
      <c r="K114" s="1" t="s">
        <v>10</v>
      </c>
      <c r="L114" s="1" t="s">
        <v>562</v>
      </c>
      <c r="M114" s="1" t="s">
        <v>5</v>
      </c>
      <c r="N114" s="1" t="s">
        <v>6</v>
      </c>
      <c r="O114" s="1" t="s">
        <v>8</v>
      </c>
      <c r="P114" s="5" t="s">
        <v>10</v>
      </c>
    </row>
    <row r="115" spans="1:16" x14ac:dyDescent="0.2">
      <c r="A115" s="1" t="s">
        <v>10</v>
      </c>
      <c r="B115" s="1" t="s">
        <v>10</v>
      </c>
      <c r="C115" s="1" t="s">
        <v>568</v>
      </c>
      <c r="D115" s="1" t="s">
        <v>374</v>
      </c>
      <c r="E115" s="1" t="s">
        <v>569</v>
      </c>
      <c r="F115" s="1" t="s">
        <v>27</v>
      </c>
      <c r="G115" s="1" t="s">
        <v>10</v>
      </c>
      <c r="H115" s="1" t="s">
        <v>570</v>
      </c>
      <c r="I115" s="1" t="s">
        <v>1</v>
      </c>
      <c r="J115" s="1" t="s">
        <v>29</v>
      </c>
      <c r="K115" s="1" t="s">
        <v>64</v>
      </c>
      <c r="L115" s="1" t="s">
        <v>567</v>
      </c>
      <c r="M115" s="1" t="s">
        <v>5</v>
      </c>
      <c r="N115" s="1" t="s">
        <v>25</v>
      </c>
      <c r="O115" s="1" t="s">
        <v>8</v>
      </c>
      <c r="P115" s="5" t="s">
        <v>10</v>
      </c>
    </row>
    <row r="116" spans="1:16" x14ac:dyDescent="0.2">
      <c r="A116" s="1" t="s">
        <v>66</v>
      </c>
      <c r="B116" s="1" t="s">
        <v>574</v>
      </c>
      <c r="C116" s="1" t="s">
        <v>572</v>
      </c>
      <c r="D116" s="1" t="s">
        <v>573</v>
      </c>
      <c r="E116" s="1"/>
      <c r="F116" s="1" t="s">
        <v>10</v>
      </c>
      <c r="G116" s="1" t="s">
        <v>10</v>
      </c>
      <c r="H116" s="1" t="s">
        <v>10</v>
      </c>
      <c r="I116" s="1" t="s">
        <v>1</v>
      </c>
      <c r="J116" s="1" t="s">
        <v>16</v>
      </c>
      <c r="K116" s="1" t="s">
        <v>130</v>
      </c>
      <c r="L116" s="1" t="s">
        <v>571</v>
      </c>
      <c r="M116" s="1" t="s">
        <v>5</v>
      </c>
      <c r="N116" s="1" t="s">
        <v>25</v>
      </c>
      <c r="O116" s="1" t="s">
        <v>38</v>
      </c>
      <c r="P116" s="5" t="s">
        <v>15</v>
      </c>
    </row>
    <row r="117" spans="1:16" x14ac:dyDescent="0.2">
      <c r="A117" s="1" t="s">
        <v>10</v>
      </c>
      <c r="B117" s="1" t="s">
        <v>10</v>
      </c>
      <c r="C117" s="1" t="s">
        <v>576</v>
      </c>
      <c r="D117" s="1" t="s">
        <v>577</v>
      </c>
      <c r="E117" s="1" t="s">
        <v>578</v>
      </c>
      <c r="F117" s="1" t="s">
        <v>10</v>
      </c>
      <c r="G117" s="1" t="s">
        <v>10</v>
      </c>
      <c r="H117" s="1" t="s">
        <v>10</v>
      </c>
      <c r="I117" s="1" t="s">
        <v>1</v>
      </c>
      <c r="J117" s="1" t="s">
        <v>29</v>
      </c>
      <c r="K117" s="1" t="s">
        <v>100</v>
      </c>
      <c r="L117" s="1" t="s">
        <v>575</v>
      </c>
      <c r="M117" s="1" t="s">
        <v>5</v>
      </c>
      <c r="N117" s="1" t="s">
        <v>25</v>
      </c>
      <c r="O117" s="1" t="s">
        <v>38</v>
      </c>
      <c r="P117" s="5" t="s">
        <v>31</v>
      </c>
    </row>
    <row r="118" spans="1:16" x14ac:dyDescent="0.2">
      <c r="A118" s="1" t="s">
        <v>10</v>
      </c>
      <c r="B118" s="1" t="s">
        <v>10</v>
      </c>
      <c r="C118" s="1" t="s">
        <v>580</v>
      </c>
      <c r="D118" s="1" t="s">
        <v>581</v>
      </c>
      <c r="E118" s="1" t="s">
        <v>582</v>
      </c>
      <c r="F118" s="1" t="s">
        <v>10</v>
      </c>
      <c r="G118" s="1" t="s">
        <v>10</v>
      </c>
      <c r="H118" s="1" t="s">
        <v>10</v>
      </c>
      <c r="I118" s="1" t="s">
        <v>1</v>
      </c>
      <c r="J118" s="1" t="s">
        <v>29</v>
      </c>
      <c r="K118" s="1" t="s">
        <v>100</v>
      </c>
      <c r="L118" s="1" t="s">
        <v>579</v>
      </c>
      <c r="M118" s="1" t="s">
        <v>5</v>
      </c>
      <c r="N118" s="1" t="s">
        <v>25</v>
      </c>
      <c r="O118" s="1" t="s">
        <v>38</v>
      </c>
      <c r="P118" s="5" t="s">
        <v>10</v>
      </c>
    </row>
    <row r="119" spans="1:16" x14ac:dyDescent="0.2">
      <c r="A119" s="1" t="s">
        <v>42</v>
      </c>
      <c r="B119" s="1" t="s">
        <v>588</v>
      </c>
      <c r="C119" s="1" t="s">
        <v>584</v>
      </c>
      <c r="D119" s="1" t="s">
        <v>585</v>
      </c>
      <c r="E119" s="1" t="s">
        <v>587</v>
      </c>
      <c r="F119" s="1" t="s">
        <v>10</v>
      </c>
      <c r="G119" s="1" t="s">
        <v>10</v>
      </c>
      <c r="H119" s="1" t="s">
        <v>10</v>
      </c>
      <c r="I119" s="1" t="s">
        <v>1</v>
      </c>
      <c r="J119" s="1" t="s">
        <v>29</v>
      </c>
      <c r="K119" s="1" t="s">
        <v>586</v>
      </c>
      <c r="L119" s="1" t="s">
        <v>583</v>
      </c>
      <c r="M119" s="1" t="s">
        <v>5</v>
      </c>
      <c r="N119" s="1" t="s">
        <v>25</v>
      </c>
      <c r="O119" s="1" t="s">
        <v>38</v>
      </c>
      <c r="P119" s="5" t="s">
        <v>30969</v>
      </c>
    </row>
    <row r="120" spans="1:16" x14ac:dyDescent="0.2">
      <c r="A120" s="1" t="s">
        <v>10</v>
      </c>
      <c r="B120" s="1" t="s">
        <v>10</v>
      </c>
      <c r="C120" s="1" t="s">
        <v>590</v>
      </c>
      <c r="D120" s="1" t="s">
        <v>591</v>
      </c>
      <c r="E120" s="1"/>
      <c r="F120" s="1" t="s">
        <v>10</v>
      </c>
      <c r="G120" s="1" t="s">
        <v>10</v>
      </c>
      <c r="H120" s="1" t="s">
        <v>10</v>
      </c>
      <c r="I120" s="1" t="s">
        <v>1</v>
      </c>
      <c r="J120" s="1" t="s">
        <v>16</v>
      </c>
      <c r="K120" s="1" t="s">
        <v>130</v>
      </c>
      <c r="L120" s="1" t="s">
        <v>589</v>
      </c>
      <c r="M120" s="1" t="s">
        <v>5</v>
      </c>
      <c r="N120" s="1" t="s">
        <v>25</v>
      </c>
      <c r="O120" s="1" t="s">
        <v>38</v>
      </c>
      <c r="P120" s="5" t="s">
        <v>30970</v>
      </c>
    </row>
    <row r="121" spans="1:16" x14ac:dyDescent="0.2">
      <c r="A121" s="1" t="s">
        <v>329</v>
      </c>
      <c r="B121" s="1" t="s">
        <v>596</v>
      </c>
      <c r="C121" s="1" t="s">
        <v>593</v>
      </c>
      <c r="D121" s="1" t="s">
        <v>594</v>
      </c>
      <c r="E121" s="1" t="s">
        <v>595</v>
      </c>
      <c r="F121" s="1" t="s">
        <v>10</v>
      </c>
      <c r="G121" s="1" t="s">
        <v>10</v>
      </c>
      <c r="H121" s="1" t="s">
        <v>10</v>
      </c>
      <c r="I121" s="1" t="s">
        <v>1</v>
      </c>
      <c r="J121" s="1" t="s">
        <v>41</v>
      </c>
      <c r="K121" s="1" t="s">
        <v>7</v>
      </c>
      <c r="L121" s="1" t="s">
        <v>592</v>
      </c>
      <c r="M121" s="1" t="s">
        <v>5</v>
      </c>
      <c r="N121" s="1" t="s">
        <v>25</v>
      </c>
      <c r="O121" s="1" t="s">
        <v>38</v>
      </c>
      <c r="P121" s="5" t="s">
        <v>30971</v>
      </c>
    </row>
    <row r="122" spans="1:16" x14ac:dyDescent="0.2">
      <c r="A122" s="1" t="s">
        <v>329</v>
      </c>
      <c r="B122" s="1" t="s">
        <v>340</v>
      </c>
      <c r="C122" s="1" t="s">
        <v>598</v>
      </c>
      <c r="D122" s="1" t="s">
        <v>599</v>
      </c>
      <c r="E122" s="1" t="s">
        <v>600</v>
      </c>
      <c r="F122" s="1" t="s">
        <v>10</v>
      </c>
      <c r="G122" s="1" t="s">
        <v>10</v>
      </c>
      <c r="H122" s="1" t="s">
        <v>10</v>
      </c>
      <c r="I122" s="1" t="s">
        <v>1</v>
      </c>
      <c r="J122" s="1" t="s">
        <v>41</v>
      </c>
      <c r="K122" s="1" t="s">
        <v>7</v>
      </c>
      <c r="L122" s="1" t="s">
        <v>597</v>
      </c>
      <c r="M122" s="1" t="s">
        <v>5</v>
      </c>
      <c r="N122" s="1" t="s">
        <v>25</v>
      </c>
      <c r="O122" s="1" t="s">
        <v>38</v>
      </c>
      <c r="P122" s="5" t="s">
        <v>32689</v>
      </c>
    </row>
    <row r="123" spans="1:16" x14ac:dyDescent="0.2">
      <c r="A123" s="1" t="s">
        <v>329</v>
      </c>
      <c r="B123" s="1" t="s">
        <v>340</v>
      </c>
      <c r="C123" s="1" t="s">
        <v>602</v>
      </c>
      <c r="D123" s="1" t="s">
        <v>603</v>
      </c>
      <c r="E123" s="1" t="s">
        <v>604</v>
      </c>
      <c r="F123" s="1" t="s">
        <v>10</v>
      </c>
      <c r="G123" s="1" t="s">
        <v>10</v>
      </c>
      <c r="H123" s="1" t="s">
        <v>10</v>
      </c>
      <c r="I123" s="1" t="s">
        <v>1</v>
      </c>
      <c r="J123" s="1" t="s">
        <v>41</v>
      </c>
      <c r="K123" s="1" t="s">
        <v>7</v>
      </c>
      <c r="L123" s="1" t="s">
        <v>601</v>
      </c>
      <c r="M123" s="1" t="s">
        <v>5</v>
      </c>
      <c r="N123" s="1" t="s">
        <v>25</v>
      </c>
      <c r="O123" s="1" t="s">
        <v>38</v>
      </c>
      <c r="P123" s="5" t="s">
        <v>32689</v>
      </c>
    </row>
    <row r="124" spans="1:16" x14ac:dyDescent="0.2">
      <c r="A124" s="1" t="s">
        <v>329</v>
      </c>
      <c r="B124" s="1" t="s">
        <v>340</v>
      </c>
      <c r="C124" s="1" t="s">
        <v>606</v>
      </c>
      <c r="D124" s="1" t="s">
        <v>607</v>
      </c>
      <c r="E124" s="1"/>
      <c r="F124" s="1" t="s">
        <v>10</v>
      </c>
      <c r="G124" s="1" t="s">
        <v>10</v>
      </c>
      <c r="H124" s="1" t="s">
        <v>10</v>
      </c>
      <c r="I124" s="1" t="s">
        <v>1</v>
      </c>
      <c r="J124" s="1" t="s">
        <v>41</v>
      </c>
      <c r="K124" s="1" t="s">
        <v>7</v>
      </c>
      <c r="L124" s="1" t="s">
        <v>605</v>
      </c>
      <c r="M124" s="1" t="s">
        <v>5</v>
      </c>
      <c r="N124" s="1" t="s">
        <v>25</v>
      </c>
      <c r="O124" s="1" t="s">
        <v>38</v>
      </c>
      <c r="P124" s="5" t="s">
        <v>31079</v>
      </c>
    </row>
    <row r="125" spans="1:16" x14ac:dyDescent="0.2">
      <c r="A125" s="1" t="s">
        <v>329</v>
      </c>
      <c r="B125" s="1" t="s">
        <v>340</v>
      </c>
      <c r="C125" s="1" t="s">
        <v>609</v>
      </c>
      <c r="D125" s="1" t="s">
        <v>610</v>
      </c>
      <c r="E125" s="1" t="s">
        <v>611</v>
      </c>
      <c r="F125" s="1" t="s">
        <v>10</v>
      </c>
      <c r="G125" s="1" t="s">
        <v>10</v>
      </c>
      <c r="H125" s="1" t="s">
        <v>10</v>
      </c>
      <c r="I125" s="1" t="s">
        <v>1</v>
      </c>
      <c r="J125" s="1" t="s">
        <v>10</v>
      </c>
      <c r="K125" s="1" t="s">
        <v>7</v>
      </c>
      <c r="L125" s="1" t="s">
        <v>608</v>
      </c>
      <c r="M125" s="1" t="s">
        <v>5</v>
      </c>
      <c r="N125" s="1" t="s">
        <v>25</v>
      </c>
      <c r="O125" s="1" t="s">
        <v>38</v>
      </c>
      <c r="P125" s="5" t="s">
        <v>60</v>
      </c>
    </row>
    <row r="126" spans="1:16" x14ac:dyDescent="0.2">
      <c r="A126" s="1" t="s">
        <v>329</v>
      </c>
      <c r="B126" s="1" t="s">
        <v>340</v>
      </c>
      <c r="C126" s="1" t="s">
        <v>613</v>
      </c>
      <c r="D126" s="1" t="s">
        <v>614</v>
      </c>
      <c r="E126" s="1" t="s">
        <v>615</v>
      </c>
      <c r="F126" s="1" t="s">
        <v>10</v>
      </c>
      <c r="G126" s="1" t="s">
        <v>10</v>
      </c>
      <c r="H126" s="1" t="s">
        <v>10</v>
      </c>
      <c r="I126" s="1" t="s">
        <v>1</v>
      </c>
      <c r="J126" s="1" t="s">
        <v>41</v>
      </c>
      <c r="K126" s="1" t="s">
        <v>7</v>
      </c>
      <c r="L126" s="1" t="s">
        <v>612</v>
      </c>
      <c r="M126" s="1" t="s">
        <v>5</v>
      </c>
      <c r="N126" s="1" t="s">
        <v>25</v>
      </c>
      <c r="O126" s="1" t="s">
        <v>38</v>
      </c>
      <c r="P126" s="5" t="s">
        <v>32691</v>
      </c>
    </row>
    <row r="127" spans="1:16" x14ac:dyDescent="0.2">
      <c r="A127" s="1" t="s">
        <v>20</v>
      </c>
      <c r="B127" s="1" t="s">
        <v>253</v>
      </c>
      <c r="C127" s="1" t="s">
        <v>617</v>
      </c>
      <c r="D127" s="1" t="s">
        <v>618</v>
      </c>
      <c r="E127" s="1"/>
      <c r="F127" s="1" t="s">
        <v>27</v>
      </c>
      <c r="G127" s="1" t="s">
        <v>10</v>
      </c>
      <c r="H127" s="1" t="s">
        <v>619</v>
      </c>
      <c r="I127" s="1" t="s">
        <v>1</v>
      </c>
      <c r="J127" s="1" t="s">
        <v>29</v>
      </c>
      <c r="K127" s="1" t="s">
        <v>130</v>
      </c>
      <c r="L127" s="1" t="s">
        <v>616</v>
      </c>
      <c r="M127" s="1" t="s">
        <v>5</v>
      </c>
      <c r="N127" s="1" t="s">
        <v>6</v>
      </c>
      <c r="O127" s="1" t="s">
        <v>8</v>
      </c>
      <c r="P127" s="5" t="s">
        <v>29824</v>
      </c>
    </row>
    <row r="128" spans="1:16" x14ac:dyDescent="0.2">
      <c r="A128" s="1" t="s">
        <v>42</v>
      </c>
      <c r="B128" s="1" t="s">
        <v>320</v>
      </c>
      <c r="C128" s="1" t="s">
        <v>621</v>
      </c>
      <c r="D128" s="1" t="s">
        <v>622</v>
      </c>
      <c r="E128" s="1"/>
      <c r="F128" s="1" t="s">
        <v>10</v>
      </c>
      <c r="G128" s="1" t="s">
        <v>10</v>
      </c>
      <c r="H128" s="1" t="s">
        <v>10</v>
      </c>
      <c r="I128" s="1" t="s">
        <v>1</v>
      </c>
      <c r="J128" s="1" t="s">
        <v>318</v>
      </c>
      <c r="K128" s="1" t="s">
        <v>130</v>
      </c>
      <c r="L128" s="1" t="s">
        <v>620</v>
      </c>
      <c r="M128" s="1" t="s">
        <v>5</v>
      </c>
      <c r="N128" s="1" t="s">
        <v>25</v>
      </c>
      <c r="O128" s="1" t="s">
        <v>38</v>
      </c>
      <c r="P128" s="5" t="s">
        <v>29825</v>
      </c>
    </row>
    <row r="129" spans="1:16" x14ac:dyDescent="0.2">
      <c r="A129" s="1" t="s">
        <v>329</v>
      </c>
      <c r="B129" s="1" t="s">
        <v>10</v>
      </c>
      <c r="C129" s="1" t="s">
        <v>624</v>
      </c>
      <c r="D129" s="1" t="s">
        <v>354</v>
      </c>
      <c r="E129" s="1"/>
      <c r="F129" s="1" t="s">
        <v>10</v>
      </c>
      <c r="G129" s="1" t="s">
        <v>10</v>
      </c>
      <c r="H129" s="1" t="s">
        <v>10</v>
      </c>
      <c r="I129" s="1" t="s">
        <v>1</v>
      </c>
      <c r="J129" s="1" t="s">
        <v>41</v>
      </c>
      <c r="K129" s="1" t="s">
        <v>37</v>
      </c>
      <c r="L129" s="1" t="s">
        <v>623</v>
      </c>
      <c r="M129" s="1" t="s">
        <v>5</v>
      </c>
      <c r="N129" s="1" t="s">
        <v>6</v>
      </c>
      <c r="O129" s="1" t="s">
        <v>38</v>
      </c>
      <c r="P129" s="5" t="s">
        <v>10</v>
      </c>
    </row>
    <row r="130" spans="1:16" x14ac:dyDescent="0.2">
      <c r="A130" s="1" t="s">
        <v>329</v>
      </c>
      <c r="B130" s="1" t="s">
        <v>10</v>
      </c>
      <c r="C130" s="1" t="s">
        <v>626</v>
      </c>
      <c r="D130" s="1" t="s">
        <v>627</v>
      </c>
      <c r="E130" s="1"/>
      <c r="F130" s="1" t="s">
        <v>10</v>
      </c>
      <c r="G130" s="1" t="s">
        <v>10</v>
      </c>
      <c r="H130" s="1" t="s">
        <v>10</v>
      </c>
      <c r="I130" s="1" t="s">
        <v>1</v>
      </c>
      <c r="J130" s="1" t="s">
        <v>41</v>
      </c>
      <c r="K130" s="1" t="s">
        <v>27</v>
      </c>
      <c r="L130" s="1" t="s">
        <v>625</v>
      </c>
      <c r="M130" s="1" t="s">
        <v>5</v>
      </c>
      <c r="N130" s="1" t="s">
        <v>6</v>
      </c>
      <c r="O130" s="1" t="s">
        <v>38</v>
      </c>
      <c r="P130" s="5" t="s">
        <v>10</v>
      </c>
    </row>
    <row r="131" spans="1:16" x14ac:dyDescent="0.2">
      <c r="A131" s="1" t="s">
        <v>329</v>
      </c>
      <c r="B131" s="1" t="s">
        <v>10</v>
      </c>
      <c r="C131" s="1" t="s">
        <v>629</v>
      </c>
      <c r="D131" s="1" t="s">
        <v>630</v>
      </c>
      <c r="E131" s="1"/>
      <c r="F131" s="1" t="s">
        <v>10</v>
      </c>
      <c r="G131" s="1" t="s">
        <v>10</v>
      </c>
      <c r="H131" s="1" t="s">
        <v>10</v>
      </c>
      <c r="I131" s="1" t="s">
        <v>1</v>
      </c>
      <c r="J131" s="1" t="s">
        <v>41</v>
      </c>
      <c r="K131" s="1" t="s">
        <v>27</v>
      </c>
      <c r="L131" s="1" t="s">
        <v>628</v>
      </c>
      <c r="M131" s="1" t="s">
        <v>5</v>
      </c>
      <c r="N131" s="1" t="s">
        <v>6</v>
      </c>
      <c r="O131" s="1" t="s">
        <v>38</v>
      </c>
      <c r="P131" s="5" t="s">
        <v>29826</v>
      </c>
    </row>
    <row r="132" spans="1:16" x14ac:dyDescent="0.2">
      <c r="A132" s="1" t="s">
        <v>329</v>
      </c>
      <c r="B132" s="1" t="s">
        <v>10</v>
      </c>
      <c r="C132" s="1" t="s">
        <v>632</v>
      </c>
      <c r="D132" s="1" t="s">
        <v>633</v>
      </c>
      <c r="E132" s="1"/>
      <c r="F132" s="1" t="s">
        <v>10</v>
      </c>
      <c r="G132" s="1" t="s">
        <v>10</v>
      </c>
      <c r="H132" s="1" t="s">
        <v>10</v>
      </c>
      <c r="I132" s="1" t="s">
        <v>1</v>
      </c>
      <c r="J132" s="1" t="s">
        <v>41</v>
      </c>
      <c r="K132" s="1" t="s">
        <v>10</v>
      </c>
      <c r="L132" s="1" t="s">
        <v>631</v>
      </c>
      <c r="M132" s="1" t="s">
        <v>5</v>
      </c>
      <c r="N132" s="1" t="s">
        <v>6</v>
      </c>
      <c r="O132" s="1" t="s">
        <v>38</v>
      </c>
      <c r="P132" s="5" t="s">
        <v>29827</v>
      </c>
    </row>
    <row r="133" spans="1:16" x14ac:dyDescent="0.2">
      <c r="A133" s="1" t="s">
        <v>32</v>
      </c>
      <c r="B133" s="1" t="s">
        <v>10</v>
      </c>
      <c r="C133" s="1" t="s">
        <v>635</v>
      </c>
      <c r="D133" s="1" t="s">
        <v>636</v>
      </c>
      <c r="E133" s="1"/>
      <c r="F133" s="1" t="s">
        <v>10</v>
      </c>
      <c r="G133" s="1" t="s">
        <v>10</v>
      </c>
      <c r="H133" s="1" t="s">
        <v>10</v>
      </c>
      <c r="I133" s="1" t="s">
        <v>1</v>
      </c>
      <c r="J133" s="1" t="s">
        <v>41</v>
      </c>
      <c r="K133" s="1" t="s">
        <v>130</v>
      </c>
      <c r="L133" s="1" t="s">
        <v>634</v>
      </c>
      <c r="M133" s="1" t="s">
        <v>5</v>
      </c>
      <c r="N133" s="1" t="s">
        <v>6</v>
      </c>
      <c r="O133" s="1" t="s">
        <v>38</v>
      </c>
      <c r="P133" s="5" t="s">
        <v>29828</v>
      </c>
    </row>
    <row r="134" spans="1:16" x14ac:dyDescent="0.2">
      <c r="A134" s="1" t="s">
        <v>329</v>
      </c>
      <c r="B134" s="1" t="s">
        <v>10</v>
      </c>
      <c r="C134" s="1" t="s">
        <v>638</v>
      </c>
      <c r="D134" s="1" t="s">
        <v>639</v>
      </c>
      <c r="E134" s="1"/>
      <c r="F134" s="1" t="s">
        <v>10</v>
      </c>
      <c r="G134" s="1" t="s">
        <v>10</v>
      </c>
      <c r="H134" s="1" t="s">
        <v>10</v>
      </c>
      <c r="I134" s="1" t="s">
        <v>1</v>
      </c>
      <c r="J134" s="1" t="s">
        <v>41</v>
      </c>
      <c r="K134" s="1" t="s">
        <v>10</v>
      </c>
      <c r="L134" s="1" t="s">
        <v>637</v>
      </c>
      <c r="M134" s="1" t="s">
        <v>5</v>
      </c>
      <c r="N134" s="1" t="s">
        <v>6</v>
      </c>
      <c r="O134" s="1" t="s">
        <v>38</v>
      </c>
      <c r="P134" s="5"/>
    </row>
    <row r="135" spans="1:16" x14ac:dyDescent="0.2">
      <c r="A135" s="1" t="s">
        <v>329</v>
      </c>
      <c r="B135" s="1" t="s">
        <v>10</v>
      </c>
      <c r="C135" s="1" t="s">
        <v>641</v>
      </c>
      <c r="D135" s="1" t="s">
        <v>642</v>
      </c>
      <c r="E135" s="1"/>
      <c r="F135" s="1" t="s">
        <v>10</v>
      </c>
      <c r="G135" s="1" t="s">
        <v>10</v>
      </c>
      <c r="H135" s="1" t="s">
        <v>10</v>
      </c>
      <c r="I135" s="1" t="s">
        <v>1</v>
      </c>
      <c r="J135" s="1" t="s">
        <v>41</v>
      </c>
      <c r="K135" s="1" t="s">
        <v>7</v>
      </c>
      <c r="L135" s="1" t="s">
        <v>640</v>
      </c>
      <c r="M135" s="1" t="s">
        <v>5</v>
      </c>
      <c r="N135" s="1" t="s">
        <v>6</v>
      </c>
      <c r="O135" s="1" t="s">
        <v>38</v>
      </c>
      <c r="P135" s="5" t="s">
        <v>14</v>
      </c>
    </row>
    <row r="136" spans="1:16" x14ac:dyDescent="0.2">
      <c r="A136" s="1" t="s">
        <v>329</v>
      </c>
      <c r="B136" s="1" t="s">
        <v>10</v>
      </c>
      <c r="C136" s="1" t="s">
        <v>644</v>
      </c>
      <c r="D136" s="1" t="s">
        <v>645</v>
      </c>
      <c r="E136" s="1"/>
      <c r="F136" s="1" t="s">
        <v>10</v>
      </c>
      <c r="G136" s="1" t="s">
        <v>10</v>
      </c>
      <c r="H136" s="1" t="s">
        <v>10</v>
      </c>
      <c r="I136" s="1" t="s">
        <v>1</v>
      </c>
      <c r="J136" s="1" t="s">
        <v>41</v>
      </c>
      <c r="K136" s="1" t="s">
        <v>10</v>
      </c>
      <c r="L136" s="1" t="s">
        <v>643</v>
      </c>
      <c r="M136" s="1" t="s">
        <v>5</v>
      </c>
      <c r="N136" s="1" t="s">
        <v>6</v>
      </c>
      <c r="O136" s="1" t="s">
        <v>38</v>
      </c>
      <c r="P136" s="5" t="s">
        <v>10</v>
      </c>
    </row>
    <row r="137" spans="1:16" x14ac:dyDescent="0.2">
      <c r="A137" s="1" t="s">
        <v>42</v>
      </c>
      <c r="B137" s="1" t="s">
        <v>43</v>
      </c>
      <c r="C137" s="1" t="s">
        <v>647</v>
      </c>
      <c r="D137" s="1" t="s">
        <v>648</v>
      </c>
      <c r="E137" s="1"/>
      <c r="F137" s="1" t="s">
        <v>10</v>
      </c>
      <c r="G137" s="1" t="s">
        <v>10</v>
      </c>
      <c r="H137" s="1" t="s">
        <v>10</v>
      </c>
      <c r="I137" s="1" t="s">
        <v>1</v>
      </c>
      <c r="J137" s="1" t="s">
        <v>41</v>
      </c>
      <c r="K137" s="1" t="s">
        <v>37</v>
      </c>
      <c r="L137" s="1" t="s">
        <v>646</v>
      </c>
      <c r="M137" s="1" t="s">
        <v>5</v>
      </c>
      <c r="N137" s="1" t="s">
        <v>25</v>
      </c>
      <c r="O137" s="1" t="s">
        <v>38</v>
      </c>
      <c r="P137" s="5" t="s">
        <v>29829</v>
      </c>
    </row>
    <row r="138" spans="1:16" x14ac:dyDescent="0.2">
      <c r="A138" s="1" t="s">
        <v>42</v>
      </c>
      <c r="B138" s="1" t="s">
        <v>43</v>
      </c>
      <c r="C138" s="1" t="s">
        <v>650</v>
      </c>
      <c r="D138" s="1" t="s">
        <v>651</v>
      </c>
      <c r="E138" s="1"/>
      <c r="F138" s="1" t="s">
        <v>10</v>
      </c>
      <c r="G138" s="1" t="s">
        <v>10</v>
      </c>
      <c r="H138" s="1" t="s">
        <v>10</v>
      </c>
      <c r="I138" s="1" t="s">
        <v>1</v>
      </c>
      <c r="J138" s="1" t="s">
        <v>41</v>
      </c>
      <c r="K138" s="1" t="s">
        <v>37</v>
      </c>
      <c r="L138" s="1" t="s">
        <v>649</v>
      </c>
      <c r="M138" s="1" t="s">
        <v>5</v>
      </c>
      <c r="N138" s="1" t="s">
        <v>25</v>
      </c>
      <c r="O138" s="1" t="s">
        <v>38</v>
      </c>
      <c r="P138" s="5" t="s">
        <v>29830</v>
      </c>
    </row>
    <row r="139" spans="1:16" x14ac:dyDescent="0.2">
      <c r="A139" s="1" t="s">
        <v>42</v>
      </c>
      <c r="B139" s="1" t="s">
        <v>43</v>
      </c>
      <c r="C139" s="1" t="s">
        <v>653</v>
      </c>
      <c r="D139" s="1" t="s">
        <v>654</v>
      </c>
      <c r="E139" s="1"/>
      <c r="F139" s="1" t="s">
        <v>10</v>
      </c>
      <c r="G139" s="1" t="s">
        <v>10</v>
      </c>
      <c r="H139" s="1" t="s">
        <v>10</v>
      </c>
      <c r="I139" s="1" t="s">
        <v>1</v>
      </c>
      <c r="J139" s="1" t="s">
        <v>41</v>
      </c>
      <c r="K139" s="1" t="s">
        <v>37</v>
      </c>
      <c r="L139" s="1" t="s">
        <v>652</v>
      </c>
      <c r="M139" s="1" t="s">
        <v>5</v>
      </c>
      <c r="N139" s="1" t="s">
        <v>25</v>
      </c>
      <c r="O139" s="1" t="s">
        <v>38</v>
      </c>
      <c r="P139" s="5" t="s">
        <v>29831</v>
      </c>
    </row>
    <row r="140" spans="1:16" x14ac:dyDescent="0.2">
      <c r="A140" s="1" t="s">
        <v>42</v>
      </c>
      <c r="B140" s="1" t="s">
        <v>43</v>
      </c>
      <c r="C140" s="1" t="s">
        <v>656</v>
      </c>
      <c r="D140" s="1" t="s">
        <v>657</v>
      </c>
      <c r="E140" s="1"/>
      <c r="F140" s="1" t="s">
        <v>10</v>
      </c>
      <c r="G140" s="1" t="s">
        <v>10</v>
      </c>
      <c r="H140" s="1" t="s">
        <v>10</v>
      </c>
      <c r="I140" s="1" t="s">
        <v>1</v>
      </c>
      <c r="J140" s="1" t="s">
        <v>41</v>
      </c>
      <c r="K140" s="1" t="s">
        <v>37</v>
      </c>
      <c r="L140" s="1" t="s">
        <v>655</v>
      </c>
      <c r="M140" s="1" t="s">
        <v>5</v>
      </c>
      <c r="N140" s="1" t="s">
        <v>25</v>
      </c>
      <c r="O140" s="1" t="s">
        <v>38</v>
      </c>
      <c r="P140" s="5" t="s">
        <v>29831</v>
      </c>
    </row>
    <row r="141" spans="1:16" x14ac:dyDescent="0.2">
      <c r="A141" s="1" t="s">
        <v>42</v>
      </c>
      <c r="B141" s="1" t="s">
        <v>43</v>
      </c>
      <c r="C141" s="1" t="s">
        <v>659</v>
      </c>
      <c r="D141" s="1" t="s">
        <v>660</v>
      </c>
      <c r="E141" s="1"/>
      <c r="F141" s="1" t="s">
        <v>10</v>
      </c>
      <c r="G141" s="1" t="s">
        <v>10</v>
      </c>
      <c r="H141" s="1" t="s">
        <v>10</v>
      </c>
      <c r="I141" s="1" t="s">
        <v>1</v>
      </c>
      <c r="J141" s="1" t="s">
        <v>41</v>
      </c>
      <c r="K141" s="1" t="s">
        <v>37</v>
      </c>
      <c r="L141" s="1" t="s">
        <v>658</v>
      </c>
      <c r="M141" s="1" t="s">
        <v>5</v>
      </c>
      <c r="N141" s="1" t="s">
        <v>25</v>
      </c>
      <c r="O141" s="1" t="s">
        <v>38</v>
      </c>
      <c r="P141" s="5" t="s">
        <v>29831</v>
      </c>
    </row>
    <row r="142" spans="1:16" x14ac:dyDescent="0.2">
      <c r="A142" s="1" t="s">
        <v>10</v>
      </c>
      <c r="B142" s="1" t="s">
        <v>10</v>
      </c>
      <c r="C142" s="1" t="s">
        <v>662</v>
      </c>
      <c r="D142" s="1" t="s">
        <v>662</v>
      </c>
      <c r="E142" s="1" t="s">
        <v>663</v>
      </c>
      <c r="F142" s="1" t="s">
        <v>27</v>
      </c>
      <c r="G142" s="1" t="s">
        <v>10</v>
      </c>
      <c r="H142" s="1" t="s">
        <v>662</v>
      </c>
      <c r="I142" s="1" t="s">
        <v>1</v>
      </c>
      <c r="J142" s="1" t="s">
        <v>29</v>
      </c>
      <c r="K142" s="1" t="s">
        <v>64</v>
      </c>
      <c r="L142" s="1" t="s">
        <v>661</v>
      </c>
      <c r="M142" s="1" t="s">
        <v>5</v>
      </c>
      <c r="N142" s="1" t="s">
        <v>25</v>
      </c>
      <c r="O142" s="1" t="s">
        <v>8</v>
      </c>
      <c r="P142" s="5" t="s">
        <v>10</v>
      </c>
    </row>
    <row r="143" spans="1:16" x14ac:dyDescent="0.2">
      <c r="A143" s="1" t="s">
        <v>42</v>
      </c>
      <c r="B143" s="1" t="s">
        <v>50</v>
      </c>
      <c r="C143" s="1" t="s">
        <v>665</v>
      </c>
      <c r="D143" s="1" t="s">
        <v>666</v>
      </c>
      <c r="E143" s="1" t="s">
        <v>667</v>
      </c>
      <c r="F143" s="1" t="s">
        <v>522</v>
      </c>
      <c r="G143" s="1" t="s">
        <v>668</v>
      </c>
      <c r="H143" s="1" t="s">
        <v>10</v>
      </c>
      <c r="I143" s="1" t="s">
        <v>1</v>
      </c>
      <c r="J143" s="1" t="s">
        <v>29</v>
      </c>
      <c r="K143" s="1" t="s">
        <v>47</v>
      </c>
      <c r="L143" s="1" t="s">
        <v>664</v>
      </c>
      <c r="M143" s="1" t="s">
        <v>5</v>
      </c>
      <c r="N143" s="1" t="s">
        <v>25</v>
      </c>
      <c r="O143" s="1" t="s">
        <v>8</v>
      </c>
      <c r="P143" s="5" t="s">
        <v>30972</v>
      </c>
    </row>
    <row r="144" spans="1:16" x14ac:dyDescent="0.2">
      <c r="A144" s="1" t="s">
        <v>66</v>
      </c>
      <c r="B144" s="1" t="s">
        <v>674</v>
      </c>
      <c r="C144" s="1" t="s">
        <v>670</v>
      </c>
      <c r="D144" s="1" t="s">
        <v>671</v>
      </c>
      <c r="E144" s="1" t="s">
        <v>672</v>
      </c>
      <c r="F144" s="1" t="s">
        <v>27</v>
      </c>
      <c r="G144" s="1" t="s">
        <v>10</v>
      </c>
      <c r="H144" s="1" t="s">
        <v>673</v>
      </c>
      <c r="I144" s="1" t="s">
        <v>1</v>
      </c>
      <c r="J144" s="1" t="s">
        <v>29</v>
      </c>
      <c r="K144" s="1" t="s">
        <v>64</v>
      </c>
      <c r="L144" s="1" t="s">
        <v>669</v>
      </c>
      <c r="M144" s="1" t="s">
        <v>5</v>
      </c>
      <c r="N144" s="1" t="s">
        <v>6</v>
      </c>
      <c r="O144" s="1" t="s">
        <v>8</v>
      </c>
      <c r="P144" s="5" t="s">
        <v>10</v>
      </c>
    </row>
    <row r="145" spans="1:16" x14ac:dyDescent="0.2">
      <c r="A145" s="1" t="s">
        <v>10</v>
      </c>
      <c r="B145" s="1" t="s">
        <v>10</v>
      </c>
      <c r="C145" s="1" t="s">
        <v>676</v>
      </c>
      <c r="D145" s="1" t="s">
        <v>677</v>
      </c>
      <c r="E145" s="1" t="s">
        <v>678</v>
      </c>
      <c r="F145" s="1" t="s">
        <v>27</v>
      </c>
      <c r="G145" s="1" t="s">
        <v>10</v>
      </c>
      <c r="H145" s="1" t="s">
        <v>679</v>
      </c>
      <c r="I145" s="1" t="s">
        <v>1</v>
      </c>
      <c r="J145" s="1" t="s">
        <v>29</v>
      </c>
      <c r="K145" s="1" t="s">
        <v>64</v>
      </c>
      <c r="L145" s="1" t="s">
        <v>675</v>
      </c>
      <c r="M145" s="1" t="s">
        <v>5</v>
      </c>
      <c r="N145" s="1" t="s">
        <v>6</v>
      </c>
      <c r="O145" s="1" t="s">
        <v>8</v>
      </c>
      <c r="P145" s="5" t="s">
        <v>10</v>
      </c>
    </row>
    <row r="146" spans="1:16" x14ac:dyDescent="0.2">
      <c r="A146" s="1" t="s">
        <v>194</v>
      </c>
      <c r="B146" s="1" t="s">
        <v>195</v>
      </c>
      <c r="C146" s="1" t="s">
        <v>681</v>
      </c>
      <c r="D146" s="1" t="s">
        <v>682</v>
      </c>
      <c r="E146" s="1" t="s">
        <v>684</v>
      </c>
      <c r="F146" s="1" t="s">
        <v>683</v>
      </c>
      <c r="G146" s="1" t="s">
        <v>685</v>
      </c>
      <c r="H146" s="1" t="s">
        <v>10</v>
      </c>
      <c r="I146" s="1" t="s">
        <v>1</v>
      </c>
      <c r="J146" s="1" t="s">
        <v>29</v>
      </c>
      <c r="K146" s="1" t="s">
        <v>27</v>
      </c>
      <c r="L146" s="1" t="s">
        <v>680</v>
      </c>
      <c r="M146" s="1" t="s">
        <v>5</v>
      </c>
      <c r="N146" s="1" t="s">
        <v>6</v>
      </c>
      <c r="O146" s="1" t="s">
        <v>8</v>
      </c>
      <c r="P146" s="5" t="s">
        <v>29832</v>
      </c>
    </row>
    <row r="147" spans="1:16" x14ac:dyDescent="0.2">
      <c r="A147" s="1" t="s">
        <v>329</v>
      </c>
      <c r="B147" s="1" t="s">
        <v>691</v>
      </c>
      <c r="C147" s="1" t="s">
        <v>687</v>
      </c>
      <c r="D147" s="1" t="s">
        <v>688</v>
      </c>
      <c r="E147" s="1" t="s">
        <v>690</v>
      </c>
      <c r="F147" s="1" t="s">
        <v>10</v>
      </c>
      <c r="G147" s="1" t="s">
        <v>10</v>
      </c>
      <c r="H147" s="1" t="s">
        <v>10</v>
      </c>
      <c r="I147" s="1" t="s">
        <v>1</v>
      </c>
      <c r="J147" s="1" t="s">
        <v>29</v>
      </c>
      <c r="K147" s="1" t="s">
        <v>689</v>
      </c>
      <c r="L147" s="1" t="s">
        <v>686</v>
      </c>
      <c r="M147" s="1" t="s">
        <v>5</v>
      </c>
      <c r="N147" s="1" t="s">
        <v>25</v>
      </c>
      <c r="O147" s="1" t="s">
        <v>38</v>
      </c>
      <c r="P147" s="5" t="s">
        <v>29833</v>
      </c>
    </row>
    <row r="148" spans="1:16" x14ac:dyDescent="0.2">
      <c r="A148" s="1" t="s">
        <v>10</v>
      </c>
      <c r="B148" s="1" t="s">
        <v>10</v>
      </c>
      <c r="C148" s="1" t="s">
        <v>693</v>
      </c>
      <c r="D148" s="1" t="s">
        <v>694</v>
      </c>
      <c r="E148" s="1" t="s">
        <v>695</v>
      </c>
      <c r="F148" s="1" t="s">
        <v>27</v>
      </c>
      <c r="G148" s="1" t="s">
        <v>10</v>
      </c>
      <c r="H148" s="1" t="s">
        <v>696</v>
      </c>
      <c r="I148" s="1" t="s">
        <v>1</v>
      </c>
      <c r="J148" s="1" t="s">
        <v>29</v>
      </c>
      <c r="K148" s="1" t="s">
        <v>64</v>
      </c>
      <c r="L148" s="1" t="s">
        <v>692</v>
      </c>
      <c r="M148" s="1" t="s">
        <v>5</v>
      </c>
      <c r="N148" s="1" t="s">
        <v>6</v>
      </c>
      <c r="O148" s="1" t="s">
        <v>8</v>
      </c>
      <c r="P148" s="5" t="s">
        <v>10</v>
      </c>
    </row>
    <row r="149" spans="1:16" x14ac:dyDescent="0.2">
      <c r="A149" s="1" t="s">
        <v>10</v>
      </c>
      <c r="B149" s="1" t="s">
        <v>10</v>
      </c>
      <c r="C149" s="1" t="s">
        <v>698</v>
      </c>
      <c r="D149" s="1" t="s">
        <v>699</v>
      </c>
      <c r="E149" s="1" t="s">
        <v>700</v>
      </c>
      <c r="F149" s="1" t="s">
        <v>27</v>
      </c>
      <c r="G149" s="1" t="s">
        <v>10</v>
      </c>
      <c r="H149" s="1" t="s">
        <v>701</v>
      </c>
      <c r="I149" s="1" t="s">
        <v>1</v>
      </c>
      <c r="J149" s="1" t="s">
        <v>29</v>
      </c>
      <c r="K149" s="1" t="s">
        <v>64</v>
      </c>
      <c r="L149" s="1" t="s">
        <v>697</v>
      </c>
      <c r="M149" s="1" t="s">
        <v>5</v>
      </c>
      <c r="N149" s="1" t="s">
        <v>6</v>
      </c>
      <c r="O149" s="1" t="s">
        <v>8</v>
      </c>
      <c r="P149" s="5" t="s">
        <v>10</v>
      </c>
    </row>
    <row r="150" spans="1:16" x14ac:dyDescent="0.2">
      <c r="A150" s="1" t="s">
        <v>487</v>
      </c>
      <c r="B150" s="1" t="s">
        <v>488</v>
      </c>
      <c r="C150" s="1" t="s">
        <v>703</v>
      </c>
      <c r="D150" s="1" t="s">
        <v>704</v>
      </c>
      <c r="E150" s="1"/>
      <c r="F150" s="1" t="s">
        <v>27</v>
      </c>
      <c r="G150" s="1" t="s">
        <v>10</v>
      </c>
      <c r="H150" s="1" t="s">
        <v>703</v>
      </c>
      <c r="I150" s="1" t="s">
        <v>1</v>
      </c>
      <c r="J150" s="1" t="s">
        <v>41</v>
      </c>
      <c r="K150" s="1" t="s">
        <v>64</v>
      </c>
      <c r="L150" s="1" t="s">
        <v>702</v>
      </c>
      <c r="M150" s="1" t="s">
        <v>5</v>
      </c>
      <c r="N150" s="1" t="s">
        <v>6</v>
      </c>
      <c r="O150" s="1" t="s">
        <v>8</v>
      </c>
      <c r="P150" s="5" t="s">
        <v>29834</v>
      </c>
    </row>
    <row r="151" spans="1:16" x14ac:dyDescent="0.2">
      <c r="A151" s="1" t="s">
        <v>20</v>
      </c>
      <c r="B151" s="1" t="s">
        <v>10</v>
      </c>
      <c r="C151" s="1" t="s">
        <v>707</v>
      </c>
      <c r="D151" s="1" t="s">
        <v>708</v>
      </c>
      <c r="E151" s="1" t="s">
        <v>709</v>
      </c>
      <c r="F151" s="1" t="s">
        <v>10</v>
      </c>
      <c r="G151" s="1" t="s">
        <v>10</v>
      </c>
      <c r="H151" s="1" t="s">
        <v>10</v>
      </c>
      <c r="I151" s="1" t="s">
        <v>1</v>
      </c>
      <c r="J151" s="1" t="s">
        <v>16</v>
      </c>
      <c r="K151" s="1" t="s">
        <v>7</v>
      </c>
      <c r="L151" s="1" t="s">
        <v>706</v>
      </c>
      <c r="M151" s="1" t="s">
        <v>5</v>
      </c>
      <c r="N151" s="1" t="s">
        <v>25</v>
      </c>
      <c r="O151" s="1" t="s">
        <v>38</v>
      </c>
      <c r="P151" s="5" t="s">
        <v>29835</v>
      </c>
    </row>
    <row r="152" spans="1:16" x14ac:dyDescent="0.2">
      <c r="A152" s="1" t="s">
        <v>10</v>
      </c>
      <c r="B152" s="1" t="s">
        <v>10</v>
      </c>
      <c r="C152" s="1" t="s">
        <v>711</v>
      </c>
      <c r="D152" s="1" t="s">
        <v>712</v>
      </c>
      <c r="E152" s="1" t="s">
        <v>713</v>
      </c>
      <c r="F152" s="1" t="s">
        <v>27</v>
      </c>
      <c r="G152" s="1" t="s">
        <v>10</v>
      </c>
      <c r="H152" s="1" t="s">
        <v>714</v>
      </c>
      <c r="I152" s="1" t="s">
        <v>1</v>
      </c>
      <c r="J152" s="1" t="s">
        <v>29</v>
      </c>
      <c r="K152" s="1" t="s">
        <v>64</v>
      </c>
      <c r="L152" s="1" t="s">
        <v>710</v>
      </c>
      <c r="M152" s="1" t="s">
        <v>5</v>
      </c>
      <c r="N152" s="1" t="s">
        <v>6</v>
      </c>
      <c r="O152" s="1" t="s">
        <v>8</v>
      </c>
      <c r="P152" s="5" t="s">
        <v>10</v>
      </c>
    </row>
    <row r="153" spans="1:16" x14ac:dyDescent="0.2">
      <c r="A153" s="1" t="s">
        <v>10</v>
      </c>
      <c r="B153" s="1" t="s">
        <v>10</v>
      </c>
      <c r="C153" s="1" t="s">
        <v>716</v>
      </c>
      <c r="D153" s="1" t="s">
        <v>717</v>
      </c>
      <c r="E153" s="1" t="s">
        <v>718</v>
      </c>
      <c r="F153" s="1" t="s">
        <v>27</v>
      </c>
      <c r="G153" s="1" t="s">
        <v>10</v>
      </c>
      <c r="H153" s="1" t="s">
        <v>719</v>
      </c>
      <c r="I153" s="1" t="s">
        <v>1</v>
      </c>
      <c r="J153" s="1" t="s">
        <v>29</v>
      </c>
      <c r="K153" s="1" t="s">
        <v>64</v>
      </c>
      <c r="L153" s="1" t="s">
        <v>715</v>
      </c>
      <c r="M153" s="1" t="s">
        <v>5</v>
      </c>
      <c r="N153" s="1" t="s">
        <v>6</v>
      </c>
      <c r="O153" s="1" t="s">
        <v>8</v>
      </c>
      <c r="P153" s="5" t="s">
        <v>10</v>
      </c>
    </row>
    <row r="154" spans="1:16" x14ac:dyDescent="0.2">
      <c r="A154" s="1" t="s">
        <v>10</v>
      </c>
      <c r="B154" s="1" t="s">
        <v>10</v>
      </c>
      <c r="C154" s="1" t="s">
        <v>721</v>
      </c>
      <c r="D154" s="1" t="s">
        <v>722</v>
      </c>
      <c r="E154" s="1" t="s">
        <v>723</v>
      </c>
      <c r="F154" s="1" t="s">
        <v>27</v>
      </c>
      <c r="G154" s="1" t="s">
        <v>10</v>
      </c>
      <c r="H154" s="1" t="s">
        <v>724</v>
      </c>
      <c r="I154" s="1" t="s">
        <v>1</v>
      </c>
      <c r="J154" s="1" t="s">
        <v>29</v>
      </c>
      <c r="K154" s="1" t="s">
        <v>64</v>
      </c>
      <c r="L154" s="1" t="s">
        <v>720</v>
      </c>
      <c r="M154" s="1" t="s">
        <v>5</v>
      </c>
      <c r="N154" s="1" t="s">
        <v>6</v>
      </c>
      <c r="O154" s="1" t="s">
        <v>8</v>
      </c>
      <c r="P154" s="5" t="s">
        <v>10</v>
      </c>
    </row>
    <row r="155" spans="1:16" x14ac:dyDescent="0.2">
      <c r="A155" s="1" t="s">
        <v>10</v>
      </c>
      <c r="B155" s="1" t="s">
        <v>10</v>
      </c>
      <c r="C155" s="1" t="s">
        <v>726</v>
      </c>
      <c r="D155" s="1" t="s">
        <v>727</v>
      </c>
      <c r="E155" s="1" t="s">
        <v>728</v>
      </c>
      <c r="F155" s="1" t="s">
        <v>27</v>
      </c>
      <c r="G155" s="1" t="s">
        <v>10</v>
      </c>
      <c r="H155" s="1" t="s">
        <v>729</v>
      </c>
      <c r="I155" s="1" t="s">
        <v>1</v>
      </c>
      <c r="J155" s="1" t="s">
        <v>29</v>
      </c>
      <c r="K155" s="1" t="s">
        <v>64</v>
      </c>
      <c r="L155" s="1" t="s">
        <v>725</v>
      </c>
      <c r="M155" s="1" t="s">
        <v>5</v>
      </c>
      <c r="N155" s="1" t="s">
        <v>25</v>
      </c>
      <c r="O155" s="1" t="s">
        <v>8</v>
      </c>
      <c r="P155" s="5" t="s">
        <v>10</v>
      </c>
    </row>
    <row r="156" spans="1:16" x14ac:dyDescent="0.2">
      <c r="A156" s="1" t="s">
        <v>10</v>
      </c>
      <c r="B156" s="1" t="s">
        <v>10</v>
      </c>
      <c r="C156" s="1" t="s">
        <v>731</v>
      </c>
      <c r="D156" s="1" t="s">
        <v>732</v>
      </c>
      <c r="E156" s="1" t="s">
        <v>733</v>
      </c>
      <c r="F156" s="1" t="s">
        <v>27</v>
      </c>
      <c r="G156" s="1" t="s">
        <v>10</v>
      </c>
      <c r="H156" s="1" t="s">
        <v>734</v>
      </c>
      <c r="I156" s="1" t="s">
        <v>1</v>
      </c>
      <c r="J156" s="1" t="s">
        <v>29</v>
      </c>
      <c r="K156" s="1" t="s">
        <v>64</v>
      </c>
      <c r="L156" s="1" t="s">
        <v>730</v>
      </c>
      <c r="M156" s="1" t="s">
        <v>5</v>
      </c>
      <c r="N156" s="1" t="s">
        <v>6</v>
      </c>
      <c r="O156" s="1" t="s">
        <v>8</v>
      </c>
      <c r="P156" s="5" t="s">
        <v>29836</v>
      </c>
    </row>
    <row r="157" spans="1:16" x14ac:dyDescent="0.2">
      <c r="A157" s="1" t="s">
        <v>10</v>
      </c>
      <c r="B157" s="1" t="s">
        <v>10</v>
      </c>
      <c r="C157" s="1" t="s">
        <v>736</v>
      </c>
      <c r="D157" s="1" t="s">
        <v>737</v>
      </c>
      <c r="E157" s="1" t="s">
        <v>738</v>
      </c>
      <c r="F157" s="1" t="s">
        <v>27</v>
      </c>
      <c r="G157" s="1" t="s">
        <v>10</v>
      </c>
      <c r="H157" s="1" t="s">
        <v>739</v>
      </c>
      <c r="I157" s="1" t="s">
        <v>1</v>
      </c>
      <c r="J157" s="1" t="s">
        <v>29</v>
      </c>
      <c r="K157" s="1" t="s">
        <v>64</v>
      </c>
      <c r="L157" s="1" t="s">
        <v>735</v>
      </c>
      <c r="M157" s="1" t="s">
        <v>5</v>
      </c>
      <c r="N157" s="1" t="s">
        <v>6</v>
      </c>
      <c r="O157" s="1" t="s">
        <v>8</v>
      </c>
      <c r="P157" s="5" t="s">
        <v>10</v>
      </c>
    </row>
    <row r="158" spans="1:16" x14ac:dyDescent="0.2">
      <c r="A158" s="1" t="s">
        <v>10</v>
      </c>
      <c r="B158" s="1" t="s">
        <v>10</v>
      </c>
      <c r="C158" s="1" t="s">
        <v>741</v>
      </c>
      <c r="D158" s="1" t="s">
        <v>742</v>
      </c>
      <c r="E158" s="1" t="s">
        <v>743</v>
      </c>
      <c r="F158" s="1" t="s">
        <v>27</v>
      </c>
      <c r="G158" s="1" t="s">
        <v>10</v>
      </c>
      <c r="H158" s="1" t="s">
        <v>741</v>
      </c>
      <c r="I158" s="1" t="s">
        <v>1</v>
      </c>
      <c r="J158" s="1" t="s">
        <v>29</v>
      </c>
      <c r="K158" s="1" t="s">
        <v>64</v>
      </c>
      <c r="L158" s="1" t="s">
        <v>740</v>
      </c>
      <c r="M158" s="1" t="s">
        <v>5</v>
      </c>
      <c r="N158" s="1" t="s">
        <v>6</v>
      </c>
      <c r="O158" s="1" t="s">
        <v>8</v>
      </c>
      <c r="P158" s="5" t="s">
        <v>10</v>
      </c>
    </row>
    <row r="159" spans="1:16" x14ac:dyDescent="0.2">
      <c r="A159" s="1" t="s">
        <v>10</v>
      </c>
      <c r="B159" s="1" t="s">
        <v>10</v>
      </c>
      <c r="C159" s="1" t="s">
        <v>745</v>
      </c>
      <c r="D159" s="1" t="s">
        <v>746</v>
      </c>
      <c r="E159" s="1" t="s">
        <v>748</v>
      </c>
      <c r="F159" s="1" t="s">
        <v>27</v>
      </c>
      <c r="G159" s="1" t="s">
        <v>10</v>
      </c>
      <c r="H159" s="1" t="s">
        <v>745</v>
      </c>
      <c r="I159" s="1" t="s">
        <v>1</v>
      </c>
      <c r="J159" s="1" t="s">
        <v>29</v>
      </c>
      <c r="K159" s="1" t="s">
        <v>747</v>
      </c>
      <c r="L159" s="1" t="s">
        <v>744</v>
      </c>
      <c r="M159" s="1" t="s">
        <v>5</v>
      </c>
      <c r="N159" s="1" t="s">
        <v>6</v>
      </c>
      <c r="O159" s="1" t="s">
        <v>8</v>
      </c>
      <c r="P159" s="5" t="s">
        <v>10</v>
      </c>
    </row>
    <row r="160" spans="1:16" x14ac:dyDescent="0.2">
      <c r="A160" s="1" t="s">
        <v>329</v>
      </c>
      <c r="B160" s="1" t="s">
        <v>753</v>
      </c>
      <c r="C160" s="1" t="s">
        <v>750</v>
      </c>
      <c r="D160" s="1" t="s">
        <v>751</v>
      </c>
      <c r="E160" s="1" t="s">
        <v>752</v>
      </c>
      <c r="F160" s="1" t="s">
        <v>27</v>
      </c>
      <c r="G160" s="1" t="s">
        <v>10</v>
      </c>
      <c r="H160" s="1" t="s">
        <v>750</v>
      </c>
      <c r="I160" s="1" t="s">
        <v>1</v>
      </c>
      <c r="J160" s="1" t="s">
        <v>29</v>
      </c>
      <c r="K160" s="1" t="s">
        <v>64</v>
      </c>
      <c r="L160" s="1" t="s">
        <v>749</v>
      </c>
      <c r="M160" s="1" t="s">
        <v>5</v>
      </c>
      <c r="N160" s="1" t="s">
        <v>6</v>
      </c>
      <c r="O160" s="1" t="s">
        <v>8</v>
      </c>
      <c r="P160" s="5" t="s">
        <v>10</v>
      </c>
    </row>
    <row r="161" spans="1:16" x14ac:dyDescent="0.2">
      <c r="A161" s="1" t="s">
        <v>487</v>
      </c>
      <c r="B161" s="1" t="s">
        <v>759</v>
      </c>
      <c r="C161" s="1" t="s">
        <v>755</v>
      </c>
      <c r="D161" s="1" t="s">
        <v>756</v>
      </c>
      <c r="E161" s="1" t="s">
        <v>757</v>
      </c>
      <c r="F161" s="1" t="s">
        <v>27</v>
      </c>
      <c r="G161" s="1" t="s">
        <v>10</v>
      </c>
      <c r="H161" s="1" t="s">
        <v>758</v>
      </c>
      <c r="I161" s="1" t="s">
        <v>1</v>
      </c>
      <c r="J161" s="1" t="s">
        <v>29</v>
      </c>
      <c r="K161" s="1" t="s">
        <v>64</v>
      </c>
      <c r="L161" s="1" t="s">
        <v>754</v>
      </c>
      <c r="M161" s="1" t="s">
        <v>5</v>
      </c>
      <c r="N161" s="1" t="s">
        <v>6</v>
      </c>
      <c r="O161" s="1" t="s">
        <v>8</v>
      </c>
      <c r="P161" s="5" t="s">
        <v>10</v>
      </c>
    </row>
    <row r="162" spans="1:16" x14ac:dyDescent="0.2">
      <c r="A162" s="1" t="s">
        <v>487</v>
      </c>
      <c r="B162" s="1" t="s">
        <v>765</v>
      </c>
      <c r="C162" s="1" t="s">
        <v>761</v>
      </c>
      <c r="D162" s="1" t="s">
        <v>762</v>
      </c>
      <c r="E162" s="1" t="s">
        <v>763</v>
      </c>
      <c r="F162" s="1" t="s">
        <v>27</v>
      </c>
      <c r="G162" s="1" t="s">
        <v>10</v>
      </c>
      <c r="H162" s="1" t="s">
        <v>764</v>
      </c>
      <c r="I162" s="1" t="s">
        <v>1</v>
      </c>
      <c r="J162" s="1" t="s">
        <v>29</v>
      </c>
      <c r="K162" s="1" t="s">
        <v>64</v>
      </c>
      <c r="L162" s="1" t="s">
        <v>760</v>
      </c>
      <c r="M162" s="1" t="s">
        <v>5</v>
      </c>
      <c r="N162" s="1" t="s">
        <v>25</v>
      </c>
      <c r="O162" s="1" t="s">
        <v>8</v>
      </c>
      <c r="P162" s="5" t="s">
        <v>29837</v>
      </c>
    </row>
    <row r="163" spans="1:16" x14ac:dyDescent="0.2">
      <c r="A163" s="1" t="s">
        <v>10</v>
      </c>
      <c r="B163" s="1" t="s">
        <v>10</v>
      </c>
      <c r="C163" s="1" t="s">
        <v>767</v>
      </c>
      <c r="D163" s="1" t="s">
        <v>768</v>
      </c>
      <c r="E163" s="1" t="s">
        <v>769</v>
      </c>
      <c r="F163" s="1" t="s">
        <v>27</v>
      </c>
      <c r="G163" s="1" t="s">
        <v>10</v>
      </c>
      <c r="H163" s="1" t="s">
        <v>770</v>
      </c>
      <c r="I163" s="1" t="s">
        <v>1</v>
      </c>
      <c r="J163" s="1" t="s">
        <v>29</v>
      </c>
      <c r="K163" s="1" t="s">
        <v>64</v>
      </c>
      <c r="L163" s="1" t="s">
        <v>766</v>
      </c>
      <c r="M163" s="1" t="s">
        <v>5</v>
      </c>
      <c r="N163" s="1" t="s">
        <v>6</v>
      </c>
      <c r="O163" s="1" t="s">
        <v>8</v>
      </c>
      <c r="P163" s="5" t="s">
        <v>10</v>
      </c>
    </row>
    <row r="164" spans="1:16" x14ac:dyDescent="0.2">
      <c r="A164" s="1" t="s">
        <v>10</v>
      </c>
      <c r="B164" s="1" t="s">
        <v>10</v>
      </c>
      <c r="C164" s="1" t="s">
        <v>772</v>
      </c>
      <c r="D164" s="1" t="s">
        <v>773</v>
      </c>
      <c r="E164" s="1" t="s">
        <v>774</v>
      </c>
      <c r="F164" s="1" t="s">
        <v>27</v>
      </c>
      <c r="G164" s="1" t="s">
        <v>10</v>
      </c>
      <c r="H164" s="1" t="s">
        <v>775</v>
      </c>
      <c r="I164" s="1" t="s">
        <v>1</v>
      </c>
      <c r="J164" s="1" t="s">
        <v>29</v>
      </c>
      <c r="K164" s="1" t="s">
        <v>64</v>
      </c>
      <c r="L164" s="1" t="s">
        <v>771</v>
      </c>
      <c r="M164" s="1" t="s">
        <v>5</v>
      </c>
      <c r="N164" s="1" t="s">
        <v>6</v>
      </c>
      <c r="O164" s="1" t="s">
        <v>8</v>
      </c>
      <c r="P164" s="5" t="s">
        <v>10</v>
      </c>
    </row>
    <row r="165" spans="1:16" x14ac:dyDescent="0.2">
      <c r="A165" s="1" t="s">
        <v>20</v>
      </c>
      <c r="B165" s="1" t="s">
        <v>309</v>
      </c>
      <c r="C165" s="1" t="s">
        <v>777</v>
      </c>
      <c r="D165" s="1" t="s">
        <v>778</v>
      </c>
      <c r="E165" s="1" t="s">
        <v>779</v>
      </c>
      <c r="F165" s="1" t="s">
        <v>105</v>
      </c>
      <c r="G165" s="1" t="s">
        <v>10</v>
      </c>
      <c r="H165" s="1" t="s">
        <v>10</v>
      </c>
      <c r="I165" s="1" t="s">
        <v>1</v>
      </c>
      <c r="J165" s="1" t="s">
        <v>29</v>
      </c>
      <c r="K165" s="1" t="s">
        <v>64</v>
      </c>
      <c r="L165" s="1" t="s">
        <v>776</v>
      </c>
      <c r="M165" s="1" t="s">
        <v>5</v>
      </c>
      <c r="N165" s="1" t="s">
        <v>6</v>
      </c>
      <c r="O165" s="1" t="s">
        <v>8</v>
      </c>
      <c r="P165" s="5" t="s">
        <v>10</v>
      </c>
    </row>
    <row r="166" spans="1:16" x14ac:dyDescent="0.2">
      <c r="A166" s="1" t="s">
        <v>487</v>
      </c>
      <c r="B166" s="1" t="s">
        <v>784</v>
      </c>
      <c r="C166" s="1" t="s">
        <v>781</v>
      </c>
      <c r="D166" s="1" t="s">
        <v>782</v>
      </c>
      <c r="E166" s="1" t="s">
        <v>783</v>
      </c>
      <c r="F166" s="1" t="s">
        <v>522</v>
      </c>
      <c r="G166" s="1" t="s">
        <v>524</v>
      </c>
      <c r="H166" s="1" t="s">
        <v>10</v>
      </c>
      <c r="I166" s="1" t="s">
        <v>1</v>
      </c>
      <c r="J166" s="1" t="s">
        <v>29</v>
      </c>
      <c r="K166" s="1" t="s">
        <v>64</v>
      </c>
      <c r="L166" s="1" t="s">
        <v>780</v>
      </c>
      <c r="M166" s="1" t="s">
        <v>5</v>
      </c>
      <c r="N166" s="1" t="s">
        <v>6</v>
      </c>
      <c r="O166" s="1" t="s">
        <v>8</v>
      </c>
      <c r="P166" s="5" t="s">
        <v>10</v>
      </c>
    </row>
    <row r="167" spans="1:16" x14ac:dyDescent="0.2">
      <c r="A167" s="1" t="s">
        <v>10</v>
      </c>
      <c r="B167" s="1" t="s">
        <v>10</v>
      </c>
      <c r="C167" s="1" t="s">
        <v>786</v>
      </c>
      <c r="D167" s="1" t="s">
        <v>787</v>
      </c>
      <c r="E167" s="1" t="s">
        <v>788</v>
      </c>
      <c r="F167" s="1" t="s">
        <v>27</v>
      </c>
      <c r="G167" s="1" t="s">
        <v>10</v>
      </c>
      <c r="H167" s="1" t="s">
        <v>789</v>
      </c>
      <c r="I167" s="1" t="s">
        <v>1</v>
      </c>
      <c r="J167" s="1" t="s">
        <v>29</v>
      </c>
      <c r="K167" s="1" t="s">
        <v>64</v>
      </c>
      <c r="L167" s="1" t="s">
        <v>785</v>
      </c>
      <c r="M167" s="1" t="s">
        <v>5</v>
      </c>
      <c r="N167" s="1" t="s">
        <v>6</v>
      </c>
      <c r="O167" s="1" t="s">
        <v>8</v>
      </c>
      <c r="P167" s="5" t="s">
        <v>10</v>
      </c>
    </row>
    <row r="168" spans="1:16" x14ac:dyDescent="0.2">
      <c r="A168" s="1" t="s">
        <v>10</v>
      </c>
      <c r="B168" s="1" t="s">
        <v>10</v>
      </c>
      <c r="C168" s="1" t="s">
        <v>791</v>
      </c>
      <c r="D168" s="1" t="s">
        <v>792</v>
      </c>
      <c r="E168" s="1" t="s">
        <v>793</v>
      </c>
      <c r="F168" s="1" t="s">
        <v>27</v>
      </c>
      <c r="G168" s="1" t="s">
        <v>10</v>
      </c>
      <c r="H168" s="1" t="s">
        <v>794</v>
      </c>
      <c r="I168" s="1" t="s">
        <v>1</v>
      </c>
      <c r="J168" s="1" t="s">
        <v>29</v>
      </c>
      <c r="K168" s="1" t="s">
        <v>64</v>
      </c>
      <c r="L168" s="1" t="s">
        <v>790</v>
      </c>
      <c r="M168" s="1" t="s">
        <v>5</v>
      </c>
      <c r="N168" s="1" t="s">
        <v>6</v>
      </c>
      <c r="O168" s="1" t="s">
        <v>8</v>
      </c>
      <c r="P168" s="5" t="s">
        <v>10</v>
      </c>
    </row>
    <row r="169" spans="1:16" x14ac:dyDescent="0.2">
      <c r="A169" s="1" t="s">
        <v>10</v>
      </c>
      <c r="B169" s="1" t="s">
        <v>10</v>
      </c>
      <c r="C169" s="1" t="s">
        <v>796</v>
      </c>
      <c r="D169" s="1" t="s">
        <v>797</v>
      </c>
      <c r="E169" s="1" t="s">
        <v>798</v>
      </c>
      <c r="F169" s="1" t="s">
        <v>27</v>
      </c>
      <c r="G169" s="1" t="s">
        <v>10</v>
      </c>
      <c r="H169" s="1" t="s">
        <v>799</v>
      </c>
      <c r="I169" s="1" t="s">
        <v>1</v>
      </c>
      <c r="J169" s="1" t="s">
        <v>29</v>
      </c>
      <c r="K169" s="1" t="s">
        <v>64</v>
      </c>
      <c r="L169" s="1" t="s">
        <v>795</v>
      </c>
      <c r="M169" s="1" t="s">
        <v>5</v>
      </c>
      <c r="N169" s="1" t="s">
        <v>6</v>
      </c>
      <c r="O169" s="1" t="s">
        <v>8</v>
      </c>
      <c r="P169" s="5" t="s">
        <v>10</v>
      </c>
    </row>
    <row r="170" spans="1:16" x14ac:dyDescent="0.2">
      <c r="A170" s="1" t="s">
        <v>487</v>
      </c>
      <c r="B170" s="1" t="s">
        <v>488</v>
      </c>
      <c r="C170" s="1" t="s">
        <v>801</v>
      </c>
      <c r="D170" s="1" t="s">
        <v>802</v>
      </c>
      <c r="E170" s="1" t="s">
        <v>803</v>
      </c>
      <c r="F170" s="1" t="s">
        <v>414</v>
      </c>
      <c r="G170" s="1" t="s">
        <v>804</v>
      </c>
      <c r="H170" s="1" t="s">
        <v>10</v>
      </c>
      <c r="I170" s="1" t="s">
        <v>1</v>
      </c>
      <c r="J170" s="1" t="s">
        <v>29</v>
      </c>
      <c r="K170" s="1" t="s">
        <v>64</v>
      </c>
      <c r="L170" s="1" t="s">
        <v>800</v>
      </c>
      <c r="M170" s="1" t="s">
        <v>5</v>
      </c>
      <c r="N170" s="1" t="s">
        <v>6</v>
      </c>
      <c r="O170" s="1" t="s">
        <v>8</v>
      </c>
      <c r="P170" s="5" t="s">
        <v>10</v>
      </c>
    </row>
    <row r="171" spans="1:16" x14ac:dyDescent="0.2">
      <c r="A171" s="1" t="s">
        <v>10</v>
      </c>
      <c r="B171" s="1" t="s">
        <v>10</v>
      </c>
      <c r="C171" s="1" t="s">
        <v>806</v>
      </c>
      <c r="D171" s="1" t="s">
        <v>807</v>
      </c>
      <c r="E171" s="1" t="s">
        <v>808</v>
      </c>
      <c r="F171" s="1" t="s">
        <v>27</v>
      </c>
      <c r="G171" s="1" t="s">
        <v>10</v>
      </c>
      <c r="H171" s="1" t="s">
        <v>794</v>
      </c>
      <c r="I171" s="1" t="s">
        <v>1</v>
      </c>
      <c r="J171" s="1" t="s">
        <v>29</v>
      </c>
      <c r="K171" s="1" t="s">
        <v>64</v>
      </c>
      <c r="L171" s="1" t="s">
        <v>805</v>
      </c>
      <c r="M171" s="1" t="s">
        <v>5</v>
      </c>
      <c r="N171" s="1" t="s">
        <v>6</v>
      </c>
      <c r="O171" s="1" t="s">
        <v>8</v>
      </c>
      <c r="P171" s="5" t="s">
        <v>10</v>
      </c>
    </row>
    <row r="172" spans="1:16" x14ac:dyDescent="0.2">
      <c r="A172" s="1" t="s">
        <v>10</v>
      </c>
      <c r="B172" s="1" t="s">
        <v>10</v>
      </c>
      <c r="C172" s="1" t="s">
        <v>810</v>
      </c>
      <c r="D172" s="1" t="s">
        <v>811</v>
      </c>
      <c r="E172" s="1" t="s">
        <v>812</v>
      </c>
      <c r="F172" s="1" t="s">
        <v>27</v>
      </c>
      <c r="G172" s="1" t="s">
        <v>10</v>
      </c>
      <c r="H172" s="1" t="s">
        <v>813</v>
      </c>
      <c r="I172" s="1" t="s">
        <v>1</v>
      </c>
      <c r="J172" s="1" t="s">
        <v>29</v>
      </c>
      <c r="K172" s="1" t="s">
        <v>64</v>
      </c>
      <c r="L172" s="1" t="s">
        <v>809</v>
      </c>
      <c r="M172" s="1" t="s">
        <v>5</v>
      </c>
      <c r="N172" s="1" t="s">
        <v>6</v>
      </c>
      <c r="O172" s="1" t="s">
        <v>8</v>
      </c>
      <c r="P172" s="5" t="s">
        <v>10</v>
      </c>
    </row>
    <row r="173" spans="1:16" x14ac:dyDescent="0.2">
      <c r="A173" s="1" t="s">
        <v>10</v>
      </c>
      <c r="B173" s="1" t="s">
        <v>10</v>
      </c>
      <c r="C173" s="1" t="s">
        <v>815</v>
      </c>
      <c r="D173" s="1" t="s">
        <v>816</v>
      </c>
      <c r="E173" s="1" t="s">
        <v>817</v>
      </c>
      <c r="F173" s="1" t="s">
        <v>27</v>
      </c>
      <c r="G173" s="1" t="s">
        <v>10</v>
      </c>
      <c r="H173" s="1" t="s">
        <v>799</v>
      </c>
      <c r="I173" s="1" t="s">
        <v>1</v>
      </c>
      <c r="J173" s="1" t="s">
        <v>29</v>
      </c>
      <c r="K173" s="1" t="s">
        <v>64</v>
      </c>
      <c r="L173" s="1" t="s">
        <v>814</v>
      </c>
      <c r="M173" s="1" t="s">
        <v>5</v>
      </c>
      <c r="N173" s="1" t="s">
        <v>6</v>
      </c>
      <c r="O173" s="1" t="s">
        <v>8</v>
      </c>
      <c r="P173" s="5" t="s">
        <v>10</v>
      </c>
    </row>
    <row r="174" spans="1:16" x14ac:dyDescent="0.2">
      <c r="A174" s="1" t="s">
        <v>10</v>
      </c>
      <c r="B174" s="1" t="s">
        <v>10</v>
      </c>
      <c r="C174" s="1" t="s">
        <v>819</v>
      </c>
      <c r="D174" s="1" t="s">
        <v>820</v>
      </c>
      <c r="E174" s="1" t="s">
        <v>821</v>
      </c>
      <c r="F174" s="1" t="s">
        <v>10</v>
      </c>
      <c r="G174" s="1" t="s">
        <v>10</v>
      </c>
      <c r="H174" s="1" t="s">
        <v>10</v>
      </c>
      <c r="I174" s="1" t="s">
        <v>1</v>
      </c>
      <c r="J174" s="1" t="s">
        <v>16</v>
      </c>
      <c r="K174" s="1" t="s">
        <v>7</v>
      </c>
      <c r="L174" s="1" t="s">
        <v>818</v>
      </c>
      <c r="M174" s="1" t="s">
        <v>5</v>
      </c>
      <c r="N174" s="1" t="s">
        <v>25</v>
      </c>
      <c r="O174" s="1" t="s">
        <v>38</v>
      </c>
      <c r="P174" s="5" t="s">
        <v>30173</v>
      </c>
    </row>
    <row r="175" spans="1:16" x14ac:dyDescent="0.2">
      <c r="A175" s="1" t="s">
        <v>66</v>
      </c>
      <c r="B175" s="1" t="s">
        <v>498</v>
      </c>
      <c r="C175" s="1" t="s">
        <v>823</v>
      </c>
      <c r="D175" s="1" t="s">
        <v>824</v>
      </c>
      <c r="E175" s="1"/>
      <c r="F175" s="1" t="s">
        <v>27</v>
      </c>
      <c r="G175" s="1" t="s">
        <v>10</v>
      </c>
      <c r="H175" s="1" t="s">
        <v>826</v>
      </c>
      <c r="I175" s="1" t="s">
        <v>1</v>
      </c>
      <c r="J175" s="1" t="s">
        <v>16</v>
      </c>
      <c r="K175" s="1" t="s">
        <v>27</v>
      </c>
      <c r="L175" s="1" t="s">
        <v>822</v>
      </c>
      <c r="M175" s="1" t="s">
        <v>5</v>
      </c>
      <c r="N175" s="1" t="s">
        <v>6</v>
      </c>
      <c r="O175" s="1" t="s">
        <v>8</v>
      </c>
      <c r="P175" s="5" t="s">
        <v>32692</v>
      </c>
    </row>
    <row r="176" spans="1:16" x14ac:dyDescent="0.2">
      <c r="A176" s="1" t="s">
        <v>20</v>
      </c>
      <c r="B176" s="1" t="s">
        <v>309</v>
      </c>
      <c r="C176" s="1" t="s">
        <v>828</v>
      </c>
      <c r="D176" s="1" t="s">
        <v>829</v>
      </c>
      <c r="E176" s="1" t="s">
        <v>830</v>
      </c>
      <c r="F176" s="1" t="s">
        <v>10</v>
      </c>
      <c r="G176" s="1" t="s">
        <v>10</v>
      </c>
      <c r="H176" s="1" t="s">
        <v>10</v>
      </c>
      <c r="I176" s="1" t="s">
        <v>1</v>
      </c>
      <c r="J176" s="1" t="s">
        <v>29</v>
      </c>
      <c r="K176" s="1" t="s">
        <v>64</v>
      </c>
      <c r="L176" s="1" t="s">
        <v>827</v>
      </c>
      <c r="M176" s="1" t="s">
        <v>5</v>
      </c>
      <c r="N176" s="1" t="s">
        <v>6</v>
      </c>
      <c r="O176" s="1" t="s">
        <v>38</v>
      </c>
      <c r="P176" s="5" t="s">
        <v>40</v>
      </c>
    </row>
    <row r="177" spans="1:16" x14ac:dyDescent="0.2">
      <c r="A177" s="1" t="s">
        <v>20</v>
      </c>
      <c r="B177" s="1" t="s">
        <v>309</v>
      </c>
      <c r="C177" s="1" t="s">
        <v>832</v>
      </c>
      <c r="D177" s="1" t="s">
        <v>833</v>
      </c>
      <c r="E177" s="1" t="s">
        <v>834</v>
      </c>
      <c r="F177" s="1" t="s">
        <v>10</v>
      </c>
      <c r="G177" s="1" t="s">
        <v>10</v>
      </c>
      <c r="H177" s="1" t="s">
        <v>10</v>
      </c>
      <c r="I177" s="1" t="s">
        <v>1</v>
      </c>
      <c r="J177" s="1" t="s">
        <v>29</v>
      </c>
      <c r="K177" s="1" t="s">
        <v>64</v>
      </c>
      <c r="L177" s="1" t="s">
        <v>831</v>
      </c>
      <c r="M177" s="1" t="s">
        <v>5</v>
      </c>
      <c r="N177" s="1" t="s">
        <v>25</v>
      </c>
      <c r="O177" s="1" t="s">
        <v>38</v>
      </c>
      <c r="P177" s="5" t="s">
        <v>30973</v>
      </c>
    </row>
    <row r="178" spans="1:16" x14ac:dyDescent="0.2">
      <c r="A178" s="1" t="s">
        <v>10</v>
      </c>
      <c r="B178" s="1" t="s">
        <v>10</v>
      </c>
      <c r="C178" s="1" t="s">
        <v>836</v>
      </c>
      <c r="D178" s="1" t="s">
        <v>837</v>
      </c>
      <c r="E178" s="1" t="s">
        <v>838</v>
      </c>
      <c r="F178" s="1" t="s">
        <v>10</v>
      </c>
      <c r="G178" s="1" t="s">
        <v>10</v>
      </c>
      <c r="H178" s="1" t="s">
        <v>10</v>
      </c>
      <c r="I178" s="1" t="s">
        <v>1</v>
      </c>
      <c r="J178" s="1" t="s">
        <v>29</v>
      </c>
      <c r="K178" s="1" t="s">
        <v>64</v>
      </c>
      <c r="L178" s="1" t="s">
        <v>835</v>
      </c>
      <c r="M178" s="1" t="s">
        <v>5</v>
      </c>
      <c r="N178" s="1" t="s">
        <v>25</v>
      </c>
      <c r="O178" s="1" t="s">
        <v>38</v>
      </c>
      <c r="P178" s="5" t="s">
        <v>30974</v>
      </c>
    </row>
    <row r="179" spans="1:16" x14ac:dyDescent="0.2">
      <c r="A179" s="1" t="s">
        <v>10</v>
      </c>
      <c r="B179" s="1" t="s">
        <v>10</v>
      </c>
      <c r="C179" s="1" t="s">
        <v>840</v>
      </c>
      <c r="D179" s="1" t="s">
        <v>841</v>
      </c>
      <c r="E179" s="1" t="s">
        <v>842</v>
      </c>
      <c r="F179" s="1" t="s">
        <v>10</v>
      </c>
      <c r="G179" s="1" t="s">
        <v>10</v>
      </c>
      <c r="H179" s="1" t="s">
        <v>10</v>
      </c>
      <c r="I179" s="1" t="s">
        <v>1</v>
      </c>
      <c r="J179" s="1" t="s">
        <v>29</v>
      </c>
      <c r="K179" s="1" t="s">
        <v>64</v>
      </c>
      <c r="L179" s="1" t="s">
        <v>839</v>
      </c>
      <c r="M179" s="1" t="s">
        <v>5</v>
      </c>
      <c r="N179" s="1" t="s">
        <v>25</v>
      </c>
      <c r="O179" s="1" t="s">
        <v>38</v>
      </c>
      <c r="P179" s="5" t="s">
        <v>30975</v>
      </c>
    </row>
    <row r="180" spans="1:16" x14ac:dyDescent="0.2">
      <c r="A180" s="1" t="s">
        <v>10</v>
      </c>
      <c r="B180" s="1" t="s">
        <v>10</v>
      </c>
      <c r="C180" s="1" t="s">
        <v>844</v>
      </c>
      <c r="D180" s="1" t="s">
        <v>845</v>
      </c>
      <c r="E180" s="1" t="s">
        <v>846</v>
      </c>
      <c r="F180" s="1" t="s">
        <v>414</v>
      </c>
      <c r="G180" s="1" t="s">
        <v>106</v>
      </c>
      <c r="H180" s="1" t="s">
        <v>10</v>
      </c>
      <c r="I180" s="1" t="s">
        <v>1</v>
      </c>
      <c r="J180" s="1" t="s">
        <v>29</v>
      </c>
      <c r="K180" s="1" t="s">
        <v>64</v>
      </c>
      <c r="L180" s="1" t="s">
        <v>843</v>
      </c>
      <c r="M180" s="1" t="s">
        <v>5</v>
      </c>
      <c r="N180" s="1" t="s">
        <v>6</v>
      </c>
      <c r="O180" s="1" t="s">
        <v>8</v>
      </c>
      <c r="P180" s="5" t="s">
        <v>10</v>
      </c>
    </row>
    <row r="181" spans="1:16" x14ac:dyDescent="0.2">
      <c r="A181" s="1" t="s">
        <v>10</v>
      </c>
      <c r="B181" s="1" t="s">
        <v>10</v>
      </c>
      <c r="C181" s="1" t="s">
        <v>848</v>
      </c>
      <c r="D181" s="1" t="s">
        <v>849</v>
      </c>
      <c r="E181" s="1" t="s">
        <v>850</v>
      </c>
      <c r="F181" s="1" t="s">
        <v>27</v>
      </c>
      <c r="G181" s="1" t="s">
        <v>10</v>
      </c>
      <c r="H181" s="1" t="s">
        <v>799</v>
      </c>
      <c r="I181" s="1" t="s">
        <v>1</v>
      </c>
      <c r="J181" s="1" t="s">
        <v>29</v>
      </c>
      <c r="K181" s="1" t="s">
        <v>64</v>
      </c>
      <c r="L181" s="1" t="s">
        <v>847</v>
      </c>
      <c r="M181" s="1" t="s">
        <v>5</v>
      </c>
      <c r="N181" s="1" t="s">
        <v>6</v>
      </c>
      <c r="O181" s="1" t="s">
        <v>8</v>
      </c>
      <c r="P181" s="5" t="s">
        <v>10</v>
      </c>
    </row>
    <row r="182" spans="1:16" x14ac:dyDescent="0.2">
      <c r="A182" s="1" t="s">
        <v>10</v>
      </c>
      <c r="B182" s="1" t="s">
        <v>10</v>
      </c>
      <c r="C182" s="1" t="s">
        <v>852</v>
      </c>
      <c r="D182" s="1" t="s">
        <v>853</v>
      </c>
      <c r="E182" s="1" t="s">
        <v>854</v>
      </c>
      <c r="F182" s="1" t="s">
        <v>27</v>
      </c>
      <c r="G182" s="1" t="s">
        <v>10</v>
      </c>
      <c r="H182" s="1" t="s">
        <v>855</v>
      </c>
      <c r="I182" s="1" t="s">
        <v>1</v>
      </c>
      <c r="J182" s="1" t="s">
        <v>29</v>
      </c>
      <c r="K182" s="1" t="s">
        <v>64</v>
      </c>
      <c r="L182" s="1" t="s">
        <v>851</v>
      </c>
      <c r="M182" s="1" t="s">
        <v>5</v>
      </c>
      <c r="N182" s="1" t="s">
        <v>6</v>
      </c>
      <c r="O182" s="1" t="s">
        <v>8</v>
      </c>
      <c r="P182" s="5" t="s">
        <v>10</v>
      </c>
    </row>
    <row r="183" spans="1:16" x14ac:dyDescent="0.2">
      <c r="A183" s="1" t="s">
        <v>10</v>
      </c>
      <c r="B183" s="1" t="s">
        <v>10</v>
      </c>
      <c r="C183" s="1" t="s">
        <v>857</v>
      </c>
      <c r="D183" s="1" t="s">
        <v>858</v>
      </c>
      <c r="E183" s="1" t="s">
        <v>859</v>
      </c>
      <c r="F183" s="1" t="s">
        <v>27</v>
      </c>
      <c r="G183" s="1" t="s">
        <v>10</v>
      </c>
      <c r="H183" s="1" t="s">
        <v>794</v>
      </c>
      <c r="I183" s="1" t="s">
        <v>1</v>
      </c>
      <c r="J183" s="1" t="s">
        <v>29</v>
      </c>
      <c r="K183" s="1" t="s">
        <v>64</v>
      </c>
      <c r="L183" s="1" t="s">
        <v>856</v>
      </c>
      <c r="M183" s="1" t="s">
        <v>5</v>
      </c>
      <c r="N183" s="1" t="s">
        <v>6</v>
      </c>
      <c r="O183" s="1" t="s">
        <v>8</v>
      </c>
      <c r="P183" s="5" t="s">
        <v>10</v>
      </c>
    </row>
    <row r="184" spans="1:16" x14ac:dyDescent="0.2">
      <c r="A184" s="1" t="s">
        <v>10</v>
      </c>
      <c r="B184" s="1" t="s">
        <v>10</v>
      </c>
      <c r="C184" s="1" t="s">
        <v>861</v>
      </c>
      <c r="D184" s="1" t="s">
        <v>862</v>
      </c>
      <c r="E184" s="1" t="s">
        <v>863</v>
      </c>
      <c r="F184" s="1" t="s">
        <v>27</v>
      </c>
      <c r="G184" s="1" t="s">
        <v>10</v>
      </c>
      <c r="H184" s="1" t="s">
        <v>794</v>
      </c>
      <c r="I184" s="1" t="s">
        <v>1</v>
      </c>
      <c r="J184" s="1" t="s">
        <v>29</v>
      </c>
      <c r="K184" s="1" t="s">
        <v>64</v>
      </c>
      <c r="L184" s="1" t="s">
        <v>860</v>
      </c>
      <c r="M184" s="1" t="s">
        <v>5</v>
      </c>
      <c r="N184" s="1" t="s">
        <v>6</v>
      </c>
      <c r="O184" s="1" t="s">
        <v>8</v>
      </c>
      <c r="P184" s="5" t="s">
        <v>10</v>
      </c>
    </row>
    <row r="185" spans="1:16" x14ac:dyDescent="0.2">
      <c r="A185" s="1" t="s">
        <v>487</v>
      </c>
      <c r="B185" s="1" t="s">
        <v>488</v>
      </c>
      <c r="C185" s="1" t="s">
        <v>865</v>
      </c>
      <c r="D185" s="1" t="s">
        <v>866</v>
      </c>
      <c r="E185" s="1" t="s">
        <v>867</v>
      </c>
      <c r="F185" s="1" t="s">
        <v>27</v>
      </c>
      <c r="G185" s="1" t="s">
        <v>10</v>
      </c>
      <c r="H185" s="1" t="s">
        <v>868</v>
      </c>
      <c r="I185" s="1" t="s">
        <v>1</v>
      </c>
      <c r="J185" s="1" t="s">
        <v>29</v>
      </c>
      <c r="K185" s="1" t="s">
        <v>64</v>
      </c>
      <c r="L185" s="1" t="s">
        <v>864</v>
      </c>
      <c r="M185" s="1" t="s">
        <v>5</v>
      </c>
      <c r="N185" s="1" t="s">
        <v>6</v>
      </c>
      <c r="O185" s="1" t="s">
        <v>8</v>
      </c>
      <c r="P185" s="5" t="s">
        <v>10</v>
      </c>
    </row>
    <row r="186" spans="1:16" x14ac:dyDescent="0.2">
      <c r="A186" s="1" t="s">
        <v>10</v>
      </c>
      <c r="B186" s="1" t="s">
        <v>10</v>
      </c>
      <c r="C186" s="1" t="s">
        <v>870</v>
      </c>
      <c r="D186" s="1" t="s">
        <v>871</v>
      </c>
      <c r="E186" s="1" t="s">
        <v>872</v>
      </c>
      <c r="F186" s="1" t="s">
        <v>27</v>
      </c>
      <c r="G186" s="1" t="s">
        <v>10</v>
      </c>
      <c r="H186" s="1" t="s">
        <v>794</v>
      </c>
      <c r="I186" s="1" t="s">
        <v>1</v>
      </c>
      <c r="J186" s="1" t="s">
        <v>29</v>
      </c>
      <c r="K186" s="1" t="s">
        <v>64</v>
      </c>
      <c r="L186" s="1" t="s">
        <v>869</v>
      </c>
      <c r="M186" s="1" t="s">
        <v>5</v>
      </c>
      <c r="N186" s="1" t="s">
        <v>6</v>
      </c>
      <c r="O186" s="1" t="s">
        <v>8</v>
      </c>
      <c r="P186" s="5" t="s">
        <v>10</v>
      </c>
    </row>
    <row r="187" spans="1:16" x14ac:dyDescent="0.2">
      <c r="A187" s="1" t="s">
        <v>66</v>
      </c>
      <c r="B187" s="1" t="s">
        <v>674</v>
      </c>
      <c r="C187" s="1" t="s">
        <v>874</v>
      </c>
      <c r="D187" s="1" t="s">
        <v>875</v>
      </c>
      <c r="E187" s="1" t="s">
        <v>876</v>
      </c>
      <c r="F187" s="1" t="s">
        <v>27</v>
      </c>
      <c r="G187" s="1" t="s">
        <v>10</v>
      </c>
      <c r="H187" s="1" t="s">
        <v>874</v>
      </c>
      <c r="I187" s="1" t="s">
        <v>1</v>
      </c>
      <c r="J187" s="1" t="s">
        <v>29</v>
      </c>
      <c r="K187" s="1" t="s">
        <v>64</v>
      </c>
      <c r="L187" s="1" t="s">
        <v>873</v>
      </c>
      <c r="M187" s="1" t="s">
        <v>5</v>
      </c>
      <c r="N187" s="1" t="s">
        <v>6</v>
      </c>
      <c r="O187" s="1" t="s">
        <v>8</v>
      </c>
      <c r="P187" s="5" t="s">
        <v>10</v>
      </c>
    </row>
    <row r="188" spans="1:16" x14ac:dyDescent="0.2">
      <c r="A188" s="1" t="s">
        <v>10</v>
      </c>
      <c r="B188" s="1" t="s">
        <v>10</v>
      </c>
      <c r="C188" s="1" t="s">
        <v>878</v>
      </c>
      <c r="D188" s="1" t="s">
        <v>879</v>
      </c>
      <c r="E188" s="1" t="s">
        <v>880</v>
      </c>
      <c r="F188" s="1" t="s">
        <v>27</v>
      </c>
      <c r="G188" s="1" t="s">
        <v>10</v>
      </c>
      <c r="H188" s="1" t="s">
        <v>794</v>
      </c>
      <c r="I188" s="1" t="s">
        <v>1</v>
      </c>
      <c r="J188" s="1" t="s">
        <v>29</v>
      </c>
      <c r="K188" s="1" t="s">
        <v>64</v>
      </c>
      <c r="L188" s="1" t="s">
        <v>877</v>
      </c>
      <c r="M188" s="1" t="s">
        <v>5</v>
      </c>
      <c r="N188" s="1" t="s">
        <v>6</v>
      </c>
      <c r="O188" s="1" t="s">
        <v>8</v>
      </c>
      <c r="P188" s="5" t="s">
        <v>10</v>
      </c>
    </row>
    <row r="189" spans="1:16" x14ac:dyDescent="0.2">
      <c r="A189" s="1" t="s">
        <v>487</v>
      </c>
      <c r="B189" s="1" t="s">
        <v>488</v>
      </c>
      <c r="C189" s="1" t="s">
        <v>882</v>
      </c>
      <c r="D189" s="1" t="s">
        <v>883</v>
      </c>
      <c r="E189" s="1" t="s">
        <v>884</v>
      </c>
      <c r="F189" s="1" t="s">
        <v>27</v>
      </c>
      <c r="G189" s="1" t="s">
        <v>10</v>
      </c>
      <c r="H189" s="1" t="s">
        <v>885</v>
      </c>
      <c r="I189" s="1" t="s">
        <v>1</v>
      </c>
      <c r="J189" s="1" t="s">
        <v>29</v>
      </c>
      <c r="K189" s="1" t="s">
        <v>64</v>
      </c>
      <c r="L189" s="1" t="s">
        <v>881</v>
      </c>
      <c r="M189" s="1" t="s">
        <v>5</v>
      </c>
      <c r="N189" s="1" t="s">
        <v>6</v>
      </c>
      <c r="O189" s="1" t="s">
        <v>8</v>
      </c>
      <c r="P189" s="5" t="s">
        <v>10</v>
      </c>
    </row>
    <row r="190" spans="1:16" x14ac:dyDescent="0.2">
      <c r="A190" s="1" t="s">
        <v>10</v>
      </c>
      <c r="B190" s="1" t="s">
        <v>10</v>
      </c>
      <c r="C190" s="1" t="s">
        <v>887</v>
      </c>
      <c r="D190" s="1" t="s">
        <v>888</v>
      </c>
      <c r="E190" s="1" t="s">
        <v>889</v>
      </c>
      <c r="F190" s="1" t="s">
        <v>27</v>
      </c>
      <c r="G190" s="1" t="s">
        <v>10</v>
      </c>
      <c r="H190" s="1" t="s">
        <v>794</v>
      </c>
      <c r="I190" s="1" t="s">
        <v>1</v>
      </c>
      <c r="J190" s="1" t="s">
        <v>29</v>
      </c>
      <c r="K190" s="1" t="s">
        <v>130</v>
      </c>
      <c r="L190" s="1" t="s">
        <v>886</v>
      </c>
      <c r="M190" s="1" t="s">
        <v>5</v>
      </c>
      <c r="N190" s="1" t="s">
        <v>6</v>
      </c>
      <c r="O190" s="1" t="s">
        <v>8</v>
      </c>
      <c r="P190" s="5" t="s">
        <v>10</v>
      </c>
    </row>
    <row r="191" spans="1:16" x14ac:dyDescent="0.2">
      <c r="A191" s="1" t="s">
        <v>10</v>
      </c>
      <c r="B191" s="1" t="s">
        <v>10</v>
      </c>
      <c r="C191" s="1" t="s">
        <v>891</v>
      </c>
      <c r="D191" s="1" t="s">
        <v>892</v>
      </c>
      <c r="E191" s="1" t="s">
        <v>893</v>
      </c>
      <c r="F191" s="1" t="s">
        <v>522</v>
      </c>
      <c r="G191" s="1" t="s">
        <v>10</v>
      </c>
      <c r="H191" s="1" t="s">
        <v>10</v>
      </c>
      <c r="I191" s="1" t="s">
        <v>1</v>
      </c>
      <c r="J191" s="1" t="s">
        <v>29</v>
      </c>
      <c r="K191" s="1" t="s">
        <v>64</v>
      </c>
      <c r="L191" s="1" t="s">
        <v>890</v>
      </c>
      <c r="M191" s="1" t="s">
        <v>5</v>
      </c>
      <c r="N191" s="1" t="s">
        <v>6</v>
      </c>
      <c r="O191" s="1" t="s">
        <v>8</v>
      </c>
      <c r="P191" s="5" t="s">
        <v>10</v>
      </c>
    </row>
    <row r="192" spans="1:16" x14ac:dyDescent="0.2">
      <c r="A192" s="1" t="s">
        <v>487</v>
      </c>
      <c r="B192" s="1" t="s">
        <v>488</v>
      </c>
      <c r="C192" s="1" t="s">
        <v>895</v>
      </c>
      <c r="D192" s="1" t="s">
        <v>896</v>
      </c>
      <c r="E192" s="1" t="s">
        <v>897</v>
      </c>
      <c r="F192" s="1" t="s">
        <v>27</v>
      </c>
      <c r="G192" s="1" t="s">
        <v>10</v>
      </c>
      <c r="H192" s="1" t="s">
        <v>898</v>
      </c>
      <c r="I192" s="1" t="s">
        <v>1</v>
      </c>
      <c r="J192" s="1" t="s">
        <v>29</v>
      </c>
      <c r="K192" s="1" t="s">
        <v>64</v>
      </c>
      <c r="L192" s="1" t="s">
        <v>894</v>
      </c>
      <c r="M192" s="1" t="s">
        <v>5</v>
      </c>
      <c r="N192" s="1" t="s">
        <v>6</v>
      </c>
      <c r="O192" s="1" t="s">
        <v>8</v>
      </c>
      <c r="P192" s="5" t="s">
        <v>10</v>
      </c>
    </row>
    <row r="193" spans="1:16" x14ac:dyDescent="0.2">
      <c r="A193" s="1" t="s">
        <v>487</v>
      </c>
      <c r="B193" s="1" t="s">
        <v>488</v>
      </c>
      <c r="C193" s="1" t="s">
        <v>900</v>
      </c>
      <c r="D193" s="1" t="s">
        <v>901</v>
      </c>
      <c r="E193" s="1" t="s">
        <v>902</v>
      </c>
      <c r="F193" s="1" t="s">
        <v>105</v>
      </c>
      <c r="G193" s="1" t="s">
        <v>903</v>
      </c>
      <c r="H193" s="1" t="s">
        <v>10</v>
      </c>
      <c r="I193" s="1" t="s">
        <v>1</v>
      </c>
      <c r="J193" s="1" t="s">
        <v>29</v>
      </c>
      <c r="K193" s="1" t="s">
        <v>64</v>
      </c>
      <c r="L193" s="1" t="s">
        <v>899</v>
      </c>
      <c r="M193" s="1" t="s">
        <v>5</v>
      </c>
      <c r="N193" s="1" t="s">
        <v>6</v>
      </c>
      <c r="O193" s="1" t="s">
        <v>8</v>
      </c>
      <c r="P193" s="5" t="s">
        <v>10</v>
      </c>
    </row>
    <row r="194" spans="1:16" x14ac:dyDescent="0.2">
      <c r="A194" s="1" t="s">
        <v>10</v>
      </c>
      <c r="B194" s="1" t="s">
        <v>10</v>
      </c>
      <c r="C194" s="1" t="s">
        <v>905</v>
      </c>
      <c r="D194" s="1" t="s">
        <v>906</v>
      </c>
      <c r="E194" s="1" t="s">
        <v>907</v>
      </c>
      <c r="F194" s="1" t="s">
        <v>27</v>
      </c>
      <c r="G194" s="1" t="s">
        <v>10</v>
      </c>
      <c r="H194" s="1" t="s">
        <v>905</v>
      </c>
      <c r="I194" s="1" t="s">
        <v>1</v>
      </c>
      <c r="J194" s="1" t="s">
        <v>29</v>
      </c>
      <c r="K194" s="1" t="s">
        <v>27</v>
      </c>
      <c r="L194" s="1" t="s">
        <v>904</v>
      </c>
      <c r="M194" s="1" t="s">
        <v>5</v>
      </c>
      <c r="N194" s="1" t="s">
        <v>6</v>
      </c>
      <c r="O194" s="1" t="s">
        <v>8</v>
      </c>
      <c r="P194" s="5" t="s">
        <v>10</v>
      </c>
    </row>
    <row r="195" spans="1:16" x14ac:dyDescent="0.2">
      <c r="A195" s="1" t="s">
        <v>10</v>
      </c>
      <c r="B195" s="1" t="s">
        <v>10</v>
      </c>
      <c r="C195" s="1" t="s">
        <v>909</v>
      </c>
      <c r="D195" s="1" t="s">
        <v>910</v>
      </c>
      <c r="E195" s="1" t="s">
        <v>911</v>
      </c>
      <c r="F195" s="1" t="s">
        <v>522</v>
      </c>
      <c r="G195" s="1" t="s">
        <v>10</v>
      </c>
      <c r="H195" s="1" t="s">
        <v>10</v>
      </c>
      <c r="I195" s="1" t="s">
        <v>1</v>
      </c>
      <c r="J195" s="1" t="s">
        <v>29</v>
      </c>
      <c r="K195" s="1" t="s">
        <v>64</v>
      </c>
      <c r="L195" s="1" t="s">
        <v>908</v>
      </c>
      <c r="M195" s="1" t="s">
        <v>5</v>
      </c>
      <c r="N195" s="1" t="s">
        <v>6</v>
      </c>
      <c r="O195" s="1" t="s">
        <v>8</v>
      </c>
      <c r="P195" s="5" t="s">
        <v>10</v>
      </c>
    </row>
    <row r="196" spans="1:16" x14ac:dyDescent="0.2">
      <c r="A196" s="1" t="s">
        <v>10</v>
      </c>
      <c r="B196" s="1" t="s">
        <v>10</v>
      </c>
      <c r="C196" s="1" t="s">
        <v>913</v>
      </c>
      <c r="D196" s="1" t="s">
        <v>914</v>
      </c>
      <c r="E196" s="1" t="s">
        <v>915</v>
      </c>
      <c r="F196" s="1" t="s">
        <v>27</v>
      </c>
      <c r="G196" s="1" t="s">
        <v>10</v>
      </c>
      <c r="H196" s="1" t="s">
        <v>916</v>
      </c>
      <c r="I196" s="1" t="s">
        <v>1</v>
      </c>
      <c r="J196" s="1" t="s">
        <v>29</v>
      </c>
      <c r="K196" s="1" t="s">
        <v>64</v>
      </c>
      <c r="L196" s="1" t="s">
        <v>912</v>
      </c>
      <c r="M196" s="1" t="s">
        <v>5</v>
      </c>
      <c r="N196" s="1" t="s">
        <v>6</v>
      </c>
      <c r="O196" s="1" t="s">
        <v>8</v>
      </c>
      <c r="P196" s="5" t="s">
        <v>10</v>
      </c>
    </row>
    <row r="197" spans="1:16" x14ac:dyDescent="0.2">
      <c r="A197" s="1" t="s">
        <v>487</v>
      </c>
      <c r="B197" s="1" t="s">
        <v>759</v>
      </c>
      <c r="C197" s="1" t="s">
        <v>918</v>
      </c>
      <c r="D197" s="1" t="s">
        <v>919</v>
      </c>
      <c r="E197" s="1" t="s">
        <v>920</v>
      </c>
      <c r="F197" s="1" t="s">
        <v>27</v>
      </c>
      <c r="G197" s="1" t="s">
        <v>10</v>
      </c>
      <c r="H197" s="1" t="s">
        <v>921</v>
      </c>
      <c r="I197" s="1" t="s">
        <v>1</v>
      </c>
      <c r="J197" s="1" t="s">
        <v>29</v>
      </c>
      <c r="K197" s="1" t="s">
        <v>64</v>
      </c>
      <c r="L197" s="1" t="s">
        <v>917</v>
      </c>
      <c r="M197" s="1" t="s">
        <v>5</v>
      </c>
      <c r="N197" s="1" t="s">
        <v>6</v>
      </c>
      <c r="O197" s="1" t="s">
        <v>8</v>
      </c>
      <c r="P197" s="5" t="s">
        <v>10</v>
      </c>
    </row>
    <row r="198" spans="1:16" x14ac:dyDescent="0.2">
      <c r="A198" s="1" t="s">
        <v>10</v>
      </c>
      <c r="B198" s="1" t="s">
        <v>10</v>
      </c>
      <c r="C198" s="1" t="s">
        <v>923</v>
      </c>
      <c r="D198" s="1" t="s">
        <v>924</v>
      </c>
      <c r="E198" s="1" t="s">
        <v>925</v>
      </c>
      <c r="F198" s="1" t="s">
        <v>27</v>
      </c>
      <c r="G198" s="1" t="s">
        <v>10</v>
      </c>
      <c r="H198" s="1" t="s">
        <v>794</v>
      </c>
      <c r="I198" s="1" t="s">
        <v>1</v>
      </c>
      <c r="J198" s="1" t="s">
        <v>29</v>
      </c>
      <c r="K198" s="1" t="s">
        <v>64</v>
      </c>
      <c r="L198" s="1" t="s">
        <v>922</v>
      </c>
      <c r="M198" s="1" t="s">
        <v>5</v>
      </c>
      <c r="N198" s="1" t="s">
        <v>6</v>
      </c>
      <c r="O198" s="1" t="s">
        <v>8</v>
      </c>
      <c r="P198" s="5" t="s">
        <v>10</v>
      </c>
    </row>
    <row r="199" spans="1:16" x14ac:dyDescent="0.2">
      <c r="A199" s="1" t="s">
        <v>66</v>
      </c>
      <c r="B199" s="1" t="s">
        <v>10</v>
      </c>
      <c r="C199" s="1" t="s">
        <v>927</v>
      </c>
      <c r="D199" s="1" t="s">
        <v>928</v>
      </c>
      <c r="E199" s="1" t="s">
        <v>929</v>
      </c>
      <c r="F199" s="1" t="s">
        <v>10</v>
      </c>
      <c r="G199" s="1" t="s">
        <v>10</v>
      </c>
      <c r="H199" s="1" t="s">
        <v>10</v>
      </c>
      <c r="I199" s="1" t="s">
        <v>1</v>
      </c>
      <c r="J199" s="1" t="s">
        <v>41</v>
      </c>
      <c r="K199" s="1" t="s">
        <v>37</v>
      </c>
      <c r="L199" s="1" t="s">
        <v>926</v>
      </c>
      <c r="M199" s="1" t="s">
        <v>5</v>
      </c>
      <c r="N199" s="1" t="s">
        <v>6</v>
      </c>
      <c r="O199" s="1" t="s">
        <v>38</v>
      </c>
      <c r="P199" s="5" t="s">
        <v>29838</v>
      </c>
    </row>
    <row r="200" spans="1:16" x14ac:dyDescent="0.2">
      <c r="A200" s="1" t="s">
        <v>66</v>
      </c>
      <c r="B200" s="1" t="s">
        <v>67</v>
      </c>
      <c r="C200" s="1" t="s">
        <v>932</v>
      </c>
      <c r="D200" s="1" t="s">
        <v>933</v>
      </c>
      <c r="E200" s="1" t="s">
        <v>934</v>
      </c>
      <c r="F200" s="1" t="s">
        <v>10</v>
      </c>
      <c r="G200" s="1" t="s">
        <v>10</v>
      </c>
      <c r="H200" s="1" t="s">
        <v>10</v>
      </c>
      <c r="I200" s="1" t="s">
        <v>1</v>
      </c>
      <c r="J200" s="1" t="s">
        <v>29</v>
      </c>
      <c r="K200" s="1" t="s">
        <v>7</v>
      </c>
      <c r="L200" s="1" t="s">
        <v>931</v>
      </c>
      <c r="M200" s="1" t="s">
        <v>5</v>
      </c>
      <c r="N200" s="1" t="s">
        <v>25</v>
      </c>
      <c r="O200" s="1" t="s">
        <v>38</v>
      </c>
      <c r="P200" s="5" t="s">
        <v>29839</v>
      </c>
    </row>
    <row r="201" spans="1:16" x14ac:dyDescent="0.2">
      <c r="A201" s="1" t="s">
        <v>42</v>
      </c>
      <c r="B201" s="1" t="s">
        <v>118</v>
      </c>
      <c r="C201" s="1" t="s">
        <v>936</v>
      </c>
      <c r="D201" s="1" t="s">
        <v>937</v>
      </c>
      <c r="E201" s="1" t="s">
        <v>938</v>
      </c>
      <c r="F201" s="1" t="s">
        <v>10</v>
      </c>
      <c r="G201" s="1" t="s">
        <v>10</v>
      </c>
      <c r="H201" s="1" t="s">
        <v>10</v>
      </c>
      <c r="I201" s="1" t="s">
        <v>1</v>
      </c>
      <c r="J201" s="1" t="s">
        <v>29</v>
      </c>
      <c r="K201" s="1" t="s">
        <v>113</v>
      </c>
      <c r="L201" s="1" t="s">
        <v>935</v>
      </c>
      <c r="M201" s="1" t="s">
        <v>5</v>
      </c>
      <c r="N201" s="1" t="s">
        <v>25</v>
      </c>
      <c r="O201" s="1" t="s">
        <v>38</v>
      </c>
      <c r="P201" s="5" t="s">
        <v>30976</v>
      </c>
    </row>
    <row r="202" spans="1:16" x14ac:dyDescent="0.2">
      <c r="A202" s="1" t="s">
        <v>42</v>
      </c>
      <c r="B202" s="1" t="s">
        <v>43</v>
      </c>
      <c r="C202" s="1" t="s">
        <v>940</v>
      </c>
      <c r="D202" s="1" t="s">
        <v>941</v>
      </c>
      <c r="E202" s="1"/>
      <c r="F202" s="1" t="s">
        <v>10</v>
      </c>
      <c r="G202" s="1" t="s">
        <v>10</v>
      </c>
      <c r="H202" s="1" t="s">
        <v>10</v>
      </c>
      <c r="I202" s="1" t="s">
        <v>1</v>
      </c>
      <c r="J202" s="1" t="s">
        <v>147</v>
      </c>
      <c r="K202" s="1" t="s">
        <v>37</v>
      </c>
      <c r="L202" s="1" t="s">
        <v>939</v>
      </c>
      <c r="M202" s="1" t="s">
        <v>5</v>
      </c>
      <c r="N202" s="1" t="s">
        <v>25</v>
      </c>
      <c r="O202" s="1" t="s">
        <v>38</v>
      </c>
      <c r="P202" s="5" t="s">
        <v>29840</v>
      </c>
    </row>
    <row r="203" spans="1:16" x14ac:dyDescent="0.2">
      <c r="A203" s="1" t="s">
        <v>10</v>
      </c>
      <c r="B203" s="1" t="s">
        <v>10</v>
      </c>
      <c r="C203" s="1" t="s">
        <v>943</v>
      </c>
      <c r="D203" s="1" t="s">
        <v>944</v>
      </c>
      <c r="E203" s="1" t="s">
        <v>945</v>
      </c>
      <c r="F203" s="1" t="s">
        <v>10</v>
      </c>
      <c r="G203" s="1" t="s">
        <v>10</v>
      </c>
      <c r="H203" s="1" t="s">
        <v>10</v>
      </c>
      <c r="I203" s="1" t="s">
        <v>1</v>
      </c>
      <c r="J203" s="1" t="s">
        <v>29</v>
      </c>
      <c r="K203" s="1" t="s">
        <v>7</v>
      </c>
      <c r="L203" s="1" t="s">
        <v>942</v>
      </c>
      <c r="M203" s="1" t="s">
        <v>5</v>
      </c>
      <c r="N203" s="1" t="s">
        <v>25</v>
      </c>
      <c r="O203" s="1" t="s">
        <v>38</v>
      </c>
      <c r="P203" s="5" t="s">
        <v>29841</v>
      </c>
    </row>
    <row r="204" spans="1:16" x14ac:dyDescent="0.2">
      <c r="A204" s="1" t="s">
        <v>10</v>
      </c>
      <c r="B204" s="1" t="s">
        <v>10</v>
      </c>
      <c r="C204" s="1" t="s">
        <v>947</v>
      </c>
      <c r="D204" s="1" t="s">
        <v>948</v>
      </c>
      <c r="E204" s="1" t="s">
        <v>949</v>
      </c>
      <c r="F204" s="1" t="s">
        <v>10</v>
      </c>
      <c r="G204" s="1" t="s">
        <v>10</v>
      </c>
      <c r="H204" s="1" t="s">
        <v>10</v>
      </c>
      <c r="I204" s="1" t="s">
        <v>1</v>
      </c>
      <c r="J204" s="1" t="s">
        <v>29</v>
      </c>
      <c r="K204" s="1" t="s">
        <v>64</v>
      </c>
      <c r="L204" s="1" t="s">
        <v>946</v>
      </c>
      <c r="M204" s="1" t="s">
        <v>5</v>
      </c>
      <c r="N204" s="1" t="s">
        <v>25</v>
      </c>
      <c r="O204" s="1" t="s">
        <v>38</v>
      </c>
      <c r="P204" s="5" t="s">
        <v>10</v>
      </c>
    </row>
    <row r="205" spans="1:16" x14ac:dyDescent="0.2">
      <c r="A205" s="1" t="s">
        <v>20</v>
      </c>
      <c r="B205" s="1" t="s">
        <v>445</v>
      </c>
      <c r="C205" s="1" t="s">
        <v>951</v>
      </c>
      <c r="D205" s="1" t="s">
        <v>952</v>
      </c>
      <c r="E205" s="1" t="s">
        <v>953</v>
      </c>
      <c r="F205" s="1" t="s">
        <v>10</v>
      </c>
      <c r="G205" s="1" t="s">
        <v>10</v>
      </c>
      <c r="H205" s="1" t="s">
        <v>10</v>
      </c>
      <c r="I205" s="1" t="s">
        <v>1</v>
      </c>
      <c r="J205" s="1" t="s">
        <v>29</v>
      </c>
      <c r="K205" s="1" t="s">
        <v>64</v>
      </c>
      <c r="L205" s="1" t="s">
        <v>950</v>
      </c>
      <c r="M205" s="1" t="s">
        <v>5</v>
      </c>
      <c r="N205" s="1" t="s">
        <v>25</v>
      </c>
      <c r="O205" s="1" t="s">
        <v>38</v>
      </c>
      <c r="P205" s="5" t="s">
        <v>29842</v>
      </c>
    </row>
    <row r="206" spans="1:16" x14ac:dyDescent="0.2">
      <c r="A206" s="1" t="s">
        <v>329</v>
      </c>
      <c r="B206" s="1" t="s">
        <v>340</v>
      </c>
      <c r="C206" s="1" t="s">
        <v>955</v>
      </c>
      <c r="D206" s="1" t="s">
        <v>956</v>
      </c>
      <c r="E206" s="1"/>
      <c r="F206" s="1" t="s">
        <v>10</v>
      </c>
      <c r="G206" s="1" t="s">
        <v>10</v>
      </c>
      <c r="H206" s="1" t="s">
        <v>10</v>
      </c>
      <c r="I206" s="1" t="s">
        <v>1</v>
      </c>
      <c r="J206" s="1" t="s">
        <v>147</v>
      </c>
      <c r="K206" s="1" t="s">
        <v>130</v>
      </c>
      <c r="L206" s="1" t="s">
        <v>954</v>
      </c>
      <c r="M206" s="1" t="s">
        <v>5</v>
      </c>
      <c r="N206" s="1" t="s">
        <v>25</v>
      </c>
      <c r="O206" s="1" t="s">
        <v>38</v>
      </c>
      <c r="P206" s="5" t="s">
        <v>30977</v>
      </c>
    </row>
    <row r="207" spans="1:16" x14ac:dyDescent="0.2">
      <c r="A207" s="1" t="s">
        <v>66</v>
      </c>
      <c r="B207" s="1" t="s">
        <v>67</v>
      </c>
      <c r="C207" s="1" t="s">
        <v>958</v>
      </c>
      <c r="D207" s="1" t="s">
        <v>959</v>
      </c>
      <c r="E207" s="1" t="s">
        <v>961</v>
      </c>
      <c r="F207" s="1" t="s">
        <v>10</v>
      </c>
      <c r="G207" s="1" t="s">
        <v>10</v>
      </c>
      <c r="H207" s="1" t="s">
        <v>10</v>
      </c>
      <c r="I207" s="1" t="s">
        <v>1</v>
      </c>
      <c r="J207" s="1" t="s">
        <v>29</v>
      </c>
      <c r="K207" s="1" t="s">
        <v>7</v>
      </c>
      <c r="L207" s="1" t="s">
        <v>957</v>
      </c>
      <c r="M207" s="1" t="s">
        <v>5</v>
      </c>
      <c r="N207" s="1" t="s">
        <v>960</v>
      </c>
      <c r="O207" s="1" t="s">
        <v>38</v>
      </c>
      <c r="P207" s="5" t="s">
        <v>29843</v>
      </c>
    </row>
    <row r="208" spans="1:16" x14ac:dyDescent="0.2">
      <c r="A208" s="1" t="s">
        <v>42</v>
      </c>
      <c r="B208" s="1" t="s">
        <v>966</v>
      </c>
      <c r="C208" s="1" t="s">
        <v>963</v>
      </c>
      <c r="D208" s="1" t="s">
        <v>964</v>
      </c>
      <c r="E208" s="1" t="s">
        <v>965</v>
      </c>
      <c r="F208" s="1" t="s">
        <v>10</v>
      </c>
      <c r="G208" s="1" t="s">
        <v>10</v>
      </c>
      <c r="H208" s="1" t="s">
        <v>10</v>
      </c>
      <c r="I208" s="1" t="s">
        <v>1</v>
      </c>
      <c r="J208" s="1" t="s">
        <v>29</v>
      </c>
      <c r="K208" s="1" t="s">
        <v>64</v>
      </c>
      <c r="L208" s="1" t="s">
        <v>962</v>
      </c>
      <c r="M208" s="1" t="s">
        <v>5</v>
      </c>
      <c r="N208" s="1" t="s">
        <v>25</v>
      </c>
      <c r="O208" s="1" t="s">
        <v>38</v>
      </c>
      <c r="P208" s="5" t="s">
        <v>29844</v>
      </c>
    </row>
    <row r="209" spans="1:16" ht="76.5" x14ac:dyDescent="0.2">
      <c r="A209" s="1" t="s">
        <v>42</v>
      </c>
      <c r="B209" s="1" t="s">
        <v>43</v>
      </c>
      <c r="C209" s="1" t="s">
        <v>968</v>
      </c>
      <c r="D209" s="1" t="s">
        <v>968</v>
      </c>
      <c r="E209" s="1"/>
      <c r="F209" s="1" t="s">
        <v>27</v>
      </c>
      <c r="G209" s="1" t="s">
        <v>10</v>
      </c>
      <c r="H209" s="1" t="s">
        <v>969</v>
      </c>
      <c r="I209" s="1" t="s">
        <v>1</v>
      </c>
      <c r="J209" s="1" t="s">
        <v>10</v>
      </c>
      <c r="K209" s="1" t="s">
        <v>37</v>
      </c>
      <c r="L209" s="1" t="s">
        <v>967</v>
      </c>
      <c r="M209" s="1" t="s">
        <v>5</v>
      </c>
      <c r="N209" s="1" t="s">
        <v>10</v>
      </c>
      <c r="O209" s="1" t="s">
        <v>8</v>
      </c>
      <c r="P209" s="9" t="s">
        <v>30978</v>
      </c>
    </row>
    <row r="210" spans="1:16" x14ac:dyDescent="0.2">
      <c r="A210" s="1" t="s">
        <v>10</v>
      </c>
      <c r="B210" s="1" t="s">
        <v>10</v>
      </c>
      <c r="C210" s="1" t="s">
        <v>971</v>
      </c>
      <c r="D210" s="1" t="s">
        <v>972</v>
      </c>
      <c r="E210" s="1"/>
      <c r="F210" s="1" t="s">
        <v>10</v>
      </c>
      <c r="G210" s="1" t="s">
        <v>10</v>
      </c>
      <c r="H210" s="1" t="s">
        <v>10</v>
      </c>
      <c r="I210" s="1" t="s">
        <v>1</v>
      </c>
      <c r="J210" s="1" t="s">
        <v>75</v>
      </c>
      <c r="K210" s="1" t="s">
        <v>27</v>
      </c>
      <c r="L210" s="1" t="s">
        <v>970</v>
      </c>
      <c r="M210" s="1" t="s">
        <v>5</v>
      </c>
      <c r="N210" s="1" t="s">
        <v>10</v>
      </c>
      <c r="O210" s="1" t="s">
        <v>38</v>
      </c>
      <c r="P210" s="5" t="s">
        <v>30979</v>
      </c>
    </row>
    <row r="211" spans="1:16" x14ac:dyDescent="0.2">
      <c r="A211" s="1" t="s">
        <v>42</v>
      </c>
      <c r="B211" s="1" t="s">
        <v>50</v>
      </c>
      <c r="C211" s="1" t="s">
        <v>974</v>
      </c>
      <c r="D211" s="1" t="s">
        <v>975</v>
      </c>
      <c r="E211" s="1" t="s">
        <v>976</v>
      </c>
      <c r="F211" s="1" t="s">
        <v>10</v>
      </c>
      <c r="G211" s="1" t="s">
        <v>10</v>
      </c>
      <c r="H211" s="1" t="s">
        <v>10</v>
      </c>
      <c r="I211" s="1" t="s">
        <v>1</v>
      </c>
      <c r="J211" s="1" t="s">
        <v>29</v>
      </c>
      <c r="K211" s="1" t="s">
        <v>47</v>
      </c>
      <c r="L211" s="1" t="s">
        <v>973</v>
      </c>
      <c r="M211" s="1" t="s">
        <v>5</v>
      </c>
      <c r="N211" s="1" t="s">
        <v>25</v>
      </c>
      <c r="O211" s="1" t="s">
        <v>38</v>
      </c>
      <c r="P211" s="5" t="s">
        <v>30928</v>
      </c>
    </row>
    <row r="212" spans="1:16" x14ac:dyDescent="0.2">
      <c r="A212" s="1" t="s">
        <v>42</v>
      </c>
      <c r="B212" s="1" t="s">
        <v>320</v>
      </c>
      <c r="C212" s="1" t="s">
        <v>978</v>
      </c>
      <c r="D212" s="1" t="s">
        <v>979</v>
      </c>
      <c r="E212" s="1" t="s">
        <v>980</v>
      </c>
      <c r="F212" s="1" t="s">
        <v>10</v>
      </c>
      <c r="G212" s="1" t="s">
        <v>10</v>
      </c>
      <c r="H212" s="1" t="s">
        <v>10</v>
      </c>
      <c r="I212" s="1" t="s">
        <v>1</v>
      </c>
      <c r="J212" s="1" t="s">
        <v>10</v>
      </c>
      <c r="K212" s="1" t="s">
        <v>27</v>
      </c>
      <c r="L212" s="1" t="s">
        <v>977</v>
      </c>
      <c r="M212" s="1" t="s">
        <v>5</v>
      </c>
      <c r="N212" s="1" t="s">
        <v>25</v>
      </c>
      <c r="O212" s="1" t="s">
        <v>38</v>
      </c>
      <c r="P212" s="5" t="s">
        <v>30980</v>
      </c>
    </row>
    <row r="213" spans="1:16" x14ac:dyDescent="0.2">
      <c r="A213" s="1" t="s">
        <v>42</v>
      </c>
      <c r="B213" s="1" t="s">
        <v>50</v>
      </c>
      <c r="C213" s="1" t="s">
        <v>982</v>
      </c>
      <c r="D213" s="1" t="s">
        <v>983</v>
      </c>
      <c r="E213" s="1"/>
      <c r="F213" s="1" t="s">
        <v>10</v>
      </c>
      <c r="G213" s="1" t="s">
        <v>10</v>
      </c>
      <c r="H213" s="1" t="s">
        <v>10</v>
      </c>
      <c r="I213" s="1" t="s">
        <v>1</v>
      </c>
      <c r="J213" s="1" t="s">
        <v>29</v>
      </c>
      <c r="K213" s="1" t="s">
        <v>47</v>
      </c>
      <c r="L213" s="1" t="s">
        <v>981</v>
      </c>
      <c r="M213" s="1" t="s">
        <v>5</v>
      </c>
      <c r="N213" s="1" t="s">
        <v>25</v>
      </c>
      <c r="O213" s="1" t="s">
        <v>38</v>
      </c>
      <c r="P213" s="5" t="s">
        <v>30981</v>
      </c>
    </row>
    <row r="214" spans="1:16" x14ac:dyDescent="0.2">
      <c r="A214" s="1" t="s">
        <v>42</v>
      </c>
      <c r="B214" s="1" t="s">
        <v>109</v>
      </c>
      <c r="C214" s="1" t="s">
        <v>985</v>
      </c>
      <c r="D214" s="1" t="s">
        <v>986</v>
      </c>
      <c r="E214" s="1" t="s">
        <v>987</v>
      </c>
      <c r="F214" s="1" t="s">
        <v>10</v>
      </c>
      <c r="G214" s="1" t="s">
        <v>10</v>
      </c>
      <c r="H214" s="1" t="s">
        <v>10</v>
      </c>
      <c r="I214" s="1" t="s">
        <v>1</v>
      </c>
      <c r="J214" s="1" t="s">
        <v>16</v>
      </c>
      <c r="K214" s="1" t="s">
        <v>37</v>
      </c>
      <c r="L214" s="1" t="s">
        <v>984</v>
      </c>
      <c r="M214" s="1" t="s">
        <v>5</v>
      </c>
      <c r="N214" s="1" t="s">
        <v>25</v>
      </c>
      <c r="O214" s="1" t="s">
        <v>38</v>
      </c>
      <c r="P214" s="5" t="s">
        <v>30982</v>
      </c>
    </row>
    <row r="215" spans="1:16" x14ac:dyDescent="0.2">
      <c r="A215" s="1" t="s">
        <v>42</v>
      </c>
      <c r="B215" s="1" t="s">
        <v>50</v>
      </c>
      <c r="C215" s="1" t="s">
        <v>989</v>
      </c>
      <c r="D215" s="1" t="s">
        <v>990</v>
      </c>
      <c r="E215" s="1"/>
      <c r="F215" s="1" t="s">
        <v>414</v>
      </c>
      <c r="G215" s="1" t="s">
        <v>991</v>
      </c>
      <c r="H215" s="1" t="s">
        <v>10</v>
      </c>
      <c r="I215" s="1" t="s">
        <v>1</v>
      </c>
      <c r="J215" s="1" t="s">
        <v>29</v>
      </c>
      <c r="K215" s="1" t="s">
        <v>47</v>
      </c>
      <c r="L215" s="1" t="s">
        <v>988</v>
      </c>
      <c r="M215" s="1" t="s">
        <v>5</v>
      </c>
      <c r="N215" s="1" t="s">
        <v>25</v>
      </c>
      <c r="O215" s="1" t="s">
        <v>8</v>
      </c>
      <c r="P215" s="5" t="s">
        <v>30983</v>
      </c>
    </row>
    <row r="216" spans="1:16" x14ac:dyDescent="0.2">
      <c r="A216" s="1" t="s">
        <v>42</v>
      </c>
      <c r="B216" s="1" t="s">
        <v>335</v>
      </c>
      <c r="C216" s="1" t="s">
        <v>993</v>
      </c>
      <c r="D216" s="1" t="s">
        <v>994</v>
      </c>
      <c r="E216" s="1"/>
      <c r="F216" s="1" t="s">
        <v>10</v>
      </c>
      <c r="G216" s="1" t="s">
        <v>10</v>
      </c>
      <c r="H216" s="1" t="s">
        <v>10</v>
      </c>
      <c r="I216" s="1" t="s">
        <v>1</v>
      </c>
      <c r="J216" s="1" t="s">
        <v>29</v>
      </c>
      <c r="K216" s="1" t="s">
        <v>47</v>
      </c>
      <c r="L216" s="1" t="s">
        <v>992</v>
      </c>
      <c r="M216" s="1" t="s">
        <v>5</v>
      </c>
      <c r="N216" s="1" t="s">
        <v>25</v>
      </c>
      <c r="O216" s="1" t="s">
        <v>38</v>
      </c>
      <c r="P216" s="5" t="s">
        <v>30984</v>
      </c>
    </row>
    <row r="217" spans="1:16" x14ac:dyDescent="0.2">
      <c r="A217" s="1" t="s">
        <v>10</v>
      </c>
      <c r="B217" s="1" t="s">
        <v>10</v>
      </c>
      <c r="C217" s="1" t="s">
        <v>996</v>
      </c>
      <c r="D217" s="1" t="s">
        <v>997</v>
      </c>
      <c r="E217" s="1"/>
      <c r="F217" s="1" t="s">
        <v>10</v>
      </c>
      <c r="G217" s="1" t="s">
        <v>10</v>
      </c>
      <c r="H217" s="1" t="s">
        <v>10</v>
      </c>
      <c r="I217" s="1" t="s">
        <v>1</v>
      </c>
      <c r="J217" s="1" t="s">
        <v>41</v>
      </c>
      <c r="K217" s="1" t="s">
        <v>64</v>
      </c>
      <c r="L217" s="1" t="s">
        <v>995</v>
      </c>
      <c r="M217" s="1" t="s">
        <v>5</v>
      </c>
      <c r="N217" s="1" t="s">
        <v>25</v>
      </c>
      <c r="O217" s="1" t="s">
        <v>38</v>
      </c>
      <c r="P217" s="5" t="s">
        <v>30985</v>
      </c>
    </row>
    <row r="218" spans="1:16" x14ac:dyDescent="0.2">
      <c r="A218" s="1" t="s">
        <v>10</v>
      </c>
      <c r="B218" s="1" t="s">
        <v>10</v>
      </c>
      <c r="C218" s="1" t="s">
        <v>1000</v>
      </c>
      <c r="D218" s="1" t="s">
        <v>1001</v>
      </c>
      <c r="E218" s="1"/>
      <c r="F218" s="1" t="s">
        <v>10</v>
      </c>
      <c r="G218" s="1" t="s">
        <v>10</v>
      </c>
      <c r="H218" s="1" t="s">
        <v>10</v>
      </c>
      <c r="I218" s="1" t="s">
        <v>1</v>
      </c>
      <c r="J218" s="1" t="s">
        <v>75</v>
      </c>
      <c r="K218" s="1" t="s">
        <v>27</v>
      </c>
      <c r="L218" s="1" t="s">
        <v>999</v>
      </c>
      <c r="M218" s="1" t="s">
        <v>5</v>
      </c>
      <c r="N218" s="1" t="s">
        <v>10</v>
      </c>
      <c r="O218" s="1" t="s">
        <v>38</v>
      </c>
      <c r="P218" s="5" t="s">
        <v>30979</v>
      </c>
    </row>
    <row r="219" spans="1:16" x14ac:dyDescent="0.2">
      <c r="A219" s="1" t="s">
        <v>10</v>
      </c>
      <c r="B219" s="1" t="s">
        <v>10</v>
      </c>
      <c r="C219" s="1" t="s">
        <v>1003</v>
      </c>
      <c r="D219" s="1" t="s">
        <v>1004</v>
      </c>
      <c r="E219" s="1"/>
      <c r="F219" s="1" t="s">
        <v>10</v>
      </c>
      <c r="G219" s="1" t="s">
        <v>10</v>
      </c>
      <c r="H219" s="1" t="s">
        <v>10</v>
      </c>
      <c r="I219" s="1" t="s">
        <v>1</v>
      </c>
      <c r="J219" s="1" t="s">
        <v>75</v>
      </c>
      <c r="K219" s="1" t="s">
        <v>27</v>
      </c>
      <c r="L219" s="1" t="s">
        <v>1002</v>
      </c>
      <c r="M219" s="1" t="s">
        <v>5</v>
      </c>
      <c r="N219" s="1" t="s">
        <v>10</v>
      </c>
      <c r="O219" s="1" t="s">
        <v>38</v>
      </c>
      <c r="P219" s="5" t="s">
        <v>30986</v>
      </c>
    </row>
    <row r="220" spans="1:16" x14ac:dyDescent="0.2">
      <c r="A220" s="1" t="s">
        <v>42</v>
      </c>
      <c r="B220" s="1" t="s">
        <v>43</v>
      </c>
      <c r="C220" s="1" t="s">
        <v>1007</v>
      </c>
      <c r="D220" s="1" t="s">
        <v>1008</v>
      </c>
      <c r="E220" s="1"/>
      <c r="F220" s="1" t="s">
        <v>1010</v>
      </c>
      <c r="G220" s="1" t="s">
        <v>1013</v>
      </c>
      <c r="H220" s="1" t="s">
        <v>10</v>
      </c>
      <c r="I220" s="1" t="s">
        <v>1005</v>
      </c>
      <c r="J220" s="1" t="s">
        <v>1011</v>
      </c>
      <c r="K220" s="1" t="s">
        <v>37</v>
      </c>
      <c r="L220" s="1" t="s">
        <v>1006</v>
      </c>
      <c r="M220" s="1" t="s">
        <v>5</v>
      </c>
      <c r="N220" s="1" t="s">
        <v>1009</v>
      </c>
      <c r="O220" s="1" t="s">
        <v>8</v>
      </c>
      <c r="P220" s="5" t="s">
        <v>30987</v>
      </c>
    </row>
    <row r="221" spans="1:16" x14ac:dyDescent="0.2">
      <c r="A221" s="1" t="s">
        <v>42</v>
      </c>
      <c r="B221" s="1" t="s">
        <v>109</v>
      </c>
      <c r="C221" s="1" t="s">
        <v>1015</v>
      </c>
      <c r="D221" s="1" t="s">
        <v>1016</v>
      </c>
      <c r="E221" s="1"/>
      <c r="F221" s="1" t="s">
        <v>10</v>
      </c>
      <c r="G221" s="1" t="s">
        <v>10</v>
      </c>
      <c r="H221" s="1" t="s">
        <v>10</v>
      </c>
      <c r="I221" s="1" t="s">
        <v>1005</v>
      </c>
      <c r="J221" s="1" t="s">
        <v>1017</v>
      </c>
      <c r="K221" s="1" t="s">
        <v>130</v>
      </c>
      <c r="L221" s="1" t="s">
        <v>1014</v>
      </c>
      <c r="M221" s="1" t="s">
        <v>5</v>
      </c>
      <c r="N221" s="1" t="s">
        <v>25</v>
      </c>
      <c r="O221" s="1" t="s">
        <v>38</v>
      </c>
      <c r="P221" s="5" t="s">
        <v>29845</v>
      </c>
    </row>
    <row r="222" spans="1:16" x14ac:dyDescent="0.2">
      <c r="A222" s="1" t="s">
        <v>42</v>
      </c>
      <c r="B222" s="1" t="s">
        <v>356</v>
      </c>
      <c r="C222" s="1" t="s">
        <v>1025</v>
      </c>
      <c r="D222" s="1" t="s">
        <v>1026</v>
      </c>
      <c r="E222" s="1"/>
      <c r="F222" s="1" t="s">
        <v>10</v>
      </c>
      <c r="G222" s="1" t="s">
        <v>10</v>
      </c>
      <c r="H222" s="1" t="s">
        <v>10</v>
      </c>
      <c r="I222" s="1" t="s">
        <v>1005</v>
      </c>
      <c r="J222" s="1" t="s">
        <v>1028</v>
      </c>
      <c r="K222" s="1" t="s">
        <v>1027</v>
      </c>
      <c r="L222" s="1" t="s">
        <v>1024</v>
      </c>
      <c r="M222" s="1" t="s">
        <v>5</v>
      </c>
      <c r="N222" s="1" t="s">
        <v>10</v>
      </c>
      <c r="O222" s="1" t="s">
        <v>38</v>
      </c>
      <c r="P222" s="5" t="s">
        <v>29845</v>
      </c>
    </row>
    <row r="223" spans="1:16" x14ac:dyDescent="0.2">
      <c r="A223" s="1" t="s">
        <v>20</v>
      </c>
      <c r="B223" s="1" t="s">
        <v>101</v>
      </c>
      <c r="C223" s="1" t="s">
        <v>1030</v>
      </c>
      <c r="D223" s="1" t="s">
        <v>1031</v>
      </c>
      <c r="E223" s="1"/>
      <c r="F223" s="1" t="s">
        <v>10</v>
      </c>
      <c r="G223" s="1" t="s">
        <v>10</v>
      </c>
      <c r="H223" s="1" t="s">
        <v>10</v>
      </c>
      <c r="I223" s="1" t="s">
        <v>1005</v>
      </c>
      <c r="J223" s="1" t="s">
        <v>1017</v>
      </c>
      <c r="K223" s="1" t="s">
        <v>130</v>
      </c>
      <c r="L223" s="1" t="s">
        <v>1029</v>
      </c>
      <c r="M223" s="1" t="s">
        <v>5</v>
      </c>
      <c r="N223" s="1" t="s">
        <v>25</v>
      </c>
      <c r="O223" s="1" t="s">
        <v>38</v>
      </c>
      <c r="P223" s="5" t="s">
        <v>29845</v>
      </c>
    </row>
    <row r="224" spans="1:16" x14ac:dyDescent="0.2">
      <c r="A224" s="1" t="s">
        <v>20</v>
      </c>
      <c r="B224" s="1" t="s">
        <v>99</v>
      </c>
      <c r="C224" s="1" t="s">
        <v>1033</v>
      </c>
      <c r="D224" s="1" t="s">
        <v>1034</v>
      </c>
      <c r="E224" s="1"/>
      <c r="F224" s="1" t="s">
        <v>10</v>
      </c>
      <c r="G224" s="1" t="s">
        <v>10</v>
      </c>
      <c r="H224" s="1" t="s">
        <v>10</v>
      </c>
      <c r="I224" s="1" t="s">
        <v>1005</v>
      </c>
      <c r="J224" s="1" t="s">
        <v>1035</v>
      </c>
      <c r="K224" s="1" t="s">
        <v>100</v>
      </c>
      <c r="L224" s="1" t="s">
        <v>1032</v>
      </c>
      <c r="M224" s="1" t="s">
        <v>5</v>
      </c>
      <c r="N224" s="1" t="s">
        <v>25</v>
      </c>
      <c r="O224" s="1" t="s">
        <v>38</v>
      </c>
      <c r="P224" s="5" t="s">
        <v>29845</v>
      </c>
    </row>
    <row r="225" spans="1:16" x14ac:dyDescent="0.2">
      <c r="A225" s="1" t="s">
        <v>42</v>
      </c>
      <c r="B225" s="1" t="s">
        <v>50</v>
      </c>
      <c r="C225" s="1" t="s">
        <v>1037</v>
      </c>
      <c r="D225" s="1" t="s">
        <v>1038</v>
      </c>
      <c r="E225" s="1"/>
      <c r="F225" s="1" t="s">
        <v>10</v>
      </c>
      <c r="G225" s="1" t="s">
        <v>10</v>
      </c>
      <c r="H225" s="1" t="s">
        <v>10</v>
      </c>
      <c r="I225" s="1" t="s">
        <v>1005</v>
      </c>
      <c r="J225" s="1" t="s">
        <v>1020</v>
      </c>
      <c r="K225" s="1" t="s">
        <v>47</v>
      </c>
      <c r="L225" s="1" t="s">
        <v>1036</v>
      </c>
      <c r="M225" s="1" t="s">
        <v>5</v>
      </c>
      <c r="N225" s="1" t="s">
        <v>25</v>
      </c>
      <c r="O225" s="1" t="s">
        <v>38</v>
      </c>
      <c r="P225" s="5" t="s">
        <v>29845</v>
      </c>
    </row>
    <row r="226" spans="1:16" x14ac:dyDescent="0.2">
      <c r="A226" s="1" t="s">
        <v>20</v>
      </c>
      <c r="B226" s="1" t="s">
        <v>253</v>
      </c>
      <c r="C226" s="1" t="s">
        <v>1040</v>
      </c>
      <c r="D226" s="1" t="s">
        <v>427</v>
      </c>
      <c r="E226" s="1"/>
      <c r="F226" s="1" t="s">
        <v>27</v>
      </c>
      <c r="G226" s="1" t="s">
        <v>1042</v>
      </c>
      <c r="H226" s="1" t="s">
        <v>1043</v>
      </c>
      <c r="I226" s="1" t="s">
        <v>1005</v>
      </c>
      <c r="J226" s="1" t="s">
        <v>1041</v>
      </c>
      <c r="K226" s="1" t="s">
        <v>7</v>
      </c>
      <c r="L226" s="1" t="s">
        <v>1039</v>
      </c>
      <c r="M226" s="1" t="s">
        <v>5</v>
      </c>
      <c r="N226" s="1" t="s">
        <v>6</v>
      </c>
      <c r="O226" s="1" t="s">
        <v>8</v>
      </c>
      <c r="P226" s="5" t="s">
        <v>29845</v>
      </c>
    </row>
    <row r="227" spans="1:16" x14ac:dyDescent="0.2">
      <c r="A227" s="1" t="s">
        <v>20</v>
      </c>
      <c r="B227" s="1" t="s">
        <v>1047</v>
      </c>
      <c r="C227" s="1" t="s">
        <v>1045</v>
      </c>
      <c r="D227" s="1" t="s">
        <v>1046</v>
      </c>
      <c r="E227" s="1"/>
      <c r="F227" s="1" t="s">
        <v>10</v>
      </c>
      <c r="G227" s="1" t="s">
        <v>10</v>
      </c>
      <c r="H227" s="1" t="s">
        <v>10</v>
      </c>
      <c r="I227" s="1" t="s">
        <v>1005</v>
      </c>
      <c r="J227" s="1" t="s">
        <v>1041</v>
      </c>
      <c r="K227" s="1" t="s">
        <v>100</v>
      </c>
      <c r="L227" s="1" t="s">
        <v>1044</v>
      </c>
      <c r="M227" s="1" t="s">
        <v>5</v>
      </c>
      <c r="N227" s="1" t="s">
        <v>25</v>
      </c>
      <c r="O227" s="1" t="s">
        <v>38</v>
      </c>
      <c r="P227" s="5" t="s">
        <v>29845</v>
      </c>
    </row>
    <row r="228" spans="1:16" x14ac:dyDescent="0.2">
      <c r="A228" s="1" t="s">
        <v>20</v>
      </c>
      <c r="B228" s="1" t="s">
        <v>21</v>
      </c>
      <c r="C228" s="1" t="s">
        <v>418</v>
      </c>
      <c r="D228" s="1" t="s">
        <v>546</v>
      </c>
      <c r="E228" s="1"/>
      <c r="F228" s="1" t="s">
        <v>522</v>
      </c>
      <c r="G228" s="1" t="s">
        <v>1049</v>
      </c>
      <c r="H228" s="1" t="s">
        <v>10</v>
      </c>
      <c r="I228" s="1" t="s">
        <v>1005</v>
      </c>
      <c r="J228" s="1" t="s">
        <v>1023</v>
      </c>
      <c r="K228" s="1" t="s">
        <v>7</v>
      </c>
      <c r="L228" s="1" t="s">
        <v>1048</v>
      </c>
      <c r="M228" s="1" t="s">
        <v>5</v>
      </c>
      <c r="N228" s="1" t="s">
        <v>25</v>
      </c>
      <c r="O228" s="1" t="s">
        <v>8</v>
      </c>
      <c r="P228" s="5" t="s">
        <v>29845</v>
      </c>
    </row>
    <row r="229" spans="1:16" x14ac:dyDescent="0.2">
      <c r="A229" s="1" t="s">
        <v>20</v>
      </c>
      <c r="B229" s="1" t="s">
        <v>1047</v>
      </c>
      <c r="C229" s="1" t="s">
        <v>1051</v>
      </c>
      <c r="D229" s="1" t="s">
        <v>1052</v>
      </c>
      <c r="E229" s="1"/>
      <c r="F229" s="1" t="s">
        <v>10</v>
      </c>
      <c r="G229" s="1" t="s">
        <v>10</v>
      </c>
      <c r="H229" s="1" t="s">
        <v>10</v>
      </c>
      <c r="I229" s="1" t="s">
        <v>1005</v>
      </c>
      <c r="J229" s="1" t="s">
        <v>1035</v>
      </c>
      <c r="K229" s="1" t="s">
        <v>100</v>
      </c>
      <c r="L229" s="1" t="s">
        <v>1050</v>
      </c>
      <c r="M229" s="1" t="s">
        <v>5</v>
      </c>
      <c r="N229" s="1" t="s">
        <v>25</v>
      </c>
      <c r="O229" s="1" t="s">
        <v>38</v>
      </c>
      <c r="P229" s="5" t="s">
        <v>29845</v>
      </c>
    </row>
    <row r="230" spans="1:16" x14ac:dyDescent="0.2">
      <c r="A230" s="1" t="s">
        <v>20</v>
      </c>
      <c r="B230" s="1" t="s">
        <v>101</v>
      </c>
      <c r="C230" s="1" t="s">
        <v>1054</v>
      </c>
      <c r="D230" s="1" t="s">
        <v>1055</v>
      </c>
      <c r="E230" s="1"/>
      <c r="F230" s="1" t="s">
        <v>10</v>
      </c>
      <c r="G230" s="1" t="s">
        <v>10</v>
      </c>
      <c r="H230" s="1" t="s">
        <v>10</v>
      </c>
      <c r="I230" s="1" t="s">
        <v>1005</v>
      </c>
      <c r="J230" s="1" t="s">
        <v>1041</v>
      </c>
      <c r="K230" s="1" t="s">
        <v>130</v>
      </c>
      <c r="L230" s="1" t="s">
        <v>1053</v>
      </c>
      <c r="M230" s="1" t="s">
        <v>5</v>
      </c>
      <c r="N230" s="1" t="s">
        <v>25</v>
      </c>
      <c r="O230" s="1" t="s">
        <v>38</v>
      </c>
      <c r="P230" s="5" t="s">
        <v>29845</v>
      </c>
    </row>
    <row r="231" spans="1:16" x14ac:dyDescent="0.2">
      <c r="A231" s="1" t="s">
        <v>42</v>
      </c>
      <c r="B231" s="1" t="s">
        <v>335</v>
      </c>
      <c r="C231" s="1" t="s">
        <v>1057</v>
      </c>
      <c r="D231" s="1" t="s">
        <v>1058</v>
      </c>
      <c r="E231" s="1"/>
      <c r="F231" s="1" t="s">
        <v>10</v>
      </c>
      <c r="G231" s="1" t="s">
        <v>10</v>
      </c>
      <c r="H231" s="1" t="s">
        <v>10</v>
      </c>
      <c r="I231" s="1" t="s">
        <v>1005</v>
      </c>
      <c r="J231" s="1" t="s">
        <v>1020</v>
      </c>
      <c r="K231" s="1" t="s">
        <v>47</v>
      </c>
      <c r="L231" s="1" t="s">
        <v>1056</v>
      </c>
      <c r="M231" s="1" t="s">
        <v>5</v>
      </c>
      <c r="N231" s="1" t="s">
        <v>25</v>
      </c>
      <c r="O231" s="1" t="s">
        <v>38</v>
      </c>
      <c r="P231" s="5" t="s">
        <v>29845</v>
      </c>
    </row>
    <row r="232" spans="1:16" x14ac:dyDescent="0.2">
      <c r="A232" s="1" t="s">
        <v>20</v>
      </c>
      <c r="B232" s="1" t="s">
        <v>172</v>
      </c>
      <c r="C232" s="1" t="s">
        <v>1060</v>
      </c>
      <c r="D232" s="1" t="s">
        <v>1061</v>
      </c>
      <c r="E232" s="1"/>
      <c r="F232" s="1" t="s">
        <v>10</v>
      </c>
      <c r="G232" s="1" t="s">
        <v>10</v>
      </c>
      <c r="H232" s="1" t="s">
        <v>10</v>
      </c>
      <c r="I232" s="1" t="s">
        <v>1005</v>
      </c>
      <c r="J232" s="1" t="s">
        <v>1023</v>
      </c>
      <c r="K232" s="1" t="s">
        <v>7</v>
      </c>
      <c r="L232" s="1" t="s">
        <v>1059</v>
      </c>
      <c r="M232" s="1" t="s">
        <v>5</v>
      </c>
      <c r="N232" s="1" t="s">
        <v>25</v>
      </c>
      <c r="O232" s="1" t="s">
        <v>38</v>
      </c>
      <c r="P232" s="5" t="s">
        <v>29845</v>
      </c>
    </row>
    <row r="233" spans="1:16" x14ac:dyDescent="0.2">
      <c r="A233" s="1" t="s">
        <v>329</v>
      </c>
      <c r="B233" s="1" t="s">
        <v>596</v>
      </c>
      <c r="C233" s="1" t="s">
        <v>1063</v>
      </c>
      <c r="D233" s="1" t="s">
        <v>1064</v>
      </c>
      <c r="E233" s="1"/>
      <c r="F233" s="1" t="s">
        <v>10</v>
      </c>
      <c r="G233" s="1" t="s">
        <v>10</v>
      </c>
      <c r="H233" s="1" t="s">
        <v>10</v>
      </c>
      <c r="I233" s="1" t="s">
        <v>1005</v>
      </c>
      <c r="J233" s="1" t="s">
        <v>1020</v>
      </c>
      <c r="K233" s="1" t="s">
        <v>47</v>
      </c>
      <c r="L233" s="1" t="s">
        <v>1062</v>
      </c>
      <c r="M233" s="1" t="s">
        <v>5</v>
      </c>
      <c r="N233" s="1" t="s">
        <v>25</v>
      </c>
      <c r="O233" s="1" t="s">
        <v>38</v>
      </c>
      <c r="P233" s="5" t="s">
        <v>29845</v>
      </c>
    </row>
    <row r="234" spans="1:16" x14ac:dyDescent="0.2">
      <c r="A234" s="1" t="s">
        <v>20</v>
      </c>
      <c r="B234" s="1" t="s">
        <v>1047</v>
      </c>
      <c r="C234" s="1" t="s">
        <v>1066</v>
      </c>
      <c r="D234" s="1" t="s">
        <v>1067</v>
      </c>
      <c r="E234" s="1"/>
      <c r="F234" s="1" t="s">
        <v>10</v>
      </c>
      <c r="G234" s="1" t="s">
        <v>10</v>
      </c>
      <c r="H234" s="1" t="s">
        <v>10</v>
      </c>
      <c r="I234" s="1" t="s">
        <v>1005</v>
      </c>
      <c r="J234" s="1" t="s">
        <v>1035</v>
      </c>
      <c r="K234" s="1" t="s">
        <v>100</v>
      </c>
      <c r="L234" s="1" t="s">
        <v>1065</v>
      </c>
      <c r="M234" s="1" t="s">
        <v>5</v>
      </c>
      <c r="N234" s="1" t="s">
        <v>25</v>
      </c>
      <c r="O234" s="1" t="s">
        <v>38</v>
      </c>
      <c r="P234" s="5" t="s">
        <v>29845</v>
      </c>
    </row>
    <row r="235" spans="1:16" x14ac:dyDescent="0.2">
      <c r="A235" s="1" t="s">
        <v>20</v>
      </c>
      <c r="B235" s="1" t="s">
        <v>1047</v>
      </c>
      <c r="C235" s="1" t="s">
        <v>1069</v>
      </c>
      <c r="D235" s="1" t="s">
        <v>1070</v>
      </c>
      <c r="E235" s="1"/>
      <c r="F235" s="1" t="s">
        <v>10</v>
      </c>
      <c r="G235" s="1" t="s">
        <v>10</v>
      </c>
      <c r="H235" s="1" t="s">
        <v>10</v>
      </c>
      <c r="I235" s="1" t="s">
        <v>1005</v>
      </c>
      <c r="J235" s="1" t="s">
        <v>1035</v>
      </c>
      <c r="K235" s="1" t="s">
        <v>100</v>
      </c>
      <c r="L235" s="1" t="s">
        <v>1068</v>
      </c>
      <c r="M235" s="1" t="s">
        <v>5</v>
      </c>
      <c r="N235" s="1" t="s">
        <v>25</v>
      </c>
      <c r="O235" s="1" t="s">
        <v>38</v>
      </c>
      <c r="P235" s="5" t="s">
        <v>29845</v>
      </c>
    </row>
    <row r="236" spans="1:16" x14ac:dyDescent="0.2">
      <c r="A236" s="1" t="s">
        <v>20</v>
      </c>
      <c r="B236" s="1" t="s">
        <v>253</v>
      </c>
      <c r="C236" s="1" t="s">
        <v>1073</v>
      </c>
      <c r="D236" s="1" t="s">
        <v>1074</v>
      </c>
      <c r="E236" s="1"/>
      <c r="F236" s="1" t="s">
        <v>10</v>
      </c>
      <c r="G236" s="1" t="s">
        <v>10</v>
      </c>
      <c r="H236" s="1" t="s">
        <v>10</v>
      </c>
      <c r="I236" s="1" t="s">
        <v>1005</v>
      </c>
      <c r="J236" s="1" t="s">
        <v>1075</v>
      </c>
      <c r="K236" s="1" t="s">
        <v>130</v>
      </c>
      <c r="L236" s="1" t="s">
        <v>1072</v>
      </c>
      <c r="M236" s="1" t="s">
        <v>5</v>
      </c>
      <c r="N236" s="1" t="s">
        <v>25</v>
      </c>
      <c r="O236" s="1" t="s">
        <v>38</v>
      </c>
      <c r="P236" s="5" t="s">
        <v>29845</v>
      </c>
    </row>
    <row r="237" spans="1:16" x14ac:dyDescent="0.2">
      <c r="A237" s="1" t="s">
        <v>20</v>
      </c>
      <c r="B237" s="1" t="s">
        <v>253</v>
      </c>
      <c r="C237" s="1" t="s">
        <v>1077</v>
      </c>
      <c r="D237" s="1" t="s">
        <v>1078</v>
      </c>
      <c r="E237" s="1"/>
      <c r="F237" s="1" t="s">
        <v>10</v>
      </c>
      <c r="G237" s="1" t="s">
        <v>10</v>
      </c>
      <c r="H237" s="1" t="s">
        <v>10</v>
      </c>
      <c r="I237" s="1" t="s">
        <v>1005</v>
      </c>
      <c r="J237" s="1" t="s">
        <v>1079</v>
      </c>
      <c r="K237" s="1" t="s">
        <v>130</v>
      </c>
      <c r="L237" s="1" t="s">
        <v>1076</v>
      </c>
      <c r="M237" s="1" t="s">
        <v>5</v>
      </c>
      <c r="N237" s="1" t="s">
        <v>25</v>
      </c>
      <c r="O237" s="1" t="s">
        <v>38</v>
      </c>
      <c r="P237" s="5" t="s">
        <v>29845</v>
      </c>
    </row>
    <row r="238" spans="1:16" x14ac:dyDescent="0.2">
      <c r="A238" s="1" t="s">
        <v>1086</v>
      </c>
      <c r="B238" s="1" t="s">
        <v>1087</v>
      </c>
      <c r="C238" s="1" t="s">
        <v>1081</v>
      </c>
      <c r="D238" s="1" t="s">
        <v>1082</v>
      </c>
      <c r="E238" s="1"/>
      <c r="F238" s="1" t="s">
        <v>1083</v>
      </c>
      <c r="G238" s="1" t="s">
        <v>10</v>
      </c>
      <c r="H238" s="1" t="s">
        <v>1081</v>
      </c>
      <c r="I238" s="1" t="s">
        <v>1005</v>
      </c>
      <c r="J238" s="1" t="s">
        <v>1085</v>
      </c>
      <c r="K238" s="1" t="s">
        <v>130</v>
      </c>
      <c r="L238" s="1" t="s">
        <v>1080</v>
      </c>
      <c r="M238" s="1" t="s">
        <v>5</v>
      </c>
      <c r="N238" s="1" t="s">
        <v>6</v>
      </c>
      <c r="O238" s="1" t="s">
        <v>8</v>
      </c>
      <c r="P238" s="5" t="s">
        <v>1084</v>
      </c>
    </row>
    <row r="239" spans="1:16" x14ac:dyDescent="0.2">
      <c r="A239" s="1" t="s">
        <v>10</v>
      </c>
      <c r="B239" s="1" t="s">
        <v>10</v>
      </c>
      <c r="C239" s="1" t="s">
        <v>1089</v>
      </c>
      <c r="D239" s="1" t="s">
        <v>1090</v>
      </c>
      <c r="E239" s="1" t="s">
        <v>1091</v>
      </c>
      <c r="F239" s="1" t="s">
        <v>1089</v>
      </c>
      <c r="G239" s="1" t="s">
        <v>10</v>
      </c>
      <c r="H239" s="1" t="s">
        <v>1089</v>
      </c>
      <c r="I239" s="1" t="s">
        <v>1005</v>
      </c>
      <c r="J239" s="1" t="s">
        <v>1020</v>
      </c>
      <c r="K239" s="1" t="s">
        <v>47</v>
      </c>
      <c r="L239" s="1" t="s">
        <v>1088</v>
      </c>
      <c r="M239" s="1" t="s">
        <v>5</v>
      </c>
      <c r="N239" s="1" t="s">
        <v>25</v>
      </c>
      <c r="O239" s="1" t="s">
        <v>8</v>
      </c>
      <c r="P239" s="5" t="s">
        <v>30988</v>
      </c>
    </row>
    <row r="240" spans="1:16" x14ac:dyDescent="0.2">
      <c r="A240" s="1" t="s">
        <v>32</v>
      </c>
      <c r="B240" s="1" t="s">
        <v>140</v>
      </c>
      <c r="C240" s="1" t="s">
        <v>1093</v>
      </c>
      <c r="D240" s="1" t="s">
        <v>1094</v>
      </c>
      <c r="E240" s="1"/>
      <c r="F240" s="1" t="s">
        <v>1095</v>
      </c>
      <c r="G240" s="1" t="s">
        <v>10</v>
      </c>
      <c r="H240" s="1" t="s">
        <v>1097</v>
      </c>
      <c r="I240" s="1" t="s">
        <v>1005</v>
      </c>
      <c r="J240" s="1" t="s">
        <v>1096</v>
      </c>
      <c r="K240" s="1" t="s">
        <v>64</v>
      </c>
      <c r="L240" s="1" t="s">
        <v>1092</v>
      </c>
      <c r="M240" s="1" t="s">
        <v>5</v>
      </c>
      <c r="N240" s="1" t="s">
        <v>1009</v>
      </c>
      <c r="O240" s="1" t="s">
        <v>8</v>
      </c>
      <c r="P240" s="5" t="s">
        <v>30398</v>
      </c>
    </row>
    <row r="241" spans="1:16" x14ac:dyDescent="0.2">
      <c r="A241" s="1" t="s">
        <v>66</v>
      </c>
      <c r="B241" s="1" t="s">
        <v>574</v>
      </c>
      <c r="C241" s="1" t="s">
        <v>1099</v>
      </c>
      <c r="D241" s="1" t="s">
        <v>1100</v>
      </c>
      <c r="E241" s="1"/>
      <c r="F241" s="1" t="s">
        <v>10</v>
      </c>
      <c r="G241" s="1" t="s">
        <v>10</v>
      </c>
      <c r="H241" s="1" t="s">
        <v>10</v>
      </c>
      <c r="I241" s="1" t="s">
        <v>1005</v>
      </c>
      <c r="J241" s="1" t="s">
        <v>1017</v>
      </c>
      <c r="K241" s="1" t="s">
        <v>130</v>
      </c>
      <c r="L241" s="1" t="s">
        <v>1098</v>
      </c>
      <c r="M241" s="1" t="s">
        <v>5</v>
      </c>
      <c r="N241" s="1" t="s">
        <v>25</v>
      </c>
      <c r="O241" s="1" t="s">
        <v>38</v>
      </c>
      <c r="P241" s="5" t="s">
        <v>29821</v>
      </c>
    </row>
    <row r="242" spans="1:16" x14ac:dyDescent="0.2">
      <c r="A242" s="1" t="s">
        <v>20</v>
      </c>
      <c r="B242" s="1" t="s">
        <v>172</v>
      </c>
      <c r="C242" s="1" t="s">
        <v>1102</v>
      </c>
      <c r="D242" s="1" t="s">
        <v>1103</v>
      </c>
      <c r="E242" s="1" t="s">
        <v>1104</v>
      </c>
      <c r="F242" s="1" t="s">
        <v>10</v>
      </c>
      <c r="G242" s="1" t="s">
        <v>10</v>
      </c>
      <c r="H242" s="1" t="s">
        <v>10</v>
      </c>
      <c r="I242" s="1" t="s">
        <v>1005</v>
      </c>
      <c r="J242" s="1" t="s">
        <v>1096</v>
      </c>
      <c r="K242" s="1" t="s">
        <v>7</v>
      </c>
      <c r="L242" s="1" t="s">
        <v>1101</v>
      </c>
      <c r="M242" s="1" t="s">
        <v>5</v>
      </c>
      <c r="N242" s="1" t="s">
        <v>25</v>
      </c>
      <c r="O242" s="1" t="s">
        <v>38</v>
      </c>
      <c r="P242" s="5" t="s">
        <v>29821</v>
      </c>
    </row>
    <row r="243" spans="1:16" x14ac:dyDescent="0.2">
      <c r="A243" s="1" t="s">
        <v>487</v>
      </c>
      <c r="B243" s="1" t="s">
        <v>765</v>
      </c>
      <c r="C243" s="1" t="s">
        <v>1106</v>
      </c>
      <c r="D243" s="1" t="s">
        <v>1107</v>
      </c>
      <c r="E243" s="1" t="s">
        <v>1109</v>
      </c>
      <c r="F243" s="1" t="s">
        <v>1108</v>
      </c>
      <c r="G243" s="1" t="s">
        <v>10</v>
      </c>
      <c r="H243" s="1" t="s">
        <v>1110</v>
      </c>
      <c r="I243" s="1" t="s">
        <v>1005</v>
      </c>
      <c r="J243" s="1" t="s">
        <v>1096</v>
      </c>
      <c r="K243" s="1" t="s">
        <v>443</v>
      </c>
      <c r="L243" s="1" t="s">
        <v>1105</v>
      </c>
      <c r="M243" s="1" t="s">
        <v>5</v>
      </c>
      <c r="N243" s="1" t="s">
        <v>25</v>
      </c>
      <c r="O243" s="1" t="s">
        <v>8</v>
      </c>
      <c r="P243" s="5" t="s">
        <v>29821</v>
      </c>
    </row>
    <row r="244" spans="1:16" x14ac:dyDescent="0.2">
      <c r="A244" s="1" t="s">
        <v>66</v>
      </c>
      <c r="B244" s="1" t="s">
        <v>67</v>
      </c>
      <c r="C244" s="1" t="s">
        <v>1112</v>
      </c>
      <c r="D244" s="1" t="s">
        <v>286</v>
      </c>
      <c r="E244" s="1"/>
      <c r="F244" s="1" t="s">
        <v>10</v>
      </c>
      <c r="G244" s="1" t="s">
        <v>10</v>
      </c>
      <c r="H244" s="1" t="s">
        <v>10</v>
      </c>
      <c r="I244" s="1" t="s">
        <v>1005</v>
      </c>
      <c r="J244" s="1" t="s">
        <v>1096</v>
      </c>
      <c r="K244" s="1" t="s">
        <v>7</v>
      </c>
      <c r="L244" s="1" t="s">
        <v>1111</v>
      </c>
      <c r="M244" s="1" t="s">
        <v>5</v>
      </c>
      <c r="N244" s="1" t="s">
        <v>1009</v>
      </c>
      <c r="O244" s="1" t="s">
        <v>38</v>
      </c>
      <c r="P244" s="5" t="s">
        <v>29846</v>
      </c>
    </row>
    <row r="245" spans="1:16" x14ac:dyDescent="0.2">
      <c r="A245" s="1" t="s">
        <v>66</v>
      </c>
      <c r="B245" s="1" t="s">
        <v>1117</v>
      </c>
      <c r="C245" s="1" t="s">
        <v>1114</v>
      </c>
      <c r="D245" s="1" t="s">
        <v>1115</v>
      </c>
      <c r="E245" s="1" t="s">
        <v>10</v>
      </c>
      <c r="F245" s="1" t="s">
        <v>1116</v>
      </c>
      <c r="G245" s="1" t="s">
        <v>10</v>
      </c>
      <c r="H245" s="1" t="s">
        <v>1114</v>
      </c>
      <c r="I245" s="1" t="s">
        <v>1005</v>
      </c>
      <c r="J245" s="1" t="s">
        <v>1096</v>
      </c>
      <c r="K245" s="1" t="s">
        <v>7</v>
      </c>
      <c r="L245" s="1" t="s">
        <v>1113</v>
      </c>
      <c r="M245" s="1" t="s">
        <v>5</v>
      </c>
      <c r="N245" s="1" t="s">
        <v>25</v>
      </c>
      <c r="O245" s="1" t="s">
        <v>8</v>
      </c>
      <c r="P245" s="5" t="s">
        <v>29847</v>
      </c>
    </row>
    <row r="246" spans="1:16" x14ac:dyDescent="0.2">
      <c r="A246" s="1" t="s">
        <v>66</v>
      </c>
      <c r="B246" s="1" t="s">
        <v>1117</v>
      </c>
      <c r="C246" s="1" t="s">
        <v>1119</v>
      </c>
      <c r="D246" s="1" t="s">
        <v>1120</v>
      </c>
      <c r="E246" s="1" t="s">
        <v>1122</v>
      </c>
      <c r="F246" s="1" t="s">
        <v>1121</v>
      </c>
      <c r="G246" s="1" t="s">
        <v>10</v>
      </c>
      <c r="H246" s="1" t="s">
        <v>10</v>
      </c>
      <c r="I246" s="1" t="s">
        <v>1005</v>
      </c>
      <c r="J246" s="1" t="s">
        <v>1096</v>
      </c>
      <c r="K246" s="1" t="s">
        <v>10</v>
      </c>
      <c r="L246" s="1" t="s">
        <v>1118</v>
      </c>
      <c r="M246" s="1" t="s">
        <v>5</v>
      </c>
      <c r="N246" s="1" t="s">
        <v>6</v>
      </c>
      <c r="O246" s="1" t="s">
        <v>8</v>
      </c>
      <c r="P246" s="5" t="s">
        <v>10</v>
      </c>
    </row>
    <row r="247" spans="1:16" x14ac:dyDescent="0.2">
      <c r="A247" s="1" t="s">
        <v>66</v>
      </c>
      <c r="B247" s="1" t="s">
        <v>1127</v>
      </c>
      <c r="C247" s="1" t="s">
        <v>1124</v>
      </c>
      <c r="D247" s="1" t="s">
        <v>1125</v>
      </c>
      <c r="E247" s="1" t="s">
        <v>1126</v>
      </c>
      <c r="F247" s="1" t="s">
        <v>1121</v>
      </c>
      <c r="G247" s="1" t="s">
        <v>10</v>
      </c>
      <c r="H247" s="1" t="s">
        <v>1124</v>
      </c>
      <c r="I247" s="1" t="s">
        <v>1005</v>
      </c>
      <c r="J247" s="1" t="s">
        <v>1096</v>
      </c>
      <c r="K247" s="1" t="s">
        <v>10</v>
      </c>
      <c r="L247" s="1" t="s">
        <v>1123</v>
      </c>
      <c r="M247" s="1" t="s">
        <v>5</v>
      </c>
      <c r="N247" s="1" t="s">
        <v>6</v>
      </c>
      <c r="O247" s="1" t="s">
        <v>8</v>
      </c>
      <c r="P247" s="5" t="s">
        <v>10</v>
      </c>
    </row>
    <row r="248" spans="1:16" x14ac:dyDescent="0.2">
      <c r="A248" s="1" t="s">
        <v>487</v>
      </c>
      <c r="B248" s="1" t="s">
        <v>488</v>
      </c>
      <c r="C248" s="1" t="s">
        <v>1129</v>
      </c>
      <c r="D248" s="1" t="s">
        <v>1130</v>
      </c>
      <c r="E248" s="1" t="s">
        <v>1131</v>
      </c>
      <c r="F248" s="1" t="s">
        <v>1108</v>
      </c>
      <c r="G248" s="1" t="s">
        <v>10</v>
      </c>
      <c r="H248" s="1" t="s">
        <v>1132</v>
      </c>
      <c r="I248" s="1" t="s">
        <v>1005</v>
      </c>
      <c r="J248" s="1" t="s">
        <v>1096</v>
      </c>
      <c r="K248" s="1" t="s">
        <v>7</v>
      </c>
      <c r="L248" s="1" t="s">
        <v>1128</v>
      </c>
      <c r="M248" s="1" t="s">
        <v>5</v>
      </c>
      <c r="N248" s="1" t="s">
        <v>6</v>
      </c>
      <c r="O248" s="1" t="s">
        <v>8</v>
      </c>
      <c r="P248" s="5" t="s">
        <v>10</v>
      </c>
    </row>
    <row r="249" spans="1:16" x14ac:dyDescent="0.2">
      <c r="A249" s="1" t="s">
        <v>487</v>
      </c>
      <c r="B249" s="1" t="s">
        <v>488</v>
      </c>
      <c r="C249" s="1" t="s">
        <v>1134</v>
      </c>
      <c r="D249" s="1" t="s">
        <v>1135</v>
      </c>
      <c r="E249" s="1" t="s">
        <v>1137</v>
      </c>
      <c r="F249" s="1" t="s">
        <v>1136</v>
      </c>
      <c r="G249" s="1" t="s">
        <v>10</v>
      </c>
      <c r="H249" s="1" t="s">
        <v>10</v>
      </c>
      <c r="I249" s="1" t="s">
        <v>1005</v>
      </c>
      <c r="J249" s="1" t="s">
        <v>1096</v>
      </c>
      <c r="K249" s="1" t="s">
        <v>7</v>
      </c>
      <c r="L249" s="1" t="s">
        <v>1133</v>
      </c>
      <c r="M249" s="1" t="s">
        <v>5</v>
      </c>
      <c r="N249" s="1" t="s">
        <v>6</v>
      </c>
      <c r="O249" s="1" t="s">
        <v>8</v>
      </c>
      <c r="P249" s="5" t="s">
        <v>10</v>
      </c>
    </row>
    <row r="250" spans="1:16" x14ac:dyDescent="0.2">
      <c r="A250" s="1" t="s">
        <v>487</v>
      </c>
      <c r="B250" s="1" t="s">
        <v>488</v>
      </c>
      <c r="C250" s="1" t="s">
        <v>1139</v>
      </c>
      <c r="D250" s="1" t="s">
        <v>1140</v>
      </c>
      <c r="E250" s="1" t="s">
        <v>1142</v>
      </c>
      <c r="F250" s="1" t="s">
        <v>1141</v>
      </c>
      <c r="G250" s="1" t="s">
        <v>10</v>
      </c>
      <c r="H250" s="1" t="s">
        <v>10</v>
      </c>
      <c r="I250" s="1" t="s">
        <v>1005</v>
      </c>
      <c r="J250" s="1" t="s">
        <v>1096</v>
      </c>
      <c r="K250" s="1" t="s">
        <v>7</v>
      </c>
      <c r="L250" s="1" t="s">
        <v>1138</v>
      </c>
      <c r="M250" s="1" t="s">
        <v>5</v>
      </c>
      <c r="N250" s="1" t="s">
        <v>6</v>
      </c>
      <c r="O250" s="1" t="s">
        <v>8</v>
      </c>
      <c r="P250" s="5" t="s">
        <v>10</v>
      </c>
    </row>
    <row r="251" spans="1:16" x14ac:dyDescent="0.2">
      <c r="A251" s="1" t="s">
        <v>10</v>
      </c>
      <c r="B251" s="1" t="s">
        <v>10</v>
      </c>
      <c r="C251" s="1" t="s">
        <v>1144</v>
      </c>
      <c r="D251" s="1" t="s">
        <v>1145</v>
      </c>
      <c r="E251" s="1" t="s">
        <v>10</v>
      </c>
      <c r="F251" s="1" t="s">
        <v>1108</v>
      </c>
      <c r="G251" s="1" t="s">
        <v>1146</v>
      </c>
      <c r="H251" s="1" t="s">
        <v>10</v>
      </c>
      <c r="I251" s="1" t="s">
        <v>1005</v>
      </c>
      <c r="J251" s="1" t="s">
        <v>1096</v>
      </c>
      <c r="K251" s="1" t="s">
        <v>10</v>
      </c>
      <c r="L251" s="1" t="s">
        <v>1143</v>
      </c>
      <c r="M251" s="1" t="s">
        <v>5</v>
      </c>
      <c r="N251" s="1" t="s">
        <v>6</v>
      </c>
      <c r="O251" s="1" t="s">
        <v>8</v>
      </c>
      <c r="P251" s="5" t="s">
        <v>10</v>
      </c>
    </row>
    <row r="252" spans="1:16" x14ac:dyDescent="0.2">
      <c r="A252" s="1" t="s">
        <v>20</v>
      </c>
      <c r="B252" s="1" t="s">
        <v>172</v>
      </c>
      <c r="C252" s="1" t="s">
        <v>1148</v>
      </c>
      <c r="D252" s="1" t="s">
        <v>1149</v>
      </c>
      <c r="E252" s="1" t="s">
        <v>1151</v>
      </c>
      <c r="F252" s="1" t="s">
        <v>1150</v>
      </c>
      <c r="G252" s="1" t="s">
        <v>10</v>
      </c>
      <c r="H252" s="1" t="s">
        <v>1148</v>
      </c>
      <c r="I252" s="1" t="s">
        <v>1005</v>
      </c>
      <c r="J252" s="1" t="s">
        <v>1096</v>
      </c>
      <c r="K252" s="1" t="s">
        <v>10</v>
      </c>
      <c r="L252" s="1" t="s">
        <v>1147</v>
      </c>
      <c r="M252" s="1" t="s">
        <v>5</v>
      </c>
      <c r="N252" s="1" t="s">
        <v>6</v>
      </c>
      <c r="O252" s="1" t="s">
        <v>8</v>
      </c>
      <c r="P252" s="5"/>
    </row>
    <row r="253" spans="1:16" x14ac:dyDescent="0.2">
      <c r="A253" s="1" t="s">
        <v>487</v>
      </c>
      <c r="B253" s="1" t="s">
        <v>488</v>
      </c>
      <c r="C253" s="1" t="s">
        <v>1153</v>
      </c>
      <c r="D253" s="1" t="s">
        <v>1154</v>
      </c>
      <c r="E253" s="1" t="s">
        <v>1156</v>
      </c>
      <c r="F253" s="1" t="s">
        <v>1155</v>
      </c>
      <c r="G253" s="1" t="s">
        <v>1157</v>
      </c>
      <c r="H253" s="1" t="s">
        <v>10</v>
      </c>
      <c r="I253" s="1" t="s">
        <v>1005</v>
      </c>
      <c r="J253" s="1" t="s">
        <v>1096</v>
      </c>
      <c r="K253" s="1" t="s">
        <v>64</v>
      </c>
      <c r="L253" s="1" t="s">
        <v>1152</v>
      </c>
      <c r="M253" s="1" t="s">
        <v>5</v>
      </c>
      <c r="N253" s="1" t="s">
        <v>6</v>
      </c>
      <c r="O253" s="1" t="s">
        <v>8</v>
      </c>
      <c r="P253" s="5" t="s">
        <v>10</v>
      </c>
    </row>
    <row r="254" spans="1:16" x14ac:dyDescent="0.2">
      <c r="A254" s="1" t="s">
        <v>32</v>
      </c>
      <c r="B254" s="1" t="s">
        <v>1163</v>
      </c>
      <c r="C254" s="1" t="s">
        <v>1159</v>
      </c>
      <c r="D254" s="1" t="s">
        <v>1160</v>
      </c>
      <c r="E254" s="1" t="s">
        <v>1161</v>
      </c>
      <c r="F254" s="1" t="s">
        <v>1108</v>
      </c>
      <c r="G254" s="1" t="s">
        <v>1162</v>
      </c>
      <c r="H254" s="1" t="s">
        <v>10</v>
      </c>
      <c r="I254" s="1" t="s">
        <v>1005</v>
      </c>
      <c r="J254" s="1" t="s">
        <v>1096</v>
      </c>
      <c r="K254" s="1" t="s">
        <v>64</v>
      </c>
      <c r="L254" s="1" t="s">
        <v>1158</v>
      </c>
      <c r="M254" s="1" t="s">
        <v>5</v>
      </c>
      <c r="N254" s="1" t="s">
        <v>6</v>
      </c>
      <c r="O254" s="1" t="s">
        <v>8</v>
      </c>
      <c r="P254" s="5" t="s">
        <v>10</v>
      </c>
    </row>
    <row r="255" spans="1:16" x14ac:dyDescent="0.2">
      <c r="A255" s="1" t="s">
        <v>329</v>
      </c>
      <c r="B255" s="1" t="s">
        <v>1168</v>
      </c>
      <c r="C255" s="1" t="s">
        <v>1165</v>
      </c>
      <c r="D255" s="1" t="s">
        <v>1166</v>
      </c>
      <c r="E255" s="1" t="s">
        <v>10</v>
      </c>
      <c r="F255" s="1" t="s">
        <v>1108</v>
      </c>
      <c r="G255" s="1" t="s">
        <v>1167</v>
      </c>
      <c r="H255" s="1" t="s">
        <v>10</v>
      </c>
      <c r="I255" s="1" t="s">
        <v>1005</v>
      </c>
      <c r="J255" s="1" t="s">
        <v>1096</v>
      </c>
      <c r="K255" s="1" t="s">
        <v>7</v>
      </c>
      <c r="L255" s="1" t="s">
        <v>1164</v>
      </c>
      <c r="M255" s="1" t="s">
        <v>5</v>
      </c>
      <c r="N255" s="1" t="s">
        <v>6</v>
      </c>
      <c r="O255" s="1" t="s">
        <v>8</v>
      </c>
      <c r="P255" s="5" t="s">
        <v>10</v>
      </c>
    </row>
    <row r="256" spans="1:16" x14ac:dyDescent="0.2">
      <c r="A256" s="1" t="s">
        <v>66</v>
      </c>
      <c r="B256" s="1" t="s">
        <v>1117</v>
      </c>
      <c r="C256" s="1" t="s">
        <v>1170</v>
      </c>
      <c r="D256" s="1" t="s">
        <v>1171</v>
      </c>
      <c r="E256" s="1" t="s">
        <v>1172</v>
      </c>
      <c r="F256" s="1" t="s">
        <v>1116</v>
      </c>
      <c r="G256" s="1" t="s">
        <v>10</v>
      </c>
      <c r="H256" s="1" t="s">
        <v>1170</v>
      </c>
      <c r="I256" s="1" t="s">
        <v>1005</v>
      </c>
      <c r="J256" s="1" t="s">
        <v>1096</v>
      </c>
      <c r="K256" s="1" t="s">
        <v>7</v>
      </c>
      <c r="L256" s="1" t="s">
        <v>1169</v>
      </c>
      <c r="M256" s="1" t="s">
        <v>5</v>
      </c>
      <c r="N256" s="1" t="s">
        <v>6</v>
      </c>
      <c r="O256" s="1" t="s">
        <v>8</v>
      </c>
      <c r="P256" s="5" t="s">
        <v>10</v>
      </c>
    </row>
    <row r="257" spans="1:16" x14ac:dyDescent="0.2">
      <c r="A257" s="1" t="s">
        <v>1086</v>
      </c>
      <c r="B257" s="1" t="s">
        <v>1177</v>
      </c>
      <c r="C257" s="1" t="s">
        <v>1174</v>
      </c>
      <c r="D257" s="1" t="s">
        <v>1175</v>
      </c>
      <c r="E257" s="1" t="s">
        <v>10</v>
      </c>
      <c r="F257" s="1" t="s">
        <v>1108</v>
      </c>
      <c r="G257" s="1" t="s">
        <v>1176</v>
      </c>
      <c r="H257" s="1" t="s">
        <v>10</v>
      </c>
      <c r="I257" s="1" t="s">
        <v>1005</v>
      </c>
      <c r="J257" s="1" t="s">
        <v>1096</v>
      </c>
      <c r="K257" s="1" t="s">
        <v>64</v>
      </c>
      <c r="L257" s="1" t="s">
        <v>1173</v>
      </c>
      <c r="M257" s="1" t="s">
        <v>5</v>
      </c>
      <c r="N257" s="1" t="s">
        <v>6</v>
      </c>
      <c r="O257" s="1" t="s">
        <v>8</v>
      </c>
      <c r="P257" s="5" t="s">
        <v>10</v>
      </c>
    </row>
    <row r="258" spans="1:16" x14ac:dyDescent="0.2">
      <c r="A258" s="1" t="s">
        <v>1086</v>
      </c>
      <c r="B258" s="1" t="s">
        <v>1181</v>
      </c>
      <c r="C258" s="1" t="s">
        <v>1179</v>
      </c>
      <c r="D258" s="1" t="s">
        <v>1180</v>
      </c>
      <c r="E258" s="1"/>
      <c r="F258" s="1" t="s">
        <v>1108</v>
      </c>
      <c r="G258" s="1" t="s">
        <v>10</v>
      </c>
      <c r="H258" s="1" t="s">
        <v>1179</v>
      </c>
      <c r="I258" s="1" t="s">
        <v>1005</v>
      </c>
      <c r="J258" s="1" t="s">
        <v>1096</v>
      </c>
      <c r="K258" s="1" t="s">
        <v>64</v>
      </c>
      <c r="L258" s="1" t="s">
        <v>1178</v>
      </c>
      <c r="M258" s="1" t="s">
        <v>5</v>
      </c>
      <c r="N258" s="1" t="s">
        <v>6</v>
      </c>
      <c r="O258" s="1" t="s">
        <v>8</v>
      </c>
      <c r="P258" s="5" t="s">
        <v>29821</v>
      </c>
    </row>
    <row r="259" spans="1:16" x14ac:dyDescent="0.2">
      <c r="A259" s="1" t="s">
        <v>42</v>
      </c>
      <c r="B259" s="1" t="s">
        <v>320</v>
      </c>
      <c r="C259" s="1" t="s">
        <v>1194</v>
      </c>
      <c r="D259" s="1" t="s">
        <v>1195</v>
      </c>
      <c r="E259" s="1"/>
      <c r="F259" s="1" t="s">
        <v>10</v>
      </c>
      <c r="G259" s="1" t="s">
        <v>10</v>
      </c>
      <c r="H259" s="1" t="s">
        <v>10</v>
      </c>
      <c r="I259" s="1" t="s">
        <v>1182</v>
      </c>
      <c r="J259" s="1" t="s">
        <v>1196</v>
      </c>
      <c r="K259" s="1" t="s">
        <v>27</v>
      </c>
      <c r="L259" s="1" t="s">
        <v>1193</v>
      </c>
      <c r="M259" s="1" t="s">
        <v>5</v>
      </c>
      <c r="N259" s="1" t="s">
        <v>1009</v>
      </c>
      <c r="O259" s="1" t="s">
        <v>38</v>
      </c>
      <c r="P259" s="5" t="s">
        <v>30989</v>
      </c>
    </row>
    <row r="260" spans="1:16" x14ac:dyDescent="0.2">
      <c r="A260" s="1" t="s">
        <v>42</v>
      </c>
      <c r="B260" s="1" t="s">
        <v>320</v>
      </c>
      <c r="C260" s="1" t="s">
        <v>1198</v>
      </c>
      <c r="D260" s="1" t="s">
        <v>1199</v>
      </c>
      <c r="E260" s="1"/>
      <c r="F260" s="1" t="s">
        <v>10</v>
      </c>
      <c r="G260" s="1" t="s">
        <v>10</v>
      </c>
      <c r="H260" s="1" t="s">
        <v>10</v>
      </c>
      <c r="I260" s="1" t="s">
        <v>1182</v>
      </c>
      <c r="J260" s="1" t="s">
        <v>1200</v>
      </c>
      <c r="K260" s="1" t="s">
        <v>37</v>
      </c>
      <c r="L260" s="1" t="s">
        <v>1197</v>
      </c>
      <c r="M260" s="1" t="s">
        <v>5</v>
      </c>
      <c r="N260" s="1" t="s">
        <v>1009</v>
      </c>
      <c r="O260" s="1" t="s">
        <v>38</v>
      </c>
      <c r="P260" s="5" t="s">
        <v>30990</v>
      </c>
    </row>
    <row r="261" spans="1:16" x14ac:dyDescent="0.2">
      <c r="A261" s="1" t="s">
        <v>42</v>
      </c>
      <c r="B261" s="1" t="s">
        <v>320</v>
      </c>
      <c r="C261" s="1" t="s">
        <v>1203</v>
      </c>
      <c r="D261" s="1" t="s">
        <v>1204</v>
      </c>
      <c r="E261" s="1"/>
      <c r="F261" s="1" t="s">
        <v>10</v>
      </c>
      <c r="G261" s="1" t="s">
        <v>10</v>
      </c>
      <c r="H261" s="1" t="s">
        <v>10</v>
      </c>
      <c r="I261" s="1" t="s">
        <v>1182</v>
      </c>
      <c r="J261" s="1" t="s">
        <v>1201</v>
      </c>
      <c r="K261" s="1" t="s">
        <v>37</v>
      </c>
      <c r="L261" s="1" t="s">
        <v>1202</v>
      </c>
      <c r="M261" s="1" t="s">
        <v>5</v>
      </c>
      <c r="N261" s="1" t="s">
        <v>25</v>
      </c>
      <c r="O261" s="1" t="s">
        <v>38</v>
      </c>
      <c r="P261" s="5" t="s">
        <v>32693</v>
      </c>
    </row>
    <row r="262" spans="1:16" x14ac:dyDescent="0.2">
      <c r="A262" s="1" t="s">
        <v>42</v>
      </c>
      <c r="B262" s="1" t="s">
        <v>320</v>
      </c>
      <c r="C262" s="1" t="s">
        <v>1206</v>
      </c>
      <c r="D262" s="1" t="s">
        <v>1207</v>
      </c>
      <c r="E262" s="1"/>
      <c r="F262" s="1" t="s">
        <v>10</v>
      </c>
      <c r="G262" s="1" t="s">
        <v>10</v>
      </c>
      <c r="H262" s="1" t="s">
        <v>10</v>
      </c>
      <c r="I262" s="1" t="s">
        <v>1182</v>
      </c>
      <c r="J262" s="1" t="s">
        <v>1200</v>
      </c>
      <c r="K262" s="1" t="s">
        <v>130</v>
      </c>
      <c r="L262" s="1" t="s">
        <v>1205</v>
      </c>
      <c r="M262" s="1" t="s">
        <v>5</v>
      </c>
      <c r="N262" s="1" t="s">
        <v>960</v>
      </c>
      <c r="O262" s="1" t="s">
        <v>38</v>
      </c>
      <c r="P262" s="5" t="s">
        <v>30991</v>
      </c>
    </row>
    <row r="263" spans="1:16" x14ac:dyDescent="0.2">
      <c r="A263" s="1" t="s">
        <v>42</v>
      </c>
      <c r="B263" s="1" t="s">
        <v>43</v>
      </c>
      <c r="C263" s="1" t="s">
        <v>1210</v>
      </c>
      <c r="D263" s="1" t="s">
        <v>1211</v>
      </c>
      <c r="E263" s="1"/>
      <c r="F263" s="1" t="s">
        <v>10</v>
      </c>
      <c r="G263" s="1" t="s">
        <v>10</v>
      </c>
      <c r="H263" s="1" t="s">
        <v>10</v>
      </c>
      <c r="I263" s="1" t="s">
        <v>1182</v>
      </c>
      <c r="J263" s="1" t="s">
        <v>1200</v>
      </c>
      <c r="K263" s="1" t="s">
        <v>37</v>
      </c>
      <c r="L263" s="1" t="s">
        <v>1209</v>
      </c>
      <c r="M263" s="1" t="s">
        <v>5</v>
      </c>
      <c r="N263" s="1" t="s">
        <v>25</v>
      </c>
      <c r="O263" s="1" t="s">
        <v>38</v>
      </c>
      <c r="P263" s="5" t="s">
        <v>29848</v>
      </c>
    </row>
    <row r="264" spans="1:16" x14ac:dyDescent="0.2">
      <c r="A264" s="1" t="s">
        <v>329</v>
      </c>
      <c r="B264" s="1" t="s">
        <v>596</v>
      </c>
      <c r="C264" s="1" t="s">
        <v>1213</v>
      </c>
      <c r="D264" s="1" t="s">
        <v>1214</v>
      </c>
      <c r="E264" s="1"/>
      <c r="F264" s="1" t="s">
        <v>10</v>
      </c>
      <c r="G264" s="1" t="s">
        <v>10</v>
      </c>
      <c r="H264" s="1" t="s">
        <v>10</v>
      </c>
      <c r="I264" s="1" t="s">
        <v>1182</v>
      </c>
      <c r="J264" s="1" t="s">
        <v>1215</v>
      </c>
      <c r="K264" s="1" t="s">
        <v>47</v>
      </c>
      <c r="L264" s="1" t="s">
        <v>1212</v>
      </c>
      <c r="M264" s="1" t="s">
        <v>5</v>
      </c>
      <c r="N264" s="1" t="s">
        <v>25</v>
      </c>
      <c r="O264" s="1" t="s">
        <v>38</v>
      </c>
      <c r="P264" s="5" t="s">
        <v>32694</v>
      </c>
    </row>
    <row r="265" spans="1:16" ht="51" x14ac:dyDescent="0.2">
      <c r="A265" s="1" t="s">
        <v>42</v>
      </c>
      <c r="B265" s="1" t="s">
        <v>320</v>
      </c>
      <c r="C265" s="1" t="s">
        <v>1218</v>
      </c>
      <c r="D265" s="1" t="s">
        <v>1219</v>
      </c>
      <c r="E265" s="1"/>
      <c r="F265" s="1" t="s">
        <v>10</v>
      </c>
      <c r="G265" s="1" t="s">
        <v>10</v>
      </c>
      <c r="H265" s="1" t="s">
        <v>10</v>
      </c>
      <c r="I265" s="1" t="s">
        <v>1182</v>
      </c>
      <c r="J265" s="1" t="s">
        <v>1220</v>
      </c>
      <c r="K265" s="1" t="s">
        <v>7</v>
      </c>
      <c r="L265" s="1" t="s">
        <v>1217</v>
      </c>
      <c r="M265" s="1" t="s">
        <v>5</v>
      </c>
      <c r="N265" s="1" t="s">
        <v>1009</v>
      </c>
      <c r="O265" s="1" t="s">
        <v>38</v>
      </c>
      <c r="P265" s="9" t="s">
        <v>30992</v>
      </c>
    </row>
    <row r="266" spans="1:16" ht="38.25" x14ac:dyDescent="0.2">
      <c r="A266" s="1" t="s">
        <v>42</v>
      </c>
      <c r="B266" s="1" t="s">
        <v>43</v>
      </c>
      <c r="C266" s="1" t="s">
        <v>1222</v>
      </c>
      <c r="D266" s="1" t="s">
        <v>1223</v>
      </c>
      <c r="E266" s="1"/>
      <c r="F266" s="1" t="s">
        <v>10</v>
      </c>
      <c r="G266" s="1" t="s">
        <v>10</v>
      </c>
      <c r="H266" s="1" t="s">
        <v>10</v>
      </c>
      <c r="I266" s="1" t="s">
        <v>1182</v>
      </c>
      <c r="J266" s="1" t="s">
        <v>1200</v>
      </c>
      <c r="K266" s="1" t="s">
        <v>37</v>
      </c>
      <c r="L266" s="1" t="s">
        <v>1221</v>
      </c>
      <c r="M266" s="1" t="s">
        <v>5</v>
      </c>
      <c r="N266" s="1" t="s">
        <v>6</v>
      </c>
      <c r="O266" s="1" t="s">
        <v>38</v>
      </c>
      <c r="P266" s="9" t="s">
        <v>30993</v>
      </c>
    </row>
    <row r="267" spans="1:16" x14ac:dyDescent="0.2">
      <c r="A267" s="1" t="s">
        <v>42</v>
      </c>
      <c r="B267" s="1" t="s">
        <v>87</v>
      </c>
      <c r="C267" s="1" t="s">
        <v>1225</v>
      </c>
      <c r="D267" s="1" t="s">
        <v>1226</v>
      </c>
      <c r="E267" s="1"/>
      <c r="F267" s="1" t="s">
        <v>10</v>
      </c>
      <c r="G267" s="1" t="s">
        <v>10</v>
      </c>
      <c r="H267" s="1" t="s">
        <v>10</v>
      </c>
      <c r="I267" s="1" t="s">
        <v>1182</v>
      </c>
      <c r="J267" s="1" t="s">
        <v>1227</v>
      </c>
      <c r="K267" s="1" t="s">
        <v>27</v>
      </c>
      <c r="L267" s="1" t="s">
        <v>1224</v>
      </c>
      <c r="M267" s="1" t="s">
        <v>5</v>
      </c>
      <c r="N267" s="1" t="s">
        <v>25</v>
      </c>
      <c r="O267" s="1" t="s">
        <v>38</v>
      </c>
      <c r="P267" s="5" t="s">
        <v>30994</v>
      </c>
    </row>
    <row r="268" spans="1:16" x14ac:dyDescent="0.2">
      <c r="A268" s="1" t="s">
        <v>20</v>
      </c>
      <c r="B268" s="1" t="s">
        <v>253</v>
      </c>
      <c r="C268" s="1" t="s">
        <v>1229</v>
      </c>
      <c r="D268" s="1" t="s">
        <v>1230</v>
      </c>
      <c r="E268" s="1"/>
      <c r="F268" s="1" t="s">
        <v>10</v>
      </c>
      <c r="G268" s="1" t="s">
        <v>10</v>
      </c>
      <c r="H268" s="1" t="s">
        <v>10</v>
      </c>
      <c r="I268" s="1" t="s">
        <v>1182</v>
      </c>
      <c r="J268" s="1" t="s">
        <v>1196</v>
      </c>
      <c r="K268" s="1" t="s">
        <v>27</v>
      </c>
      <c r="L268" s="1" t="s">
        <v>1228</v>
      </c>
      <c r="M268" s="1" t="s">
        <v>5</v>
      </c>
      <c r="N268" s="1" t="s">
        <v>25</v>
      </c>
      <c r="O268" s="1" t="s">
        <v>38</v>
      </c>
      <c r="P268" s="5" t="s">
        <v>30995</v>
      </c>
    </row>
    <row r="269" spans="1:16" x14ac:dyDescent="0.2">
      <c r="A269" s="1" t="s">
        <v>20</v>
      </c>
      <c r="B269" s="1" t="s">
        <v>253</v>
      </c>
      <c r="C269" s="1" t="s">
        <v>1232</v>
      </c>
      <c r="D269" s="1" t="s">
        <v>1233</v>
      </c>
      <c r="E269" s="1"/>
      <c r="F269" s="1" t="s">
        <v>10</v>
      </c>
      <c r="G269" s="1" t="s">
        <v>10</v>
      </c>
      <c r="H269" s="1" t="s">
        <v>10</v>
      </c>
      <c r="I269" s="1" t="s">
        <v>1182</v>
      </c>
      <c r="J269" s="1" t="s">
        <v>1200</v>
      </c>
      <c r="K269" s="1" t="s">
        <v>27</v>
      </c>
      <c r="L269" s="1" t="s">
        <v>1231</v>
      </c>
      <c r="M269" s="1" t="s">
        <v>5</v>
      </c>
      <c r="N269" s="1" t="s">
        <v>1009</v>
      </c>
      <c r="O269" s="1" t="s">
        <v>38</v>
      </c>
      <c r="P269" s="5" t="s">
        <v>29849</v>
      </c>
    </row>
    <row r="270" spans="1:16" x14ac:dyDescent="0.2">
      <c r="A270" s="1" t="s">
        <v>42</v>
      </c>
      <c r="B270" s="1" t="s">
        <v>320</v>
      </c>
      <c r="C270" s="1" t="s">
        <v>1235</v>
      </c>
      <c r="D270" s="1" t="s">
        <v>1236</v>
      </c>
      <c r="E270" s="1"/>
      <c r="F270" s="1" t="s">
        <v>10</v>
      </c>
      <c r="G270" s="1" t="s">
        <v>10</v>
      </c>
      <c r="H270" s="1" t="s">
        <v>10</v>
      </c>
      <c r="I270" s="1" t="s">
        <v>1182</v>
      </c>
      <c r="J270" s="1" t="s">
        <v>1200</v>
      </c>
      <c r="K270" s="1" t="s">
        <v>27</v>
      </c>
      <c r="L270" s="1" t="s">
        <v>1234</v>
      </c>
      <c r="M270" s="1" t="s">
        <v>5</v>
      </c>
      <c r="N270" s="1" t="s">
        <v>6</v>
      </c>
      <c r="O270" s="1" t="s">
        <v>38</v>
      </c>
      <c r="P270" s="5" t="s">
        <v>30996</v>
      </c>
    </row>
    <row r="271" spans="1:16" x14ac:dyDescent="0.2">
      <c r="A271" s="1" t="s">
        <v>42</v>
      </c>
      <c r="B271" s="1" t="s">
        <v>320</v>
      </c>
      <c r="C271" s="1" t="s">
        <v>1238</v>
      </c>
      <c r="D271" s="1" t="s">
        <v>1239</v>
      </c>
      <c r="E271" s="1"/>
      <c r="F271" s="1" t="s">
        <v>10</v>
      </c>
      <c r="G271" s="1" t="s">
        <v>10</v>
      </c>
      <c r="H271" s="1" t="s">
        <v>10</v>
      </c>
      <c r="I271" s="1" t="s">
        <v>1182</v>
      </c>
      <c r="J271" s="1" t="s">
        <v>1200</v>
      </c>
      <c r="K271" s="1" t="s">
        <v>27</v>
      </c>
      <c r="L271" s="1" t="s">
        <v>1237</v>
      </c>
      <c r="M271" s="1" t="s">
        <v>5</v>
      </c>
      <c r="N271" s="1" t="s">
        <v>6</v>
      </c>
      <c r="O271" s="1" t="s">
        <v>38</v>
      </c>
      <c r="P271" s="5" t="s">
        <v>30997</v>
      </c>
    </row>
    <row r="272" spans="1:16" ht="25.5" x14ac:dyDescent="0.2">
      <c r="A272" s="1" t="s">
        <v>42</v>
      </c>
      <c r="B272" s="1" t="s">
        <v>43</v>
      </c>
      <c r="C272" s="1" t="s">
        <v>1241</v>
      </c>
      <c r="D272" s="1" t="s">
        <v>1242</v>
      </c>
      <c r="E272" s="1"/>
      <c r="F272" s="1" t="s">
        <v>10</v>
      </c>
      <c r="G272" s="1" t="s">
        <v>10</v>
      </c>
      <c r="H272" s="1" t="s">
        <v>10</v>
      </c>
      <c r="I272" s="1" t="s">
        <v>1182</v>
      </c>
      <c r="J272" s="1" t="s">
        <v>1243</v>
      </c>
      <c r="K272" s="1" t="s">
        <v>37</v>
      </c>
      <c r="L272" s="1" t="s">
        <v>1240</v>
      </c>
      <c r="M272" s="1" t="s">
        <v>5</v>
      </c>
      <c r="N272" s="1" t="s">
        <v>25</v>
      </c>
      <c r="O272" s="1" t="s">
        <v>38</v>
      </c>
      <c r="P272" s="9" t="s">
        <v>30998</v>
      </c>
    </row>
    <row r="273" spans="1:16" ht="25.5" x14ac:dyDescent="0.2">
      <c r="A273" s="1" t="s">
        <v>42</v>
      </c>
      <c r="B273" s="1" t="s">
        <v>43</v>
      </c>
      <c r="C273" s="1" t="s">
        <v>1245</v>
      </c>
      <c r="D273" s="1" t="s">
        <v>1246</v>
      </c>
      <c r="E273" s="1"/>
      <c r="F273" s="1" t="s">
        <v>10</v>
      </c>
      <c r="G273" s="1" t="s">
        <v>10</v>
      </c>
      <c r="H273" s="1" t="s">
        <v>10</v>
      </c>
      <c r="I273" s="1" t="s">
        <v>1182</v>
      </c>
      <c r="J273" s="1" t="s">
        <v>1243</v>
      </c>
      <c r="K273" s="1" t="s">
        <v>37</v>
      </c>
      <c r="L273" s="1" t="s">
        <v>1244</v>
      </c>
      <c r="M273" s="1" t="s">
        <v>5</v>
      </c>
      <c r="N273" s="1" t="s">
        <v>25</v>
      </c>
      <c r="O273" s="1" t="s">
        <v>38</v>
      </c>
      <c r="P273" s="9" t="s">
        <v>32695</v>
      </c>
    </row>
    <row r="274" spans="1:16" x14ac:dyDescent="0.2">
      <c r="A274" s="1" t="s">
        <v>20</v>
      </c>
      <c r="B274" s="1" t="s">
        <v>99</v>
      </c>
      <c r="C274" s="1" t="s">
        <v>1248</v>
      </c>
      <c r="D274" s="1" t="s">
        <v>1249</v>
      </c>
      <c r="E274" s="1"/>
      <c r="F274" s="1" t="s">
        <v>10</v>
      </c>
      <c r="G274" s="1" t="s">
        <v>10</v>
      </c>
      <c r="H274" s="1" t="s">
        <v>10</v>
      </c>
      <c r="I274" s="1" t="s">
        <v>1182</v>
      </c>
      <c r="J274" s="1" t="s">
        <v>1192</v>
      </c>
      <c r="K274" s="1" t="s">
        <v>27</v>
      </c>
      <c r="L274" s="1" t="s">
        <v>1247</v>
      </c>
      <c r="M274" s="1" t="s">
        <v>5</v>
      </c>
      <c r="N274" s="1" t="s">
        <v>6</v>
      </c>
      <c r="O274" s="1" t="s">
        <v>38</v>
      </c>
      <c r="P274" s="5" t="s">
        <v>30999</v>
      </c>
    </row>
    <row r="275" spans="1:16" x14ac:dyDescent="0.2">
      <c r="A275" s="1" t="s">
        <v>42</v>
      </c>
      <c r="B275" s="1" t="s">
        <v>320</v>
      </c>
      <c r="C275" s="1" t="s">
        <v>1251</v>
      </c>
      <c r="D275" s="1" t="s">
        <v>1252</v>
      </c>
      <c r="E275" s="1"/>
      <c r="F275" s="1" t="s">
        <v>10</v>
      </c>
      <c r="G275" s="1" t="s">
        <v>10</v>
      </c>
      <c r="H275" s="1" t="s">
        <v>10</v>
      </c>
      <c r="I275" s="1" t="s">
        <v>1182</v>
      </c>
      <c r="J275" s="1" t="s">
        <v>1186</v>
      </c>
      <c r="K275" s="1" t="s">
        <v>130</v>
      </c>
      <c r="L275" s="1" t="s">
        <v>1250</v>
      </c>
      <c r="M275" s="1" t="s">
        <v>5</v>
      </c>
      <c r="N275" s="1" t="s">
        <v>960</v>
      </c>
      <c r="O275" s="1" t="s">
        <v>38</v>
      </c>
      <c r="P275" s="5" t="s">
        <v>31000</v>
      </c>
    </row>
    <row r="276" spans="1:16" ht="63.75" x14ac:dyDescent="0.2">
      <c r="A276" s="1" t="s">
        <v>42</v>
      </c>
      <c r="B276" s="1" t="s">
        <v>320</v>
      </c>
      <c r="C276" s="1" t="s">
        <v>1254</v>
      </c>
      <c r="D276" s="1" t="s">
        <v>1255</v>
      </c>
      <c r="E276" s="1"/>
      <c r="F276" s="1" t="s">
        <v>10</v>
      </c>
      <c r="G276" s="1" t="s">
        <v>10</v>
      </c>
      <c r="H276" s="1" t="s">
        <v>10</v>
      </c>
      <c r="I276" s="1" t="s">
        <v>1182</v>
      </c>
      <c r="J276" s="1" t="s">
        <v>1185</v>
      </c>
      <c r="K276" s="1" t="s">
        <v>130</v>
      </c>
      <c r="L276" s="1" t="s">
        <v>1253</v>
      </c>
      <c r="M276" s="1" t="s">
        <v>5</v>
      </c>
      <c r="N276" s="1" t="s">
        <v>25</v>
      </c>
      <c r="O276" s="1" t="s">
        <v>38</v>
      </c>
      <c r="P276" s="9" t="s">
        <v>31001</v>
      </c>
    </row>
    <row r="277" spans="1:16" x14ac:dyDescent="0.2">
      <c r="A277" s="1" t="s">
        <v>42</v>
      </c>
      <c r="B277" s="1" t="s">
        <v>320</v>
      </c>
      <c r="C277" s="1" t="s">
        <v>1257</v>
      </c>
      <c r="D277" s="1" t="s">
        <v>1258</v>
      </c>
      <c r="E277" s="1"/>
      <c r="F277" s="1" t="s">
        <v>10</v>
      </c>
      <c r="G277" s="1" t="s">
        <v>10</v>
      </c>
      <c r="H277" s="1" t="s">
        <v>10</v>
      </c>
      <c r="I277" s="1" t="s">
        <v>1182</v>
      </c>
      <c r="J277" s="1" t="s">
        <v>1200</v>
      </c>
      <c r="K277" s="1" t="s">
        <v>130</v>
      </c>
      <c r="L277" s="1" t="s">
        <v>1256</v>
      </c>
      <c r="M277" s="1" t="s">
        <v>5</v>
      </c>
      <c r="N277" s="1" t="s">
        <v>25</v>
      </c>
      <c r="O277" s="1" t="s">
        <v>38</v>
      </c>
      <c r="P277" s="5" t="s">
        <v>31002</v>
      </c>
    </row>
    <row r="278" spans="1:16" ht="178.5" x14ac:dyDescent="0.2">
      <c r="A278" s="1" t="s">
        <v>20</v>
      </c>
      <c r="B278" s="1" t="s">
        <v>253</v>
      </c>
      <c r="C278" s="1" t="s">
        <v>1260</v>
      </c>
      <c r="D278" s="1" t="s">
        <v>1261</v>
      </c>
      <c r="E278" s="1"/>
      <c r="F278" s="1" t="s">
        <v>27</v>
      </c>
      <c r="G278" s="1" t="s">
        <v>10</v>
      </c>
      <c r="H278" s="1" t="s">
        <v>1263</v>
      </c>
      <c r="I278" s="1" t="s">
        <v>1182</v>
      </c>
      <c r="J278" s="1" t="s">
        <v>19</v>
      </c>
      <c r="K278" s="1" t="s">
        <v>130</v>
      </c>
      <c r="L278" s="1" t="s">
        <v>1259</v>
      </c>
      <c r="M278" s="1" t="s">
        <v>5</v>
      </c>
      <c r="N278" s="1" t="s">
        <v>1009</v>
      </c>
      <c r="O278" s="1" t="s">
        <v>8</v>
      </c>
      <c r="P278" s="9" t="s">
        <v>31003</v>
      </c>
    </row>
    <row r="279" spans="1:16" x14ac:dyDescent="0.2">
      <c r="A279" s="1" t="s">
        <v>42</v>
      </c>
      <c r="B279" s="1" t="s">
        <v>335</v>
      </c>
      <c r="C279" s="1" t="s">
        <v>1265</v>
      </c>
      <c r="D279" s="1" t="s">
        <v>1266</v>
      </c>
      <c r="E279" s="1"/>
      <c r="F279" s="1" t="s">
        <v>10</v>
      </c>
      <c r="G279" s="1" t="s">
        <v>10</v>
      </c>
      <c r="H279" s="1" t="s">
        <v>10</v>
      </c>
      <c r="I279" s="1" t="s">
        <v>1182</v>
      </c>
      <c r="J279" s="1" t="s">
        <v>19</v>
      </c>
      <c r="K279" s="1" t="s">
        <v>47</v>
      </c>
      <c r="L279" s="1" t="s">
        <v>1264</v>
      </c>
      <c r="M279" s="1" t="s">
        <v>5</v>
      </c>
      <c r="N279" s="1" t="s">
        <v>6</v>
      </c>
      <c r="O279" s="1" t="s">
        <v>38</v>
      </c>
      <c r="P279" s="5" t="s">
        <v>31004</v>
      </c>
    </row>
    <row r="280" spans="1:16" x14ac:dyDescent="0.2">
      <c r="A280" s="1" t="s">
        <v>20</v>
      </c>
      <c r="B280" s="1" t="s">
        <v>1047</v>
      </c>
      <c r="C280" s="1" t="s">
        <v>1268</v>
      </c>
      <c r="D280" s="1" t="s">
        <v>1269</v>
      </c>
      <c r="E280" s="1" t="s">
        <v>1271</v>
      </c>
      <c r="F280" s="1" t="s">
        <v>10</v>
      </c>
      <c r="G280" s="1" t="s">
        <v>10</v>
      </c>
      <c r="H280" s="1" t="s">
        <v>10</v>
      </c>
      <c r="I280" s="1" t="s">
        <v>1182</v>
      </c>
      <c r="J280" s="1" t="s">
        <v>1270</v>
      </c>
      <c r="K280" s="1" t="s">
        <v>100</v>
      </c>
      <c r="L280" s="1" t="s">
        <v>1267</v>
      </c>
      <c r="M280" s="1" t="s">
        <v>5</v>
      </c>
      <c r="N280" s="1" t="s">
        <v>25</v>
      </c>
      <c r="O280" s="1" t="s">
        <v>38</v>
      </c>
      <c r="P280" s="5" t="s">
        <v>29850</v>
      </c>
    </row>
    <row r="281" spans="1:16" x14ac:dyDescent="0.2">
      <c r="A281" s="1" t="s">
        <v>42</v>
      </c>
      <c r="B281" s="1" t="s">
        <v>320</v>
      </c>
      <c r="C281" s="1" t="s">
        <v>1273</v>
      </c>
      <c r="D281" s="1" t="s">
        <v>1274</v>
      </c>
      <c r="E281" s="1"/>
      <c r="F281" s="1" t="s">
        <v>10</v>
      </c>
      <c r="G281" s="1" t="s">
        <v>10</v>
      </c>
      <c r="H281" s="1" t="s">
        <v>10</v>
      </c>
      <c r="I281" s="1" t="s">
        <v>1182</v>
      </c>
      <c r="J281" s="1" t="s">
        <v>1185</v>
      </c>
      <c r="K281" s="1" t="s">
        <v>130</v>
      </c>
      <c r="L281" s="1" t="s">
        <v>1272</v>
      </c>
      <c r="M281" s="1" t="s">
        <v>5</v>
      </c>
      <c r="N281" s="1" t="s">
        <v>6</v>
      </c>
      <c r="O281" s="1" t="s">
        <v>38</v>
      </c>
      <c r="P281" s="5" t="s">
        <v>31005</v>
      </c>
    </row>
    <row r="282" spans="1:16" ht="114.75" x14ac:dyDescent="0.2">
      <c r="A282" s="1" t="s">
        <v>42</v>
      </c>
      <c r="B282" s="1" t="s">
        <v>320</v>
      </c>
      <c r="C282" s="1" t="s">
        <v>1276</v>
      </c>
      <c r="D282" s="1" t="s">
        <v>1277</v>
      </c>
      <c r="E282" s="1"/>
      <c r="F282" s="1" t="s">
        <v>10</v>
      </c>
      <c r="G282" s="1" t="s">
        <v>10</v>
      </c>
      <c r="H282" s="1" t="s">
        <v>10</v>
      </c>
      <c r="I282" s="1" t="s">
        <v>1182</v>
      </c>
      <c r="J282" s="1" t="s">
        <v>1185</v>
      </c>
      <c r="K282" s="1" t="s">
        <v>27</v>
      </c>
      <c r="L282" s="1" t="s">
        <v>1275</v>
      </c>
      <c r="M282" s="1" t="s">
        <v>5</v>
      </c>
      <c r="N282" s="1" t="s">
        <v>960</v>
      </c>
      <c r="O282" s="1" t="s">
        <v>38</v>
      </c>
      <c r="P282" s="9" t="s">
        <v>31006</v>
      </c>
    </row>
    <row r="283" spans="1:16" x14ac:dyDescent="0.2">
      <c r="A283" s="1" t="s">
        <v>10</v>
      </c>
      <c r="B283" s="1" t="s">
        <v>10</v>
      </c>
      <c r="C283" s="1" t="s">
        <v>1279</v>
      </c>
      <c r="D283" s="1" t="s">
        <v>1280</v>
      </c>
      <c r="E283" s="1"/>
      <c r="F283" s="1" t="s">
        <v>10</v>
      </c>
      <c r="G283" s="1" t="s">
        <v>10</v>
      </c>
      <c r="H283" s="1" t="s">
        <v>10</v>
      </c>
      <c r="I283" s="1" t="s">
        <v>1182</v>
      </c>
      <c r="J283" s="1" t="s">
        <v>1186</v>
      </c>
      <c r="K283" s="1" t="s">
        <v>130</v>
      </c>
      <c r="L283" s="1" t="s">
        <v>1278</v>
      </c>
      <c r="M283" s="1" t="s">
        <v>5</v>
      </c>
      <c r="N283" s="1" t="s">
        <v>25</v>
      </c>
      <c r="O283" s="1" t="s">
        <v>38</v>
      </c>
      <c r="P283" s="5" t="s">
        <v>31007</v>
      </c>
    </row>
    <row r="284" spans="1:16" x14ac:dyDescent="0.2">
      <c r="A284" s="1" t="s">
        <v>42</v>
      </c>
      <c r="B284" s="1" t="s">
        <v>50</v>
      </c>
      <c r="C284" s="1" t="s">
        <v>1282</v>
      </c>
      <c r="D284" s="1" t="s">
        <v>1283</v>
      </c>
      <c r="E284" s="1"/>
      <c r="F284" s="1" t="s">
        <v>27</v>
      </c>
      <c r="G284" s="1" t="s">
        <v>10</v>
      </c>
      <c r="H284" s="1" t="s">
        <v>968</v>
      </c>
      <c r="I284" s="1" t="s">
        <v>1182</v>
      </c>
      <c r="J284" s="1" t="s">
        <v>1285</v>
      </c>
      <c r="K284" s="1" t="s">
        <v>1284</v>
      </c>
      <c r="L284" s="1" t="s">
        <v>1281</v>
      </c>
      <c r="M284" s="1" t="s">
        <v>5</v>
      </c>
      <c r="N284" s="1" t="s">
        <v>960</v>
      </c>
      <c r="O284" s="1" t="s">
        <v>8</v>
      </c>
      <c r="P284" s="5" t="s">
        <v>31008</v>
      </c>
    </row>
    <row r="285" spans="1:16" x14ac:dyDescent="0.2">
      <c r="A285" s="1" t="s">
        <v>20</v>
      </c>
      <c r="B285" s="1" t="s">
        <v>445</v>
      </c>
      <c r="C285" s="1" t="s">
        <v>1288</v>
      </c>
      <c r="D285" s="1" t="s">
        <v>1289</v>
      </c>
      <c r="E285" s="1"/>
      <c r="F285" s="1" t="s">
        <v>10</v>
      </c>
      <c r="G285" s="1" t="s">
        <v>10</v>
      </c>
      <c r="H285" s="1" t="s">
        <v>10</v>
      </c>
      <c r="I285" s="1" t="s">
        <v>1182</v>
      </c>
      <c r="J285" s="1" t="s">
        <v>1270</v>
      </c>
      <c r="K285" s="1" t="s">
        <v>100</v>
      </c>
      <c r="L285" s="1" t="s">
        <v>1287</v>
      </c>
      <c r="M285" s="1" t="s">
        <v>5</v>
      </c>
      <c r="N285" s="1" t="s">
        <v>25</v>
      </c>
      <c r="O285" s="1" t="s">
        <v>38</v>
      </c>
      <c r="P285" s="5" t="s">
        <v>31009</v>
      </c>
    </row>
    <row r="286" spans="1:16" ht="51" x14ac:dyDescent="0.2">
      <c r="A286" s="1" t="s">
        <v>66</v>
      </c>
      <c r="B286" s="1" t="s">
        <v>574</v>
      </c>
      <c r="C286" s="1" t="s">
        <v>1292</v>
      </c>
      <c r="D286" s="1" t="s">
        <v>1293</v>
      </c>
      <c r="E286" s="1"/>
      <c r="F286" s="1" t="s">
        <v>27</v>
      </c>
      <c r="G286" s="1" t="s">
        <v>10</v>
      </c>
      <c r="H286" s="1" t="s">
        <v>1295</v>
      </c>
      <c r="I286" s="1" t="s">
        <v>1182</v>
      </c>
      <c r="J286" s="1" t="s">
        <v>1294</v>
      </c>
      <c r="K286" s="1" t="s">
        <v>130</v>
      </c>
      <c r="L286" s="1" t="s">
        <v>1291</v>
      </c>
      <c r="M286" s="1" t="s">
        <v>5</v>
      </c>
      <c r="N286" s="1" t="s">
        <v>25</v>
      </c>
      <c r="O286" s="1" t="s">
        <v>8</v>
      </c>
      <c r="P286" s="9" t="s">
        <v>31010</v>
      </c>
    </row>
    <row r="287" spans="1:16" x14ac:dyDescent="0.2">
      <c r="A287" s="1" t="s">
        <v>20</v>
      </c>
      <c r="B287" s="1" t="s">
        <v>99</v>
      </c>
      <c r="C287" s="1" t="s">
        <v>1297</v>
      </c>
      <c r="D287" s="1" t="s">
        <v>1298</v>
      </c>
      <c r="E287" s="1"/>
      <c r="F287" s="1" t="s">
        <v>10</v>
      </c>
      <c r="G287" s="1" t="s">
        <v>10</v>
      </c>
      <c r="H287" s="1" t="s">
        <v>10</v>
      </c>
      <c r="I287" s="1" t="s">
        <v>1182</v>
      </c>
      <c r="J287" s="1" t="s">
        <v>1192</v>
      </c>
      <c r="K287" s="1" t="s">
        <v>130</v>
      </c>
      <c r="L287" s="1" t="s">
        <v>1296</v>
      </c>
      <c r="M287" s="1" t="s">
        <v>5</v>
      </c>
      <c r="N287" s="1" t="s">
        <v>25</v>
      </c>
      <c r="O287" s="1" t="s">
        <v>38</v>
      </c>
      <c r="P287" s="5" t="s">
        <v>31011</v>
      </c>
    </row>
    <row r="288" spans="1:16" x14ac:dyDescent="0.2">
      <c r="A288" s="1" t="s">
        <v>20</v>
      </c>
      <c r="B288" s="1" t="s">
        <v>1047</v>
      </c>
      <c r="C288" s="1" t="s">
        <v>1300</v>
      </c>
      <c r="D288" s="1" t="s">
        <v>1301</v>
      </c>
      <c r="E288" s="1" t="s">
        <v>1302</v>
      </c>
      <c r="F288" s="1" t="s">
        <v>10</v>
      </c>
      <c r="G288" s="1" t="s">
        <v>10</v>
      </c>
      <c r="H288" s="1" t="s">
        <v>10</v>
      </c>
      <c r="I288" s="1" t="s">
        <v>1182</v>
      </c>
      <c r="J288" s="1" t="s">
        <v>19</v>
      </c>
      <c r="K288" s="1" t="s">
        <v>100</v>
      </c>
      <c r="L288" s="1" t="s">
        <v>1299</v>
      </c>
      <c r="M288" s="1" t="s">
        <v>5</v>
      </c>
      <c r="N288" s="1" t="s">
        <v>25</v>
      </c>
      <c r="O288" s="1" t="s">
        <v>38</v>
      </c>
      <c r="P288" s="5"/>
    </row>
    <row r="289" spans="1:16" x14ac:dyDescent="0.2">
      <c r="A289" s="1" t="s">
        <v>42</v>
      </c>
      <c r="B289" s="1" t="s">
        <v>320</v>
      </c>
      <c r="C289" s="1" t="s">
        <v>1304</v>
      </c>
      <c r="D289" s="1" t="s">
        <v>1305</v>
      </c>
      <c r="E289" s="1"/>
      <c r="F289" s="1" t="s">
        <v>1306</v>
      </c>
      <c r="G289" s="1" t="s">
        <v>10</v>
      </c>
      <c r="H289" s="1" t="s">
        <v>1307</v>
      </c>
      <c r="I289" s="1" t="s">
        <v>1182</v>
      </c>
      <c r="J289" s="1" t="s">
        <v>1186</v>
      </c>
      <c r="K289" s="1" t="s">
        <v>130</v>
      </c>
      <c r="L289" s="1" t="s">
        <v>1303</v>
      </c>
      <c r="M289" s="1" t="s">
        <v>5</v>
      </c>
      <c r="N289" s="1" t="s">
        <v>1009</v>
      </c>
      <c r="O289" s="1" t="s">
        <v>38</v>
      </c>
      <c r="P289" s="5" t="s">
        <v>31012</v>
      </c>
    </row>
    <row r="290" spans="1:16" x14ac:dyDescent="0.2">
      <c r="A290" s="1" t="s">
        <v>20</v>
      </c>
      <c r="B290" s="1" t="s">
        <v>93</v>
      </c>
      <c r="C290" s="1" t="s">
        <v>1309</v>
      </c>
      <c r="D290" s="1" t="s">
        <v>1310</v>
      </c>
      <c r="E290" s="1"/>
      <c r="F290" s="1" t="s">
        <v>10</v>
      </c>
      <c r="G290" s="1" t="s">
        <v>10</v>
      </c>
      <c r="H290" s="1" t="s">
        <v>10</v>
      </c>
      <c r="I290" s="1" t="s">
        <v>1182</v>
      </c>
      <c r="J290" s="1" t="s">
        <v>1220</v>
      </c>
      <c r="K290" s="1" t="s">
        <v>7</v>
      </c>
      <c r="L290" s="1" t="s">
        <v>1308</v>
      </c>
      <c r="M290" s="1" t="s">
        <v>5</v>
      </c>
      <c r="N290" s="1" t="s">
        <v>25</v>
      </c>
      <c r="O290" s="1" t="s">
        <v>38</v>
      </c>
      <c r="P290" s="5" t="s">
        <v>31013</v>
      </c>
    </row>
    <row r="291" spans="1:16" x14ac:dyDescent="0.2">
      <c r="A291" s="1" t="s">
        <v>20</v>
      </c>
      <c r="B291" s="1" t="s">
        <v>445</v>
      </c>
      <c r="C291" s="1" t="s">
        <v>1312</v>
      </c>
      <c r="D291" s="1" t="s">
        <v>1313</v>
      </c>
      <c r="E291" s="1"/>
      <c r="F291" s="1" t="s">
        <v>10</v>
      </c>
      <c r="G291" s="1" t="s">
        <v>10</v>
      </c>
      <c r="H291" s="1" t="s">
        <v>10</v>
      </c>
      <c r="I291" s="1" t="s">
        <v>1182</v>
      </c>
      <c r="J291" s="1" t="s">
        <v>1314</v>
      </c>
      <c r="K291" s="1" t="s">
        <v>130</v>
      </c>
      <c r="L291" s="1" t="s">
        <v>1311</v>
      </c>
      <c r="M291" s="1" t="s">
        <v>5</v>
      </c>
      <c r="N291" s="1" t="s">
        <v>25</v>
      </c>
      <c r="O291" s="1" t="s">
        <v>38</v>
      </c>
      <c r="P291" s="5" t="s">
        <v>31014</v>
      </c>
    </row>
    <row r="292" spans="1:16" x14ac:dyDescent="0.2">
      <c r="A292" s="1" t="s">
        <v>42</v>
      </c>
      <c r="B292" s="1" t="s">
        <v>320</v>
      </c>
      <c r="C292" s="1" t="s">
        <v>1317</v>
      </c>
      <c r="D292" s="1" t="s">
        <v>1318</v>
      </c>
      <c r="E292" s="1"/>
      <c r="F292" s="1" t="s">
        <v>10</v>
      </c>
      <c r="G292" s="1" t="s">
        <v>10</v>
      </c>
      <c r="H292" s="1" t="s">
        <v>10</v>
      </c>
      <c r="I292" s="1" t="s">
        <v>1182</v>
      </c>
      <c r="J292" s="1" t="s">
        <v>1185</v>
      </c>
      <c r="K292" s="1" t="s">
        <v>27</v>
      </c>
      <c r="L292" s="1" t="s">
        <v>1316</v>
      </c>
      <c r="M292" s="1" t="s">
        <v>5</v>
      </c>
      <c r="N292" s="1" t="s">
        <v>25</v>
      </c>
      <c r="O292" s="1" t="s">
        <v>38</v>
      </c>
      <c r="P292" s="5" t="s">
        <v>31015</v>
      </c>
    </row>
    <row r="293" spans="1:16" x14ac:dyDescent="0.2">
      <c r="A293" s="1" t="s">
        <v>42</v>
      </c>
      <c r="B293" s="1" t="s">
        <v>320</v>
      </c>
      <c r="C293" s="1" t="s">
        <v>1320</v>
      </c>
      <c r="D293" s="1" t="s">
        <v>1321</v>
      </c>
      <c r="E293" s="1"/>
      <c r="F293" s="1" t="s">
        <v>10</v>
      </c>
      <c r="G293" s="1" t="s">
        <v>10</v>
      </c>
      <c r="H293" s="1" t="s">
        <v>10</v>
      </c>
      <c r="I293" s="1" t="s">
        <v>1182</v>
      </c>
      <c r="J293" s="1" t="s">
        <v>1322</v>
      </c>
      <c r="K293" s="1" t="s">
        <v>27</v>
      </c>
      <c r="L293" s="1" t="s">
        <v>1319</v>
      </c>
      <c r="M293" s="1" t="s">
        <v>5</v>
      </c>
      <c r="N293" s="1" t="s">
        <v>25</v>
      </c>
      <c r="O293" s="1" t="s">
        <v>38</v>
      </c>
      <c r="P293" s="5" t="s">
        <v>31016</v>
      </c>
    </row>
    <row r="294" spans="1:16" x14ac:dyDescent="0.2">
      <c r="A294" s="1" t="s">
        <v>42</v>
      </c>
      <c r="B294" s="1" t="s">
        <v>320</v>
      </c>
      <c r="C294" s="1" t="s">
        <v>1324</v>
      </c>
      <c r="D294" s="1" t="s">
        <v>1325</v>
      </c>
      <c r="E294" s="1"/>
      <c r="F294" s="1" t="s">
        <v>10</v>
      </c>
      <c r="G294" s="1" t="s">
        <v>10</v>
      </c>
      <c r="H294" s="1" t="s">
        <v>10</v>
      </c>
      <c r="I294" s="1" t="s">
        <v>1182</v>
      </c>
      <c r="J294" s="1" t="s">
        <v>1186</v>
      </c>
      <c r="K294" s="1" t="s">
        <v>27</v>
      </c>
      <c r="L294" s="1" t="s">
        <v>1323</v>
      </c>
      <c r="M294" s="1" t="s">
        <v>5</v>
      </c>
      <c r="N294" s="1" t="s">
        <v>25</v>
      </c>
      <c r="O294" s="1" t="s">
        <v>38</v>
      </c>
      <c r="P294" s="5" t="s">
        <v>31017</v>
      </c>
    </row>
    <row r="295" spans="1:16" x14ac:dyDescent="0.2">
      <c r="A295" s="1" t="s">
        <v>20</v>
      </c>
      <c r="B295" s="1" t="s">
        <v>253</v>
      </c>
      <c r="C295" s="1" t="s">
        <v>1327</v>
      </c>
      <c r="D295" s="1" t="s">
        <v>1328</v>
      </c>
      <c r="E295" s="1"/>
      <c r="F295" s="1" t="s">
        <v>10</v>
      </c>
      <c r="G295" s="1" t="s">
        <v>10</v>
      </c>
      <c r="H295" s="1" t="s">
        <v>10</v>
      </c>
      <c r="I295" s="1" t="s">
        <v>1182</v>
      </c>
      <c r="J295" s="1" t="s">
        <v>1294</v>
      </c>
      <c r="K295" s="1" t="s">
        <v>244</v>
      </c>
      <c r="L295" s="1" t="s">
        <v>1326</v>
      </c>
      <c r="M295" s="1" t="s">
        <v>5</v>
      </c>
      <c r="N295" s="1" t="s">
        <v>1009</v>
      </c>
      <c r="O295" s="1" t="s">
        <v>38</v>
      </c>
      <c r="P295" s="5" t="s">
        <v>31018</v>
      </c>
    </row>
    <row r="296" spans="1:16" x14ac:dyDescent="0.2">
      <c r="A296" s="1" t="s">
        <v>20</v>
      </c>
      <c r="B296" s="1" t="s">
        <v>253</v>
      </c>
      <c r="C296" s="1" t="s">
        <v>1331</v>
      </c>
      <c r="D296" s="1" t="s">
        <v>1332</v>
      </c>
      <c r="E296" s="1"/>
      <c r="F296" s="1" t="s">
        <v>10</v>
      </c>
      <c r="G296" s="1" t="s">
        <v>10</v>
      </c>
      <c r="H296" s="1" t="s">
        <v>10</v>
      </c>
      <c r="I296" s="1" t="s">
        <v>1182</v>
      </c>
      <c r="J296" s="1" t="s">
        <v>1333</v>
      </c>
      <c r="K296" s="1" t="s">
        <v>27</v>
      </c>
      <c r="L296" s="1" t="s">
        <v>1330</v>
      </c>
      <c r="M296" s="1" t="s">
        <v>5</v>
      </c>
      <c r="N296" s="1" t="s">
        <v>1009</v>
      </c>
      <c r="O296" s="1" t="s">
        <v>38</v>
      </c>
      <c r="P296" s="5" t="s">
        <v>29851</v>
      </c>
    </row>
    <row r="297" spans="1:16" x14ac:dyDescent="0.2">
      <c r="A297" s="1" t="s">
        <v>42</v>
      </c>
      <c r="B297" s="1" t="s">
        <v>320</v>
      </c>
      <c r="C297" s="1" t="s">
        <v>1335</v>
      </c>
      <c r="D297" s="1" t="s">
        <v>1336</v>
      </c>
      <c r="E297" s="1"/>
      <c r="F297" s="1" t="s">
        <v>10</v>
      </c>
      <c r="G297" s="1" t="s">
        <v>10</v>
      </c>
      <c r="H297" s="1" t="s">
        <v>10</v>
      </c>
      <c r="I297" s="1" t="s">
        <v>1182</v>
      </c>
      <c r="J297" s="1" t="s">
        <v>1337</v>
      </c>
      <c r="K297" s="1" t="s">
        <v>27</v>
      </c>
      <c r="L297" s="1" t="s">
        <v>1334</v>
      </c>
      <c r="M297" s="1" t="s">
        <v>5</v>
      </c>
      <c r="N297" s="1" t="s">
        <v>25</v>
      </c>
      <c r="O297" s="1" t="s">
        <v>38</v>
      </c>
      <c r="P297" s="5" t="s">
        <v>31019</v>
      </c>
    </row>
    <row r="298" spans="1:16" x14ac:dyDescent="0.2">
      <c r="A298" s="1" t="s">
        <v>42</v>
      </c>
      <c r="B298" s="1" t="s">
        <v>1341</v>
      </c>
      <c r="C298" s="1" t="s">
        <v>1339</v>
      </c>
      <c r="D298" s="1" t="s">
        <v>1340</v>
      </c>
      <c r="E298" s="1"/>
      <c r="F298" s="1" t="s">
        <v>10</v>
      </c>
      <c r="G298" s="1" t="s">
        <v>10</v>
      </c>
      <c r="H298" s="1" t="s">
        <v>10</v>
      </c>
      <c r="I298" s="1" t="s">
        <v>1182</v>
      </c>
      <c r="J298" s="1" t="s">
        <v>1196</v>
      </c>
      <c r="K298" s="1" t="s">
        <v>27</v>
      </c>
      <c r="L298" s="1" t="s">
        <v>1338</v>
      </c>
      <c r="M298" s="1" t="s">
        <v>5</v>
      </c>
      <c r="N298" s="1" t="s">
        <v>25</v>
      </c>
      <c r="O298" s="1" t="s">
        <v>38</v>
      </c>
      <c r="P298" s="5" t="s">
        <v>31020</v>
      </c>
    </row>
    <row r="299" spans="1:16" ht="51" x14ac:dyDescent="0.2">
      <c r="A299" s="1" t="s">
        <v>42</v>
      </c>
      <c r="B299" s="1" t="s">
        <v>320</v>
      </c>
      <c r="C299" s="1" t="s">
        <v>1343</v>
      </c>
      <c r="D299" s="1" t="s">
        <v>1344</v>
      </c>
      <c r="E299" s="1"/>
      <c r="F299" s="1" t="s">
        <v>10</v>
      </c>
      <c r="G299" s="1" t="s">
        <v>10</v>
      </c>
      <c r="H299" s="1" t="s">
        <v>10</v>
      </c>
      <c r="I299" s="1" t="s">
        <v>1182</v>
      </c>
      <c r="J299" s="1" t="s">
        <v>1345</v>
      </c>
      <c r="K299" s="1" t="s">
        <v>27</v>
      </c>
      <c r="L299" s="1" t="s">
        <v>1342</v>
      </c>
      <c r="M299" s="1" t="s">
        <v>5</v>
      </c>
      <c r="N299" s="1" t="s">
        <v>25</v>
      </c>
      <c r="O299" s="1" t="s">
        <v>38</v>
      </c>
      <c r="P299" s="9" t="s">
        <v>31021</v>
      </c>
    </row>
    <row r="300" spans="1:16" x14ac:dyDescent="0.2">
      <c r="A300" s="1" t="s">
        <v>10</v>
      </c>
      <c r="B300" s="1" t="s">
        <v>10</v>
      </c>
      <c r="C300" s="1" t="s">
        <v>1347</v>
      </c>
      <c r="D300" s="1" t="s">
        <v>1348</v>
      </c>
      <c r="E300" s="1" t="s">
        <v>1349</v>
      </c>
      <c r="F300" s="1" t="s">
        <v>10</v>
      </c>
      <c r="G300" s="1" t="s">
        <v>10</v>
      </c>
      <c r="H300" s="1" t="s">
        <v>10</v>
      </c>
      <c r="I300" s="1" t="s">
        <v>1182</v>
      </c>
      <c r="J300" s="1" t="s">
        <v>10</v>
      </c>
      <c r="K300" s="1" t="s">
        <v>64</v>
      </c>
      <c r="L300" s="1" t="s">
        <v>1346</v>
      </c>
      <c r="M300" s="1" t="s">
        <v>5</v>
      </c>
      <c r="N300" s="1" t="s">
        <v>960</v>
      </c>
      <c r="O300" s="1" t="s">
        <v>38</v>
      </c>
      <c r="P300" s="5" t="s">
        <v>29852</v>
      </c>
    </row>
    <row r="301" spans="1:16" x14ac:dyDescent="0.2">
      <c r="A301" s="1" t="s">
        <v>42</v>
      </c>
      <c r="B301" s="1" t="s">
        <v>320</v>
      </c>
      <c r="C301" s="1" t="s">
        <v>1351</v>
      </c>
      <c r="D301" s="1" t="s">
        <v>1352</v>
      </c>
      <c r="E301" s="1"/>
      <c r="F301" s="1" t="s">
        <v>10</v>
      </c>
      <c r="G301" s="1" t="s">
        <v>10</v>
      </c>
      <c r="H301" s="1" t="s">
        <v>10</v>
      </c>
      <c r="I301" s="1" t="s">
        <v>1182</v>
      </c>
      <c r="J301" s="1" t="s">
        <v>1220</v>
      </c>
      <c r="K301" s="1" t="s">
        <v>27</v>
      </c>
      <c r="L301" s="1" t="s">
        <v>1350</v>
      </c>
      <c r="M301" s="1" t="s">
        <v>5</v>
      </c>
      <c r="N301" s="1" t="s">
        <v>25</v>
      </c>
      <c r="O301" s="1" t="s">
        <v>38</v>
      </c>
      <c r="P301" s="5" t="s">
        <v>31022</v>
      </c>
    </row>
    <row r="302" spans="1:16" x14ac:dyDescent="0.2">
      <c r="A302" s="1" t="s">
        <v>42</v>
      </c>
      <c r="B302" s="1" t="s">
        <v>1341</v>
      </c>
      <c r="C302" s="1" t="s">
        <v>1354</v>
      </c>
      <c r="D302" s="1" t="s">
        <v>1355</v>
      </c>
      <c r="E302" s="1"/>
      <c r="F302" s="1" t="s">
        <v>27</v>
      </c>
      <c r="G302" s="1" t="s">
        <v>1042</v>
      </c>
      <c r="H302" s="1" t="s">
        <v>1356</v>
      </c>
      <c r="I302" s="1" t="s">
        <v>1182</v>
      </c>
      <c r="J302" s="1" t="s">
        <v>1345</v>
      </c>
      <c r="K302" s="1" t="s">
        <v>27</v>
      </c>
      <c r="L302" s="1" t="s">
        <v>1353</v>
      </c>
      <c r="M302" s="1" t="s">
        <v>5</v>
      </c>
      <c r="N302" s="1" t="s">
        <v>25</v>
      </c>
      <c r="O302" s="1" t="s">
        <v>8</v>
      </c>
      <c r="P302" s="5" t="s">
        <v>31023</v>
      </c>
    </row>
    <row r="303" spans="1:16" x14ac:dyDescent="0.2">
      <c r="A303" s="1" t="s">
        <v>42</v>
      </c>
      <c r="B303" s="1" t="s">
        <v>43</v>
      </c>
      <c r="C303" s="1" t="s">
        <v>1358</v>
      </c>
      <c r="D303" s="1" t="s">
        <v>1359</v>
      </c>
      <c r="E303" s="1"/>
      <c r="F303" s="1" t="s">
        <v>27</v>
      </c>
      <c r="G303" s="1" t="s">
        <v>1042</v>
      </c>
      <c r="H303" s="1" t="s">
        <v>1360</v>
      </c>
      <c r="I303" s="1" t="s">
        <v>1182</v>
      </c>
      <c r="J303" s="1" t="s">
        <v>1243</v>
      </c>
      <c r="K303" s="1" t="s">
        <v>37</v>
      </c>
      <c r="L303" s="1" t="s">
        <v>1357</v>
      </c>
      <c r="M303" s="1" t="s">
        <v>5</v>
      </c>
      <c r="N303" s="1" t="s">
        <v>25</v>
      </c>
      <c r="O303" s="1" t="s">
        <v>8</v>
      </c>
      <c r="P303" s="5" t="s">
        <v>31024</v>
      </c>
    </row>
    <row r="304" spans="1:16" x14ac:dyDescent="0.2">
      <c r="A304" s="1" t="s">
        <v>20</v>
      </c>
      <c r="B304" s="1" t="s">
        <v>253</v>
      </c>
      <c r="C304" s="1" t="s">
        <v>1362</v>
      </c>
      <c r="D304" s="1" t="s">
        <v>1363</v>
      </c>
      <c r="E304" s="1"/>
      <c r="F304" s="1" t="s">
        <v>10</v>
      </c>
      <c r="G304" s="1" t="s">
        <v>10</v>
      </c>
      <c r="H304" s="1" t="s">
        <v>10</v>
      </c>
      <c r="I304" s="1" t="s">
        <v>1182</v>
      </c>
      <c r="J304" s="1" t="s">
        <v>1196</v>
      </c>
      <c r="K304" s="1" t="s">
        <v>27</v>
      </c>
      <c r="L304" s="1" t="s">
        <v>1361</v>
      </c>
      <c r="M304" s="1" t="s">
        <v>5</v>
      </c>
      <c r="N304" s="1" t="s">
        <v>1009</v>
      </c>
      <c r="O304" s="1" t="s">
        <v>38</v>
      </c>
      <c r="P304" s="5" t="s">
        <v>31025</v>
      </c>
    </row>
    <row r="305" spans="1:16" x14ac:dyDescent="0.2">
      <c r="A305" s="1" t="s">
        <v>20</v>
      </c>
      <c r="B305" s="1" t="s">
        <v>253</v>
      </c>
      <c r="C305" s="1" t="s">
        <v>1365</v>
      </c>
      <c r="D305" s="1" t="s">
        <v>1366</v>
      </c>
      <c r="E305" s="1"/>
      <c r="F305" s="1" t="s">
        <v>10</v>
      </c>
      <c r="G305" s="1" t="s">
        <v>10</v>
      </c>
      <c r="H305" s="1" t="s">
        <v>10</v>
      </c>
      <c r="I305" s="1" t="s">
        <v>1182</v>
      </c>
      <c r="J305" s="1" t="s">
        <v>1196</v>
      </c>
      <c r="K305" s="1" t="s">
        <v>27</v>
      </c>
      <c r="L305" s="1" t="s">
        <v>1364</v>
      </c>
      <c r="M305" s="1" t="s">
        <v>5</v>
      </c>
      <c r="N305" s="1" t="s">
        <v>1009</v>
      </c>
      <c r="O305" s="1" t="s">
        <v>38</v>
      </c>
      <c r="P305" s="5" t="s">
        <v>31026</v>
      </c>
    </row>
    <row r="306" spans="1:16" x14ac:dyDescent="0.2">
      <c r="A306" s="1" t="s">
        <v>42</v>
      </c>
      <c r="B306" s="1" t="s">
        <v>320</v>
      </c>
      <c r="C306" s="1" t="s">
        <v>1368</v>
      </c>
      <c r="D306" s="1" t="s">
        <v>1368</v>
      </c>
      <c r="E306" s="1"/>
      <c r="F306" s="1" t="s">
        <v>10</v>
      </c>
      <c r="G306" s="1" t="s">
        <v>10</v>
      </c>
      <c r="H306" s="1" t="s">
        <v>10</v>
      </c>
      <c r="I306" s="1" t="s">
        <v>1182</v>
      </c>
      <c r="J306" s="1" t="s">
        <v>1345</v>
      </c>
      <c r="K306" s="1" t="s">
        <v>27</v>
      </c>
      <c r="L306" s="1" t="s">
        <v>1367</v>
      </c>
      <c r="M306" s="1" t="s">
        <v>5</v>
      </c>
      <c r="N306" s="1" t="s">
        <v>25</v>
      </c>
      <c r="O306" s="1" t="s">
        <v>38</v>
      </c>
      <c r="P306" s="5" t="s">
        <v>29853</v>
      </c>
    </row>
    <row r="307" spans="1:16" ht="76.5" x14ac:dyDescent="0.2">
      <c r="A307" s="1" t="s">
        <v>42</v>
      </c>
      <c r="B307" s="1" t="s">
        <v>320</v>
      </c>
      <c r="C307" s="1" t="s">
        <v>1370</v>
      </c>
      <c r="D307" s="1" t="s">
        <v>1371</v>
      </c>
      <c r="E307" s="1"/>
      <c r="F307" s="1" t="s">
        <v>10</v>
      </c>
      <c r="G307" s="1" t="s">
        <v>10</v>
      </c>
      <c r="H307" s="1" t="s">
        <v>10</v>
      </c>
      <c r="I307" s="1" t="s">
        <v>1182</v>
      </c>
      <c r="J307" s="1" t="s">
        <v>1186</v>
      </c>
      <c r="K307" s="1" t="s">
        <v>27</v>
      </c>
      <c r="L307" s="1" t="s">
        <v>1369</v>
      </c>
      <c r="M307" s="1" t="s">
        <v>5</v>
      </c>
      <c r="N307" s="1" t="s">
        <v>1009</v>
      </c>
      <c r="O307" s="1" t="s">
        <v>38</v>
      </c>
      <c r="P307" s="9" t="s">
        <v>31027</v>
      </c>
    </row>
    <row r="308" spans="1:16" x14ac:dyDescent="0.2">
      <c r="A308" s="1" t="s">
        <v>42</v>
      </c>
      <c r="B308" s="1" t="s">
        <v>320</v>
      </c>
      <c r="C308" s="1" t="s">
        <v>1373</v>
      </c>
      <c r="D308" s="1" t="s">
        <v>189</v>
      </c>
      <c r="E308" s="1"/>
      <c r="F308" s="1" t="s">
        <v>10</v>
      </c>
      <c r="G308" s="1" t="s">
        <v>10</v>
      </c>
      <c r="H308" s="1" t="s">
        <v>10</v>
      </c>
      <c r="I308" s="1" t="s">
        <v>1182</v>
      </c>
      <c r="J308" s="1" t="s">
        <v>1200</v>
      </c>
      <c r="K308" s="1" t="s">
        <v>27</v>
      </c>
      <c r="L308" s="1" t="s">
        <v>1372</v>
      </c>
      <c r="M308" s="1" t="s">
        <v>5</v>
      </c>
      <c r="N308" s="1" t="s">
        <v>1009</v>
      </c>
      <c r="O308" s="1" t="s">
        <v>38</v>
      </c>
      <c r="P308" s="5" t="s">
        <v>31028</v>
      </c>
    </row>
    <row r="309" spans="1:16" x14ac:dyDescent="0.2">
      <c r="A309" s="1" t="s">
        <v>42</v>
      </c>
      <c r="B309" s="1" t="s">
        <v>1377</v>
      </c>
      <c r="C309" s="1" t="s">
        <v>1375</v>
      </c>
      <c r="D309" s="1" t="s">
        <v>1376</v>
      </c>
      <c r="E309" s="1"/>
      <c r="F309" s="1" t="s">
        <v>10</v>
      </c>
      <c r="G309" s="1" t="s">
        <v>10</v>
      </c>
      <c r="H309" s="1" t="s">
        <v>10</v>
      </c>
      <c r="I309" s="1" t="s">
        <v>1182</v>
      </c>
      <c r="J309" s="1" t="s">
        <v>1200</v>
      </c>
      <c r="K309" s="1" t="s">
        <v>130</v>
      </c>
      <c r="L309" s="1" t="s">
        <v>1374</v>
      </c>
      <c r="M309" s="1" t="s">
        <v>5</v>
      </c>
      <c r="N309" s="1" t="s">
        <v>1009</v>
      </c>
      <c r="O309" s="1" t="s">
        <v>38</v>
      </c>
      <c r="P309" s="5" t="s">
        <v>31029</v>
      </c>
    </row>
    <row r="310" spans="1:16" x14ac:dyDescent="0.2">
      <c r="A310" s="1" t="s">
        <v>20</v>
      </c>
      <c r="B310" s="1" t="s">
        <v>253</v>
      </c>
      <c r="C310" s="1" t="s">
        <v>1379</v>
      </c>
      <c r="D310" s="1" t="s">
        <v>1380</v>
      </c>
      <c r="E310" s="1"/>
      <c r="F310" s="1" t="s">
        <v>10</v>
      </c>
      <c r="G310" s="1" t="s">
        <v>10</v>
      </c>
      <c r="H310" s="1" t="s">
        <v>10</v>
      </c>
      <c r="I310" s="1" t="s">
        <v>1182</v>
      </c>
      <c r="J310" s="1" t="s">
        <v>1345</v>
      </c>
      <c r="K310" s="1" t="s">
        <v>130</v>
      </c>
      <c r="L310" s="1" t="s">
        <v>1378</v>
      </c>
      <c r="M310" s="1" t="s">
        <v>5</v>
      </c>
      <c r="N310" s="1" t="s">
        <v>1009</v>
      </c>
      <c r="O310" s="1" t="s">
        <v>38</v>
      </c>
      <c r="P310" s="5" t="s">
        <v>31030</v>
      </c>
    </row>
    <row r="311" spans="1:16" x14ac:dyDescent="0.2">
      <c r="A311" s="1" t="s">
        <v>1385</v>
      </c>
      <c r="B311" s="1" t="s">
        <v>1386</v>
      </c>
      <c r="C311" s="1" t="s">
        <v>1382</v>
      </c>
      <c r="D311" s="1" t="s">
        <v>1383</v>
      </c>
      <c r="E311" s="1"/>
      <c r="F311" s="1" t="s">
        <v>27</v>
      </c>
      <c r="G311" s="1" t="s">
        <v>10</v>
      </c>
      <c r="H311" s="1" t="s">
        <v>1382</v>
      </c>
      <c r="I311" s="1" t="s">
        <v>1182</v>
      </c>
      <c r="J311" s="1" t="s">
        <v>1384</v>
      </c>
      <c r="K311" s="1" t="s">
        <v>64</v>
      </c>
      <c r="L311" s="1" t="s">
        <v>1381</v>
      </c>
      <c r="M311" s="1" t="s">
        <v>5</v>
      </c>
      <c r="N311" s="1" t="s">
        <v>25</v>
      </c>
      <c r="O311" s="1" t="s">
        <v>8</v>
      </c>
      <c r="P311" s="5" t="s">
        <v>31031</v>
      </c>
    </row>
    <row r="312" spans="1:16" x14ac:dyDescent="0.2">
      <c r="A312" s="1" t="s">
        <v>42</v>
      </c>
      <c r="B312" s="1" t="s">
        <v>335</v>
      </c>
      <c r="C312" s="1" t="s">
        <v>1388</v>
      </c>
      <c r="D312" s="1" t="s">
        <v>1389</v>
      </c>
      <c r="E312" s="1"/>
      <c r="F312" s="1" t="s">
        <v>27</v>
      </c>
      <c r="G312" s="1" t="s">
        <v>10</v>
      </c>
      <c r="H312" s="1" t="s">
        <v>1391</v>
      </c>
      <c r="I312" s="1" t="s">
        <v>1182</v>
      </c>
      <c r="J312" s="1" t="s">
        <v>19</v>
      </c>
      <c r="K312" s="1" t="s">
        <v>47</v>
      </c>
      <c r="L312" s="1" t="s">
        <v>1387</v>
      </c>
      <c r="M312" s="1" t="s">
        <v>5</v>
      </c>
      <c r="N312" s="1" t="s">
        <v>25</v>
      </c>
      <c r="O312" s="1" t="s">
        <v>8</v>
      </c>
      <c r="P312" s="5" t="s">
        <v>31032</v>
      </c>
    </row>
    <row r="313" spans="1:16" ht="38.25" x14ac:dyDescent="0.2">
      <c r="A313" s="1" t="s">
        <v>42</v>
      </c>
      <c r="B313" s="1" t="s">
        <v>320</v>
      </c>
      <c r="C313" s="1" t="s">
        <v>1393</v>
      </c>
      <c r="D313" s="1" t="s">
        <v>1394</v>
      </c>
      <c r="E313" s="1"/>
      <c r="F313" s="1" t="s">
        <v>10</v>
      </c>
      <c r="G313" s="1" t="s">
        <v>10</v>
      </c>
      <c r="H313" s="1" t="s">
        <v>10</v>
      </c>
      <c r="I313" s="1" t="s">
        <v>1182</v>
      </c>
      <c r="J313" s="1" t="s">
        <v>1322</v>
      </c>
      <c r="K313" s="1" t="s">
        <v>130</v>
      </c>
      <c r="L313" s="1" t="s">
        <v>1392</v>
      </c>
      <c r="M313" s="1" t="s">
        <v>5</v>
      </c>
      <c r="N313" s="1" t="s">
        <v>6</v>
      </c>
      <c r="O313" s="1" t="s">
        <v>38</v>
      </c>
      <c r="P313" s="9" t="s">
        <v>31033</v>
      </c>
    </row>
    <row r="314" spans="1:16" x14ac:dyDescent="0.2">
      <c r="A314" s="1" t="s">
        <v>1086</v>
      </c>
      <c r="B314" s="1" t="s">
        <v>1400</v>
      </c>
      <c r="C314" s="1" t="s">
        <v>1396</v>
      </c>
      <c r="D314" s="1" t="s">
        <v>1397</v>
      </c>
      <c r="E314" s="1"/>
      <c r="F314" s="1" t="s">
        <v>10</v>
      </c>
      <c r="G314" s="1" t="s">
        <v>10</v>
      </c>
      <c r="H314" s="1" t="s">
        <v>10</v>
      </c>
      <c r="I314" s="1" t="s">
        <v>1182</v>
      </c>
      <c r="J314" s="1" t="s">
        <v>1399</v>
      </c>
      <c r="K314" s="1" t="s">
        <v>1398</v>
      </c>
      <c r="L314" s="1" t="s">
        <v>1395</v>
      </c>
      <c r="M314" s="1" t="s">
        <v>5</v>
      </c>
      <c r="N314" s="1" t="s">
        <v>1009</v>
      </c>
      <c r="O314" s="1" t="s">
        <v>38</v>
      </c>
      <c r="P314" s="5" t="s">
        <v>29854</v>
      </c>
    </row>
    <row r="315" spans="1:16" x14ac:dyDescent="0.2">
      <c r="A315" s="1" t="s">
        <v>32</v>
      </c>
      <c r="B315" s="1" t="s">
        <v>33</v>
      </c>
      <c r="C315" s="1" t="s">
        <v>1402</v>
      </c>
      <c r="D315" s="1" t="s">
        <v>1403</v>
      </c>
      <c r="E315" s="1" t="s">
        <v>1405</v>
      </c>
      <c r="F315" s="1" t="s">
        <v>10</v>
      </c>
      <c r="G315" s="1" t="s">
        <v>10</v>
      </c>
      <c r="H315" s="1" t="s">
        <v>10</v>
      </c>
      <c r="I315" s="1" t="s">
        <v>1182</v>
      </c>
      <c r="J315" s="1" t="s">
        <v>1404</v>
      </c>
      <c r="K315" s="1" t="s">
        <v>7</v>
      </c>
      <c r="L315" s="1" t="s">
        <v>1401</v>
      </c>
      <c r="M315" s="1" t="s">
        <v>5</v>
      </c>
      <c r="N315" s="1" t="s">
        <v>25</v>
      </c>
      <c r="O315" s="1" t="s">
        <v>38</v>
      </c>
      <c r="P315" s="5" t="s">
        <v>31034</v>
      </c>
    </row>
    <row r="316" spans="1:16" x14ac:dyDescent="0.2">
      <c r="A316" s="1" t="s">
        <v>42</v>
      </c>
      <c r="B316" s="1" t="s">
        <v>43</v>
      </c>
      <c r="C316" s="1" t="s">
        <v>1407</v>
      </c>
      <c r="D316" s="1" t="s">
        <v>1408</v>
      </c>
      <c r="E316" s="1"/>
      <c r="F316" s="1" t="s">
        <v>10</v>
      </c>
      <c r="G316" s="1" t="s">
        <v>10</v>
      </c>
      <c r="H316" s="1" t="s">
        <v>10</v>
      </c>
      <c r="I316" s="1" t="s">
        <v>1182</v>
      </c>
      <c r="J316" s="1" t="s">
        <v>1200</v>
      </c>
      <c r="K316" s="1" t="s">
        <v>37</v>
      </c>
      <c r="L316" s="1" t="s">
        <v>1406</v>
      </c>
      <c r="M316" s="1" t="s">
        <v>5</v>
      </c>
      <c r="N316" s="1" t="s">
        <v>6</v>
      </c>
      <c r="O316" s="1" t="s">
        <v>38</v>
      </c>
      <c r="P316" s="5" t="s">
        <v>31035</v>
      </c>
    </row>
    <row r="317" spans="1:16" ht="38.25" x14ac:dyDescent="0.2">
      <c r="A317" s="1" t="s">
        <v>32</v>
      </c>
      <c r="B317" s="1" t="s">
        <v>140</v>
      </c>
      <c r="C317" s="1" t="s">
        <v>1410</v>
      </c>
      <c r="D317" s="1" t="s">
        <v>1411</v>
      </c>
      <c r="E317" s="1"/>
      <c r="F317" s="1" t="s">
        <v>10</v>
      </c>
      <c r="G317" s="1" t="s">
        <v>10</v>
      </c>
      <c r="H317" s="1" t="s">
        <v>10</v>
      </c>
      <c r="I317" s="1" t="s">
        <v>1182</v>
      </c>
      <c r="J317" s="1" t="s">
        <v>1322</v>
      </c>
      <c r="K317" s="1" t="s">
        <v>130</v>
      </c>
      <c r="L317" s="1" t="s">
        <v>1409</v>
      </c>
      <c r="M317" s="1" t="s">
        <v>5</v>
      </c>
      <c r="N317" s="1" t="s">
        <v>6</v>
      </c>
      <c r="O317" s="1" t="s">
        <v>38</v>
      </c>
      <c r="P317" s="9" t="s">
        <v>31036</v>
      </c>
    </row>
    <row r="318" spans="1:16" x14ac:dyDescent="0.2">
      <c r="A318" s="1" t="s">
        <v>1385</v>
      </c>
      <c r="B318" s="1" t="s">
        <v>1386</v>
      </c>
      <c r="C318" s="1" t="s">
        <v>1413</v>
      </c>
      <c r="D318" s="1" t="s">
        <v>1414</v>
      </c>
      <c r="E318" s="1"/>
      <c r="F318" s="1" t="s">
        <v>10</v>
      </c>
      <c r="G318" s="1" t="s">
        <v>10</v>
      </c>
      <c r="H318" s="1" t="s">
        <v>10</v>
      </c>
      <c r="I318" s="1" t="s">
        <v>1182</v>
      </c>
      <c r="J318" s="1" t="s">
        <v>1384</v>
      </c>
      <c r="K318" s="1" t="s">
        <v>64</v>
      </c>
      <c r="L318" s="1" t="s">
        <v>1412</v>
      </c>
      <c r="M318" s="1" t="s">
        <v>5</v>
      </c>
      <c r="N318" s="1" t="s">
        <v>25</v>
      </c>
      <c r="O318" s="1" t="s">
        <v>38</v>
      </c>
      <c r="P318" s="5" t="s">
        <v>31037</v>
      </c>
    </row>
    <row r="319" spans="1:16" x14ac:dyDescent="0.2">
      <c r="A319" s="1" t="s">
        <v>20</v>
      </c>
      <c r="B319" s="1" t="s">
        <v>445</v>
      </c>
      <c r="C319" s="1" t="s">
        <v>1416</v>
      </c>
      <c r="D319" s="1" t="s">
        <v>1417</v>
      </c>
      <c r="E319" s="1"/>
      <c r="F319" s="1" t="s">
        <v>10</v>
      </c>
      <c r="G319" s="1" t="s">
        <v>10</v>
      </c>
      <c r="H319" s="1" t="s">
        <v>10</v>
      </c>
      <c r="I319" s="1" t="s">
        <v>1182</v>
      </c>
      <c r="J319" s="1" t="s">
        <v>1314</v>
      </c>
      <c r="K319" s="1" t="s">
        <v>27</v>
      </c>
      <c r="L319" s="1" t="s">
        <v>1415</v>
      </c>
      <c r="M319" s="1" t="s">
        <v>5</v>
      </c>
      <c r="N319" s="1" t="s">
        <v>960</v>
      </c>
      <c r="O319" s="1" t="s">
        <v>38</v>
      </c>
      <c r="P319" s="5" t="s">
        <v>31038</v>
      </c>
    </row>
    <row r="320" spans="1:16" x14ac:dyDescent="0.2">
      <c r="A320" s="1" t="s">
        <v>20</v>
      </c>
      <c r="B320" s="1" t="s">
        <v>99</v>
      </c>
      <c r="C320" s="1" t="s">
        <v>1419</v>
      </c>
      <c r="D320" s="1" t="s">
        <v>1420</v>
      </c>
      <c r="E320" s="1"/>
      <c r="F320" s="1" t="s">
        <v>10</v>
      </c>
      <c r="G320" s="1" t="s">
        <v>10</v>
      </c>
      <c r="H320" s="1" t="s">
        <v>10</v>
      </c>
      <c r="I320" s="1" t="s">
        <v>1182</v>
      </c>
      <c r="J320" s="1" t="s">
        <v>1421</v>
      </c>
      <c r="K320" s="1" t="s">
        <v>130</v>
      </c>
      <c r="L320" s="1" t="s">
        <v>1418</v>
      </c>
      <c r="M320" s="1" t="s">
        <v>5</v>
      </c>
      <c r="N320" s="1" t="s">
        <v>25</v>
      </c>
      <c r="O320" s="1" t="s">
        <v>38</v>
      </c>
      <c r="P320" s="5" t="s">
        <v>29855</v>
      </c>
    </row>
    <row r="321" spans="1:16" x14ac:dyDescent="0.2">
      <c r="A321" s="1" t="s">
        <v>20</v>
      </c>
      <c r="B321" s="1" t="s">
        <v>445</v>
      </c>
      <c r="C321" s="1" t="s">
        <v>1423</v>
      </c>
      <c r="D321" s="1" t="s">
        <v>1424</v>
      </c>
      <c r="E321" s="1"/>
      <c r="F321" s="1" t="s">
        <v>10</v>
      </c>
      <c r="G321" s="1" t="s">
        <v>10</v>
      </c>
      <c r="H321" s="1" t="s">
        <v>10</v>
      </c>
      <c r="I321" s="1" t="s">
        <v>1182</v>
      </c>
      <c r="J321" s="1" t="s">
        <v>1314</v>
      </c>
      <c r="K321" s="1" t="s">
        <v>130</v>
      </c>
      <c r="L321" s="1" t="s">
        <v>1422</v>
      </c>
      <c r="M321" s="1" t="s">
        <v>5</v>
      </c>
      <c r="N321" s="1" t="s">
        <v>25</v>
      </c>
      <c r="O321" s="1" t="s">
        <v>38</v>
      </c>
      <c r="P321" s="5" t="s">
        <v>31039</v>
      </c>
    </row>
    <row r="322" spans="1:16" x14ac:dyDescent="0.2">
      <c r="A322" s="1" t="s">
        <v>20</v>
      </c>
      <c r="B322" s="1" t="s">
        <v>253</v>
      </c>
      <c r="C322" s="1" t="s">
        <v>1426</v>
      </c>
      <c r="D322" s="1" t="s">
        <v>1427</v>
      </c>
      <c r="E322" s="1" t="s">
        <v>1428</v>
      </c>
      <c r="F322" s="1" t="s">
        <v>10</v>
      </c>
      <c r="G322" s="1" t="s">
        <v>10</v>
      </c>
      <c r="H322" s="1" t="s">
        <v>10</v>
      </c>
      <c r="I322" s="1" t="s">
        <v>1182</v>
      </c>
      <c r="J322" s="1" t="s">
        <v>1404</v>
      </c>
      <c r="K322" s="1" t="s">
        <v>64</v>
      </c>
      <c r="L322" s="1" t="s">
        <v>1425</v>
      </c>
      <c r="M322" s="1" t="s">
        <v>5</v>
      </c>
      <c r="N322" s="1" t="s">
        <v>960</v>
      </c>
      <c r="O322" s="1" t="s">
        <v>38</v>
      </c>
      <c r="P322" s="5" t="s">
        <v>29856</v>
      </c>
    </row>
    <row r="323" spans="1:16" ht="25.5" x14ac:dyDescent="0.2">
      <c r="A323" s="1" t="s">
        <v>42</v>
      </c>
      <c r="B323" s="1" t="s">
        <v>320</v>
      </c>
      <c r="C323" s="1" t="s">
        <v>1430</v>
      </c>
      <c r="D323" s="1" t="s">
        <v>1431</v>
      </c>
      <c r="E323" s="1"/>
      <c r="F323" s="1" t="s">
        <v>10</v>
      </c>
      <c r="G323" s="1" t="s">
        <v>10</v>
      </c>
      <c r="H323" s="1" t="s">
        <v>10</v>
      </c>
      <c r="I323" s="1" t="s">
        <v>1182</v>
      </c>
      <c r="J323" s="1" t="s">
        <v>1432</v>
      </c>
      <c r="K323" s="1" t="s">
        <v>27</v>
      </c>
      <c r="L323" s="1" t="s">
        <v>1429</v>
      </c>
      <c r="M323" s="1" t="s">
        <v>5</v>
      </c>
      <c r="N323" s="1" t="s">
        <v>1009</v>
      </c>
      <c r="O323" s="1" t="s">
        <v>38</v>
      </c>
      <c r="P323" s="9" t="s">
        <v>31040</v>
      </c>
    </row>
    <row r="324" spans="1:16" x14ac:dyDescent="0.2">
      <c r="A324" s="1" t="s">
        <v>42</v>
      </c>
      <c r="B324" s="1" t="s">
        <v>320</v>
      </c>
      <c r="C324" s="1" t="s">
        <v>1434</v>
      </c>
      <c r="D324" s="1" t="s">
        <v>1435</v>
      </c>
      <c r="E324" s="1"/>
      <c r="F324" s="1" t="s">
        <v>10</v>
      </c>
      <c r="G324" s="1" t="s">
        <v>10</v>
      </c>
      <c r="H324" s="1" t="s">
        <v>10</v>
      </c>
      <c r="I324" s="1" t="s">
        <v>1182</v>
      </c>
      <c r="J324" s="1" t="s">
        <v>1186</v>
      </c>
      <c r="K324" s="1" t="s">
        <v>27</v>
      </c>
      <c r="L324" s="1" t="s">
        <v>1433</v>
      </c>
      <c r="M324" s="1" t="s">
        <v>5</v>
      </c>
      <c r="N324" s="1" t="s">
        <v>25</v>
      </c>
      <c r="O324" s="1" t="s">
        <v>38</v>
      </c>
      <c r="P324" s="5" t="s">
        <v>29857</v>
      </c>
    </row>
    <row r="325" spans="1:16" x14ac:dyDescent="0.2">
      <c r="A325" s="1" t="s">
        <v>10</v>
      </c>
      <c r="B325" s="1" t="s">
        <v>10</v>
      </c>
      <c r="C325" s="1" t="s">
        <v>1437</v>
      </c>
      <c r="D325" s="1" t="s">
        <v>1438</v>
      </c>
      <c r="E325" s="1" t="s">
        <v>1439</v>
      </c>
      <c r="F325" s="1" t="s">
        <v>10</v>
      </c>
      <c r="G325" s="1" t="s">
        <v>10</v>
      </c>
      <c r="H325" s="1" t="s">
        <v>10</v>
      </c>
      <c r="I325" s="1" t="s">
        <v>1182</v>
      </c>
      <c r="J325" s="1" t="s">
        <v>10</v>
      </c>
      <c r="K325" s="1" t="s">
        <v>64</v>
      </c>
      <c r="L325" s="1" t="s">
        <v>1436</v>
      </c>
      <c r="M325" s="1" t="s">
        <v>5</v>
      </c>
      <c r="N325" s="1" t="s">
        <v>960</v>
      </c>
      <c r="O325" s="1" t="s">
        <v>38</v>
      </c>
      <c r="P325" s="5" t="s">
        <v>29858</v>
      </c>
    </row>
    <row r="326" spans="1:16" x14ac:dyDescent="0.2">
      <c r="A326" s="1" t="s">
        <v>329</v>
      </c>
      <c r="B326" s="1" t="s">
        <v>10</v>
      </c>
      <c r="C326" s="1" t="s">
        <v>1441</v>
      </c>
      <c r="D326" s="1" t="s">
        <v>1442</v>
      </c>
      <c r="E326" s="1"/>
      <c r="F326" s="1" t="s">
        <v>10</v>
      </c>
      <c r="G326" s="1" t="s">
        <v>10</v>
      </c>
      <c r="H326" s="1" t="s">
        <v>10</v>
      </c>
      <c r="I326" s="1" t="s">
        <v>1182</v>
      </c>
      <c r="J326" s="1" t="s">
        <v>10</v>
      </c>
      <c r="K326" s="1" t="s">
        <v>64</v>
      </c>
      <c r="L326" s="1" t="s">
        <v>1440</v>
      </c>
      <c r="M326" s="1" t="s">
        <v>5</v>
      </c>
      <c r="N326" s="1" t="s">
        <v>25</v>
      </c>
      <c r="O326" s="1" t="s">
        <v>38</v>
      </c>
      <c r="P326" s="5" t="s">
        <v>29859</v>
      </c>
    </row>
    <row r="327" spans="1:16" x14ac:dyDescent="0.2">
      <c r="A327" s="1" t="s">
        <v>1385</v>
      </c>
      <c r="B327" s="1" t="s">
        <v>1386</v>
      </c>
      <c r="C327" s="1" t="s">
        <v>1444</v>
      </c>
      <c r="D327" s="1" t="s">
        <v>1445</v>
      </c>
      <c r="E327" s="1"/>
      <c r="F327" s="1" t="s">
        <v>10</v>
      </c>
      <c r="G327" s="1" t="s">
        <v>10</v>
      </c>
      <c r="H327" s="1" t="s">
        <v>10</v>
      </c>
      <c r="I327" s="1" t="s">
        <v>1182</v>
      </c>
      <c r="J327" s="1" t="s">
        <v>1384</v>
      </c>
      <c r="K327" s="1" t="s">
        <v>64</v>
      </c>
      <c r="L327" s="1" t="s">
        <v>1443</v>
      </c>
      <c r="M327" s="1" t="s">
        <v>5</v>
      </c>
      <c r="N327" s="1" t="s">
        <v>25</v>
      </c>
      <c r="O327" s="1" t="s">
        <v>38</v>
      </c>
      <c r="P327" s="5" t="s">
        <v>31041</v>
      </c>
    </row>
    <row r="328" spans="1:16" x14ac:dyDescent="0.2">
      <c r="A328" s="1" t="s">
        <v>329</v>
      </c>
      <c r="B328" s="1" t="s">
        <v>10</v>
      </c>
      <c r="C328" s="1" t="s">
        <v>1447</v>
      </c>
      <c r="D328" s="1" t="s">
        <v>1448</v>
      </c>
      <c r="E328" s="1"/>
      <c r="F328" s="1" t="s">
        <v>10</v>
      </c>
      <c r="G328" s="1" t="s">
        <v>10</v>
      </c>
      <c r="H328" s="1" t="s">
        <v>10</v>
      </c>
      <c r="I328" s="1" t="s">
        <v>1182</v>
      </c>
      <c r="J328" s="1" t="s">
        <v>10</v>
      </c>
      <c r="K328" s="1" t="s">
        <v>64</v>
      </c>
      <c r="L328" s="1" t="s">
        <v>1446</v>
      </c>
      <c r="M328" s="1" t="s">
        <v>5</v>
      </c>
      <c r="N328" s="1" t="s">
        <v>25</v>
      </c>
      <c r="O328" s="1" t="s">
        <v>38</v>
      </c>
      <c r="P328" s="5" t="s">
        <v>29859</v>
      </c>
    </row>
    <row r="329" spans="1:16" x14ac:dyDescent="0.2">
      <c r="A329" s="1" t="s">
        <v>20</v>
      </c>
      <c r="B329" s="1" t="s">
        <v>1047</v>
      </c>
      <c r="C329" s="1" t="s">
        <v>1450</v>
      </c>
      <c r="D329" s="1" t="s">
        <v>1451</v>
      </c>
      <c r="E329" s="1"/>
      <c r="F329" s="1" t="s">
        <v>10</v>
      </c>
      <c r="G329" s="1" t="s">
        <v>10</v>
      </c>
      <c r="H329" s="1" t="s">
        <v>10</v>
      </c>
      <c r="I329" s="1" t="s">
        <v>1182</v>
      </c>
      <c r="J329" s="1" t="s">
        <v>1270</v>
      </c>
      <c r="K329" s="1" t="s">
        <v>100</v>
      </c>
      <c r="L329" s="1" t="s">
        <v>1449</v>
      </c>
      <c r="M329" s="1" t="s">
        <v>5</v>
      </c>
      <c r="N329" s="1" t="s">
        <v>25</v>
      </c>
      <c r="O329" s="1" t="s">
        <v>38</v>
      </c>
      <c r="P329" s="5" t="s">
        <v>31042</v>
      </c>
    </row>
    <row r="330" spans="1:16" x14ac:dyDescent="0.2">
      <c r="A330" s="1" t="s">
        <v>1385</v>
      </c>
      <c r="B330" s="1" t="s">
        <v>1386</v>
      </c>
      <c r="C330" s="1" t="s">
        <v>1453</v>
      </c>
      <c r="D330" s="1" t="s">
        <v>1454</v>
      </c>
      <c r="E330" s="1"/>
      <c r="F330" s="1" t="s">
        <v>10</v>
      </c>
      <c r="G330" s="1" t="s">
        <v>10</v>
      </c>
      <c r="H330" s="1" t="s">
        <v>10</v>
      </c>
      <c r="I330" s="1" t="s">
        <v>1182</v>
      </c>
      <c r="J330" s="1" t="s">
        <v>10</v>
      </c>
      <c r="K330" s="1" t="s">
        <v>64</v>
      </c>
      <c r="L330" s="1" t="s">
        <v>1452</v>
      </c>
      <c r="M330" s="1" t="s">
        <v>5</v>
      </c>
      <c r="N330" s="1" t="s">
        <v>25</v>
      </c>
      <c r="O330" s="1" t="s">
        <v>38</v>
      </c>
      <c r="P330" s="5" t="s">
        <v>29860</v>
      </c>
    </row>
    <row r="331" spans="1:16" x14ac:dyDescent="0.2">
      <c r="A331" s="1" t="s">
        <v>20</v>
      </c>
      <c r="B331" s="1" t="s">
        <v>99</v>
      </c>
      <c r="C331" s="1" t="s">
        <v>1456</v>
      </c>
      <c r="D331" s="1" t="s">
        <v>1457</v>
      </c>
      <c r="E331" s="1"/>
      <c r="F331" s="1" t="s">
        <v>10</v>
      </c>
      <c r="G331" s="1" t="s">
        <v>10</v>
      </c>
      <c r="H331" s="1" t="s">
        <v>10</v>
      </c>
      <c r="I331" s="1" t="s">
        <v>1182</v>
      </c>
      <c r="J331" s="1" t="s">
        <v>19</v>
      </c>
      <c r="K331" s="1" t="s">
        <v>47</v>
      </c>
      <c r="L331" s="1" t="s">
        <v>1455</v>
      </c>
      <c r="M331" s="1" t="s">
        <v>5</v>
      </c>
      <c r="N331" s="1" t="s">
        <v>25</v>
      </c>
      <c r="O331" s="1" t="s">
        <v>38</v>
      </c>
      <c r="P331" s="5" t="s">
        <v>29861</v>
      </c>
    </row>
    <row r="332" spans="1:16" ht="51" x14ac:dyDescent="0.2">
      <c r="A332" s="1" t="s">
        <v>42</v>
      </c>
      <c r="B332" s="1" t="s">
        <v>118</v>
      </c>
      <c r="C332" s="1" t="s">
        <v>1460</v>
      </c>
      <c r="D332" s="1" t="s">
        <v>1461</v>
      </c>
      <c r="E332" s="1"/>
      <c r="F332" s="1" t="s">
        <v>10</v>
      </c>
      <c r="G332" s="1" t="s">
        <v>10</v>
      </c>
      <c r="H332" s="1" t="s">
        <v>10</v>
      </c>
      <c r="I332" s="1" t="s">
        <v>1182</v>
      </c>
      <c r="J332" s="1" t="s">
        <v>19</v>
      </c>
      <c r="K332" s="1" t="s">
        <v>64</v>
      </c>
      <c r="L332" s="1" t="s">
        <v>1459</v>
      </c>
      <c r="M332" s="1" t="s">
        <v>5</v>
      </c>
      <c r="N332" s="1" t="s">
        <v>25</v>
      </c>
      <c r="O332" s="1" t="s">
        <v>38</v>
      </c>
      <c r="P332" s="9" t="s">
        <v>31043</v>
      </c>
    </row>
    <row r="333" spans="1:16" x14ac:dyDescent="0.2">
      <c r="A333" s="1" t="s">
        <v>42</v>
      </c>
      <c r="B333" s="1" t="s">
        <v>43</v>
      </c>
      <c r="C333" s="1" t="s">
        <v>1463</v>
      </c>
      <c r="D333" s="1" t="s">
        <v>1464</v>
      </c>
      <c r="E333" s="1"/>
      <c r="F333" s="1" t="s">
        <v>27</v>
      </c>
      <c r="G333" s="1" t="s">
        <v>10</v>
      </c>
      <c r="H333" s="1" t="s">
        <v>1465</v>
      </c>
      <c r="I333" s="1" t="s">
        <v>1182</v>
      </c>
      <c r="J333" s="1" t="s">
        <v>19</v>
      </c>
      <c r="K333" s="1" t="s">
        <v>37</v>
      </c>
      <c r="L333" s="1" t="s">
        <v>1462</v>
      </c>
      <c r="M333" s="1" t="s">
        <v>5</v>
      </c>
      <c r="N333" s="1" t="s">
        <v>960</v>
      </c>
      <c r="O333" s="1" t="s">
        <v>8</v>
      </c>
      <c r="P333" s="5" t="s">
        <v>31044</v>
      </c>
    </row>
    <row r="334" spans="1:16" x14ac:dyDescent="0.2">
      <c r="A334" s="1" t="s">
        <v>329</v>
      </c>
      <c r="B334" s="1" t="s">
        <v>330</v>
      </c>
      <c r="C334" s="1" t="s">
        <v>1021</v>
      </c>
      <c r="D334" s="1" t="s">
        <v>1467</v>
      </c>
      <c r="E334" s="1"/>
      <c r="F334" s="1" t="s">
        <v>27</v>
      </c>
      <c r="G334" s="1" t="s">
        <v>10</v>
      </c>
      <c r="H334" s="1" t="s">
        <v>1469</v>
      </c>
      <c r="I334" s="1" t="s">
        <v>1182</v>
      </c>
      <c r="J334" s="1" t="s">
        <v>19</v>
      </c>
      <c r="K334" s="1" t="s">
        <v>1468</v>
      </c>
      <c r="L334" s="1" t="s">
        <v>1466</v>
      </c>
      <c r="M334" s="1" t="s">
        <v>5</v>
      </c>
      <c r="N334" s="1" t="s">
        <v>25</v>
      </c>
      <c r="O334" s="1" t="s">
        <v>8</v>
      </c>
      <c r="P334" s="5" t="s">
        <v>31045</v>
      </c>
    </row>
    <row r="335" spans="1:16" x14ac:dyDescent="0.2">
      <c r="A335" s="1" t="s">
        <v>42</v>
      </c>
      <c r="B335" s="1" t="s">
        <v>50</v>
      </c>
      <c r="C335" s="1" t="s">
        <v>1471</v>
      </c>
      <c r="D335" s="1" t="s">
        <v>1472</v>
      </c>
      <c r="E335" s="1"/>
      <c r="F335" s="1" t="s">
        <v>10</v>
      </c>
      <c r="G335" s="1" t="s">
        <v>10</v>
      </c>
      <c r="H335" s="1" t="s">
        <v>10</v>
      </c>
      <c r="I335" s="1" t="s">
        <v>1182</v>
      </c>
      <c r="J335" s="1" t="s">
        <v>1215</v>
      </c>
      <c r="K335" s="1" t="s">
        <v>47</v>
      </c>
      <c r="L335" s="1" t="s">
        <v>1470</v>
      </c>
      <c r="M335" s="1" t="s">
        <v>5</v>
      </c>
      <c r="N335" s="1" t="s">
        <v>25</v>
      </c>
      <c r="O335" s="1" t="s">
        <v>38</v>
      </c>
      <c r="P335" s="5" t="s">
        <v>29862</v>
      </c>
    </row>
    <row r="336" spans="1:16" x14ac:dyDescent="0.2">
      <c r="A336" s="1" t="s">
        <v>42</v>
      </c>
      <c r="B336" s="1" t="s">
        <v>1341</v>
      </c>
      <c r="C336" s="1" t="s">
        <v>1474</v>
      </c>
      <c r="D336" s="1" t="s">
        <v>1475</v>
      </c>
      <c r="E336" s="1"/>
      <c r="F336" s="1" t="s">
        <v>105</v>
      </c>
      <c r="G336" s="1" t="s">
        <v>1476</v>
      </c>
      <c r="H336" s="1" t="s">
        <v>10</v>
      </c>
      <c r="I336" s="1" t="s">
        <v>1182</v>
      </c>
      <c r="J336" s="1" t="s">
        <v>1215</v>
      </c>
      <c r="K336" s="1" t="s">
        <v>130</v>
      </c>
      <c r="L336" s="1" t="s">
        <v>1473</v>
      </c>
      <c r="M336" s="1" t="s">
        <v>5</v>
      </c>
      <c r="N336" s="1" t="s">
        <v>25</v>
      </c>
      <c r="O336" s="1" t="s">
        <v>8</v>
      </c>
      <c r="P336" s="5" t="s">
        <v>29863</v>
      </c>
    </row>
    <row r="337" spans="1:16" x14ac:dyDescent="0.2">
      <c r="A337" s="1" t="s">
        <v>20</v>
      </c>
      <c r="B337" s="1" t="s">
        <v>253</v>
      </c>
      <c r="C337" s="1" t="s">
        <v>1478</v>
      </c>
      <c r="D337" s="1" t="s">
        <v>1479</v>
      </c>
      <c r="E337" s="1"/>
      <c r="F337" s="1" t="s">
        <v>10</v>
      </c>
      <c r="G337" s="1" t="s">
        <v>10</v>
      </c>
      <c r="H337" s="1" t="s">
        <v>10</v>
      </c>
      <c r="I337" s="1" t="s">
        <v>1182</v>
      </c>
      <c r="J337" s="1" t="s">
        <v>1187</v>
      </c>
      <c r="K337" s="1" t="s">
        <v>130</v>
      </c>
      <c r="L337" s="1" t="s">
        <v>1477</v>
      </c>
      <c r="M337" s="1" t="s">
        <v>5</v>
      </c>
      <c r="N337" s="1" t="s">
        <v>25</v>
      </c>
      <c r="O337" s="1" t="s">
        <v>38</v>
      </c>
      <c r="P337" s="5" t="s">
        <v>31046</v>
      </c>
    </row>
    <row r="338" spans="1:16" x14ac:dyDescent="0.2">
      <c r="A338" s="1" t="s">
        <v>42</v>
      </c>
      <c r="B338" s="1" t="s">
        <v>320</v>
      </c>
      <c r="C338" s="1" t="s">
        <v>1481</v>
      </c>
      <c r="D338" s="1" t="s">
        <v>1482</v>
      </c>
      <c r="E338" s="1"/>
      <c r="F338" s="1" t="s">
        <v>10</v>
      </c>
      <c r="G338" s="1" t="s">
        <v>10</v>
      </c>
      <c r="H338" s="1" t="s">
        <v>10</v>
      </c>
      <c r="I338" s="1" t="s">
        <v>1182</v>
      </c>
      <c r="J338" s="1" t="s">
        <v>1186</v>
      </c>
      <c r="K338" s="1" t="s">
        <v>130</v>
      </c>
      <c r="L338" s="1" t="s">
        <v>1480</v>
      </c>
      <c r="M338" s="1" t="s">
        <v>5</v>
      </c>
      <c r="N338" s="1" t="s">
        <v>25</v>
      </c>
      <c r="O338" s="1" t="s">
        <v>38</v>
      </c>
      <c r="P338" s="5" t="s">
        <v>29864</v>
      </c>
    </row>
    <row r="339" spans="1:16" x14ac:dyDescent="0.2">
      <c r="A339" s="1" t="s">
        <v>20</v>
      </c>
      <c r="B339" s="1" t="s">
        <v>1047</v>
      </c>
      <c r="C339" s="1" t="s">
        <v>1484</v>
      </c>
      <c r="D339" s="1" t="s">
        <v>1485</v>
      </c>
      <c r="E339" s="1"/>
      <c r="F339" s="1" t="s">
        <v>10</v>
      </c>
      <c r="G339" s="1" t="s">
        <v>10</v>
      </c>
      <c r="H339" s="1" t="s">
        <v>10</v>
      </c>
      <c r="I339" s="1" t="s">
        <v>1182</v>
      </c>
      <c r="J339" s="1" t="s">
        <v>19</v>
      </c>
      <c r="K339" s="1" t="s">
        <v>100</v>
      </c>
      <c r="L339" s="1" t="s">
        <v>1483</v>
      </c>
      <c r="M339" s="1" t="s">
        <v>5</v>
      </c>
      <c r="N339" s="1" t="s">
        <v>25</v>
      </c>
      <c r="O339" s="1" t="s">
        <v>38</v>
      </c>
      <c r="P339" s="5" t="s">
        <v>29865</v>
      </c>
    </row>
    <row r="340" spans="1:16" x14ac:dyDescent="0.2">
      <c r="A340" s="1" t="s">
        <v>1385</v>
      </c>
      <c r="B340" s="1" t="s">
        <v>1490</v>
      </c>
      <c r="C340" s="1" t="s">
        <v>1487</v>
      </c>
      <c r="D340" s="1" t="s">
        <v>1488</v>
      </c>
      <c r="E340" s="1" t="s">
        <v>1489</v>
      </c>
      <c r="F340" s="1" t="s">
        <v>10</v>
      </c>
      <c r="G340" s="1" t="s">
        <v>10</v>
      </c>
      <c r="H340" s="1" t="s">
        <v>10</v>
      </c>
      <c r="I340" s="1" t="s">
        <v>1182</v>
      </c>
      <c r="J340" s="1" t="s">
        <v>1404</v>
      </c>
      <c r="K340" s="1" t="s">
        <v>7</v>
      </c>
      <c r="L340" s="1" t="s">
        <v>1486</v>
      </c>
      <c r="M340" s="1" t="s">
        <v>5</v>
      </c>
      <c r="N340" s="1" t="s">
        <v>960</v>
      </c>
      <c r="O340" s="1" t="s">
        <v>38</v>
      </c>
      <c r="P340" s="5" t="s">
        <v>31034</v>
      </c>
    </row>
    <row r="341" spans="1:16" x14ac:dyDescent="0.2">
      <c r="A341" s="1" t="s">
        <v>20</v>
      </c>
      <c r="B341" s="1" t="s">
        <v>253</v>
      </c>
      <c r="C341" s="1" t="s">
        <v>1492</v>
      </c>
      <c r="D341" s="1" t="s">
        <v>1493</v>
      </c>
      <c r="E341" s="1"/>
      <c r="F341" s="1" t="s">
        <v>10</v>
      </c>
      <c r="G341" s="1" t="s">
        <v>10</v>
      </c>
      <c r="H341" s="1" t="s">
        <v>10</v>
      </c>
      <c r="I341" s="1" t="s">
        <v>1182</v>
      </c>
      <c r="J341" s="1" t="s">
        <v>19</v>
      </c>
      <c r="K341" s="1" t="s">
        <v>130</v>
      </c>
      <c r="L341" s="1" t="s">
        <v>1491</v>
      </c>
      <c r="M341" s="1" t="s">
        <v>5</v>
      </c>
      <c r="N341" s="1" t="s">
        <v>25</v>
      </c>
      <c r="O341" s="1" t="s">
        <v>38</v>
      </c>
      <c r="P341" s="5" t="s">
        <v>31047</v>
      </c>
    </row>
    <row r="342" spans="1:16" x14ac:dyDescent="0.2">
      <c r="A342" s="1" t="s">
        <v>42</v>
      </c>
      <c r="B342" s="1" t="s">
        <v>320</v>
      </c>
      <c r="C342" s="1" t="s">
        <v>1495</v>
      </c>
      <c r="D342" s="1" t="s">
        <v>1496</v>
      </c>
      <c r="E342" s="1"/>
      <c r="F342" s="1" t="s">
        <v>10</v>
      </c>
      <c r="G342" s="1" t="s">
        <v>10</v>
      </c>
      <c r="H342" s="1" t="s">
        <v>10</v>
      </c>
      <c r="I342" s="1" t="s">
        <v>1182</v>
      </c>
      <c r="J342" s="1" t="s">
        <v>1186</v>
      </c>
      <c r="K342" s="1" t="s">
        <v>130</v>
      </c>
      <c r="L342" s="1" t="s">
        <v>1494</v>
      </c>
      <c r="M342" s="1" t="s">
        <v>5</v>
      </c>
      <c r="N342" s="1" t="s">
        <v>1009</v>
      </c>
      <c r="O342" s="1" t="s">
        <v>38</v>
      </c>
      <c r="P342" s="5" t="s">
        <v>31048</v>
      </c>
    </row>
    <row r="343" spans="1:16" x14ac:dyDescent="0.2">
      <c r="A343" s="1" t="s">
        <v>10</v>
      </c>
      <c r="B343" s="1" t="s">
        <v>10</v>
      </c>
      <c r="C343" s="1" t="s">
        <v>1498</v>
      </c>
      <c r="D343" s="1" t="s">
        <v>1499</v>
      </c>
      <c r="E343" s="1"/>
      <c r="F343" s="1" t="s">
        <v>10</v>
      </c>
      <c r="G343" s="1" t="s">
        <v>10</v>
      </c>
      <c r="H343" s="1" t="s">
        <v>10</v>
      </c>
      <c r="I343" s="1" t="s">
        <v>1182</v>
      </c>
      <c r="J343" s="1" t="s">
        <v>10</v>
      </c>
      <c r="K343" s="1" t="s">
        <v>64</v>
      </c>
      <c r="L343" s="1" t="s">
        <v>1497</v>
      </c>
      <c r="M343" s="1" t="s">
        <v>5</v>
      </c>
      <c r="N343" s="1" t="s">
        <v>25</v>
      </c>
      <c r="O343" s="1" t="s">
        <v>38</v>
      </c>
      <c r="P343" s="5" t="s">
        <v>29866</v>
      </c>
    </row>
    <row r="344" spans="1:16" x14ac:dyDescent="0.2">
      <c r="A344" s="1" t="s">
        <v>20</v>
      </c>
      <c r="B344" s="1" t="s">
        <v>21</v>
      </c>
      <c r="C344" s="1" t="s">
        <v>1501</v>
      </c>
      <c r="D344" s="1" t="s">
        <v>1502</v>
      </c>
      <c r="E344" s="1"/>
      <c r="F344" s="1" t="s">
        <v>27</v>
      </c>
      <c r="G344" s="1" t="s">
        <v>10</v>
      </c>
      <c r="H344" s="1" t="s">
        <v>1503</v>
      </c>
      <c r="I344" s="1" t="s">
        <v>1182</v>
      </c>
      <c r="J344" s="1" t="s">
        <v>1270</v>
      </c>
      <c r="K344" s="1" t="s">
        <v>100</v>
      </c>
      <c r="L344" s="1" t="s">
        <v>1500</v>
      </c>
      <c r="M344" s="1" t="s">
        <v>5</v>
      </c>
      <c r="N344" s="1" t="s">
        <v>25</v>
      </c>
      <c r="O344" s="1" t="s">
        <v>8</v>
      </c>
      <c r="P344" s="5" t="s">
        <v>31049</v>
      </c>
    </row>
    <row r="345" spans="1:16" x14ac:dyDescent="0.2">
      <c r="A345" s="1" t="s">
        <v>42</v>
      </c>
      <c r="B345" s="1" t="s">
        <v>320</v>
      </c>
      <c r="C345" s="1" t="s">
        <v>1505</v>
      </c>
      <c r="D345" s="1" t="s">
        <v>1506</v>
      </c>
      <c r="E345" s="1"/>
      <c r="F345" s="1" t="s">
        <v>10</v>
      </c>
      <c r="G345" s="1" t="s">
        <v>10</v>
      </c>
      <c r="H345" s="1" t="s">
        <v>10</v>
      </c>
      <c r="I345" s="1" t="s">
        <v>1182</v>
      </c>
      <c r="J345" s="1" t="s">
        <v>1186</v>
      </c>
      <c r="K345" s="1" t="s">
        <v>244</v>
      </c>
      <c r="L345" s="1" t="s">
        <v>1504</v>
      </c>
      <c r="M345" s="1" t="s">
        <v>5</v>
      </c>
      <c r="N345" s="1" t="s">
        <v>25</v>
      </c>
      <c r="O345" s="1" t="s">
        <v>38</v>
      </c>
      <c r="P345" s="5" t="s">
        <v>29867</v>
      </c>
    </row>
    <row r="346" spans="1:16" x14ac:dyDescent="0.2">
      <c r="A346" s="1" t="s">
        <v>10</v>
      </c>
      <c r="B346" s="1" t="s">
        <v>10</v>
      </c>
      <c r="C346" s="1" t="s">
        <v>1508</v>
      </c>
      <c r="D346" s="1" t="s">
        <v>1509</v>
      </c>
      <c r="E346" s="1" t="s">
        <v>1510</v>
      </c>
      <c r="F346" s="1" t="s">
        <v>10</v>
      </c>
      <c r="G346" s="1" t="s">
        <v>10</v>
      </c>
      <c r="H346" s="1" t="s">
        <v>10</v>
      </c>
      <c r="I346" s="1" t="s">
        <v>1182</v>
      </c>
      <c r="J346" s="1" t="s">
        <v>1404</v>
      </c>
      <c r="K346" s="1" t="s">
        <v>64</v>
      </c>
      <c r="L346" s="1" t="s">
        <v>1507</v>
      </c>
      <c r="M346" s="1" t="s">
        <v>5</v>
      </c>
      <c r="N346" s="1" t="s">
        <v>960</v>
      </c>
      <c r="O346" s="1" t="s">
        <v>38</v>
      </c>
      <c r="P346" s="5" t="s">
        <v>29868</v>
      </c>
    </row>
    <row r="347" spans="1:16" x14ac:dyDescent="0.2">
      <c r="A347" s="1" t="s">
        <v>487</v>
      </c>
      <c r="B347" s="1" t="s">
        <v>488</v>
      </c>
      <c r="C347" s="1" t="s">
        <v>1512</v>
      </c>
      <c r="D347" s="1" t="s">
        <v>1513</v>
      </c>
      <c r="E347" s="1" t="s">
        <v>1514</v>
      </c>
      <c r="F347" s="1" t="s">
        <v>10</v>
      </c>
      <c r="G347" s="1" t="s">
        <v>10</v>
      </c>
      <c r="H347" s="1" t="s">
        <v>10</v>
      </c>
      <c r="I347" s="1" t="s">
        <v>1182</v>
      </c>
      <c r="J347" s="1" t="s">
        <v>1404</v>
      </c>
      <c r="K347" s="1" t="s">
        <v>64</v>
      </c>
      <c r="L347" s="1" t="s">
        <v>1511</v>
      </c>
      <c r="M347" s="1" t="s">
        <v>5</v>
      </c>
      <c r="N347" s="1" t="s">
        <v>960</v>
      </c>
      <c r="O347" s="1" t="s">
        <v>38</v>
      </c>
      <c r="P347" s="5" t="s">
        <v>29868</v>
      </c>
    </row>
    <row r="348" spans="1:16" x14ac:dyDescent="0.2">
      <c r="A348" s="1" t="s">
        <v>20</v>
      </c>
      <c r="B348" s="1" t="s">
        <v>99</v>
      </c>
      <c r="C348" s="1" t="s">
        <v>1516</v>
      </c>
      <c r="D348" s="1" t="s">
        <v>1517</v>
      </c>
      <c r="E348" s="1" t="s">
        <v>1519</v>
      </c>
      <c r="F348" s="1" t="s">
        <v>10</v>
      </c>
      <c r="G348" s="1" t="s">
        <v>10</v>
      </c>
      <c r="H348" s="1" t="s">
        <v>10</v>
      </c>
      <c r="I348" s="1" t="s">
        <v>1182</v>
      </c>
      <c r="J348" s="1" t="s">
        <v>1518</v>
      </c>
      <c r="K348" s="1" t="s">
        <v>130</v>
      </c>
      <c r="L348" s="1" t="s">
        <v>1515</v>
      </c>
      <c r="M348" s="1" t="s">
        <v>5</v>
      </c>
      <c r="N348" s="1" t="s">
        <v>1009</v>
      </c>
      <c r="O348" s="1" t="s">
        <v>38</v>
      </c>
      <c r="P348" s="5" t="s">
        <v>31050</v>
      </c>
    </row>
    <row r="349" spans="1:16" x14ac:dyDescent="0.2">
      <c r="A349" s="1" t="s">
        <v>10</v>
      </c>
      <c r="B349" s="1" t="s">
        <v>10</v>
      </c>
      <c r="C349" s="1" t="s">
        <v>1521</v>
      </c>
      <c r="D349" s="1" t="s">
        <v>1522</v>
      </c>
      <c r="E349" s="1" t="s">
        <v>1523</v>
      </c>
      <c r="F349" s="1" t="s">
        <v>10</v>
      </c>
      <c r="G349" s="1" t="s">
        <v>10</v>
      </c>
      <c r="H349" s="1" t="s">
        <v>10</v>
      </c>
      <c r="I349" s="1" t="s">
        <v>1182</v>
      </c>
      <c r="J349" s="1" t="s">
        <v>10</v>
      </c>
      <c r="K349" s="1" t="s">
        <v>64</v>
      </c>
      <c r="L349" s="1" t="s">
        <v>1520</v>
      </c>
      <c r="M349" s="1" t="s">
        <v>5</v>
      </c>
      <c r="N349" s="1" t="s">
        <v>25</v>
      </c>
      <c r="O349" s="1" t="s">
        <v>38</v>
      </c>
      <c r="P349" s="5" t="s">
        <v>29869</v>
      </c>
    </row>
    <row r="350" spans="1:16" x14ac:dyDescent="0.2">
      <c r="A350" s="1" t="s">
        <v>10</v>
      </c>
      <c r="B350" s="1" t="s">
        <v>10</v>
      </c>
      <c r="C350" s="1" t="s">
        <v>1525</v>
      </c>
      <c r="D350" s="1" t="s">
        <v>1526</v>
      </c>
      <c r="E350" s="1"/>
      <c r="F350" s="1" t="s">
        <v>10</v>
      </c>
      <c r="G350" s="1" t="s">
        <v>10</v>
      </c>
      <c r="H350" s="1" t="s">
        <v>10</v>
      </c>
      <c r="I350" s="1" t="s">
        <v>1182</v>
      </c>
      <c r="J350" s="1" t="s">
        <v>10</v>
      </c>
      <c r="K350" s="1" t="s">
        <v>64</v>
      </c>
      <c r="L350" s="1" t="s">
        <v>1524</v>
      </c>
      <c r="M350" s="1" t="s">
        <v>5</v>
      </c>
      <c r="N350" s="1" t="s">
        <v>960</v>
      </c>
      <c r="O350" s="1" t="s">
        <v>38</v>
      </c>
      <c r="P350" s="5" t="s">
        <v>29870</v>
      </c>
    </row>
    <row r="351" spans="1:16" x14ac:dyDescent="0.2">
      <c r="A351" s="1" t="s">
        <v>10</v>
      </c>
      <c r="B351" s="1" t="s">
        <v>10</v>
      </c>
      <c r="C351" s="1" t="s">
        <v>1528</v>
      </c>
      <c r="D351" s="1" t="s">
        <v>1529</v>
      </c>
      <c r="E351" s="1"/>
      <c r="F351" s="1" t="s">
        <v>10</v>
      </c>
      <c r="G351" s="1" t="s">
        <v>10</v>
      </c>
      <c r="H351" s="1" t="s">
        <v>10</v>
      </c>
      <c r="I351" s="1" t="s">
        <v>1182</v>
      </c>
      <c r="J351" s="1" t="s">
        <v>10</v>
      </c>
      <c r="K351" s="1" t="s">
        <v>64</v>
      </c>
      <c r="L351" s="1" t="s">
        <v>1527</v>
      </c>
      <c r="M351" s="1" t="s">
        <v>5</v>
      </c>
      <c r="N351" s="1" t="s">
        <v>960</v>
      </c>
      <c r="O351" s="1" t="s">
        <v>38</v>
      </c>
      <c r="P351" s="5" t="s">
        <v>29870</v>
      </c>
    </row>
    <row r="352" spans="1:16" x14ac:dyDescent="0.2">
      <c r="A352" s="1" t="s">
        <v>20</v>
      </c>
      <c r="B352" s="1" t="s">
        <v>99</v>
      </c>
      <c r="C352" s="1" t="s">
        <v>1531</v>
      </c>
      <c r="D352" s="1" t="s">
        <v>1532</v>
      </c>
      <c r="E352" s="1"/>
      <c r="F352" s="1" t="s">
        <v>10</v>
      </c>
      <c r="G352" s="1" t="s">
        <v>10</v>
      </c>
      <c r="H352" s="1" t="s">
        <v>10</v>
      </c>
      <c r="I352" s="1" t="s">
        <v>1182</v>
      </c>
      <c r="J352" s="1" t="s">
        <v>1533</v>
      </c>
      <c r="K352" s="1" t="s">
        <v>130</v>
      </c>
      <c r="L352" s="1" t="s">
        <v>1530</v>
      </c>
      <c r="M352" s="1" t="s">
        <v>5</v>
      </c>
      <c r="N352" s="1" t="s">
        <v>25</v>
      </c>
      <c r="O352" s="1" t="s">
        <v>38</v>
      </c>
      <c r="P352" s="5" t="s">
        <v>31051</v>
      </c>
    </row>
    <row r="353" spans="1:16" x14ac:dyDescent="0.2">
      <c r="A353" s="1" t="s">
        <v>20</v>
      </c>
      <c r="B353" s="1" t="s">
        <v>99</v>
      </c>
      <c r="C353" s="1" t="s">
        <v>1535</v>
      </c>
      <c r="D353" s="1" t="s">
        <v>1536</v>
      </c>
      <c r="E353" s="1"/>
      <c r="F353" s="1" t="s">
        <v>10</v>
      </c>
      <c r="G353" s="1" t="s">
        <v>10</v>
      </c>
      <c r="H353" s="1" t="s">
        <v>10</v>
      </c>
      <c r="I353" s="1" t="s">
        <v>1182</v>
      </c>
      <c r="J353" s="1" t="s">
        <v>1186</v>
      </c>
      <c r="K353" s="1" t="s">
        <v>130</v>
      </c>
      <c r="L353" s="1" t="s">
        <v>1534</v>
      </c>
      <c r="M353" s="1" t="s">
        <v>5</v>
      </c>
      <c r="N353" s="1" t="s">
        <v>25</v>
      </c>
      <c r="O353" s="1" t="s">
        <v>38</v>
      </c>
      <c r="P353" s="5" t="s">
        <v>31052</v>
      </c>
    </row>
    <row r="354" spans="1:16" x14ac:dyDescent="0.2">
      <c r="A354" s="1" t="s">
        <v>32</v>
      </c>
      <c r="B354" s="1" t="s">
        <v>33</v>
      </c>
      <c r="C354" s="1" t="s">
        <v>1538</v>
      </c>
      <c r="D354" s="1" t="s">
        <v>762</v>
      </c>
      <c r="E354" s="1"/>
      <c r="F354" s="1" t="s">
        <v>27</v>
      </c>
      <c r="G354" s="1" t="s">
        <v>10</v>
      </c>
      <c r="H354" s="1" t="s">
        <v>1539</v>
      </c>
      <c r="I354" s="1" t="s">
        <v>1182</v>
      </c>
      <c r="J354" s="1" t="s">
        <v>19</v>
      </c>
      <c r="K354" s="1" t="s">
        <v>64</v>
      </c>
      <c r="L354" s="1" t="s">
        <v>1537</v>
      </c>
      <c r="M354" s="1" t="s">
        <v>5</v>
      </c>
      <c r="N354" s="1" t="s">
        <v>25</v>
      </c>
      <c r="O354" s="1" t="s">
        <v>8</v>
      </c>
      <c r="P354" s="5" t="s">
        <v>31053</v>
      </c>
    </row>
    <row r="355" spans="1:16" x14ac:dyDescent="0.2">
      <c r="A355" s="1" t="s">
        <v>42</v>
      </c>
      <c r="B355" s="1" t="s">
        <v>1341</v>
      </c>
      <c r="C355" s="1" t="s">
        <v>1541</v>
      </c>
      <c r="D355" s="1" t="s">
        <v>1542</v>
      </c>
      <c r="E355" s="1"/>
      <c r="F355" s="1" t="s">
        <v>27</v>
      </c>
      <c r="G355" s="1" t="s">
        <v>10</v>
      </c>
      <c r="H355" s="1" t="s">
        <v>1543</v>
      </c>
      <c r="I355" s="1" t="s">
        <v>1182</v>
      </c>
      <c r="J355" s="1" t="s">
        <v>19</v>
      </c>
      <c r="K355" s="1" t="s">
        <v>130</v>
      </c>
      <c r="L355" s="1" t="s">
        <v>1540</v>
      </c>
      <c r="M355" s="1" t="s">
        <v>5</v>
      </c>
      <c r="N355" s="1" t="s">
        <v>6</v>
      </c>
      <c r="O355" s="1" t="s">
        <v>8</v>
      </c>
      <c r="P355" s="5" t="s">
        <v>31054</v>
      </c>
    </row>
    <row r="356" spans="1:16" x14ac:dyDescent="0.2">
      <c r="A356" s="1" t="s">
        <v>20</v>
      </c>
      <c r="B356" s="1" t="s">
        <v>445</v>
      </c>
      <c r="C356" s="1" t="s">
        <v>1546</v>
      </c>
      <c r="D356" s="1" t="s">
        <v>1547</v>
      </c>
      <c r="E356" s="1" t="s">
        <v>1549</v>
      </c>
      <c r="F356" s="1" t="s">
        <v>10</v>
      </c>
      <c r="G356" s="1" t="s">
        <v>10</v>
      </c>
      <c r="H356" s="1" t="s">
        <v>10</v>
      </c>
      <c r="I356" s="1" t="s">
        <v>1182</v>
      </c>
      <c r="J356" s="1" t="s">
        <v>1220</v>
      </c>
      <c r="K356" s="1" t="s">
        <v>1548</v>
      </c>
      <c r="L356" s="1" t="s">
        <v>1545</v>
      </c>
      <c r="M356" s="1" t="s">
        <v>5</v>
      </c>
      <c r="N356" s="1" t="s">
        <v>960</v>
      </c>
      <c r="O356" s="1" t="s">
        <v>38</v>
      </c>
      <c r="P356" s="5" t="s">
        <v>29871</v>
      </c>
    </row>
    <row r="357" spans="1:16" x14ac:dyDescent="0.2">
      <c r="A357" s="1" t="s">
        <v>32</v>
      </c>
      <c r="B357" s="1" t="s">
        <v>140</v>
      </c>
      <c r="C357" s="1" t="s">
        <v>1551</v>
      </c>
      <c r="D357" s="1" t="s">
        <v>1552</v>
      </c>
      <c r="E357" s="1"/>
      <c r="F357" s="1" t="s">
        <v>27</v>
      </c>
      <c r="G357" s="1" t="s">
        <v>10</v>
      </c>
      <c r="H357" s="1" t="s">
        <v>1553</v>
      </c>
      <c r="I357" s="1" t="s">
        <v>1182</v>
      </c>
      <c r="J357" s="1" t="s">
        <v>19</v>
      </c>
      <c r="K357" s="1" t="s">
        <v>100</v>
      </c>
      <c r="L357" s="1" t="s">
        <v>1550</v>
      </c>
      <c r="M357" s="1" t="s">
        <v>5</v>
      </c>
      <c r="N357" s="1" t="s">
        <v>6</v>
      </c>
      <c r="O357" s="1" t="s">
        <v>8</v>
      </c>
      <c r="P357" s="5" t="s">
        <v>31055</v>
      </c>
    </row>
    <row r="358" spans="1:16" x14ac:dyDescent="0.2">
      <c r="A358" s="1" t="s">
        <v>42</v>
      </c>
      <c r="B358" s="1" t="s">
        <v>966</v>
      </c>
      <c r="C358" s="1" t="s">
        <v>1555</v>
      </c>
      <c r="D358" s="1" t="s">
        <v>1556</v>
      </c>
      <c r="E358" s="1"/>
      <c r="F358" s="1" t="s">
        <v>27</v>
      </c>
      <c r="G358" s="1" t="s">
        <v>10</v>
      </c>
      <c r="H358" s="1" t="s">
        <v>1557</v>
      </c>
      <c r="I358" s="1" t="s">
        <v>1182</v>
      </c>
      <c r="J358" s="1" t="s">
        <v>19</v>
      </c>
      <c r="K358" s="1" t="s">
        <v>130</v>
      </c>
      <c r="L358" s="1" t="s">
        <v>1554</v>
      </c>
      <c r="M358" s="1" t="s">
        <v>5</v>
      </c>
      <c r="N358" s="1" t="s">
        <v>25</v>
      </c>
      <c r="O358" s="1" t="s">
        <v>8</v>
      </c>
      <c r="P358" s="5" t="s">
        <v>31056</v>
      </c>
    </row>
    <row r="359" spans="1:16" x14ac:dyDescent="0.2">
      <c r="A359" s="1" t="s">
        <v>20</v>
      </c>
      <c r="B359" s="1" t="s">
        <v>99</v>
      </c>
      <c r="C359" s="1" t="s">
        <v>1559</v>
      </c>
      <c r="D359" s="1" t="s">
        <v>1560</v>
      </c>
      <c r="E359" s="1"/>
      <c r="F359" s="1" t="s">
        <v>27</v>
      </c>
      <c r="G359" s="1" t="s">
        <v>10</v>
      </c>
      <c r="H359" s="1" t="s">
        <v>1562</v>
      </c>
      <c r="I359" s="1" t="s">
        <v>1182</v>
      </c>
      <c r="J359" s="1" t="s">
        <v>1561</v>
      </c>
      <c r="K359" s="1" t="s">
        <v>443</v>
      </c>
      <c r="L359" s="1" t="s">
        <v>1558</v>
      </c>
      <c r="M359" s="1" t="s">
        <v>5</v>
      </c>
      <c r="N359" s="1" t="s">
        <v>25</v>
      </c>
      <c r="O359" s="1" t="s">
        <v>8</v>
      </c>
      <c r="P359" s="5" t="s">
        <v>29872</v>
      </c>
    </row>
    <row r="360" spans="1:16" x14ac:dyDescent="0.2">
      <c r="A360" s="1" t="s">
        <v>42</v>
      </c>
      <c r="B360" s="1" t="s">
        <v>320</v>
      </c>
      <c r="C360" s="1" t="s">
        <v>1566</v>
      </c>
      <c r="D360" s="1" t="s">
        <v>1567</v>
      </c>
      <c r="E360" s="1"/>
      <c r="F360" s="1" t="s">
        <v>10</v>
      </c>
      <c r="G360" s="1" t="s">
        <v>10</v>
      </c>
      <c r="H360" s="1" t="s">
        <v>10</v>
      </c>
      <c r="I360" s="1" t="s">
        <v>1182</v>
      </c>
      <c r="J360" s="1" t="s">
        <v>1187</v>
      </c>
      <c r="K360" s="1" t="s">
        <v>130</v>
      </c>
      <c r="L360" s="1" t="s">
        <v>1565</v>
      </c>
      <c r="M360" s="1" t="s">
        <v>5</v>
      </c>
      <c r="N360" s="1" t="s">
        <v>6</v>
      </c>
      <c r="O360" s="1" t="s">
        <v>38</v>
      </c>
      <c r="P360" s="5" t="s">
        <v>31057</v>
      </c>
    </row>
    <row r="361" spans="1:16" x14ac:dyDescent="0.2">
      <c r="A361" s="1" t="s">
        <v>1385</v>
      </c>
      <c r="B361" s="1" t="s">
        <v>1386</v>
      </c>
      <c r="C361" s="1" t="s">
        <v>1569</v>
      </c>
      <c r="D361" s="1" t="s">
        <v>1570</v>
      </c>
      <c r="E361" s="1"/>
      <c r="F361" s="1" t="s">
        <v>10</v>
      </c>
      <c r="G361" s="1" t="s">
        <v>10</v>
      </c>
      <c r="H361" s="1" t="s">
        <v>10</v>
      </c>
      <c r="I361" s="1" t="s">
        <v>1182</v>
      </c>
      <c r="J361" s="1" t="s">
        <v>1186</v>
      </c>
      <c r="K361" s="1" t="s">
        <v>10</v>
      </c>
      <c r="L361" s="1" t="s">
        <v>1568</v>
      </c>
      <c r="M361" s="1" t="s">
        <v>5</v>
      </c>
      <c r="N361" s="1" t="s">
        <v>25</v>
      </c>
      <c r="O361" s="1" t="s">
        <v>38</v>
      </c>
      <c r="P361" s="5" t="s">
        <v>29873</v>
      </c>
    </row>
    <row r="362" spans="1:16" x14ac:dyDescent="0.2">
      <c r="A362" s="1" t="s">
        <v>10</v>
      </c>
      <c r="B362" s="1" t="s">
        <v>10</v>
      </c>
      <c r="C362" s="1" t="s">
        <v>1572</v>
      </c>
      <c r="D362" s="1" t="s">
        <v>1573</v>
      </c>
      <c r="E362" s="1"/>
      <c r="F362" s="1" t="s">
        <v>10</v>
      </c>
      <c r="G362" s="1" t="s">
        <v>10</v>
      </c>
      <c r="H362" s="1" t="s">
        <v>10</v>
      </c>
      <c r="I362" s="1" t="s">
        <v>1182</v>
      </c>
      <c r="J362" s="1" t="s">
        <v>10</v>
      </c>
      <c r="K362" s="1" t="s">
        <v>64</v>
      </c>
      <c r="L362" s="1" t="s">
        <v>1571</v>
      </c>
      <c r="M362" s="1" t="s">
        <v>5</v>
      </c>
      <c r="N362" s="1" t="s">
        <v>25</v>
      </c>
      <c r="O362" s="1" t="s">
        <v>38</v>
      </c>
      <c r="P362" s="5" t="s">
        <v>29874</v>
      </c>
    </row>
    <row r="363" spans="1:16" ht="25.5" x14ac:dyDescent="0.2">
      <c r="A363" s="1" t="s">
        <v>42</v>
      </c>
      <c r="B363" s="1" t="s">
        <v>43</v>
      </c>
      <c r="C363" s="1" t="s">
        <v>1575</v>
      </c>
      <c r="D363" s="1" t="s">
        <v>1576</v>
      </c>
      <c r="E363" s="1"/>
      <c r="F363" s="1" t="s">
        <v>27</v>
      </c>
      <c r="G363" s="1" t="s">
        <v>10</v>
      </c>
      <c r="H363" s="1" t="s">
        <v>1577</v>
      </c>
      <c r="I363" s="1" t="s">
        <v>1182</v>
      </c>
      <c r="J363" s="1" t="s">
        <v>19</v>
      </c>
      <c r="K363" s="1" t="s">
        <v>37</v>
      </c>
      <c r="L363" s="1" t="s">
        <v>1574</v>
      </c>
      <c r="M363" s="1" t="s">
        <v>5</v>
      </c>
      <c r="N363" s="1" t="s">
        <v>25</v>
      </c>
      <c r="O363" s="1" t="s">
        <v>8</v>
      </c>
      <c r="P363" s="9" t="s">
        <v>31058</v>
      </c>
    </row>
    <row r="364" spans="1:16" ht="25.5" x14ac:dyDescent="0.2">
      <c r="A364" s="1" t="s">
        <v>1086</v>
      </c>
      <c r="B364" s="1" t="s">
        <v>1400</v>
      </c>
      <c r="C364" s="1" t="s">
        <v>1579</v>
      </c>
      <c r="D364" s="1" t="s">
        <v>1580</v>
      </c>
      <c r="E364" s="1"/>
      <c r="F364" s="1" t="s">
        <v>27</v>
      </c>
      <c r="G364" s="1" t="s">
        <v>10</v>
      </c>
      <c r="H364" s="1" t="s">
        <v>1581</v>
      </c>
      <c r="I364" s="1" t="s">
        <v>1182</v>
      </c>
      <c r="J364" s="1" t="s">
        <v>19</v>
      </c>
      <c r="K364" s="1" t="s">
        <v>64</v>
      </c>
      <c r="L364" s="1" t="s">
        <v>1578</v>
      </c>
      <c r="M364" s="1" t="s">
        <v>5</v>
      </c>
      <c r="N364" s="1" t="s">
        <v>6</v>
      </c>
      <c r="O364" s="1" t="s">
        <v>8</v>
      </c>
      <c r="P364" s="9" t="s">
        <v>31059</v>
      </c>
    </row>
    <row r="365" spans="1:16" x14ac:dyDescent="0.2">
      <c r="A365" s="1" t="s">
        <v>1086</v>
      </c>
      <c r="B365" s="1" t="s">
        <v>1586</v>
      </c>
      <c r="C365" s="1" t="s">
        <v>1583</v>
      </c>
      <c r="D365" s="1" t="s">
        <v>1584</v>
      </c>
      <c r="E365" s="1"/>
      <c r="F365" s="1" t="s">
        <v>1306</v>
      </c>
      <c r="G365" s="1" t="s">
        <v>1585</v>
      </c>
      <c r="H365" s="1" t="s">
        <v>10</v>
      </c>
      <c r="I365" s="1" t="s">
        <v>1182</v>
      </c>
      <c r="J365" s="1" t="s">
        <v>10</v>
      </c>
      <c r="K365" s="1" t="s">
        <v>64</v>
      </c>
      <c r="L365" s="1" t="s">
        <v>1582</v>
      </c>
      <c r="M365" s="1" t="s">
        <v>5</v>
      </c>
      <c r="N365" s="1" t="s">
        <v>25</v>
      </c>
      <c r="O365" s="1" t="s">
        <v>8</v>
      </c>
      <c r="P365" s="5" t="s">
        <v>29875</v>
      </c>
    </row>
    <row r="366" spans="1:16" x14ac:dyDescent="0.2">
      <c r="A366" s="1" t="s">
        <v>20</v>
      </c>
      <c r="B366" s="1" t="s">
        <v>445</v>
      </c>
      <c r="C366" s="1" t="s">
        <v>1588</v>
      </c>
      <c r="D366" s="1" t="s">
        <v>1589</v>
      </c>
      <c r="E366" s="1"/>
      <c r="F366" s="1" t="s">
        <v>10</v>
      </c>
      <c r="G366" s="1" t="s">
        <v>10</v>
      </c>
      <c r="H366" s="1" t="s">
        <v>10</v>
      </c>
      <c r="I366" s="1" t="s">
        <v>1182</v>
      </c>
      <c r="J366" s="1" t="s">
        <v>1345</v>
      </c>
      <c r="K366" s="1" t="s">
        <v>7</v>
      </c>
      <c r="L366" s="1" t="s">
        <v>1587</v>
      </c>
      <c r="M366" s="1" t="s">
        <v>5</v>
      </c>
      <c r="N366" s="1" t="s">
        <v>960</v>
      </c>
      <c r="O366" s="1" t="s">
        <v>38</v>
      </c>
      <c r="P366" s="5" t="s">
        <v>31060</v>
      </c>
    </row>
    <row r="367" spans="1:16" x14ac:dyDescent="0.2">
      <c r="A367" s="1" t="s">
        <v>10</v>
      </c>
      <c r="B367" s="1" t="s">
        <v>10</v>
      </c>
      <c r="C367" s="1" t="s">
        <v>1591</v>
      </c>
      <c r="D367" s="1" t="s">
        <v>1592</v>
      </c>
      <c r="E367" s="1" t="s">
        <v>1593</v>
      </c>
      <c r="F367" s="1" t="s">
        <v>10</v>
      </c>
      <c r="G367" s="1" t="s">
        <v>10</v>
      </c>
      <c r="H367" s="1" t="s">
        <v>10</v>
      </c>
      <c r="I367" s="1" t="s">
        <v>1182</v>
      </c>
      <c r="J367" s="1" t="s">
        <v>10</v>
      </c>
      <c r="K367" s="1" t="s">
        <v>64</v>
      </c>
      <c r="L367" s="1" t="s">
        <v>1590</v>
      </c>
      <c r="M367" s="1" t="s">
        <v>5</v>
      </c>
      <c r="N367" s="1" t="s">
        <v>960</v>
      </c>
      <c r="O367" s="1" t="s">
        <v>38</v>
      </c>
      <c r="P367" s="5" t="s">
        <v>29876</v>
      </c>
    </row>
    <row r="368" spans="1:16" x14ac:dyDescent="0.2">
      <c r="A368" s="1" t="s">
        <v>42</v>
      </c>
      <c r="B368" s="1" t="s">
        <v>335</v>
      </c>
      <c r="C368" s="1" t="s">
        <v>1595</v>
      </c>
      <c r="D368" s="1" t="s">
        <v>1596</v>
      </c>
      <c r="E368" s="1"/>
      <c r="F368" s="1" t="s">
        <v>27</v>
      </c>
      <c r="G368" s="1" t="s">
        <v>10</v>
      </c>
      <c r="H368" s="1" t="s">
        <v>1598</v>
      </c>
      <c r="I368" s="1" t="s">
        <v>1182</v>
      </c>
      <c r="J368" s="1" t="s">
        <v>19</v>
      </c>
      <c r="K368" s="1" t="s">
        <v>47</v>
      </c>
      <c r="L368" s="1" t="s">
        <v>1594</v>
      </c>
      <c r="M368" s="1" t="s">
        <v>5</v>
      </c>
      <c r="N368" s="1" t="s">
        <v>1597</v>
      </c>
      <c r="O368" s="1" t="s">
        <v>8</v>
      </c>
      <c r="P368" s="5" t="s">
        <v>31061</v>
      </c>
    </row>
    <row r="369" spans="1:16" x14ac:dyDescent="0.2">
      <c r="A369" s="1" t="s">
        <v>20</v>
      </c>
      <c r="B369" s="1" t="s">
        <v>132</v>
      </c>
      <c r="C369" s="1" t="s">
        <v>1600</v>
      </c>
      <c r="D369" s="1" t="s">
        <v>1601</v>
      </c>
      <c r="E369" s="1"/>
      <c r="F369" s="1" t="s">
        <v>27</v>
      </c>
      <c r="G369" s="1" t="s">
        <v>1042</v>
      </c>
      <c r="H369" s="1" t="s">
        <v>1602</v>
      </c>
      <c r="I369" s="1" t="s">
        <v>1182</v>
      </c>
      <c r="J369" s="1" t="s">
        <v>1345</v>
      </c>
      <c r="K369" s="1" t="s">
        <v>27</v>
      </c>
      <c r="L369" s="1" t="s">
        <v>1599</v>
      </c>
      <c r="M369" s="1" t="s">
        <v>5</v>
      </c>
      <c r="N369" s="1" t="s">
        <v>25</v>
      </c>
      <c r="O369" s="1" t="s">
        <v>8</v>
      </c>
      <c r="P369" s="5" t="s">
        <v>31062</v>
      </c>
    </row>
    <row r="370" spans="1:16" x14ac:dyDescent="0.2">
      <c r="A370" s="1" t="s">
        <v>1385</v>
      </c>
      <c r="B370" s="1" t="s">
        <v>1386</v>
      </c>
      <c r="C370" s="1" t="s">
        <v>1604</v>
      </c>
      <c r="D370" s="1" t="s">
        <v>1605</v>
      </c>
      <c r="E370" s="1"/>
      <c r="F370" s="1" t="s">
        <v>10</v>
      </c>
      <c r="G370" s="1" t="s">
        <v>10</v>
      </c>
      <c r="H370" s="1" t="s">
        <v>10</v>
      </c>
      <c r="I370" s="1" t="s">
        <v>1182</v>
      </c>
      <c r="J370" s="1" t="s">
        <v>1606</v>
      </c>
      <c r="K370" s="1" t="s">
        <v>1563</v>
      </c>
      <c r="L370" s="1" t="s">
        <v>1603</v>
      </c>
      <c r="M370" s="1" t="s">
        <v>5</v>
      </c>
      <c r="N370" s="1" t="s">
        <v>960</v>
      </c>
      <c r="O370" s="1" t="s">
        <v>38</v>
      </c>
      <c r="P370" s="5" t="s">
        <v>29877</v>
      </c>
    </row>
    <row r="371" spans="1:16" x14ac:dyDescent="0.2">
      <c r="A371" s="1" t="s">
        <v>42</v>
      </c>
      <c r="B371" s="1" t="s">
        <v>1377</v>
      </c>
      <c r="C371" s="1" t="s">
        <v>1608</v>
      </c>
      <c r="D371" s="1" t="s">
        <v>1609</v>
      </c>
      <c r="E371" s="1"/>
      <c r="F371" s="1" t="s">
        <v>10</v>
      </c>
      <c r="G371" s="1" t="s">
        <v>10</v>
      </c>
      <c r="H371" s="1" t="s">
        <v>10</v>
      </c>
      <c r="I371" s="1" t="s">
        <v>1182</v>
      </c>
      <c r="J371" s="1" t="s">
        <v>1564</v>
      </c>
      <c r="K371" s="1" t="s">
        <v>130</v>
      </c>
      <c r="L371" s="1" t="s">
        <v>1607</v>
      </c>
      <c r="M371" s="1" t="s">
        <v>5</v>
      </c>
      <c r="N371" s="1" t="s">
        <v>25</v>
      </c>
      <c r="O371" s="1" t="s">
        <v>38</v>
      </c>
      <c r="P371" s="5" t="s">
        <v>29878</v>
      </c>
    </row>
    <row r="372" spans="1:16" x14ac:dyDescent="0.2">
      <c r="A372" s="1" t="s">
        <v>10</v>
      </c>
      <c r="B372" s="1" t="s">
        <v>10</v>
      </c>
      <c r="C372" s="1" t="s">
        <v>1611</v>
      </c>
      <c r="D372" s="1" t="s">
        <v>1612</v>
      </c>
      <c r="E372" s="1" t="s">
        <v>1613</v>
      </c>
      <c r="F372" s="1" t="s">
        <v>10</v>
      </c>
      <c r="G372" s="1" t="s">
        <v>10</v>
      </c>
      <c r="H372" s="1" t="s">
        <v>10</v>
      </c>
      <c r="I372" s="1" t="s">
        <v>1182</v>
      </c>
      <c r="J372" s="1" t="s">
        <v>10</v>
      </c>
      <c r="K372" s="1" t="s">
        <v>64</v>
      </c>
      <c r="L372" s="1" t="s">
        <v>1610</v>
      </c>
      <c r="M372" s="1" t="s">
        <v>5</v>
      </c>
      <c r="N372" s="1" t="s">
        <v>960</v>
      </c>
      <c r="O372" s="1" t="s">
        <v>38</v>
      </c>
      <c r="P372" s="5" t="s">
        <v>29879</v>
      </c>
    </row>
    <row r="373" spans="1:16" x14ac:dyDescent="0.2">
      <c r="A373" s="1" t="s">
        <v>10</v>
      </c>
      <c r="B373" s="1" t="s">
        <v>10</v>
      </c>
      <c r="C373" s="1" t="s">
        <v>1615</v>
      </c>
      <c r="D373" s="1" t="s">
        <v>1616</v>
      </c>
      <c r="E373" s="1" t="s">
        <v>1617</v>
      </c>
      <c r="F373" s="1" t="s">
        <v>10</v>
      </c>
      <c r="G373" s="1" t="s">
        <v>10</v>
      </c>
      <c r="H373" s="1" t="s">
        <v>10</v>
      </c>
      <c r="I373" s="1" t="s">
        <v>1182</v>
      </c>
      <c r="J373" s="1" t="s">
        <v>10</v>
      </c>
      <c r="K373" s="1" t="s">
        <v>64</v>
      </c>
      <c r="L373" s="1" t="s">
        <v>1614</v>
      </c>
      <c r="M373" s="1" t="s">
        <v>5</v>
      </c>
      <c r="N373" s="1" t="s">
        <v>960</v>
      </c>
      <c r="O373" s="1" t="s">
        <v>38</v>
      </c>
      <c r="P373" s="5" t="s">
        <v>29880</v>
      </c>
    </row>
    <row r="374" spans="1:16" x14ac:dyDescent="0.2">
      <c r="A374" s="1" t="s">
        <v>20</v>
      </c>
      <c r="B374" s="1" t="s">
        <v>99</v>
      </c>
      <c r="C374" s="1" t="s">
        <v>1619</v>
      </c>
      <c r="D374" s="1" t="s">
        <v>1620</v>
      </c>
      <c r="E374" s="1"/>
      <c r="F374" s="1" t="s">
        <v>10</v>
      </c>
      <c r="G374" s="1" t="s">
        <v>10</v>
      </c>
      <c r="H374" s="1" t="s">
        <v>10</v>
      </c>
      <c r="I374" s="1" t="s">
        <v>1182</v>
      </c>
      <c r="J374" s="1" t="s">
        <v>1622</v>
      </c>
      <c r="K374" s="1" t="s">
        <v>130</v>
      </c>
      <c r="L374" s="1" t="s">
        <v>1618</v>
      </c>
      <c r="M374" s="1" t="s">
        <v>5</v>
      </c>
      <c r="N374" s="1" t="s">
        <v>25</v>
      </c>
      <c r="O374" s="1" t="s">
        <v>38</v>
      </c>
      <c r="P374" s="5" t="s">
        <v>29881</v>
      </c>
    </row>
    <row r="375" spans="1:16" x14ac:dyDescent="0.2">
      <c r="A375" s="1" t="s">
        <v>487</v>
      </c>
      <c r="B375" s="1" t="s">
        <v>765</v>
      </c>
      <c r="C375" s="1" t="s">
        <v>1625</v>
      </c>
      <c r="D375" s="1" t="s">
        <v>1626</v>
      </c>
      <c r="E375" s="1"/>
      <c r="F375" s="1" t="s">
        <v>27</v>
      </c>
      <c r="G375" s="1" t="s">
        <v>10</v>
      </c>
      <c r="H375" s="1" t="s">
        <v>1627</v>
      </c>
      <c r="I375" s="1" t="s">
        <v>1182</v>
      </c>
      <c r="J375" s="1" t="s">
        <v>19</v>
      </c>
      <c r="K375" s="1" t="s">
        <v>64</v>
      </c>
      <c r="L375" s="1" t="s">
        <v>1624</v>
      </c>
      <c r="M375" s="1" t="s">
        <v>5</v>
      </c>
      <c r="N375" s="1" t="s">
        <v>6</v>
      </c>
      <c r="O375" s="1" t="s">
        <v>8</v>
      </c>
      <c r="P375" s="5" t="s">
        <v>31063</v>
      </c>
    </row>
    <row r="376" spans="1:16" x14ac:dyDescent="0.2">
      <c r="A376" s="1" t="s">
        <v>487</v>
      </c>
      <c r="B376" s="1" t="s">
        <v>488</v>
      </c>
      <c r="C376" s="1" t="s">
        <v>1629</v>
      </c>
      <c r="D376" s="1" t="s">
        <v>1630</v>
      </c>
      <c r="E376" s="1"/>
      <c r="F376" s="1" t="s">
        <v>27</v>
      </c>
      <c r="G376" s="1" t="s">
        <v>10</v>
      </c>
      <c r="H376" s="1" t="s">
        <v>1631</v>
      </c>
      <c r="I376" s="1" t="s">
        <v>1182</v>
      </c>
      <c r="J376" s="1" t="s">
        <v>19</v>
      </c>
      <c r="K376" s="1" t="s">
        <v>64</v>
      </c>
      <c r="L376" s="1" t="s">
        <v>1628</v>
      </c>
      <c r="M376" s="1" t="s">
        <v>5</v>
      </c>
      <c r="N376" s="1" t="s">
        <v>6</v>
      </c>
      <c r="O376" s="1" t="s">
        <v>8</v>
      </c>
      <c r="P376" s="5" t="s">
        <v>31064</v>
      </c>
    </row>
    <row r="377" spans="1:16" x14ac:dyDescent="0.2">
      <c r="A377" s="1" t="s">
        <v>487</v>
      </c>
      <c r="B377" s="1" t="s">
        <v>488</v>
      </c>
      <c r="C377" s="1" t="s">
        <v>1633</v>
      </c>
      <c r="D377" s="1" t="s">
        <v>1634</v>
      </c>
      <c r="E377" s="1" t="s">
        <v>1635</v>
      </c>
      <c r="F377" s="1" t="s">
        <v>27</v>
      </c>
      <c r="G377" s="1" t="s">
        <v>10</v>
      </c>
      <c r="H377" s="1" t="s">
        <v>1636</v>
      </c>
      <c r="I377" s="1" t="s">
        <v>1182</v>
      </c>
      <c r="J377" s="1" t="s">
        <v>19</v>
      </c>
      <c r="K377" s="1" t="s">
        <v>64</v>
      </c>
      <c r="L377" s="1" t="s">
        <v>1632</v>
      </c>
      <c r="M377" s="1" t="s">
        <v>5</v>
      </c>
      <c r="N377" s="1" t="s">
        <v>6</v>
      </c>
      <c r="O377" s="1" t="s">
        <v>8</v>
      </c>
      <c r="P377" s="5" t="s">
        <v>31065</v>
      </c>
    </row>
    <row r="378" spans="1:16" x14ac:dyDescent="0.2">
      <c r="A378" s="1" t="s">
        <v>487</v>
      </c>
      <c r="B378" s="1" t="s">
        <v>759</v>
      </c>
      <c r="C378" s="1" t="s">
        <v>1638</v>
      </c>
      <c r="D378" s="1" t="s">
        <v>1639</v>
      </c>
      <c r="E378" s="1" t="s">
        <v>1642</v>
      </c>
      <c r="F378" s="1" t="s">
        <v>1640</v>
      </c>
      <c r="G378" s="1" t="s">
        <v>10</v>
      </c>
      <c r="H378" s="1" t="s">
        <v>1638</v>
      </c>
      <c r="I378" s="1" t="s">
        <v>1182</v>
      </c>
      <c r="J378" s="1" t="s">
        <v>19</v>
      </c>
      <c r="K378" s="1" t="s">
        <v>64</v>
      </c>
      <c r="L378" s="1" t="s">
        <v>1637</v>
      </c>
      <c r="M378" s="1" t="s">
        <v>5</v>
      </c>
      <c r="N378" s="1" t="s">
        <v>6</v>
      </c>
      <c r="O378" s="1" t="s">
        <v>8</v>
      </c>
      <c r="P378" s="5" t="s">
        <v>29882</v>
      </c>
    </row>
    <row r="379" spans="1:16" x14ac:dyDescent="0.2">
      <c r="A379" s="1" t="s">
        <v>487</v>
      </c>
      <c r="B379" s="1" t="s">
        <v>765</v>
      </c>
      <c r="C379" s="1" t="s">
        <v>1644</v>
      </c>
      <c r="D379" s="1" t="s">
        <v>1645</v>
      </c>
      <c r="E379" s="1" t="s">
        <v>1646</v>
      </c>
      <c r="F379" s="1" t="s">
        <v>1640</v>
      </c>
      <c r="G379" s="1" t="s">
        <v>1647</v>
      </c>
      <c r="H379" s="1" t="s">
        <v>10</v>
      </c>
      <c r="I379" s="1" t="s">
        <v>1182</v>
      </c>
      <c r="J379" s="1" t="s">
        <v>19</v>
      </c>
      <c r="K379" s="1" t="s">
        <v>64</v>
      </c>
      <c r="L379" s="1" t="s">
        <v>1643</v>
      </c>
      <c r="M379" s="1" t="s">
        <v>5</v>
      </c>
      <c r="N379" s="1" t="s">
        <v>6</v>
      </c>
      <c r="O379" s="1" t="s">
        <v>8</v>
      </c>
      <c r="P379" s="5" t="s">
        <v>31066</v>
      </c>
    </row>
    <row r="380" spans="1:16" x14ac:dyDescent="0.2">
      <c r="A380" s="1" t="s">
        <v>10</v>
      </c>
      <c r="B380" s="1" t="s">
        <v>10</v>
      </c>
      <c r="C380" s="1" t="s">
        <v>1649</v>
      </c>
      <c r="D380" s="1" t="s">
        <v>1650</v>
      </c>
      <c r="E380" s="1"/>
      <c r="F380" s="1" t="s">
        <v>10</v>
      </c>
      <c r="G380" s="1" t="s">
        <v>10</v>
      </c>
      <c r="H380" s="1" t="s">
        <v>10</v>
      </c>
      <c r="I380" s="1" t="s">
        <v>1182</v>
      </c>
      <c r="J380" s="1" t="s">
        <v>10</v>
      </c>
      <c r="K380" s="1" t="s">
        <v>64</v>
      </c>
      <c r="L380" s="1" t="s">
        <v>1648</v>
      </c>
      <c r="M380" s="1" t="s">
        <v>5</v>
      </c>
      <c r="N380" s="1" t="s">
        <v>960</v>
      </c>
      <c r="O380" s="1" t="s">
        <v>38</v>
      </c>
      <c r="P380" s="5" t="s">
        <v>29874</v>
      </c>
    </row>
    <row r="381" spans="1:16" x14ac:dyDescent="0.2">
      <c r="A381" s="1" t="s">
        <v>20</v>
      </c>
      <c r="B381" s="1" t="s">
        <v>99</v>
      </c>
      <c r="C381" s="1" t="s">
        <v>1653</v>
      </c>
      <c r="D381" s="1" t="s">
        <v>1654</v>
      </c>
      <c r="E381" s="1"/>
      <c r="F381" s="1" t="s">
        <v>10</v>
      </c>
      <c r="G381" s="1" t="s">
        <v>10</v>
      </c>
      <c r="H381" s="1" t="s">
        <v>10</v>
      </c>
      <c r="I381" s="1" t="s">
        <v>1182</v>
      </c>
      <c r="J381" s="1" t="s">
        <v>1192</v>
      </c>
      <c r="K381" s="1" t="s">
        <v>130</v>
      </c>
      <c r="L381" s="1" t="s">
        <v>1652</v>
      </c>
      <c r="M381" s="1" t="s">
        <v>5</v>
      </c>
      <c r="N381" s="1" t="s">
        <v>25</v>
      </c>
      <c r="O381" s="1" t="s">
        <v>38</v>
      </c>
      <c r="P381" s="5" t="s">
        <v>31067</v>
      </c>
    </row>
    <row r="382" spans="1:16" x14ac:dyDescent="0.2">
      <c r="A382" s="1" t="s">
        <v>329</v>
      </c>
      <c r="B382" s="1" t="s">
        <v>1659</v>
      </c>
      <c r="C382" s="1" t="s">
        <v>1656</v>
      </c>
      <c r="D382" s="1" t="s">
        <v>1657</v>
      </c>
      <c r="E382" s="1"/>
      <c r="F382" s="1" t="s">
        <v>27</v>
      </c>
      <c r="G382" s="1" t="s">
        <v>10</v>
      </c>
      <c r="H382" s="1" t="s">
        <v>1658</v>
      </c>
      <c r="I382" s="1" t="s">
        <v>1182</v>
      </c>
      <c r="J382" s="1" t="s">
        <v>19</v>
      </c>
      <c r="K382" s="1" t="s">
        <v>47</v>
      </c>
      <c r="L382" s="1" t="s">
        <v>1655</v>
      </c>
      <c r="M382" s="1" t="s">
        <v>5</v>
      </c>
      <c r="N382" s="1" t="s">
        <v>6</v>
      </c>
      <c r="O382" s="1" t="s">
        <v>8</v>
      </c>
      <c r="P382" s="5" t="s">
        <v>29883</v>
      </c>
    </row>
    <row r="383" spans="1:16" x14ac:dyDescent="0.2">
      <c r="A383" s="1" t="s">
        <v>42</v>
      </c>
      <c r="B383" s="1" t="s">
        <v>1664</v>
      </c>
      <c r="C383" s="1" t="s">
        <v>1661</v>
      </c>
      <c r="D383" s="1" t="s">
        <v>1662</v>
      </c>
      <c r="E383" s="1" t="s">
        <v>1663</v>
      </c>
      <c r="F383" s="1" t="s">
        <v>27</v>
      </c>
      <c r="G383" s="1" t="s">
        <v>10</v>
      </c>
      <c r="H383" s="1" t="s">
        <v>968</v>
      </c>
      <c r="I383" s="1" t="s">
        <v>1182</v>
      </c>
      <c r="J383" s="1" t="s">
        <v>19</v>
      </c>
      <c r="K383" s="1" t="s">
        <v>64</v>
      </c>
      <c r="L383" s="1" t="s">
        <v>1660</v>
      </c>
      <c r="M383" s="1" t="s">
        <v>5</v>
      </c>
      <c r="N383" s="1" t="s">
        <v>25</v>
      </c>
      <c r="O383" s="1" t="s">
        <v>8</v>
      </c>
      <c r="P383" s="5" t="s">
        <v>29884</v>
      </c>
    </row>
    <row r="384" spans="1:16" x14ac:dyDescent="0.2">
      <c r="A384" s="1" t="s">
        <v>1385</v>
      </c>
      <c r="B384" s="1" t="s">
        <v>1670</v>
      </c>
      <c r="C384" s="1" t="s">
        <v>1666</v>
      </c>
      <c r="D384" s="1" t="s">
        <v>1667</v>
      </c>
      <c r="E384" s="1"/>
      <c r="F384" s="1" t="s">
        <v>105</v>
      </c>
      <c r="G384" s="1" t="s">
        <v>1668</v>
      </c>
      <c r="H384" s="1" t="s">
        <v>1669</v>
      </c>
      <c r="I384" s="1" t="s">
        <v>1182</v>
      </c>
      <c r="J384" s="1" t="s">
        <v>1186</v>
      </c>
      <c r="K384" s="1" t="s">
        <v>64</v>
      </c>
      <c r="L384" s="1" t="s">
        <v>1665</v>
      </c>
      <c r="M384" s="1" t="s">
        <v>5</v>
      </c>
      <c r="N384" s="1" t="s">
        <v>432</v>
      </c>
      <c r="O384" s="1" t="s">
        <v>8</v>
      </c>
      <c r="P384" s="5" t="s">
        <v>31068</v>
      </c>
    </row>
    <row r="385" spans="1:16" x14ac:dyDescent="0.2">
      <c r="A385" s="1" t="s">
        <v>10</v>
      </c>
      <c r="B385" s="1" t="s">
        <v>10</v>
      </c>
      <c r="C385" s="1" t="s">
        <v>1672</v>
      </c>
      <c r="D385" s="1" t="s">
        <v>1673</v>
      </c>
      <c r="E385" s="1"/>
      <c r="F385" s="1" t="s">
        <v>10</v>
      </c>
      <c r="G385" s="1" t="s">
        <v>10</v>
      </c>
      <c r="H385" s="1" t="s">
        <v>10</v>
      </c>
      <c r="I385" s="1" t="s">
        <v>1182</v>
      </c>
      <c r="J385" s="1" t="s">
        <v>10</v>
      </c>
      <c r="K385" s="1" t="s">
        <v>64</v>
      </c>
      <c r="L385" s="1" t="s">
        <v>1671</v>
      </c>
      <c r="M385" s="1" t="s">
        <v>5</v>
      </c>
      <c r="N385" s="1" t="s">
        <v>960</v>
      </c>
      <c r="O385" s="1" t="s">
        <v>38</v>
      </c>
      <c r="P385" s="5" t="s">
        <v>29874</v>
      </c>
    </row>
    <row r="386" spans="1:16" x14ac:dyDescent="0.2">
      <c r="A386" s="1" t="s">
        <v>10</v>
      </c>
      <c r="B386" s="1" t="s">
        <v>10</v>
      </c>
      <c r="C386" s="1" t="s">
        <v>1675</v>
      </c>
      <c r="D386" s="1" t="s">
        <v>157</v>
      </c>
      <c r="E386" s="1"/>
      <c r="F386" s="1" t="s">
        <v>10</v>
      </c>
      <c r="G386" s="1" t="s">
        <v>10</v>
      </c>
      <c r="H386" s="1" t="s">
        <v>10</v>
      </c>
      <c r="I386" s="1" t="s">
        <v>1182</v>
      </c>
      <c r="J386" s="1" t="s">
        <v>10</v>
      </c>
      <c r="K386" s="1" t="s">
        <v>64</v>
      </c>
      <c r="L386" s="1" t="s">
        <v>1674</v>
      </c>
      <c r="M386" s="1" t="s">
        <v>5</v>
      </c>
      <c r="N386" s="1" t="s">
        <v>25</v>
      </c>
      <c r="O386" s="1" t="s">
        <v>38</v>
      </c>
      <c r="P386" s="5" t="s">
        <v>29874</v>
      </c>
    </row>
    <row r="387" spans="1:16" x14ac:dyDescent="0.2">
      <c r="A387" s="1" t="s">
        <v>10</v>
      </c>
      <c r="B387" s="1" t="s">
        <v>10</v>
      </c>
      <c r="C387" s="1" t="s">
        <v>1677</v>
      </c>
      <c r="D387" s="1" t="s">
        <v>1678</v>
      </c>
      <c r="E387" s="1"/>
      <c r="F387" s="1" t="s">
        <v>10</v>
      </c>
      <c r="G387" s="1" t="s">
        <v>10</v>
      </c>
      <c r="H387" s="1" t="s">
        <v>10</v>
      </c>
      <c r="I387" s="1" t="s">
        <v>1182</v>
      </c>
      <c r="J387" s="1" t="s">
        <v>10</v>
      </c>
      <c r="K387" s="1" t="s">
        <v>64</v>
      </c>
      <c r="L387" s="1" t="s">
        <v>1676</v>
      </c>
      <c r="M387" s="1" t="s">
        <v>5</v>
      </c>
      <c r="N387" s="1" t="s">
        <v>25</v>
      </c>
      <c r="O387" s="1" t="s">
        <v>38</v>
      </c>
      <c r="P387" s="5" t="s">
        <v>29885</v>
      </c>
    </row>
    <row r="388" spans="1:16" x14ac:dyDescent="0.2">
      <c r="A388" s="1" t="s">
        <v>66</v>
      </c>
      <c r="B388" s="1" t="s">
        <v>574</v>
      </c>
      <c r="C388" s="1" t="s">
        <v>1680</v>
      </c>
      <c r="D388" s="1" t="s">
        <v>1681</v>
      </c>
      <c r="E388" s="1"/>
      <c r="F388" s="1" t="s">
        <v>27</v>
      </c>
      <c r="G388" s="1" t="s">
        <v>10</v>
      </c>
      <c r="H388" s="1" t="s">
        <v>1682</v>
      </c>
      <c r="I388" s="1" t="s">
        <v>1182</v>
      </c>
      <c r="J388" s="1" t="s">
        <v>19</v>
      </c>
      <c r="K388" s="1" t="s">
        <v>7</v>
      </c>
      <c r="L388" s="1" t="s">
        <v>1679</v>
      </c>
      <c r="M388" s="1" t="s">
        <v>5</v>
      </c>
      <c r="N388" s="1" t="s">
        <v>6</v>
      </c>
      <c r="O388" s="1" t="s">
        <v>8</v>
      </c>
      <c r="P388" s="5" t="s">
        <v>31044</v>
      </c>
    </row>
    <row r="389" spans="1:16" x14ac:dyDescent="0.2">
      <c r="A389" s="1" t="s">
        <v>1385</v>
      </c>
      <c r="B389" s="1" t="s">
        <v>1687</v>
      </c>
      <c r="C389" s="1" t="s">
        <v>1684</v>
      </c>
      <c r="D389" s="1" t="s">
        <v>1685</v>
      </c>
      <c r="E389" s="1"/>
      <c r="F389" s="1" t="s">
        <v>27</v>
      </c>
      <c r="G389" s="1" t="s">
        <v>10</v>
      </c>
      <c r="H389" s="1" t="s">
        <v>1686</v>
      </c>
      <c r="I389" s="1" t="s">
        <v>1182</v>
      </c>
      <c r="J389" s="1" t="s">
        <v>19</v>
      </c>
      <c r="K389" s="1" t="s">
        <v>64</v>
      </c>
      <c r="L389" s="1" t="s">
        <v>1683</v>
      </c>
      <c r="M389" s="1" t="s">
        <v>5</v>
      </c>
      <c r="N389" s="1" t="s">
        <v>6</v>
      </c>
      <c r="O389" s="1" t="s">
        <v>8</v>
      </c>
      <c r="P389" s="5" t="s">
        <v>31044</v>
      </c>
    </row>
    <row r="390" spans="1:16" x14ac:dyDescent="0.2">
      <c r="A390" s="1" t="s">
        <v>42</v>
      </c>
      <c r="B390" s="1" t="s">
        <v>320</v>
      </c>
      <c r="C390" s="1" t="s">
        <v>1689</v>
      </c>
      <c r="D390" s="1" t="s">
        <v>1690</v>
      </c>
      <c r="E390" s="1"/>
      <c r="F390" s="1" t="s">
        <v>10</v>
      </c>
      <c r="G390" s="1" t="s">
        <v>10</v>
      </c>
      <c r="H390" s="1" t="s">
        <v>10</v>
      </c>
      <c r="I390" s="1" t="s">
        <v>1182</v>
      </c>
      <c r="J390" s="1" t="s">
        <v>1322</v>
      </c>
      <c r="K390" s="1" t="s">
        <v>130</v>
      </c>
      <c r="L390" s="1" t="s">
        <v>1688</v>
      </c>
      <c r="M390" s="1" t="s">
        <v>5</v>
      </c>
      <c r="N390" s="1" t="s">
        <v>25</v>
      </c>
      <c r="O390" s="1" t="s">
        <v>38</v>
      </c>
      <c r="P390" s="5" t="s">
        <v>31069</v>
      </c>
    </row>
    <row r="391" spans="1:16" x14ac:dyDescent="0.2">
      <c r="A391" s="1" t="s">
        <v>10</v>
      </c>
      <c r="B391" s="1" t="s">
        <v>10</v>
      </c>
      <c r="C391" s="1" t="s">
        <v>1693</v>
      </c>
      <c r="D391" s="1" t="s">
        <v>1694</v>
      </c>
      <c r="E391" s="1"/>
      <c r="F391" s="1" t="s">
        <v>10</v>
      </c>
      <c r="G391" s="1" t="s">
        <v>10</v>
      </c>
      <c r="H391" s="1" t="s">
        <v>10</v>
      </c>
      <c r="I391" s="1" t="s">
        <v>1182</v>
      </c>
      <c r="J391" s="1" t="s">
        <v>10</v>
      </c>
      <c r="K391" s="1" t="s">
        <v>10</v>
      </c>
      <c r="L391" s="1" t="s">
        <v>1692</v>
      </c>
      <c r="M391" s="1" t="s">
        <v>5</v>
      </c>
      <c r="N391" s="1" t="s">
        <v>1695</v>
      </c>
      <c r="O391" s="1" t="s">
        <v>38</v>
      </c>
      <c r="P391" s="5" t="s">
        <v>29886</v>
      </c>
    </row>
    <row r="392" spans="1:16" x14ac:dyDescent="0.2">
      <c r="A392" s="1" t="s">
        <v>10</v>
      </c>
      <c r="B392" s="1" t="s">
        <v>10</v>
      </c>
      <c r="C392" s="1" t="s">
        <v>1697</v>
      </c>
      <c r="D392" s="1" t="s">
        <v>1698</v>
      </c>
      <c r="E392" s="1"/>
      <c r="F392" s="1" t="s">
        <v>10</v>
      </c>
      <c r="G392" s="1" t="s">
        <v>1623</v>
      </c>
      <c r="H392" s="1" t="s">
        <v>1699</v>
      </c>
      <c r="I392" s="1" t="s">
        <v>1182</v>
      </c>
      <c r="J392" s="1" t="s">
        <v>19</v>
      </c>
      <c r="K392" s="1" t="s">
        <v>64</v>
      </c>
      <c r="L392" s="1" t="s">
        <v>1696</v>
      </c>
      <c r="M392" s="1" t="s">
        <v>5</v>
      </c>
      <c r="N392" s="1" t="s">
        <v>25</v>
      </c>
      <c r="O392" s="1" t="s">
        <v>38</v>
      </c>
      <c r="P392" s="5" t="s">
        <v>29887</v>
      </c>
    </row>
    <row r="393" spans="1:16" x14ac:dyDescent="0.2">
      <c r="A393" s="1" t="s">
        <v>20</v>
      </c>
      <c r="B393" s="1" t="s">
        <v>99</v>
      </c>
      <c r="C393" s="1" t="s">
        <v>1701</v>
      </c>
      <c r="D393" s="1" t="s">
        <v>1702</v>
      </c>
      <c r="E393" s="1"/>
      <c r="F393" s="1" t="s">
        <v>10</v>
      </c>
      <c r="G393" s="1" t="s">
        <v>10</v>
      </c>
      <c r="H393" s="1" t="s">
        <v>10</v>
      </c>
      <c r="I393" s="1" t="s">
        <v>1182</v>
      </c>
      <c r="J393" s="1" t="s">
        <v>10</v>
      </c>
      <c r="K393" s="1" t="s">
        <v>10</v>
      </c>
      <c r="L393" s="1" t="s">
        <v>1700</v>
      </c>
      <c r="M393" s="1" t="s">
        <v>5</v>
      </c>
      <c r="N393" s="1" t="s">
        <v>25</v>
      </c>
      <c r="O393" s="1" t="s">
        <v>38</v>
      </c>
      <c r="P393" s="5" t="s">
        <v>29887</v>
      </c>
    </row>
    <row r="394" spans="1:16" x14ac:dyDescent="0.2">
      <c r="A394" s="1" t="s">
        <v>10</v>
      </c>
      <c r="B394" s="1" t="s">
        <v>10</v>
      </c>
      <c r="C394" s="1" t="s">
        <v>1704</v>
      </c>
      <c r="D394" s="1" t="s">
        <v>1705</v>
      </c>
      <c r="E394" s="1" t="s">
        <v>1706</v>
      </c>
      <c r="F394" s="1" t="s">
        <v>10</v>
      </c>
      <c r="G394" s="1" t="s">
        <v>10</v>
      </c>
      <c r="H394" s="1" t="s">
        <v>10</v>
      </c>
      <c r="I394" s="1" t="s">
        <v>1182</v>
      </c>
      <c r="J394" s="1" t="s">
        <v>10</v>
      </c>
      <c r="K394" s="1" t="s">
        <v>443</v>
      </c>
      <c r="L394" s="1" t="s">
        <v>1703</v>
      </c>
      <c r="M394" s="1" t="s">
        <v>5</v>
      </c>
      <c r="N394" s="1" t="s">
        <v>25</v>
      </c>
      <c r="O394" s="1" t="s">
        <v>38</v>
      </c>
      <c r="P394" s="5" t="s">
        <v>29888</v>
      </c>
    </row>
    <row r="395" spans="1:16" x14ac:dyDescent="0.2">
      <c r="A395" s="1" t="s">
        <v>42</v>
      </c>
      <c r="B395" s="1" t="s">
        <v>320</v>
      </c>
      <c r="C395" s="1" t="s">
        <v>1708</v>
      </c>
      <c r="D395" s="1" t="s">
        <v>1709</v>
      </c>
      <c r="E395" s="1"/>
      <c r="F395" s="1" t="s">
        <v>10</v>
      </c>
      <c r="G395" s="1" t="s">
        <v>10</v>
      </c>
      <c r="H395" s="1" t="s">
        <v>10</v>
      </c>
      <c r="I395" s="1" t="s">
        <v>1182</v>
      </c>
      <c r="J395" s="1" t="s">
        <v>1710</v>
      </c>
      <c r="K395" s="1" t="s">
        <v>27</v>
      </c>
      <c r="L395" s="1" t="s">
        <v>1707</v>
      </c>
      <c r="M395" s="1" t="s">
        <v>5</v>
      </c>
      <c r="N395" s="1" t="s">
        <v>25</v>
      </c>
      <c r="O395" s="1" t="s">
        <v>38</v>
      </c>
      <c r="P395" s="5" t="s">
        <v>29889</v>
      </c>
    </row>
    <row r="396" spans="1:16" x14ac:dyDescent="0.2">
      <c r="A396" s="1" t="s">
        <v>10</v>
      </c>
      <c r="B396" s="1" t="s">
        <v>10</v>
      </c>
      <c r="C396" s="1" t="s">
        <v>1712</v>
      </c>
      <c r="D396" s="1" t="s">
        <v>1713</v>
      </c>
      <c r="E396" s="1"/>
      <c r="F396" s="1" t="s">
        <v>10</v>
      </c>
      <c r="G396" s="1" t="s">
        <v>10</v>
      </c>
      <c r="H396" s="1" t="s">
        <v>10</v>
      </c>
      <c r="I396" s="1" t="s">
        <v>1182</v>
      </c>
      <c r="J396" s="1" t="s">
        <v>19</v>
      </c>
      <c r="K396" s="1" t="s">
        <v>64</v>
      </c>
      <c r="L396" s="1" t="s">
        <v>1711</v>
      </c>
      <c r="M396" s="1" t="s">
        <v>5</v>
      </c>
      <c r="N396" s="1" t="s">
        <v>25</v>
      </c>
      <c r="O396" s="1" t="s">
        <v>38</v>
      </c>
      <c r="P396" s="5" t="s">
        <v>29890</v>
      </c>
    </row>
    <row r="397" spans="1:16" x14ac:dyDescent="0.2">
      <c r="A397" s="1" t="s">
        <v>1385</v>
      </c>
      <c r="B397" s="1" t="s">
        <v>1386</v>
      </c>
      <c r="C397" s="1" t="s">
        <v>1716</v>
      </c>
      <c r="D397" s="1" t="s">
        <v>1717</v>
      </c>
      <c r="E397" s="1"/>
      <c r="F397" s="1" t="s">
        <v>10</v>
      </c>
      <c r="G397" s="1" t="s">
        <v>10</v>
      </c>
      <c r="H397" s="1" t="s">
        <v>10</v>
      </c>
      <c r="I397" s="1" t="s">
        <v>1182</v>
      </c>
      <c r="J397" s="1" t="s">
        <v>1606</v>
      </c>
      <c r="K397" s="1" t="s">
        <v>1563</v>
      </c>
      <c r="L397" s="1" t="s">
        <v>1715</v>
      </c>
      <c r="M397" s="1" t="s">
        <v>5</v>
      </c>
      <c r="N397" s="1" t="s">
        <v>960</v>
      </c>
      <c r="O397" s="1" t="s">
        <v>38</v>
      </c>
      <c r="P397" s="5" t="s">
        <v>29891</v>
      </c>
    </row>
    <row r="398" spans="1:16" x14ac:dyDescent="0.2">
      <c r="A398" s="1" t="s">
        <v>10</v>
      </c>
      <c r="B398" s="1" t="s">
        <v>10</v>
      </c>
      <c r="C398" s="1" t="s">
        <v>1719</v>
      </c>
      <c r="D398" s="1" t="s">
        <v>1720</v>
      </c>
      <c r="E398" s="1" t="s">
        <v>1721</v>
      </c>
      <c r="F398" s="1" t="s">
        <v>10</v>
      </c>
      <c r="G398" s="1" t="s">
        <v>10</v>
      </c>
      <c r="H398" s="1" t="s">
        <v>10</v>
      </c>
      <c r="I398" s="1" t="s">
        <v>1182</v>
      </c>
      <c r="J398" s="1" t="s">
        <v>10</v>
      </c>
      <c r="K398" s="1" t="s">
        <v>64</v>
      </c>
      <c r="L398" s="1" t="s">
        <v>1718</v>
      </c>
      <c r="M398" s="1" t="s">
        <v>5</v>
      </c>
      <c r="N398" s="1" t="s">
        <v>960</v>
      </c>
      <c r="O398" s="1" t="s">
        <v>38</v>
      </c>
      <c r="P398" s="5" t="s">
        <v>29892</v>
      </c>
    </row>
    <row r="399" spans="1:16" x14ac:dyDescent="0.2">
      <c r="A399" s="1" t="s">
        <v>42</v>
      </c>
      <c r="B399" s="1" t="s">
        <v>320</v>
      </c>
      <c r="C399" s="1" t="s">
        <v>1723</v>
      </c>
      <c r="D399" s="1" t="s">
        <v>1724</v>
      </c>
      <c r="E399" s="1" t="s">
        <v>1725</v>
      </c>
      <c r="F399" s="1" t="s">
        <v>10</v>
      </c>
      <c r="G399" s="1" t="s">
        <v>10</v>
      </c>
      <c r="H399" s="1" t="s">
        <v>10</v>
      </c>
      <c r="I399" s="1" t="s">
        <v>1182</v>
      </c>
      <c r="J399" s="1" t="s">
        <v>10</v>
      </c>
      <c r="K399" s="1" t="s">
        <v>64</v>
      </c>
      <c r="L399" s="1" t="s">
        <v>1722</v>
      </c>
      <c r="M399" s="1" t="s">
        <v>5</v>
      </c>
      <c r="N399" s="1" t="s">
        <v>960</v>
      </c>
      <c r="O399" s="1" t="s">
        <v>38</v>
      </c>
      <c r="P399" s="5" t="s">
        <v>29893</v>
      </c>
    </row>
    <row r="400" spans="1:16" x14ac:dyDescent="0.2">
      <c r="A400" s="1" t="s">
        <v>42</v>
      </c>
      <c r="B400" s="1" t="s">
        <v>335</v>
      </c>
      <c r="C400" s="1" t="s">
        <v>1727</v>
      </c>
      <c r="D400" s="1" t="s">
        <v>1728</v>
      </c>
      <c r="E400" s="1"/>
      <c r="F400" s="1" t="s">
        <v>27</v>
      </c>
      <c r="G400" s="1" t="s">
        <v>10</v>
      </c>
      <c r="H400" s="1" t="s">
        <v>1729</v>
      </c>
      <c r="I400" s="1" t="s">
        <v>1182</v>
      </c>
      <c r="J400" s="1" t="s">
        <v>19</v>
      </c>
      <c r="K400" s="1" t="s">
        <v>47</v>
      </c>
      <c r="L400" s="1" t="s">
        <v>1726</v>
      </c>
      <c r="M400" s="1" t="s">
        <v>5</v>
      </c>
      <c r="N400" s="1" t="s">
        <v>25</v>
      </c>
      <c r="O400" s="1" t="s">
        <v>8</v>
      </c>
      <c r="P400" s="5" t="s">
        <v>30250</v>
      </c>
    </row>
    <row r="401" spans="1:16" x14ac:dyDescent="0.2">
      <c r="A401" s="1" t="s">
        <v>1086</v>
      </c>
      <c r="B401" s="1" t="s">
        <v>1586</v>
      </c>
      <c r="C401" s="1" t="s">
        <v>1731</v>
      </c>
      <c r="D401" s="1" t="s">
        <v>1732</v>
      </c>
      <c r="E401" s="1" t="s">
        <v>1733</v>
      </c>
      <c r="F401" s="1" t="s">
        <v>10</v>
      </c>
      <c r="G401" s="1" t="s">
        <v>10</v>
      </c>
      <c r="H401" s="1" t="s">
        <v>10</v>
      </c>
      <c r="I401" s="1" t="s">
        <v>1182</v>
      </c>
      <c r="J401" s="1" t="s">
        <v>1186</v>
      </c>
      <c r="K401" s="1" t="s">
        <v>130</v>
      </c>
      <c r="L401" s="1" t="s">
        <v>1730</v>
      </c>
      <c r="M401" s="1" t="s">
        <v>5</v>
      </c>
      <c r="N401" s="1" t="s">
        <v>960</v>
      </c>
      <c r="O401" s="1" t="s">
        <v>38</v>
      </c>
      <c r="P401" s="5" t="s">
        <v>31070</v>
      </c>
    </row>
    <row r="402" spans="1:16" x14ac:dyDescent="0.2">
      <c r="A402" s="1" t="s">
        <v>329</v>
      </c>
      <c r="B402" s="1" t="s">
        <v>1738</v>
      </c>
      <c r="C402" s="1" t="s">
        <v>1735</v>
      </c>
      <c r="D402" s="1" t="s">
        <v>1736</v>
      </c>
      <c r="E402" s="1"/>
      <c r="F402" s="1" t="s">
        <v>10</v>
      </c>
      <c r="G402" s="1" t="s">
        <v>10</v>
      </c>
      <c r="H402" s="1" t="s">
        <v>10</v>
      </c>
      <c r="I402" s="1" t="s">
        <v>1182</v>
      </c>
      <c r="J402" s="1" t="s">
        <v>19</v>
      </c>
      <c r="K402" s="1" t="s">
        <v>27</v>
      </c>
      <c r="L402" s="1" t="s">
        <v>1734</v>
      </c>
      <c r="M402" s="1" t="s">
        <v>5</v>
      </c>
      <c r="N402" s="1" t="s">
        <v>25</v>
      </c>
      <c r="O402" s="1" t="s">
        <v>38</v>
      </c>
      <c r="P402" s="5" t="s">
        <v>31071</v>
      </c>
    </row>
    <row r="403" spans="1:16" x14ac:dyDescent="0.2">
      <c r="A403" s="1" t="s">
        <v>10</v>
      </c>
      <c r="B403" s="1" t="s">
        <v>10</v>
      </c>
      <c r="C403" s="1" t="s">
        <v>1740</v>
      </c>
      <c r="D403" s="1" t="s">
        <v>1741</v>
      </c>
      <c r="E403" s="1" t="s">
        <v>1742</v>
      </c>
      <c r="F403" s="1" t="s">
        <v>10</v>
      </c>
      <c r="G403" s="1" t="s">
        <v>10</v>
      </c>
      <c r="H403" s="1" t="s">
        <v>10</v>
      </c>
      <c r="I403" s="1" t="s">
        <v>1182</v>
      </c>
      <c r="J403" s="1" t="s">
        <v>10</v>
      </c>
      <c r="K403" s="1" t="s">
        <v>64</v>
      </c>
      <c r="L403" s="1" t="s">
        <v>1739</v>
      </c>
      <c r="M403" s="1" t="s">
        <v>5</v>
      </c>
      <c r="N403" s="1" t="s">
        <v>960</v>
      </c>
      <c r="O403" s="1" t="s">
        <v>38</v>
      </c>
      <c r="P403" s="5" t="s">
        <v>29892</v>
      </c>
    </row>
    <row r="404" spans="1:16" x14ac:dyDescent="0.2">
      <c r="A404" s="1" t="s">
        <v>20</v>
      </c>
      <c r="B404" s="1" t="s">
        <v>132</v>
      </c>
      <c r="C404" s="1" t="s">
        <v>1744</v>
      </c>
      <c r="D404" s="1" t="s">
        <v>1745</v>
      </c>
      <c r="E404" s="1"/>
      <c r="F404" s="1" t="s">
        <v>27</v>
      </c>
      <c r="G404" s="1" t="s">
        <v>10</v>
      </c>
      <c r="H404" s="1" t="s">
        <v>1746</v>
      </c>
      <c r="I404" s="1" t="s">
        <v>1182</v>
      </c>
      <c r="J404" s="1" t="s">
        <v>1314</v>
      </c>
      <c r="K404" s="1" t="s">
        <v>130</v>
      </c>
      <c r="L404" s="1" t="s">
        <v>1743</v>
      </c>
      <c r="M404" s="1" t="s">
        <v>5</v>
      </c>
      <c r="N404" s="1" t="s">
        <v>25</v>
      </c>
      <c r="O404" s="1" t="s">
        <v>8</v>
      </c>
      <c r="P404" s="5" t="s">
        <v>29894</v>
      </c>
    </row>
    <row r="405" spans="1:16" x14ac:dyDescent="0.2">
      <c r="A405" s="1" t="s">
        <v>1385</v>
      </c>
      <c r="B405" s="1" t="s">
        <v>1386</v>
      </c>
      <c r="C405" s="1" t="s">
        <v>1748</v>
      </c>
      <c r="D405" s="1" t="s">
        <v>1749</v>
      </c>
      <c r="E405" s="1"/>
      <c r="F405" s="1" t="s">
        <v>27</v>
      </c>
      <c r="G405" s="1" t="s">
        <v>10</v>
      </c>
      <c r="H405" s="1" t="s">
        <v>1750</v>
      </c>
      <c r="I405" s="1" t="s">
        <v>1182</v>
      </c>
      <c r="J405" s="1" t="s">
        <v>1606</v>
      </c>
      <c r="K405" s="1" t="s">
        <v>1563</v>
      </c>
      <c r="L405" s="1" t="s">
        <v>1747</v>
      </c>
      <c r="M405" s="1" t="s">
        <v>5</v>
      </c>
      <c r="N405" s="1" t="s">
        <v>960</v>
      </c>
      <c r="O405" s="1" t="s">
        <v>8</v>
      </c>
      <c r="P405" s="5" t="s">
        <v>31072</v>
      </c>
    </row>
    <row r="406" spans="1:16" x14ac:dyDescent="0.2">
      <c r="A406" s="1" t="s">
        <v>487</v>
      </c>
      <c r="B406" s="1" t="s">
        <v>488</v>
      </c>
      <c r="C406" s="1" t="s">
        <v>1752</v>
      </c>
      <c r="D406" s="1" t="s">
        <v>1753</v>
      </c>
      <c r="E406" s="1"/>
      <c r="F406" s="1" t="s">
        <v>27</v>
      </c>
      <c r="G406" s="1" t="s">
        <v>10</v>
      </c>
      <c r="H406" s="1" t="s">
        <v>1754</v>
      </c>
      <c r="I406" s="1" t="s">
        <v>1182</v>
      </c>
      <c r="J406" s="1" t="s">
        <v>19</v>
      </c>
      <c r="K406" s="1" t="s">
        <v>64</v>
      </c>
      <c r="L406" s="1" t="s">
        <v>1751</v>
      </c>
      <c r="M406" s="1" t="s">
        <v>5</v>
      </c>
      <c r="N406" s="1" t="s">
        <v>6</v>
      </c>
      <c r="O406" s="1" t="s">
        <v>8</v>
      </c>
      <c r="P406" s="5" t="s">
        <v>31073</v>
      </c>
    </row>
    <row r="407" spans="1:16" x14ac:dyDescent="0.2">
      <c r="A407" s="1" t="s">
        <v>20</v>
      </c>
      <c r="B407" s="1" t="s">
        <v>253</v>
      </c>
      <c r="C407" s="1" t="s">
        <v>1756</v>
      </c>
      <c r="D407" s="1" t="s">
        <v>1757</v>
      </c>
      <c r="E407" s="1" t="s">
        <v>1758</v>
      </c>
      <c r="F407" s="1" t="s">
        <v>10</v>
      </c>
      <c r="G407" s="1" t="s">
        <v>10</v>
      </c>
      <c r="H407" s="1" t="s">
        <v>10</v>
      </c>
      <c r="I407" s="1" t="s">
        <v>1182</v>
      </c>
      <c r="J407" s="1" t="s">
        <v>19</v>
      </c>
      <c r="K407" s="1" t="s">
        <v>47</v>
      </c>
      <c r="L407" s="1" t="s">
        <v>1755</v>
      </c>
      <c r="M407" s="1" t="s">
        <v>5</v>
      </c>
      <c r="N407" s="1" t="s">
        <v>6</v>
      </c>
      <c r="O407" s="1" t="s">
        <v>38</v>
      </c>
      <c r="P407" s="5" t="s">
        <v>29895</v>
      </c>
    </row>
    <row r="408" spans="1:16" x14ac:dyDescent="0.2">
      <c r="A408" s="1" t="s">
        <v>10</v>
      </c>
      <c r="B408" s="1" t="s">
        <v>10</v>
      </c>
      <c r="C408" s="1" t="s">
        <v>1762</v>
      </c>
      <c r="D408" s="1" t="s">
        <v>1763</v>
      </c>
      <c r="E408" s="1" t="s">
        <v>1764</v>
      </c>
      <c r="F408" s="1" t="s">
        <v>10</v>
      </c>
      <c r="G408" s="1" t="s">
        <v>10</v>
      </c>
      <c r="H408" s="1" t="s">
        <v>10</v>
      </c>
      <c r="I408" s="1" t="s">
        <v>1182</v>
      </c>
      <c r="J408" s="1" t="s">
        <v>10</v>
      </c>
      <c r="K408" s="1" t="s">
        <v>64</v>
      </c>
      <c r="L408" s="1" t="s">
        <v>1761</v>
      </c>
      <c r="M408" s="1" t="s">
        <v>5</v>
      </c>
      <c r="N408" s="1" t="s">
        <v>960</v>
      </c>
      <c r="O408" s="1" t="s">
        <v>38</v>
      </c>
      <c r="P408" s="5" t="s">
        <v>29896</v>
      </c>
    </row>
    <row r="409" spans="1:16" x14ac:dyDescent="0.2">
      <c r="A409" s="1" t="s">
        <v>10</v>
      </c>
      <c r="B409" s="1" t="s">
        <v>10</v>
      </c>
      <c r="C409" s="1" t="s">
        <v>1766</v>
      </c>
      <c r="D409" s="1" t="s">
        <v>1767</v>
      </c>
      <c r="E409" s="1" t="s">
        <v>1768</v>
      </c>
      <c r="F409" s="1" t="s">
        <v>10</v>
      </c>
      <c r="G409" s="1" t="s">
        <v>10</v>
      </c>
      <c r="H409" s="1" t="s">
        <v>10</v>
      </c>
      <c r="I409" s="1" t="s">
        <v>1182</v>
      </c>
      <c r="J409" s="1" t="s">
        <v>10</v>
      </c>
      <c r="K409" s="1" t="s">
        <v>64</v>
      </c>
      <c r="L409" s="1" t="s">
        <v>1765</v>
      </c>
      <c r="M409" s="1" t="s">
        <v>5</v>
      </c>
      <c r="N409" s="1" t="s">
        <v>25</v>
      </c>
      <c r="O409" s="1" t="s">
        <v>38</v>
      </c>
      <c r="P409" s="5" t="s">
        <v>29897</v>
      </c>
    </row>
    <row r="410" spans="1:16" x14ac:dyDescent="0.2">
      <c r="A410" s="1" t="s">
        <v>10</v>
      </c>
      <c r="B410" s="1" t="s">
        <v>10</v>
      </c>
      <c r="C410" s="1" t="s">
        <v>1770</v>
      </c>
      <c r="D410" s="1" t="s">
        <v>1771</v>
      </c>
      <c r="E410" s="1"/>
      <c r="F410" s="1" t="s">
        <v>10</v>
      </c>
      <c r="G410" s="1" t="s">
        <v>10</v>
      </c>
      <c r="H410" s="1" t="s">
        <v>10</v>
      </c>
      <c r="I410" s="1" t="s">
        <v>1182</v>
      </c>
      <c r="J410" s="1" t="s">
        <v>10</v>
      </c>
      <c r="K410" s="1" t="s">
        <v>64</v>
      </c>
      <c r="L410" s="1" t="s">
        <v>1769</v>
      </c>
      <c r="M410" s="1" t="s">
        <v>5</v>
      </c>
      <c r="N410" s="1" t="s">
        <v>960</v>
      </c>
      <c r="O410" s="1" t="s">
        <v>38</v>
      </c>
      <c r="P410" s="5" t="s">
        <v>29874</v>
      </c>
    </row>
    <row r="411" spans="1:16" x14ac:dyDescent="0.2">
      <c r="A411" s="1" t="s">
        <v>10</v>
      </c>
      <c r="B411" s="1" t="s">
        <v>10</v>
      </c>
      <c r="C411" s="1" t="s">
        <v>1773</v>
      </c>
      <c r="D411" s="1" t="s">
        <v>1774</v>
      </c>
      <c r="E411" s="1"/>
      <c r="F411" s="1" t="s">
        <v>10</v>
      </c>
      <c r="G411" s="1" t="s">
        <v>10</v>
      </c>
      <c r="H411" s="1" t="s">
        <v>10</v>
      </c>
      <c r="I411" s="1" t="s">
        <v>1182</v>
      </c>
      <c r="J411" s="1" t="s">
        <v>10</v>
      </c>
      <c r="K411" s="1" t="s">
        <v>64</v>
      </c>
      <c r="L411" s="1" t="s">
        <v>1772</v>
      </c>
      <c r="M411" s="1" t="s">
        <v>5</v>
      </c>
      <c r="N411" s="1" t="s">
        <v>25</v>
      </c>
      <c r="O411" s="1" t="s">
        <v>38</v>
      </c>
      <c r="P411" s="5" t="s">
        <v>29874</v>
      </c>
    </row>
    <row r="412" spans="1:16" x14ac:dyDescent="0.2">
      <c r="A412" s="1" t="s">
        <v>10</v>
      </c>
      <c r="B412" s="1" t="s">
        <v>10</v>
      </c>
      <c r="C412" s="1" t="s">
        <v>1776</v>
      </c>
      <c r="D412" s="1" t="s">
        <v>1777</v>
      </c>
      <c r="E412" s="1" t="s">
        <v>1778</v>
      </c>
      <c r="F412" s="1" t="s">
        <v>27</v>
      </c>
      <c r="G412" s="1" t="s">
        <v>10</v>
      </c>
      <c r="H412" s="1" t="s">
        <v>10</v>
      </c>
      <c r="I412" s="1" t="s">
        <v>1182</v>
      </c>
      <c r="J412" s="1" t="s">
        <v>10</v>
      </c>
      <c r="K412" s="1" t="s">
        <v>64</v>
      </c>
      <c r="L412" s="1" t="s">
        <v>1775</v>
      </c>
      <c r="M412" s="1" t="s">
        <v>5</v>
      </c>
      <c r="N412" s="1" t="s">
        <v>960</v>
      </c>
      <c r="O412" s="1" t="s">
        <v>38</v>
      </c>
      <c r="P412" s="5" t="s">
        <v>29898</v>
      </c>
    </row>
    <row r="413" spans="1:16" x14ac:dyDescent="0.2">
      <c r="A413" s="1" t="s">
        <v>10</v>
      </c>
      <c r="B413" s="1" t="s">
        <v>10</v>
      </c>
      <c r="C413" s="1" t="s">
        <v>1780</v>
      </c>
      <c r="D413" s="1" t="s">
        <v>1781</v>
      </c>
      <c r="E413" s="1"/>
      <c r="F413" s="1" t="s">
        <v>10</v>
      </c>
      <c r="G413" s="1" t="s">
        <v>10</v>
      </c>
      <c r="H413" s="1" t="s">
        <v>10</v>
      </c>
      <c r="I413" s="1" t="s">
        <v>1182</v>
      </c>
      <c r="J413" s="1" t="s">
        <v>10</v>
      </c>
      <c r="K413" s="1" t="s">
        <v>64</v>
      </c>
      <c r="L413" s="1" t="s">
        <v>1779</v>
      </c>
      <c r="M413" s="1" t="s">
        <v>5</v>
      </c>
      <c r="N413" s="1" t="s">
        <v>960</v>
      </c>
      <c r="O413" s="1" t="s">
        <v>38</v>
      </c>
      <c r="P413" s="5" t="s">
        <v>29874</v>
      </c>
    </row>
    <row r="414" spans="1:16" x14ac:dyDescent="0.2">
      <c r="A414" s="1" t="s">
        <v>10</v>
      </c>
      <c r="B414" s="1" t="s">
        <v>10</v>
      </c>
      <c r="C414" s="1" t="s">
        <v>1783</v>
      </c>
      <c r="D414" s="1" t="s">
        <v>1784</v>
      </c>
      <c r="E414" s="1"/>
      <c r="F414" s="1" t="s">
        <v>10</v>
      </c>
      <c r="G414" s="1" t="s">
        <v>10</v>
      </c>
      <c r="H414" s="1" t="s">
        <v>10</v>
      </c>
      <c r="I414" s="1" t="s">
        <v>1182</v>
      </c>
      <c r="J414" s="1" t="s">
        <v>10</v>
      </c>
      <c r="K414" s="1" t="s">
        <v>64</v>
      </c>
      <c r="L414" s="1" t="s">
        <v>1782</v>
      </c>
      <c r="M414" s="1" t="s">
        <v>5</v>
      </c>
      <c r="N414" s="1" t="s">
        <v>960</v>
      </c>
      <c r="O414" s="1" t="s">
        <v>38</v>
      </c>
      <c r="P414" s="5" t="s">
        <v>29874</v>
      </c>
    </row>
    <row r="415" spans="1:16" x14ac:dyDescent="0.2">
      <c r="A415" s="1" t="s">
        <v>10</v>
      </c>
      <c r="B415" s="1" t="s">
        <v>10</v>
      </c>
      <c r="C415" s="1" t="s">
        <v>1786</v>
      </c>
      <c r="D415" s="1" t="s">
        <v>1787</v>
      </c>
      <c r="E415" s="1"/>
      <c r="F415" s="1" t="s">
        <v>10</v>
      </c>
      <c r="G415" s="1" t="s">
        <v>10</v>
      </c>
      <c r="H415" s="1" t="s">
        <v>10</v>
      </c>
      <c r="I415" s="1" t="s">
        <v>1182</v>
      </c>
      <c r="J415" s="1" t="s">
        <v>10</v>
      </c>
      <c r="K415" s="1" t="s">
        <v>64</v>
      </c>
      <c r="L415" s="1" t="s">
        <v>1785</v>
      </c>
      <c r="M415" s="1" t="s">
        <v>5</v>
      </c>
      <c r="N415" s="1" t="s">
        <v>960</v>
      </c>
      <c r="O415" s="1" t="s">
        <v>38</v>
      </c>
      <c r="P415" s="5" t="s">
        <v>29874</v>
      </c>
    </row>
    <row r="416" spans="1:16" x14ac:dyDescent="0.2">
      <c r="A416" s="1" t="s">
        <v>10</v>
      </c>
      <c r="B416" s="1" t="s">
        <v>10</v>
      </c>
      <c r="C416" s="1" t="s">
        <v>1789</v>
      </c>
      <c r="D416" s="1" t="s">
        <v>1790</v>
      </c>
      <c r="E416" s="1"/>
      <c r="F416" s="1" t="s">
        <v>10</v>
      </c>
      <c r="G416" s="1" t="s">
        <v>10</v>
      </c>
      <c r="H416" s="1" t="s">
        <v>10</v>
      </c>
      <c r="I416" s="1" t="s">
        <v>1182</v>
      </c>
      <c r="J416" s="1" t="s">
        <v>10</v>
      </c>
      <c r="K416" s="1" t="s">
        <v>64</v>
      </c>
      <c r="L416" s="1" t="s">
        <v>1788</v>
      </c>
      <c r="M416" s="1" t="s">
        <v>5</v>
      </c>
      <c r="N416" s="1" t="s">
        <v>25</v>
      </c>
      <c r="O416" s="1" t="s">
        <v>38</v>
      </c>
      <c r="P416" s="5" t="s">
        <v>29899</v>
      </c>
    </row>
    <row r="417" spans="1:16" ht="38.25" x14ac:dyDescent="0.2">
      <c r="A417" s="1" t="s">
        <v>66</v>
      </c>
      <c r="B417" s="1" t="s">
        <v>574</v>
      </c>
      <c r="C417" s="1" t="s">
        <v>1792</v>
      </c>
      <c r="D417" s="1" t="s">
        <v>1793</v>
      </c>
      <c r="E417" s="1"/>
      <c r="F417" s="1" t="s">
        <v>27</v>
      </c>
      <c r="G417" s="1" t="s">
        <v>10</v>
      </c>
      <c r="H417" s="1" t="s">
        <v>1295</v>
      </c>
      <c r="I417" s="1" t="s">
        <v>1182</v>
      </c>
      <c r="J417" s="1" t="s">
        <v>1294</v>
      </c>
      <c r="K417" s="1" t="s">
        <v>130</v>
      </c>
      <c r="L417" s="1" t="s">
        <v>1791</v>
      </c>
      <c r="M417" s="1" t="s">
        <v>5</v>
      </c>
      <c r="N417" s="1" t="s">
        <v>25</v>
      </c>
      <c r="O417" s="1" t="s">
        <v>8</v>
      </c>
      <c r="P417" s="9" t="s">
        <v>31074</v>
      </c>
    </row>
    <row r="418" spans="1:16" x14ac:dyDescent="0.2">
      <c r="A418" s="1" t="s">
        <v>10</v>
      </c>
      <c r="B418" s="1" t="s">
        <v>10</v>
      </c>
      <c r="C418" s="1" t="s">
        <v>1795</v>
      </c>
      <c r="D418" s="1" t="s">
        <v>1796</v>
      </c>
      <c r="E418" s="1"/>
      <c r="F418" s="1" t="s">
        <v>10</v>
      </c>
      <c r="G418" s="1" t="s">
        <v>10</v>
      </c>
      <c r="H418" s="1" t="s">
        <v>10</v>
      </c>
      <c r="I418" s="1" t="s">
        <v>1182</v>
      </c>
      <c r="J418" s="1" t="s">
        <v>10</v>
      </c>
      <c r="K418" s="1" t="s">
        <v>10</v>
      </c>
      <c r="L418" s="1" t="s">
        <v>1794</v>
      </c>
      <c r="M418" s="1" t="s">
        <v>5</v>
      </c>
      <c r="N418" s="1" t="s">
        <v>1695</v>
      </c>
      <c r="O418" s="1" t="s">
        <v>38</v>
      </c>
      <c r="P418" s="5" t="s">
        <v>32696</v>
      </c>
    </row>
    <row r="419" spans="1:16" x14ac:dyDescent="0.2">
      <c r="A419" s="1" t="s">
        <v>10</v>
      </c>
      <c r="B419" s="1" t="s">
        <v>10</v>
      </c>
      <c r="C419" s="1" t="s">
        <v>1798</v>
      </c>
      <c r="D419" s="1" t="s">
        <v>1799</v>
      </c>
      <c r="E419" s="1"/>
      <c r="F419" s="1" t="s">
        <v>10</v>
      </c>
      <c r="G419" s="1" t="s">
        <v>10</v>
      </c>
      <c r="H419" s="1" t="s">
        <v>10</v>
      </c>
      <c r="I419" s="1" t="s">
        <v>1182</v>
      </c>
      <c r="J419" s="1" t="s">
        <v>10</v>
      </c>
      <c r="K419" s="1" t="s">
        <v>64</v>
      </c>
      <c r="L419" s="1" t="s">
        <v>1797</v>
      </c>
      <c r="M419" s="1" t="s">
        <v>5</v>
      </c>
      <c r="N419" s="1" t="s">
        <v>25</v>
      </c>
      <c r="O419" s="1" t="s">
        <v>38</v>
      </c>
      <c r="P419" s="5" t="s">
        <v>29897</v>
      </c>
    </row>
    <row r="420" spans="1:16" x14ac:dyDescent="0.2">
      <c r="A420" s="1" t="s">
        <v>20</v>
      </c>
      <c r="B420" s="1" t="s">
        <v>1804</v>
      </c>
      <c r="C420" s="1" t="s">
        <v>1801</v>
      </c>
      <c r="D420" s="1" t="s">
        <v>1802</v>
      </c>
      <c r="E420" s="1"/>
      <c r="F420" s="1" t="s">
        <v>10</v>
      </c>
      <c r="G420" s="1" t="s">
        <v>10</v>
      </c>
      <c r="H420" s="1" t="s">
        <v>10</v>
      </c>
      <c r="I420" s="1" t="s">
        <v>1182</v>
      </c>
      <c r="J420" s="1" t="s">
        <v>10</v>
      </c>
      <c r="K420" s="1" t="s">
        <v>1563</v>
      </c>
      <c r="L420" s="1" t="s">
        <v>1800</v>
      </c>
      <c r="M420" s="1" t="s">
        <v>5</v>
      </c>
      <c r="N420" s="1" t="s">
        <v>960</v>
      </c>
      <c r="O420" s="1" t="s">
        <v>38</v>
      </c>
      <c r="P420" s="5" t="s">
        <v>31075</v>
      </c>
    </row>
    <row r="421" spans="1:16" x14ac:dyDescent="0.2">
      <c r="A421" s="1" t="s">
        <v>10</v>
      </c>
      <c r="B421" s="1" t="s">
        <v>10</v>
      </c>
      <c r="C421" s="1" t="s">
        <v>1806</v>
      </c>
      <c r="D421" s="1" t="s">
        <v>1807</v>
      </c>
      <c r="E421" s="1" t="s">
        <v>1806</v>
      </c>
      <c r="F421" s="1" t="s">
        <v>10</v>
      </c>
      <c r="G421" s="1" t="s">
        <v>10</v>
      </c>
      <c r="H421" s="1" t="s">
        <v>10</v>
      </c>
      <c r="I421" s="1" t="s">
        <v>1182</v>
      </c>
      <c r="J421" s="1" t="s">
        <v>10</v>
      </c>
      <c r="K421" s="1" t="s">
        <v>64</v>
      </c>
      <c r="L421" s="1" t="s">
        <v>1805</v>
      </c>
      <c r="M421" s="1" t="s">
        <v>5</v>
      </c>
      <c r="N421" s="1" t="s">
        <v>960</v>
      </c>
      <c r="O421" s="1" t="s">
        <v>8</v>
      </c>
      <c r="P421" s="5" t="s">
        <v>29900</v>
      </c>
    </row>
    <row r="422" spans="1:16" ht="25.5" x14ac:dyDescent="0.2">
      <c r="A422" s="1" t="s">
        <v>66</v>
      </c>
      <c r="B422" s="1" t="s">
        <v>1812</v>
      </c>
      <c r="C422" s="1" t="s">
        <v>1809</v>
      </c>
      <c r="D422" s="1" t="s">
        <v>1810</v>
      </c>
      <c r="E422" s="1"/>
      <c r="F422" s="1" t="s">
        <v>27</v>
      </c>
      <c r="G422" s="1" t="s">
        <v>10</v>
      </c>
      <c r="H422" s="1" t="s">
        <v>1811</v>
      </c>
      <c r="I422" s="1" t="s">
        <v>1182</v>
      </c>
      <c r="J422" s="1" t="s">
        <v>1345</v>
      </c>
      <c r="K422" s="1" t="s">
        <v>7</v>
      </c>
      <c r="L422" s="1" t="s">
        <v>1808</v>
      </c>
      <c r="M422" s="1" t="s">
        <v>5</v>
      </c>
      <c r="N422" s="1" t="s">
        <v>6</v>
      </c>
      <c r="O422" s="1" t="s">
        <v>8</v>
      </c>
      <c r="P422" s="9" t="s">
        <v>31076</v>
      </c>
    </row>
    <row r="423" spans="1:16" x14ac:dyDescent="0.2">
      <c r="A423" s="1" t="s">
        <v>10</v>
      </c>
      <c r="B423" s="1" t="s">
        <v>10</v>
      </c>
      <c r="C423" s="1" t="s">
        <v>1815</v>
      </c>
      <c r="D423" s="1" t="s">
        <v>1816</v>
      </c>
      <c r="E423" s="1" t="s">
        <v>1817</v>
      </c>
      <c r="F423" s="1" t="s">
        <v>10</v>
      </c>
      <c r="G423" s="1" t="s">
        <v>10</v>
      </c>
      <c r="H423" s="1" t="s">
        <v>10</v>
      </c>
      <c r="I423" s="1" t="s">
        <v>1182</v>
      </c>
      <c r="J423" s="1" t="s">
        <v>10</v>
      </c>
      <c r="K423" s="1" t="s">
        <v>64</v>
      </c>
      <c r="L423" s="1" t="s">
        <v>1814</v>
      </c>
      <c r="M423" s="1" t="s">
        <v>5</v>
      </c>
      <c r="N423" s="1" t="s">
        <v>960</v>
      </c>
      <c r="O423" s="1" t="s">
        <v>38</v>
      </c>
      <c r="P423" s="5" t="s">
        <v>29901</v>
      </c>
    </row>
    <row r="424" spans="1:16" ht="102" x14ac:dyDescent="0.2">
      <c r="A424" s="1" t="s">
        <v>66</v>
      </c>
      <c r="B424" s="1" t="s">
        <v>574</v>
      </c>
      <c r="C424" s="1" t="s">
        <v>1819</v>
      </c>
      <c r="D424" s="1" t="s">
        <v>906</v>
      </c>
      <c r="E424" s="1"/>
      <c r="F424" s="1" t="s">
        <v>27</v>
      </c>
      <c r="G424" s="1" t="s">
        <v>10</v>
      </c>
      <c r="H424" s="1" t="s">
        <v>1295</v>
      </c>
      <c r="I424" s="1" t="s">
        <v>1182</v>
      </c>
      <c r="J424" s="1" t="s">
        <v>1294</v>
      </c>
      <c r="K424" s="1" t="s">
        <v>130</v>
      </c>
      <c r="L424" s="1" t="s">
        <v>1818</v>
      </c>
      <c r="M424" s="1" t="s">
        <v>5</v>
      </c>
      <c r="N424" s="1" t="s">
        <v>25</v>
      </c>
      <c r="O424" s="1" t="s">
        <v>8</v>
      </c>
      <c r="P424" s="9" t="s">
        <v>31077</v>
      </c>
    </row>
    <row r="425" spans="1:16" x14ac:dyDescent="0.2">
      <c r="A425" s="1" t="s">
        <v>20</v>
      </c>
      <c r="B425" s="1" t="s">
        <v>99</v>
      </c>
      <c r="C425" s="1" t="s">
        <v>1821</v>
      </c>
      <c r="D425" s="1" t="s">
        <v>1822</v>
      </c>
      <c r="E425" s="1"/>
      <c r="F425" s="1" t="s">
        <v>10</v>
      </c>
      <c r="G425" s="1" t="s">
        <v>10</v>
      </c>
      <c r="H425" s="1" t="s">
        <v>10</v>
      </c>
      <c r="I425" s="1" t="s">
        <v>1182</v>
      </c>
      <c r="J425" s="1" t="s">
        <v>1823</v>
      </c>
      <c r="K425" s="1" t="s">
        <v>64</v>
      </c>
      <c r="L425" s="1" t="s">
        <v>1820</v>
      </c>
      <c r="M425" s="1" t="s">
        <v>5</v>
      </c>
      <c r="N425" s="1" t="s">
        <v>960</v>
      </c>
      <c r="O425" s="1" t="s">
        <v>38</v>
      </c>
      <c r="P425" s="5" t="s">
        <v>29902</v>
      </c>
    </row>
    <row r="426" spans="1:16" x14ac:dyDescent="0.2">
      <c r="A426" s="1" t="s">
        <v>20</v>
      </c>
      <c r="B426" s="1" t="s">
        <v>445</v>
      </c>
      <c r="C426" s="1" t="s">
        <v>1825</v>
      </c>
      <c r="D426" s="1" t="s">
        <v>1826</v>
      </c>
      <c r="E426" s="1" t="s">
        <v>1827</v>
      </c>
      <c r="F426" s="1" t="s">
        <v>10</v>
      </c>
      <c r="G426" s="1" t="s">
        <v>10</v>
      </c>
      <c r="H426" s="1" t="s">
        <v>10</v>
      </c>
      <c r="I426" s="1" t="s">
        <v>1182</v>
      </c>
      <c r="J426" s="1" t="s">
        <v>1186</v>
      </c>
      <c r="K426" s="1" t="s">
        <v>11</v>
      </c>
      <c r="L426" s="1" t="s">
        <v>1824</v>
      </c>
      <c r="M426" s="1" t="s">
        <v>5</v>
      </c>
      <c r="N426" s="1" t="s">
        <v>960</v>
      </c>
      <c r="O426" s="1" t="s">
        <v>38</v>
      </c>
      <c r="P426" s="5" t="s">
        <v>29903</v>
      </c>
    </row>
    <row r="427" spans="1:16" x14ac:dyDescent="0.2">
      <c r="A427" s="1" t="s">
        <v>42</v>
      </c>
      <c r="B427" s="1" t="s">
        <v>320</v>
      </c>
      <c r="C427" s="1" t="s">
        <v>1829</v>
      </c>
      <c r="D427" s="1" t="s">
        <v>1830</v>
      </c>
      <c r="E427" s="1"/>
      <c r="F427" s="1" t="s">
        <v>10</v>
      </c>
      <c r="G427" s="1" t="s">
        <v>10</v>
      </c>
      <c r="H427" s="1" t="s">
        <v>10</v>
      </c>
      <c r="I427" s="1" t="s">
        <v>1182</v>
      </c>
      <c r="J427" s="1" t="s">
        <v>1186</v>
      </c>
      <c r="K427" s="1" t="s">
        <v>64</v>
      </c>
      <c r="L427" s="1" t="s">
        <v>1828</v>
      </c>
      <c r="M427" s="1" t="s">
        <v>5</v>
      </c>
      <c r="N427" s="1" t="s">
        <v>960</v>
      </c>
      <c r="O427" s="1" t="s">
        <v>38</v>
      </c>
      <c r="P427" s="5" t="s">
        <v>29904</v>
      </c>
    </row>
    <row r="428" spans="1:16" x14ac:dyDescent="0.2">
      <c r="A428" s="1" t="s">
        <v>42</v>
      </c>
      <c r="B428" s="1" t="s">
        <v>320</v>
      </c>
      <c r="C428" s="1" t="s">
        <v>1832</v>
      </c>
      <c r="D428" s="1" t="s">
        <v>1833</v>
      </c>
      <c r="E428" s="1"/>
      <c r="F428" s="1" t="s">
        <v>10</v>
      </c>
      <c r="G428" s="1" t="s">
        <v>10</v>
      </c>
      <c r="H428" s="1" t="s">
        <v>10</v>
      </c>
      <c r="I428" s="1" t="s">
        <v>1182</v>
      </c>
      <c r="J428" s="1" t="s">
        <v>1186</v>
      </c>
      <c r="K428" s="1" t="s">
        <v>64</v>
      </c>
      <c r="L428" s="1" t="s">
        <v>1831</v>
      </c>
      <c r="M428" s="1" t="s">
        <v>5</v>
      </c>
      <c r="N428" s="1" t="s">
        <v>960</v>
      </c>
      <c r="O428" s="1" t="s">
        <v>38</v>
      </c>
      <c r="P428" s="5" t="s">
        <v>29905</v>
      </c>
    </row>
    <row r="429" spans="1:16" x14ac:dyDescent="0.2">
      <c r="A429" s="1" t="s">
        <v>32</v>
      </c>
      <c r="B429" s="1" t="s">
        <v>33</v>
      </c>
      <c r="C429" s="1" t="s">
        <v>1835</v>
      </c>
      <c r="D429" s="1" t="s">
        <v>1836</v>
      </c>
      <c r="E429" s="1"/>
      <c r="F429" s="1" t="s">
        <v>10</v>
      </c>
      <c r="G429" s="1" t="s">
        <v>10</v>
      </c>
      <c r="H429" s="1" t="s">
        <v>10</v>
      </c>
      <c r="I429" s="1" t="s">
        <v>1182</v>
      </c>
      <c r="J429" s="1" t="s">
        <v>1186</v>
      </c>
      <c r="K429" s="1" t="s">
        <v>64</v>
      </c>
      <c r="L429" s="1" t="s">
        <v>1834</v>
      </c>
      <c r="M429" s="1" t="s">
        <v>5</v>
      </c>
      <c r="N429" s="1" t="s">
        <v>960</v>
      </c>
      <c r="O429" s="1" t="s">
        <v>38</v>
      </c>
      <c r="P429" s="5" t="s">
        <v>29906</v>
      </c>
    </row>
    <row r="430" spans="1:16" x14ac:dyDescent="0.2">
      <c r="A430" s="1" t="s">
        <v>20</v>
      </c>
      <c r="B430" s="1" t="s">
        <v>253</v>
      </c>
      <c r="C430" s="1" t="s">
        <v>1838</v>
      </c>
      <c r="D430" s="1" t="s">
        <v>1839</v>
      </c>
      <c r="E430" s="1"/>
      <c r="F430" s="1" t="s">
        <v>10</v>
      </c>
      <c r="G430" s="1" t="s">
        <v>10</v>
      </c>
      <c r="H430" s="1" t="s">
        <v>10</v>
      </c>
      <c r="I430" s="1" t="s">
        <v>1182</v>
      </c>
      <c r="J430" s="1" t="s">
        <v>1286</v>
      </c>
      <c r="K430" s="1" t="s">
        <v>27</v>
      </c>
      <c r="L430" s="1" t="s">
        <v>1837</v>
      </c>
      <c r="M430" s="1" t="s">
        <v>5</v>
      </c>
      <c r="N430" s="1" t="s">
        <v>25</v>
      </c>
      <c r="O430" s="1" t="s">
        <v>38</v>
      </c>
      <c r="P430" s="5" t="s">
        <v>31078</v>
      </c>
    </row>
    <row r="431" spans="1:16" x14ac:dyDescent="0.2">
      <c r="A431" s="1" t="s">
        <v>20</v>
      </c>
      <c r="B431" s="1" t="s">
        <v>93</v>
      </c>
      <c r="C431" s="1" t="s">
        <v>1842</v>
      </c>
      <c r="D431" s="1" t="s">
        <v>1843</v>
      </c>
      <c r="E431" s="1"/>
      <c r="F431" s="1" t="s">
        <v>27</v>
      </c>
      <c r="G431" s="1" t="s">
        <v>1845</v>
      </c>
      <c r="H431" s="1" t="s">
        <v>1846</v>
      </c>
      <c r="I431" s="1" t="s">
        <v>1840</v>
      </c>
      <c r="J431" s="1" t="s">
        <v>1844</v>
      </c>
      <c r="K431" s="1" t="s">
        <v>7</v>
      </c>
      <c r="L431" s="1" t="s">
        <v>1841</v>
      </c>
      <c r="M431" s="1" t="s">
        <v>5</v>
      </c>
      <c r="N431" s="1" t="s">
        <v>10</v>
      </c>
      <c r="O431" s="1" t="s">
        <v>8</v>
      </c>
      <c r="P431" s="5" t="s">
        <v>30398</v>
      </c>
    </row>
    <row r="432" spans="1:16" x14ac:dyDescent="0.2">
      <c r="A432" s="1" t="s">
        <v>32</v>
      </c>
      <c r="B432" s="1" t="s">
        <v>140</v>
      </c>
      <c r="C432" s="1" t="s">
        <v>1848</v>
      </c>
      <c r="D432" s="1" t="s">
        <v>1097</v>
      </c>
      <c r="E432" s="1" t="s">
        <v>1851</v>
      </c>
      <c r="F432" s="1" t="s">
        <v>27</v>
      </c>
      <c r="G432" s="1" t="s">
        <v>1845</v>
      </c>
      <c r="H432" s="1" t="s">
        <v>1852</v>
      </c>
      <c r="I432" s="1" t="s">
        <v>1840</v>
      </c>
      <c r="J432" s="1" t="s">
        <v>1850</v>
      </c>
      <c r="K432" s="1" t="s">
        <v>64</v>
      </c>
      <c r="L432" s="1" t="s">
        <v>1847</v>
      </c>
      <c r="M432" s="1" t="s">
        <v>5</v>
      </c>
      <c r="N432" s="1" t="s">
        <v>10</v>
      </c>
      <c r="O432" s="1" t="s">
        <v>8</v>
      </c>
      <c r="P432" s="5" t="s">
        <v>30398</v>
      </c>
    </row>
    <row r="433" spans="1:16" x14ac:dyDescent="0.2">
      <c r="A433" s="1" t="s">
        <v>42</v>
      </c>
      <c r="B433" s="1" t="s">
        <v>1858</v>
      </c>
      <c r="C433" s="1" t="s">
        <v>1854</v>
      </c>
      <c r="D433" s="1" t="s">
        <v>1855</v>
      </c>
      <c r="E433" s="1"/>
      <c r="F433" s="1" t="s">
        <v>27</v>
      </c>
      <c r="G433" s="1" t="s">
        <v>10</v>
      </c>
      <c r="H433" s="1" t="s">
        <v>1857</v>
      </c>
      <c r="I433" s="1" t="s">
        <v>1840</v>
      </c>
      <c r="J433" s="1" t="s">
        <v>1856</v>
      </c>
      <c r="K433" s="1" t="s">
        <v>37</v>
      </c>
      <c r="L433" s="1" t="s">
        <v>1853</v>
      </c>
      <c r="M433" s="1" t="s">
        <v>5</v>
      </c>
      <c r="N433" s="1" t="s">
        <v>10</v>
      </c>
      <c r="O433" s="1" t="s">
        <v>8</v>
      </c>
      <c r="P433" s="5" t="s">
        <v>31079</v>
      </c>
    </row>
    <row r="434" spans="1:16" x14ac:dyDescent="0.2">
      <c r="A434" s="1" t="s">
        <v>20</v>
      </c>
      <c r="B434" s="1" t="s">
        <v>253</v>
      </c>
      <c r="C434" s="1" t="s">
        <v>1860</v>
      </c>
      <c r="D434" s="1" t="s">
        <v>1861</v>
      </c>
      <c r="E434" s="1"/>
      <c r="F434" s="1" t="s">
        <v>1862</v>
      </c>
      <c r="G434" s="1" t="s">
        <v>1863</v>
      </c>
      <c r="H434" s="1" t="s">
        <v>10</v>
      </c>
      <c r="I434" s="1" t="s">
        <v>1840</v>
      </c>
      <c r="J434" s="1" t="s">
        <v>1844</v>
      </c>
      <c r="K434" s="1" t="s">
        <v>64</v>
      </c>
      <c r="L434" s="1" t="s">
        <v>1859</v>
      </c>
      <c r="M434" s="1" t="s">
        <v>5</v>
      </c>
      <c r="N434" s="1" t="s">
        <v>10</v>
      </c>
      <c r="O434" s="1" t="s">
        <v>8</v>
      </c>
      <c r="P434" s="5" t="s">
        <v>29907</v>
      </c>
    </row>
    <row r="435" spans="1:16" x14ac:dyDescent="0.2">
      <c r="A435" s="1" t="s">
        <v>42</v>
      </c>
      <c r="B435" s="1" t="s">
        <v>50</v>
      </c>
      <c r="C435" s="1" t="s">
        <v>1865</v>
      </c>
      <c r="D435" s="1" t="s">
        <v>1866</v>
      </c>
      <c r="E435" s="1"/>
      <c r="F435" s="1" t="s">
        <v>27</v>
      </c>
      <c r="G435" s="1" t="s">
        <v>10</v>
      </c>
      <c r="H435" s="1" t="s">
        <v>1868</v>
      </c>
      <c r="I435" s="1" t="s">
        <v>1840</v>
      </c>
      <c r="J435" s="1" t="s">
        <v>1867</v>
      </c>
      <c r="K435" s="1" t="s">
        <v>47</v>
      </c>
      <c r="L435" s="1" t="s">
        <v>1864</v>
      </c>
      <c r="M435" s="1" t="s">
        <v>5</v>
      </c>
      <c r="N435" s="1" t="s">
        <v>10</v>
      </c>
      <c r="O435" s="1" t="s">
        <v>8</v>
      </c>
      <c r="P435" s="5" t="s">
        <v>31079</v>
      </c>
    </row>
    <row r="436" spans="1:16" x14ac:dyDescent="0.2">
      <c r="A436" s="1" t="s">
        <v>20</v>
      </c>
      <c r="B436" s="1" t="s">
        <v>172</v>
      </c>
      <c r="C436" s="1" t="s">
        <v>1870</v>
      </c>
      <c r="D436" s="1" t="s">
        <v>1870</v>
      </c>
      <c r="E436" s="1" t="s">
        <v>1871</v>
      </c>
      <c r="F436" s="1" t="s">
        <v>27</v>
      </c>
      <c r="G436" s="1" t="s">
        <v>10</v>
      </c>
      <c r="H436" s="1" t="s">
        <v>1872</v>
      </c>
      <c r="I436" s="1" t="s">
        <v>1840</v>
      </c>
      <c r="J436" s="1" t="s">
        <v>1856</v>
      </c>
      <c r="K436" s="1" t="s">
        <v>37</v>
      </c>
      <c r="L436" s="1" t="s">
        <v>1869</v>
      </c>
      <c r="M436" s="1" t="s">
        <v>5</v>
      </c>
      <c r="N436" s="1" t="s">
        <v>10</v>
      </c>
      <c r="O436" s="1" t="s">
        <v>8</v>
      </c>
      <c r="P436" s="5" t="s">
        <v>10</v>
      </c>
    </row>
    <row r="437" spans="1:16" x14ac:dyDescent="0.2">
      <c r="A437" s="1" t="s">
        <v>42</v>
      </c>
      <c r="B437" s="1" t="s">
        <v>43</v>
      </c>
      <c r="C437" s="1" t="s">
        <v>1874</v>
      </c>
      <c r="D437" s="1" t="s">
        <v>1875</v>
      </c>
      <c r="E437" s="1"/>
      <c r="F437" s="1" t="s">
        <v>27</v>
      </c>
      <c r="G437" s="1" t="s">
        <v>10</v>
      </c>
      <c r="H437" s="1" t="s">
        <v>1876</v>
      </c>
      <c r="I437" s="1" t="s">
        <v>1840</v>
      </c>
      <c r="J437" s="1" t="s">
        <v>1856</v>
      </c>
      <c r="K437" s="1" t="s">
        <v>37</v>
      </c>
      <c r="L437" s="1" t="s">
        <v>1873</v>
      </c>
      <c r="M437" s="1" t="s">
        <v>5</v>
      </c>
      <c r="N437" s="1" t="s">
        <v>10</v>
      </c>
      <c r="O437" s="1" t="s">
        <v>8</v>
      </c>
      <c r="P437" s="5" t="s">
        <v>29908</v>
      </c>
    </row>
    <row r="438" spans="1:16" x14ac:dyDescent="0.2">
      <c r="A438" s="1" t="s">
        <v>42</v>
      </c>
      <c r="B438" s="1" t="s">
        <v>109</v>
      </c>
      <c r="C438" s="1" t="s">
        <v>1878</v>
      </c>
      <c r="D438" s="1" t="s">
        <v>1875</v>
      </c>
      <c r="E438" s="1"/>
      <c r="F438" s="1" t="s">
        <v>27</v>
      </c>
      <c r="G438" s="1" t="s">
        <v>10</v>
      </c>
      <c r="H438" s="1" t="s">
        <v>1879</v>
      </c>
      <c r="I438" s="1" t="s">
        <v>1840</v>
      </c>
      <c r="J438" s="1" t="s">
        <v>1856</v>
      </c>
      <c r="K438" s="1" t="s">
        <v>37</v>
      </c>
      <c r="L438" s="1" t="s">
        <v>1877</v>
      </c>
      <c r="M438" s="1" t="s">
        <v>5</v>
      </c>
      <c r="N438" s="1" t="s">
        <v>10</v>
      </c>
      <c r="O438" s="1" t="s">
        <v>8</v>
      </c>
      <c r="P438" s="5" t="s">
        <v>29909</v>
      </c>
    </row>
    <row r="439" spans="1:16" x14ac:dyDescent="0.2">
      <c r="A439" s="1" t="s">
        <v>66</v>
      </c>
      <c r="B439" s="1" t="s">
        <v>574</v>
      </c>
      <c r="C439" s="1" t="s">
        <v>1881</v>
      </c>
      <c r="D439" s="1" t="s">
        <v>1882</v>
      </c>
      <c r="E439" s="1"/>
      <c r="F439" s="1" t="s">
        <v>414</v>
      </c>
      <c r="G439" s="1" t="s">
        <v>10</v>
      </c>
      <c r="H439" s="1" t="s">
        <v>10</v>
      </c>
      <c r="I439" s="1" t="s">
        <v>1840</v>
      </c>
      <c r="J439" s="1" t="s">
        <v>1883</v>
      </c>
      <c r="K439" s="1" t="s">
        <v>443</v>
      </c>
      <c r="L439" s="1" t="s">
        <v>1880</v>
      </c>
      <c r="M439" s="1" t="s">
        <v>5</v>
      </c>
      <c r="N439" s="1" t="s">
        <v>10</v>
      </c>
      <c r="O439" s="1" t="s">
        <v>8</v>
      </c>
      <c r="P439" s="5" t="s">
        <v>10</v>
      </c>
    </row>
    <row r="440" spans="1:16" x14ac:dyDescent="0.2">
      <c r="A440" s="1" t="s">
        <v>66</v>
      </c>
      <c r="B440" s="1" t="s">
        <v>67</v>
      </c>
      <c r="C440" s="1" t="s">
        <v>1885</v>
      </c>
      <c r="D440" s="1" t="s">
        <v>1886</v>
      </c>
      <c r="E440" s="1"/>
      <c r="F440" s="1" t="s">
        <v>414</v>
      </c>
      <c r="G440" s="1" t="s">
        <v>1845</v>
      </c>
      <c r="H440" s="1" t="s">
        <v>10</v>
      </c>
      <c r="I440" s="1" t="s">
        <v>1840</v>
      </c>
      <c r="J440" s="1" t="s">
        <v>1883</v>
      </c>
      <c r="K440" s="1" t="s">
        <v>7</v>
      </c>
      <c r="L440" s="1" t="s">
        <v>1884</v>
      </c>
      <c r="M440" s="1" t="s">
        <v>5</v>
      </c>
      <c r="N440" s="1" t="s">
        <v>10</v>
      </c>
      <c r="O440" s="1" t="s">
        <v>8</v>
      </c>
      <c r="P440" s="5" t="s">
        <v>31080</v>
      </c>
    </row>
    <row r="441" spans="1:16" x14ac:dyDescent="0.2">
      <c r="A441" s="1" t="s">
        <v>42</v>
      </c>
      <c r="B441" s="1" t="s">
        <v>1890</v>
      </c>
      <c r="C441" s="1" t="s">
        <v>1888</v>
      </c>
      <c r="D441" s="1" t="s">
        <v>1889</v>
      </c>
      <c r="E441" s="1"/>
      <c r="F441" s="1" t="s">
        <v>27</v>
      </c>
      <c r="G441" s="1" t="s">
        <v>10</v>
      </c>
      <c r="H441" s="1" t="s">
        <v>10</v>
      </c>
      <c r="I441" s="1" t="s">
        <v>1840</v>
      </c>
      <c r="J441" s="1" t="s">
        <v>1867</v>
      </c>
      <c r="K441" s="1" t="s">
        <v>47</v>
      </c>
      <c r="L441" s="1" t="s">
        <v>1887</v>
      </c>
      <c r="M441" s="1" t="s">
        <v>5</v>
      </c>
      <c r="N441" s="1" t="s">
        <v>10</v>
      </c>
      <c r="O441" s="1" t="s">
        <v>38</v>
      </c>
      <c r="P441" s="5" t="s">
        <v>10</v>
      </c>
    </row>
    <row r="442" spans="1:16" x14ac:dyDescent="0.2">
      <c r="A442" s="1" t="s">
        <v>329</v>
      </c>
      <c r="B442" s="1" t="s">
        <v>1738</v>
      </c>
      <c r="C442" s="1" t="s">
        <v>1892</v>
      </c>
      <c r="D442" s="1" t="s">
        <v>1893</v>
      </c>
      <c r="E442" s="1" t="s">
        <v>1894</v>
      </c>
      <c r="F442" s="1" t="s">
        <v>414</v>
      </c>
      <c r="G442" s="1" t="s">
        <v>1895</v>
      </c>
      <c r="H442" s="1" t="s">
        <v>1896</v>
      </c>
      <c r="I442" s="1" t="s">
        <v>1840</v>
      </c>
      <c r="J442" s="1" t="s">
        <v>1883</v>
      </c>
      <c r="K442" s="1" t="s">
        <v>47</v>
      </c>
      <c r="L442" s="1" t="s">
        <v>1891</v>
      </c>
      <c r="M442" s="1" t="s">
        <v>5</v>
      </c>
      <c r="N442" s="1" t="s">
        <v>10</v>
      </c>
      <c r="O442" s="1" t="s">
        <v>38</v>
      </c>
      <c r="P442" s="5" t="s">
        <v>10</v>
      </c>
    </row>
    <row r="443" spans="1:16" x14ac:dyDescent="0.2">
      <c r="A443" s="1" t="s">
        <v>329</v>
      </c>
      <c r="B443" s="1" t="s">
        <v>596</v>
      </c>
      <c r="C443" s="1" t="s">
        <v>1898</v>
      </c>
      <c r="D443" s="1" t="s">
        <v>1899</v>
      </c>
      <c r="E443" s="1" t="s">
        <v>1901</v>
      </c>
      <c r="F443" s="1" t="s">
        <v>414</v>
      </c>
      <c r="G443" s="1" t="s">
        <v>1895</v>
      </c>
      <c r="H443" s="1" t="s">
        <v>1896</v>
      </c>
      <c r="I443" s="1" t="s">
        <v>1840</v>
      </c>
      <c r="J443" s="1" t="s">
        <v>1900</v>
      </c>
      <c r="K443" s="1" t="s">
        <v>100</v>
      </c>
      <c r="L443" s="1" t="s">
        <v>1897</v>
      </c>
      <c r="M443" s="1" t="s">
        <v>5</v>
      </c>
      <c r="N443" s="1" t="s">
        <v>10</v>
      </c>
      <c r="O443" s="1" t="s">
        <v>38</v>
      </c>
      <c r="P443" s="5" t="s">
        <v>10</v>
      </c>
    </row>
    <row r="444" spans="1:16" x14ac:dyDescent="0.2">
      <c r="A444" s="1" t="s">
        <v>20</v>
      </c>
      <c r="B444" s="1" t="s">
        <v>93</v>
      </c>
      <c r="C444" s="1" t="s">
        <v>1904</v>
      </c>
      <c r="D444" s="1" t="s">
        <v>1904</v>
      </c>
      <c r="E444" s="1"/>
      <c r="F444" s="1" t="s">
        <v>27</v>
      </c>
      <c r="G444" s="1" t="s">
        <v>10</v>
      </c>
      <c r="H444" s="1" t="s">
        <v>1905</v>
      </c>
      <c r="I444" s="1" t="s">
        <v>1840</v>
      </c>
      <c r="J444" s="1" t="s">
        <v>1216</v>
      </c>
      <c r="K444" s="1" t="s">
        <v>7</v>
      </c>
      <c r="L444" s="1" t="s">
        <v>1903</v>
      </c>
      <c r="M444" s="1" t="s">
        <v>5</v>
      </c>
      <c r="N444" s="1" t="s">
        <v>10</v>
      </c>
      <c r="O444" s="1" t="s">
        <v>8</v>
      </c>
      <c r="P444" s="5" t="s">
        <v>29907</v>
      </c>
    </row>
    <row r="445" spans="1:16" x14ac:dyDescent="0.2">
      <c r="A445" s="1" t="s">
        <v>10</v>
      </c>
      <c r="B445" s="1" t="s">
        <v>376</v>
      </c>
      <c r="C445" s="1" t="s">
        <v>1907</v>
      </c>
      <c r="D445" s="1" t="s">
        <v>1907</v>
      </c>
      <c r="E445" s="1" t="s">
        <v>1908</v>
      </c>
      <c r="F445" s="1" t="s">
        <v>27</v>
      </c>
      <c r="G445" s="1" t="s">
        <v>10</v>
      </c>
      <c r="H445" s="1" t="s">
        <v>1896</v>
      </c>
      <c r="I445" s="1" t="s">
        <v>1840</v>
      </c>
      <c r="J445" s="1" t="s">
        <v>1856</v>
      </c>
      <c r="K445" s="1" t="s">
        <v>37</v>
      </c>
      <c r="L445" s="1" t="s">
        <v>1906</v>
      </c>
      <c r="M445" s="1" t="s">
        <v>5</v>
      </c>
      <c r="N445" s="1" t="s">
        <v>10</v>
      </c>
      <c r="O445" s="1" t="s">
        <v>38</v>
      </c>
      <c r="P445" s="5" t="s">
        <v>10</v>
      </c>
    </row>
    <row r="446" spans="1:16" x14ac:dyDescent="0.2">
      <c r="A446" s="1" t="s">
        <v>20</v>
      </c>
      <c r="B446" s="1" t="s">
        <v>309</v>
      </c>
      <c r="C446" s="1" t="s">
        <v>1910</v>
      </c>
      <c r="D446" s="1" t="s">
        <v>1911</v>
      </c>
      <c r="E446" s="1" t="s">
        <v>1912</v>
      </c>
      <c r="F446" s="1" t="s">
        <v>27</v>
      </c>
      <c r="G446" s="1" t="s">
        <v>10</v>
      </c>
      <c r="H446" s="1" t="s">
        <v>1896</v>
      </c>
      <c r="I446" s="1" t="s">
        <v>1840</v>
      </c>
      <c r="J446" s="1" t="s">
        <v>1883</v>
      </c>
      <c r="K446" s="1" t="s">
        <v>47</v>
      </c>
      <c r="L446" s="1" t="s">
        <v>1909</v>
      </c>
      <c r="M446" s="1" t="s">
        <v>5</v>
      </c>
      <c r="N446" s="1" t="s">
        <v>10</v>
      </c>
      <c r="O446" s="1" t="s">
        <v>38</v>
      </c>
      <c r="P446" s="5" t="s">
        <v>10</v>
      </c>
    </row>
    <row r="447" spans="1:16" x14ac:dyDescent="0.2">
      <c r="A447" s="1" t="s">
        <v>10</v>
      </c>
      <c r="B447" s="1" t="s">
        <v>10</v>
      </c>
      <c r="C447" s="1" t="s">
        <v>1914</v>
      </c>
      <c r="D447" s="1" t="s">
        <v>1914</v>
      </c>
      <c r="E447" s="1" t="s">
        <v>1915</v>
      </c>
      <c r="F447" s="1" t="s">
        <v>27</v>
      </c>
      <c r="G447" s="1" t="s">
        <v>10</v>
      </c>
      <c r="H447" s="1" t="s">
        <v>10</v>
      </c>
      <c r="I447" s="1" t="s">
        <v>1840</v>
      </c>
      <c r="J447" s="1" t="s">
        <v>1900</v>
      </c>
      <c r="K447" s="1" t="s">
        <v>1027</v>
      </c>
      <c r="L447" s="1" t="s">
        <v>1913</v>
      </c>
      <c r="M447" s="1" t="s">
        <v>5</v>
      </c>
      <c r="N447" s="1" t="s">
        <v>10</v>
      </c>
      <c r="O447" s="1" t="s">
        <v>38</v>
      </c>
      <c r="P447" s="5" t="s">
        <v>10</v>
      </c>
    </row>
    <row r="448" spans="1:16" x14ac:dyDescent="0.2">
      <c r="A448" s="1" t="s">
        <v>20</v>
      </c>
      <c r="B448" s="1" t="s">
        <v>302</v>
      </c>
      <c r="C448" s="1" t="s">
        <v>1917</v>
      </c>
      <c r="D448" s="1" t="s">
        <v>1918</v>
      </c>
      <c r="E448" s="1" t="s">
        <v>1919</v>
      </c>
      <c r="F448" s="1" t="s">
        <v>27</v>
      </c>
      <c r="G448" s="1" t="s">
        <v>10</v>
      </c>
      <c r="H448" s="1" t="s">
        <v>1896</v>
      </c>
      <c r="I448" s="1" t="s">
        <v>1840</v>
      </c>
      <c r="J448" s="1" t="s">
        <v>1900</v>
      </c>
      <c r="K448" s="1" t="s">
        <v>100</v>
      </c>
      <c r="L448" s="1" t="s">
        <v>1916</v>
      </c>
      <c r="M448" s="1" t="s">
        <v>5</v>
      </c>
      <c r="N448" s="1" t="s">
        <v>10</v>
      </c>
      <c r="O448" s="1" t="s">
        <v>38</v>
      </c>
      <c r="P448" s="5" t="s">
        <v>10</v>
      </c>
    </row>
    <row r="449" spans="1:16" x14ac:dyDescent="0.2">
      <c r="A449" s="1" t="s">
        <v>20</v>
      </c>
      <c r="B449" s="1" t="s">
        <v>1047</v>
      </c>
      <c r="C449" s="1" t="s">
        <v>1921</v>
      </c>
      <c r="D449" s="1" t="s">
        <v>1922</v>
      </c>
      <c r="E449" s="1" t="s">
        <v>1923</v>
      </c>
      <c r="F449" s="1" t="s">
        <v>27</v>
      </c>
      <c r="G449" s="1" t="s">
        <v>10</v>
      </c>
      <c r="H449" s="1" t="s">
        <v>1896</v>
      </c>
      <c r="I449" s="1" t="s">
        <v>1840</v>
      </c>
      <c r="J449" s="1" t="s">
        <v>1900</v>
      </c>
      <c r="K449" s="1" t="s">
        <v>100</v>
      </c>
      <c r="L449" s="1" t="s">
        <v>1920</v>
      </c>
      <c r="M449" s="1" t="s">
        <v>5</v>
      </c>
      <c r="N449" s="1" t="s">
        <v>10</v>
      </c>
      <c r="O449" s="1" t="s">
        <v>38</v>
      </c>
      <c r="P449" s="5" t="s">
        <v>10</v>
      </c>
    </row>
    <row r="450" spans="1:16" x14ac:dyDescent="0.2">
      <c r="A450" s="1" t="s">
        <v>42</v>
      </c>
      <c r="B450" s="1" t="s">
        <v>351</v>
      </c>
      <c r="C450" s="1" t="s">
        <v>1925</v>
      </c>
      <c r="D450" s="1" t="s">
        <v>1925</v>
      </c>
      <c r="E450" s="1" t="s">
        <v>1926</v>
      </c>
      <c r="F450" s="1" t="s">
        <v>27</v>
      </c>
      <c r="G450" s="1" t="s">
        <v>10</v>
      </c>
      <c r="H450" s="1" t="s">
        <v>1896</v>
      </c>
      <c r="I450" s="1" t="s">
        <v>1840</v>
      </c>
      <c r="J450" s="1" t="s">
        <v>1856</v>
      </c>
      <c r="K450" s="1" t="s">
        <v>37</v>
      </c>
      <c r="L450" s="1" t="s">
        <v>1924</v>
      </c>
      <c r="M450" s="1" t="s">
        <v>5</v>
      </c>
      <c r="N450" s="1" t="s">
        <v>10</v>
      </c>
      <c r="O450" s="1" t="s">
        <v>38</v>
      </c>
      <c r="P450" s="5" t="s">
        <v>10</v>
      </c>
    </row>
    <row r="451" spans="1:16" x14ac:dyDescent="0.2">
      <c r="A451" s="1" t="s">
        <v>329</v>
      </c>
      <c r="B451" s="1" t="s">
        <v>330</v>
      </c>
      <c r="C451" s="1" t="s">
        <v>1928</v>
      </c>
      <c r="D451" s="1" t="s">
        <v>1928</v>
      </c>
      <c r="E451" s="1" t="s">
        <v>1929</v>
      </c>
      <c r="F451" s="1" t="s">
        <v>27</v>
      </c>
      <c r="G451" s="1" t="s">
        <v>10</v>
      </c>
      <c r="H451" s="1" t="s">
        <v>1108</v>
      </c>
      <c r="I451" s="1" t="s">
        <v>1840</v>
      </c>
      <c r="J451" s="1" t="s">
        <v>1883</v>
      </c>
      <c r="K451" s="1" t="s">
        <v>64</v>
      </c>
      <c r="L451" s="1" t="s">
        <v>1927</v>
      </c>
      <c r="M451" s="1" t="s">
        <v>5</v>
      </c>
      <c r="N451" s="1" t="s">
        <v>10</v>
      </c>
      <c r="O451" s="1" t="s">
        <v>8</v>
      </c>
      <c r="P451" s="5" t="s">
        <v>10</v>
      </c>
    </row>
    <row r="452" spans="1:16" x14ac:dyDescent="0.2">
      <c r="A452" s="1" t="s">
        <v>10</v>
      </c>
      <c r="B452" s="1" t="s">
        <v>10</v>
      </c>
      <c r="C452" s="1" t="s">
        <v>1931</v>
      </c>
      <c r="D452" s="1" t="s">
        <v>1931</v>
      </c>
      <c r="E452" s="1" t="s">
        <v>1932</v>
      </c>
      <c r="F452" s="1" t="s">
        <v>27</v>
      </c>
      <c r="G452" s="1" t="s">
        <v>10</v>
      </c>
      <c r="H452" s="1" t="s">
        <v>1933</v>
      </c>
      <c r="I452" s="1" t="s">
        <v>1840</v>
      </c>
      <c r="J452" s="1" t="s">
        <v>1883</v>
      </c>
      <c r="K452" s="1" t="s">
        <v>47</v>
      </c>
      <c r="L452" s="1" t="s">
        <v>1930</v>
      </c>
      <c r="M452" s="1" t="s">
        <v>5</v>
      </c>
      <c r="N452" s="1" t="s">
        <v>10</v>
      </c>
      <c r="O452" s="1" t="s">
        <v>38</v>
      </c>
      <c r="P452" s="5" t="s">
        <v>10</v>
      </c>
    </row>
    <row r="453" spans="1:16" x14ac:dyDescent="0.2">
      <c r="A453" s="1" t="s">
        <v>42</v>
      </c>
      <c r="B453" s="1" t="s">
        <v>50</v>
      </c>
      <c r="C453" s="1" t="s">
        <v>1935</v>
      </c>
      <c r="D453" s="1" t="s">
        <v>1935</v>
      </c>
      <c r="E453" s="1" t="s">
        <v>1936</v>
      </c>
      <c r="F453" s="1" t="s">
        <v>27</v>
      </c>
      <c r="G453" s="1" t="s">
        <v>10</v>
      </c>
      <c r="H453" s="1" t="s">
        <v>10</v>
      </c>
      <c r="I453" s="1" t="s">
        <v>1840</v>
      </c>
      <c r="J453" s="1" t="s">
        <v>1867</v>
      </c>
      <c r="K453" s="1" t="s">
        <v>47</v>
      </c>
      <c r="L453" s="1" t="s">
        <v>1934</v>
      </c>
      <c r="M453" s="1" t="s">
        <v>5</v>
      </c>
      <c r="N453" s="1" t="s">
        <v>10</v>
      </c>
      <c r="O453" s="1" t="s">
        <v>8</v>
      </c>
      <c r="P453" s="5" t="s">
        <v>10</v>
      </c>
    </row>
    <row r="454" spans="1:16" x14ac:dyDescent="0.2">
      <c r="A454" s="1" t="s">
        <v>42</v>
      </c>
      <c r="B454" s="1" t="s">
        <v>1341</v>
      </c>
      <c r="C454" s="1" t="s">
        <v>1938</v>
      </c>
      <c r="D454" s="1" t="s">
        <v>1939</v>
      </c>
      <c r="E454" s="1" t="s">
        <v>1941</v>
      </c>
      <c r="F454" s="1" t="s">
        <v>27</v>
      </c>
      <c r="G454" s="1" t="s">
        <v>10</v>
      </c>
      <c r="H454" s="1" t="s">
        <v>1896</v>
      </c>
      <c r="I454" s="1" t="s">
        <v>1840</v>
      </c>
      <c r="J454" s="1" t="s">
        <v>1940</v>
      </c>
      <c r="K454" s="1" t="s">
        <v>130</v>
      </c>
      <c r="L454" s="1" t="s">
        <v>1937</v>
      </c>
      <c r="M454" s="1" t="s">
        <v>5</v>
      </c>
      <c r="N454" s="1" t="s">
        <v>10</v>
      </c>
      <c r="O454" s="1" t="s">
        <v>38</v>
      </c>
      <c r="P454" s="5" t="s">
        <v>10</v>
      </c>
    </row>
    <row r="455" spans="1:16" x14ac:dyDescent="0.2">
      <c r="A455" s="1" t="s">
        <v>66</v>
      </c>
      <c r="B455" s="1" t="s">
        <v>1117</v>
      </c>
      <c r="C455" s="1" t="s">
        <v>1943</v>
      </c>
      <c r="D455" s="1" t="s">
        <v>1944</v>
      </c>
      <c r="E455" s="1" t="s">
        <v>1945</v>
      </c>
      <c r="F455" s="1" t="s">
        <v>27</v>
      </c>
      <c r="G455" s="1" t="s">
        <v>10</v>
      </c>
      <c r="H455" s="1" t="s">
        <v>1896</v>
      </c>
      <c r="I455" s="1" t="s">
        <v>1840</v>
      </c>
      <c r="J455" s="1" t="s">
        <v>1850</v>
      </c>
      <c r="K455" s="1" t="s">
        <v>64</v>
      </c>
      <c r="L455" s="1" t="s">
        <v>1942</v>
      </c>
      <c r="M455" s="1" t="s">
        <v>5</v>
      </c>
      <c r="N455" s="1" t="s">
        <v>10</v>
      </c>
      <c r="O455" s="1" t="s">
        <v>38</v>
      </c>
      <c r="P455" s="5" t="s">
        <v>10</v>
      </c>
    </row>
    <row r="456" spans="1:16" x14ac:dyDescent="0.2">
      <c r="A456" s="1" t="s">
        <v>194</v>
      </c>
      <c r="B456" s="1" t="s">
        <v>396</v>
      </c>
      <c r="C456" s="1" t="s">
        <v>1947</v>
      </c>
      <c r="D456" s="1" t="s">
        <v>1810</v>
      </c>
      <c r="E456" s="1" t="s">
        <v>1948</v>
      </c>
      <c r="F456" s="1" t="s">
        <v>27</v>
      </c>
      <c r="G456" s="1" t="s">
        <v>10</v>
      </c>
      <c r="H456" s="1" t="s">
        <v>1949</v>
      </c>
      <c r="I456" s="1" t="s">
        <v>1840</v>
      </c>
      <c r="J456" s="1" t="s">
        <v>1856</v>
      </c>
      <c r="K456" s="1" t="s">
        <v>7</v>
      </c>
      <c r="L456" s="1" t="s">
        <v>1946</v>
      </c>
      <c r="M456" s="1" t="s">
        <v>5</v>
      </c>
      <c r="N456" s="1" t="s">
        <v>10</v>
      </c>
      <c r="O456" s="1" t="s">
        <v>8</v>
      </c>
      <c r="P456" s="5" t="s">
        <v>10</v>
      </c>
    </row>
    <row r="457" spans="1:16" x14ac:dyDescent="0.2">
      <c r="A457" s="1" t="s">
        <v>20</v>
      </c>
      <c r="B457" s="1" t="s">
        <v>309</v>
      </c>
      <c r="C457" s="1" t="s">
        <v>1951</v>
      </c>
      <c r="D457" s="1" t="s">
        <v>1951</v>
      </c>
      <c r="E457" s="1" t="s">
        <v>1952</v>
      </c>
      <c r="F457" s="1" t="s">
        <v>27</v>
      </c>
      <c r="G457" s="1" t="s">
        <v>10</v>
      </c>
      <c r="H457" s="1" t="s">
        <v>10</v>
      </c>
      <c r="I457" s="1" t="s">
        <v>1840</v>
      </c>
      <c r="J457" s="1" t="s">
        <v>1867</v>
      </c>
      <c r="K457" s="1" t="s">
        <v>47</v>
      </c>
      <c r="L457" s="1" t="s">
        <v>1950</v>
      </c>
      <c r="M457" s="1" t="s">
        <v>5</v>
      </c>
      <c r="N457" s="1" t="s">
        <v>10</v>
      </c>
      <c r="O457" s="1" t="s">
        <v>38</v>
      </c>
      <c r="P457" s="5" t="s">
        <v>10</v>
      </c>
    </row>
    <row r="458" spans="1:16" x14ac:dyDescent="0.2">
      <c r="A458" s="1" t="s">
        <v>42</v>
      </c>
      <c r="B458" s="1" t="s">
        <v>50</v>
      </c>
      <c r="C458" s="1" t="s">
        <v>1954</v>
      </c>
      <c r="D458" s="1" t="s">
        <v>1954</v>
      </c>
      <c r="E458" s="1" t="s">
        <v>1955</v>
      </c>
      <c r="F458" s="1" t="s">
        <v>27</v>
      </c>
      <c r="G458" s="1" t="s">
        <v>10</v>
      </c>
      <c r="H458" s="1" t="s">
        <v>10</v>
      </c>
      <c r="I458" s="1" t="s">
        <v>1840</v>
      </c>
      <c r="J458" s="1" t="s">
        <v>1867</v>
      </c>
      <c r="K458" s="1" t="s">
        <v>37</v>
      </c>
      <c r="L458" s="1" t="s">
        <v>1953</v>
      </c>
      <c r="M458" s="1" t="s">
        <v>5</v>
      </c>
      <c r="N458" s="1" t="s">
        <v>10</v>
      </c>
      <c r="O458" s="1" t="s">
        <v>38</v>
      </c>
      <c r="P458" s="5" t="s">
        <v>10</v>
      </c>
    </row>
    <row r="459" spans="1:16" x14ac:dyDescent="0.2">
      <c r="A459" s="1" t="s">
        <v>10</v>
      </c>
      <c r="B459" s="1" t="s">
        <v>10</v>
      </c>
      <c r="C459" s="1" t="s">
        <v>1957</v>
      </c>
      <c r="D459" s="1" t="s">
        <v>1957</v>
      </c>
      <c r="E459" s="1"/>
      <c r="F459" s="1" t="s">
        <v>27</v>
      </c>
      <c r="G459" s="1" t="s">
        <v>10</v>
      </c>
      <c r="H459" s="1" t="s">
        <v>1958</v>
      </c>
      <c r="I459" s="1" t="s">
        <v>1840</v>
      </c>
      <c r="J459" s="1" t="s">
        <v>1856</v>
      </c>
      <c r="K459" s="1" t="s">
        <v>37</v>
      </c>
      <c r="L459" s="1" t="s">
        <v>1956</v>
      </c>
      <c r="M459" s="1" t="s">
        <v>5</v>
      </c>
      <c r="N459" s="1" t="s">
        <v>10</v>
      </c>
      <c r="O459" s="1" t="s">
        <v>8</v>
      </c>
      <c r="P459" s="5" t="s">
        <v>10</v>
      </c>
    </row>
    <row r="460" spans="1:16" x14ac:dyDescent="0.2">
      <c r="A460" s="1" t="s">
        <v>20</v>
      </c>
      <c r="B460" s="1" t="s">
        <v>93</v>
      </c>
      <c r="C460" s="1" t="s">
        <v>1960</v>
      </c>
      <c r="D460" s="1" t="s">
        <v>1960</v>
      </c>
      <c r="E460" s="1" t="s">
        <v>1961</v>
      </c>
      <c r="F460" s="1" t="s">
        <v>27</v>
      </c>
      <c r="G460" s="1" t="s">
        <v>10</v>
      </c>
      <c r="H460" s="1" t="s">
        <v>1962</v>
      </c>
      <c r="I460" s="1" t="s">
        <v>1840</v>
      </c>
      <c r="J460" s="1" t="s">
        <v>1216</v>
      </c>
      <c r="K460" s="1" t="s">
        <v>7</v>
      </c>
      <c r="L460" s="1" t="s">
        <v>1959</v>
      </c>
      <c r="M460" s="1" t="s">
        <v>5</v>
      </c>
      <c r="N460" s="1" t="s">
        <v>10</v>
      </c>
      <c r="O460" s="1" t="s">
        <v>8</v>
      </c>
      <c r="P460" s="5" t="s">
        <v>10</v>
      </c>
    </row>
    <row r="461" spans="1:16" x14ac:dyDescent="0.2">
      <c r="A461" s="1" t="s">
        <v>20</v>
      </c>
      <c r="B461" s="1" t="s">
        <v>1047</v>
      </c>
      <c r="C461" s="1" t="s">
        <v>49</v>
      </c>
      <c r="D461" s="1" t="s">
        <v>49</v>
      </c>
      <c r="E461" s="1" t="s">
        <v>1964</v>
      </c>
      <c r="F461" s="1" t="s">
        <v>414</v>
      </c>
      <c r="G461" s="1" t="s">
        <v>10</v>
      </c>
      <c r="H461" s="1" t="s">
        <v>10</v>
      </c>
      <c r="I461" s="1" t="s">
        <v>1840</v>
      </c>
      <c r="J461" s="1" t="s">
        <v>1883</v>
      </c>
      <c r="K461" s="1" t="s">
        <v>64</v>
      </c>
      <c r="L461" s="1" t="s">
        <v>1963</v>
      </c>
      <c r="M461" s="1" t="s">
        <v>5</v>
      </c>
      <c r="N461" s="1" t="s">
        <v>10</v>
      </c>
      <c r="O461" s="1" t="s">
        <v>38</v>
      </c>
      <c r="P461" s="5" t="s">
        <v>10</v>
      </c>
    </row>
    <row r="462" spans="1:16" x14ac:dyDescent="0.2">
      <c r="A462" s="1" t="s">
        <v>20</v>
      </c>
      <c r="B462" s="1" t="s">
        <v>1047</v>
      </c>
      <c r="C462" s="1" t="s">
        <v>107</v>
      </c>
      <c r="D462" s="1" t="s">
        <v>107</v>
      </c>
      <c r="E462" s="1" t="s">
        <v>1964</v>
      </c>
      <c r="F462" s="1" t="s">
        <v>414</v>
      </c>
      <c r="G462" s="1" t="s">
        <v>10</v>
      </c>
      <c r="H462" s="1" t="s">
        <v>10</v>
      </c>
      <c r="I462" s="1" t="s">
        <v>1840</v>
      </c>
      <c r="J462" s="1" t="s">
        <v>1883</v>
      </c>
      <c r="K462" s="1" t="s">
        <v>64</v>
      </c>
      <c r="L462" s="1" t="s">
        <v>1965</v>
      </c>
      <c r="M462" s="1" t="s">
        <v>5</v>
      </c>
      <c r="N462" s="1" t="s">
        <v>10</v>
      </c>
      <c r="O462" s="1" t="s">
        <v>38</v>
      </c>
      <c r="P462" s="5" t="s">
        <v>10</v>
      </c>
    </row>
    <row r="463" spans="1:16" x14ac:dyDescent="0.2">
      <c r="A463" s="1" t="s">
        <v>20</v>
      </c>
      <c r="B463" s="1" t="s">
        <v>302</v>
      </c>
      <c r="C463" s="1" t="s">
        <v>1967</v>
      </c>
      <c r="D463" s="1" t="s">
        <v>1968</v>
      </c>
      <c r="E463" s="1" t="s">
        <v>1969</v>
      </c>
      <c r="F463" s="1" t="s">
        <v>414</v>
      </c>
      <c r="G463" s="1" t="s">
        <v>10</v>
      </c>
      <c r="H463" s="1" t="s">
        <v>10</v>
      </c>
      <c r="I463" s="1" t="s">
        <v>1840</v>
      </c>
      <c r="J463" s="1" t="s">
        <v>1900</v>
      </c>
      <c r="K463" s="1" t="s">
        <v>100</v>
      </c>
      <c r="L463" s="1" t="s">
        <v>1966</v>
      </c>
      <c r="M463" s="1" t="s">
        <v>5</v>
      </c>
      <c r="N463" s="1" t="s">
        <v>10</v>
      </c>
      <c r="O463" s="1" t="s">
        <v>38</v>
      </c>
      <c r="P463" s="5" t="s">
        <v>10</v>
      </c>
    </row>
    <row r="464" spans="1:16" x14ac:dyDescent="0.2">
      <c r="A464" s="1" t="s">
        <v>42</v>
      </c>
      <c r="B464" s="1" t="s">
        <v>588</v>
      </c>
      <c r="C464" s="1" t="s">
        <v>1971</v>
      </c>
      <c r="D464" s="1" t="s">
        <v>1971</v>
      </c>
      <c r="E464" s="1" t="s">
        <v>1972</v>
      </c>
      <c r="F464" s="1" t="s">
        <v>414</v>
      </c>
      <c r="G464" s="1" t="s">
        <v>10</v>
      </c>
      <c r="H464" s="1" t="s">
        <v>10</v>
      </c>
      <c r="I464" s="1" t="s">
        <v>1840</v>
      </c>
      <c r="J464" s="1" t="s">
        <v>1216</v>
      </c>
      <c r="K464" s="1" t="s">
        <v>113</v>
      </c>
      <c r="L464" s="1" t="s">
        <v>1970</v>
      </c>
      <c r="M464" s="1" t="s">
        <v>5</v>
      </c>
      <c r="N464" s="1" t="s">
        <v>10</v>
      </c>
      <c r="O464" s="1" t="s">
        <v>38</v>
      </c>
      <c r="P464" s="5" t="s">
        <v>10</v>
      </c>
    </row>
    <row r="465" spans="1:16" x14ac:dyDescent="0.2">
      <c r="A465" s="1" t="s">
        <v>329</v>
      </c>
      <c r="B465" s="1" t="s">
        <v>1976</v>
      </c>
      <c r="C465" s="1" t="s">
        <v>1974</v>
      </c>
      <c r="D465" s="1" t="s">
        <v>1974</v>
      </c>
      <c r="E465" s="1" t="s">
        <v>1975</v>
      </c>
      <c r="F465" s="1" t="s">
        <v>27</v>
      </c>
      <c r="G465" s="1" t="s">
        <v>10</v>
      </c>
      <c r="H465" s="1" t="s">
        <v>10</v>
      </c>
      <c r="I465" s="1" t="s">
        <v>1840</v>
      </c>
      <c r="J465" s="1" t="s">
        <v>1850</v>
      </c>
      <c r="K465" s="1" t="s">
        <v>64</v>
      </c>
      <c r="L465" s="1" t="s">
        <v>1973</v>
      </c>
      <c r="M465" s="1" t="s">
        <v>5</v>
      </c>
      <c r="N465" s="1" t="s">
        <v>10</v>
      </c>
      <c r="O465" s="1" t="s">
        <v>38</v>
      </c>
      <c r="P465" s="5" t="s">
        <v>10</v>
      </c>
    </row>
    <row r="466" spans="1:16" x14ac:dyDescent="0.2">
      <c r="A466" s="1" t="s">
        <v>329</v>
      </c>
      <c r="B466" s="1" t="s">
        <v>340</v>
      </c>
      <c r="C466" s="1" t="s">
        <v>1978</v>
      </c>
      <c r="D466" s="1" t="s">
        <v>1978</v>
      </c>
      <c r="E466" s="1" t="s">
        <v>1979</v>
      </c>
      <c r="F466" s="1" t="s">
        <v>10</v>
      </c>
      <c r="G466" s="1" t="s">
        <v>10</v>
      </c>
      <c r="H466" s="1" t="s">
        <v>10</v>
      </c>
      <c r="I466" s="1" t="s">
        <v>1840</v>
      </c>
      <c r="J466" s="1" t="s">
        <v>1856</v>
      </c>
      <c r="K466" s="1" t="s">
        <v>130</v>
      </c>
      <c r="L466" s="1" t="s">
        <v>1977</v>
      </c>
      <c r="M466" s="1" t="s">
        <v>5</v>
      </c>
      <c r="N466" s="1" t="s">
        <v>10</v>
      </c>
      <c r="O466" s="1" t="s">
        <v>38</v>
      </c>
      <c r="P466" s="5" t="s">
        <v>10</v>
      </c>
    </row>
    <row r="467" spans="1:16" x14ac:dyDescent="0.2">
      <c r="A467" s="1" t="s">
        <v>1984</v>
      </c>
      <c r="B467" s="1" t="s">
        <v>1985</v>
      </c>
      <c r="C467" s="1" t="s">
        <v>1981</v>
      </c>
      <c r="D467" s="1" t="s">
        <v>1982</v>
      </c>
      <c r="E467" s="1" t="s">
        <v>1983</v>
      </c>
      <c r="F467" s="1" t="s">
        <v>27</v>
      </c>
      <c r="G467" s="1" t="s">
        <v>10</v>
      </c>
      <c r="H467" s="1" t="s">
        <v>1982</v>
      </c>
      <c r="I467" s="1" t="s">
        <v>1840</v>
      </c>
      <c r="J467" s="1" t="s">
        <v>1883</v>
      </c>
      <c r="K467" s="1" t="s">
        <v>64</v>
      </c>
      <c r="L467" s="1" t="s">
        <v>1980</v>
      </c>
      <c r="M467" s="1" t="s">
        <v>5</v>
      </c>
      <c r="N467" s="1" t="s">
        <v>10</v>
      </c>
      <c r="O467" s="1" t="s">
        <v>8</v>
      </c>
      <c r="P467" s="5" t="s">
        <v>29821</v>
      </c>
    </row>
    <row r="468" spans="1:16" x14ac:dyDescent="0.2">
      <c r="A468" s="1" t="s">
        <v>10</v>
      </c>
      <c r="B468" s="1" t="s">
        <v>376</v>
      </c>
      <c r="C468" s="1" t="s">
        <v>1987</v>
      </c>
      <c r="D468" s="1" t="s">
        <v>1987</v>
      </c>
      <c r="E468" s="1" t="s">
        <v>1988</v>
      </c>
      <c r="F468" s="1" t="s">
        <v>27</v>
      </c>
      <c r="G468" s="1" t="s">
        <v>10</v>
      </c>
      <c r="H468" s="1" t="s">
        <v>1989</v>
      </c>
      <c r="I468" s="1" t="s">
        <v>1840</v>
      </c>
      <c r="J468" s="1" t="s">
        <v>1216</v>
      </c>
      <c r="K468" s="1" t="s">
        <v>64</v>
      </c>
      <c r="L468" s="1" t="s">
        <v>1986</v>
      </c>
      <c r="M468" s="1" t="s">
        <v>5</v>
      </c>
      <c r="N468" s="1" t="s">
        <v>10</v>
      </c>
      <c r="O468" s="1" t="s">
        <v>8</v>
      </c>
      <c r="P468" s="5" t="s">
        <v>14</v>
      </c>
    </row>
    <row r="469" spans="1:16" x14ac:dyDescent="0.2">
      <c r="A469" s="1" t="s">
        <v>10</v>
      </c>
      <c r="B469" s="1" t="s">
        <v>10</v>
      </c>
      <c r="C469" s="1" t="s">
        <v>1991</v>
      </c>
      <c r="D469" s="1" t="s">
        <v>1991</v>
      </c>
      <c r="E469" s="1" t="s">
        <v>1992</v>
      </c>
      <c r="F469" s="1" t="s">
        <v>27</v>
      </c>
      <c r="G469" s="1" t="s">
        <v>10</v>
      </c>
      <c r="H469" s="1" t="s">
        <v>10</v>
      </c>
      <c r="I469" s="1" t="s">
        <v>1840</v>
      </c>
      <c r="J469" s="1" t="s">
        <v>1867</v>
      </c>
      <c r="K469" s="1" t="s">
        <v>47</v>
      </c>
      <c r="L469" s="1" t="s">
        <v>1990</v>
      </c>
      <c r="M469" s="1" t="s">
        <v>5</v>
      </c>
      <c r="N469" s="1" t="s">
        <v>10</v>
      </c>
      <c r="O469" s="1" t="s">
        <v>38</v>
      </c>
      <c r="P469" s="5" t="s">
        <v>10</v>
      </c>
    </row>
    <row r="470" spans="1:16" x14ac:dyDescent="0.2">
      <c r="A470" s="1" t="s">
        <v>10</v>
      </c>
      <c r="B470" s="1" t="s">
        <v>376</v>
      </c>
      <c r="C470" s="1" t="s">
        <v>1994</v>
      </c>
      <c r="D470" s="1" t="s">
        <v>1994</v>
      </c>
      <c r="E470" s="1"/>
      <c r="F470" s="1" t="s">
        <v>27</v>
      </c>
      <c r="G470" s="1" t="s">
        <v>10</v>
      </c>
      <c r="H470" s="1" t="s">
        <v>10</v>
      </c>
      <c r="I470" s="1" t="s">
        <v>1840</v>
      </c>
      <c r="J470" s="1" t="s">
        <v>1216</v>
      </c>
      <c r="K470" s="1" t="s">
        <v>47</v>
      </c>
      <c r="L470" s="1" t="s">
        <v>1993</v>
      </c>
      <c r="M470" s="1" t="s">
        <v>5</v>
      </c>
      <c r="N470" s="1" t="s">
        <v>10</v>
      </c>
      <c r="O470" s="1" t="s">
        <v>38</v>
      </c>
      <c r="P470" s="5" t="s">
        <v>10</v>
      </c>
    </row>
    <row r="471" spans="1:16" x14ac:dyDescent="0.2">
      <c r="A471" s="1" t="s">
        <v>42</v>
      </c>
      <c r="B471" s="1" t="s">
        <v>43</v>
      </c>
      <c r="C471" s="1" t="s">
        <v>1996</v>
      </c>
      <c r="D471" s="1" t="s">
        <v>1996</v>
      </c>
      <c r="E471" s="1" t="s">
        <v>1997</v>
      </c>
      <c r="F471" s="1" t="s">
        <v>27</v>
      </c>
      <c r="G471" s="1" t="s">
        <v>10</v>
      </c>
      <c r="H471" s="1" t="s">
        <v>10</v>
      </c>
      <c r="I471" s="1" t="s">
        <v>1840</v>
      </c>
      <c r="J471" s="1" t="s">
        <v>1856</v>
      </c>
      <c r="K471" s="1" t="s">
        <v>37</v>
      </c>
      <c r="L471" s="1" t="s">
        <v>1995</v>
      </c>
      <c r="M471" s="1" t="s">
        <v>5</v>
      </c>
      <c r="N471" s="1" t="s">
        <v>10</v>
      </c>
      <c r="O471" s="1" t="s">
        <v>38</v>
      </c>
      <c r="P471" s="5" t="s">
        <v>10</v>
      </c>
    </row>
    <row r="472" spans="1:16" x14ac:dyDescent="0.2">
      <c r="A472" s="1" t="s">
        <v>42</v>
      </c>
      <c r="B472" s="1" t="s">
        <v>351</v>
      </c>
      <c r="C472" s="1" t="s">
        <v>1999</v>
      </c>
      <c r="D472" s="1" t="s">
        <v>2000</v>
      </c>
      <c r="E472" s="1" t="s">
        <v>2001</v>
      </c>
      <c r="F472" s="1" t="s">
        <v>27</v>
      </c>
      <c r="G472" s="1" t="s">
        <v>10</v>
      </c>
      <c r="H472" s="1" t="s">
        <v>10</v>
      </c>
      <c r="I472" s="1" t="s">
        <v>1840</v>
      </c>
      <c r="J472" s="1" t="s">
        <v>1216</v>
      </c>
      <c r="K472" s="1" t="s">
        <v>47</v>
      </c>
      <c r="L472" s="1" t="s">
        <v>1998</v>
      </c>
      <c r="M472" s="1" t="s">
        <v>5</v>
      </c>
      <c r="N472" s="1" t="s">
        <v>10</v>
      </c>
      <c r="O472" s="1" t="s">
        <v>38</v>
      </c>
      <c r="P472" s="5" t="s">
        <v>10</v>
      </c>
    </row>
    <row r="473" spans="1:16" x14ac:dyDescent="0.2">
      <c r="A473" s="1" t="s">
        <v>42</v>
      </c>
      <c r="B473" s="1" t="s">
        <v>43</v>
      </c>
      <c r="C473" s="1" t="s">
        <v>2003</v>
      </c>
      <c r="D473" s="1" t="s">
        <v>2004</v>
      </c>
      <c r="E473" s="1" t="s">
        <v>2005</v>
      </c>
      <c r="F473" s="1" t="s">
        <v>27</v>
      </c>
      <c r="G473" s="1" t="s">
        <v>10</v>
      </c>
      <c r="H473" s="1" t="s">
        <v>10</v>
      </c>
      <c r="I473" s="1" t="s">
        <v>1840</v>
      </c>
      <c r="J473" s="1" t="s">
        <v>1856</v>
      </c>
      <c r="K473" s="1" t="s">
        <v>64</v>
      </c>
      <c r="L473" s="1" t="s">
        <v>2002</v>
      </c>
      <c r="M473" s="1" t="s">
        <v>5</v>
      </c>
      <c r="N473" s="1" t="s">
        <v>10</v>
      </c>
      <c r="O473" s="1" t="s">
        <v>38</v>
      </c>
      <c r="P473" s="5" t="s">
        <v>10</v>
      </c>
    </row>
    <row r="474" spans="1:16" x14ac:dyDescent="0.2">
      <c r="A474" s="1" t="s">
        <v>42</v>
      </c>
      <c r="B474" s="1" t="s">
        <v>50</v>
      </c>
      <c r="C474" s="1" t="s">
        <v>2007</v>
      </c>
      <c r="D474" s="1" t="s">
        <v>546</v>
      </c>
      <c r="E474" s="1" t="s">
        <v>2008</v>
      </c>
      <c r="F474" s="1" t="s">
        <v>27</v>
      </c>
      <c r="G474" s="1" t="s">
        <v>10</v>
      </c>
      <c r="H474" s="1" t="s">
        <v>10</v>
      </c>
      <c r="I474" s="1" t="s">
        <v>1840</v>
      </c>
      <c r="J474" s="1" t="s">
        <v>1867</v>
      </c>
      <c r="K474" s="1" t="s">
        <v>37</v>
      </c>
      <c r="L474" s="1" t="s">
        <v>2006</v>
      </c>
      <c r="M474" s="1" t="s">
        <v>5</v>
      </c>
      <c r="N474" s="1" t="s">
        <v>10</v>
      </c>
      <c r="O474" s="1" t="s">
        <v>38</v>
      </c>
      <c r="P474" s="5" t="s">
        <v>10</v>
      </c>
    </row>
    <row r="475" spans="1:16" x14ac:dyDescent="0.2">
      <c r="A475" s="1" t="s">
        <v>42</v>
      </c>
      <c r="B475" s="1" t="s">
        <v>43</v>
      </c>
      <c r="C475" s="1" t="s">
        <v>2010</v>
      </c>
      <c r="D475" s="1" t="s">
        <v>2011</v>
      </c>
      <c r="E475" s="1" t="s">
        <v>2012</v>
      </c>
      <c r="F475" s="1" t="s">
        <v>27</v>
      </c>
      <c r="G475" s="1" t="s">
        <v>10</v>
      </c>
      <c r="H475" s="1" t="s">
        <v>10</v>
      </c>
      <c r="I475" s="1" t="s">
        <v>1840</v>
      </c>
      <c r="J475" s="1" t="s">
        <v>1856</v>
      </c>
      <c r="K475" s="1" t="s">
        <v>37</v>
      </c>
      <c r="L475" s="1" t="s">
        <v>2009</v>
      </c>
      <c r="M475" s="1" t="s">
        <v>5</v>
      </c>
      <c r="N475" s="1" t="s">
        <v>10</v>
      </c>
      <c r="O475" s="1" t="s">
        <v>38</v>
      </c>
      <c r="P475" s="5" t="s">
        <v>10</v>
      </c>
    </row>
    <row r="476" spans="1:16" x14ac:dyDescent="0.2">
      <c r="A476" s="1" t="s">
        <v>42</v>
      </c>
      <c r="B476" s="1" t="s">
        <v>43</v>
      </c>
      <c r="C476" s="1" t="s">
        <v>2014</v>
      </c>
      <c r="D476" s="1" t="s">
        <v>2015</v>
      </c>
      <c r="E476" s="1" t="s">
        <v>2016</v>
      </c>
      <c r="F476" s="1" t="s">
        <v>27</v>
      </c>
      <c r="G476" s="1" t="s">
        <v>10</v>
      </c>
      <c r="H476" s="1" t="s">
        <v>10</v>
      </c>
      <c r="I476" s="1" t="s">
        <v>1840</v>
      </c>
      <c r="J476" s="1" t="s">
        <v>1856</v>
      </c>
      <c r="K476" s="1" t="s">
        <v>37</v>
      </c>
      <c r="L476" s="1" t="s">
        <v>2013</v>
      </c>
      <c r="M476" s="1" t="s">
        <v>5</v>
      </c>
      <c r="N476" s="1" t="s">
        <v>10</v>
      </c>
      <c r="O476" s="1" t="s">
        <v>38</v>
      </c>
      <c r="P476" s="5" t="s">
        <v>10</v>
      </c>
    </row>
    <row r="477" spans="1:16" x14ac:dyDescent="0.2">
      <c r="A477" s="1" t="s">
        <v>42</v>
      </c>
      <c r="B477" s="1" t="s">
        <v>50</v>
      </c>
      <c r="C477" s="1" t="s">
        <v>2018</v>
      </c>
      <c r="D477" s="1" t="s">
        <v>2019</v>
      </c>
      <c r="E477" s="1" t="s">
        <v>2020</v>
      </c>
      <c r="F477" s="1" t="s">
        <v>27</v>
      </c>
      <c r="G477" s="1" t="s">
        <v>10</v>
      </c>
      <c r="H477" s="1" t="s">
        <v>10</v>
      </c>
      <c r="I477" s="1" t="s">
        <v>1840</v>
      </c>
      <c r="J477" s="1" t="s">
        <v>1867</v>
      </c>
      <c r="K477" s="1" t="s">
        <v>47</v>
      </c>
      <c r="L477" s="1" t="s">
        <v>2017</v>
      </c>
      <c r="M477" s="1" t="s">
        <v>5</v>
      </c>
      <c r="N477" s="1" t="s">
        <v>10</v>
      </c>
      <c r="O477" s="1" t="s">
        <v>38</v>
      </c>
      <c r="P477" s="5" t="s">
        <v>10</v>
      </c>
    </row>
    <row r="478" spans="1:16" x14ac:dyDescent="0.2">
      <c r="A478" s="1" t="s">
        <v>42</v>
      </c>
      <c r="B478" s="1" t="s">
        <v>43</v>
      </c>
      <c r="C478" s="1" t="s">
        <v>2022</v>
      </c>
      <c r="D478" s="1" t="s">
        <v>2023</v>
      </c>
      <c r="E478" s="1" t="s">
        <v>2024</v>
      </c>
      <c r="F478" s="1" t="s">
        <v>27</v>
      </c>
      <c r="G478" s="1" t="s">
        <v>10</v>
      </c>
      <c r="H478" s="1" t="s">
        <v>10</v>
      </c>
      <c r="I478" s="1" t="s">
        <v>1840</v>
      </c>
      <c r="J478" s="1" t="s">
        <v>1856</v>
      </c>
      <c r="K478" s="1" t="s">
        <v>37</v>
      </c>
      <c r="L478" s="1" t="s">
        <v>2021</v>
      </c>
      <c r="M478" s="1" t="s">
        <v>5</v>
      </c>
      <c r="N478" s="1" t="s">
        <v>10</v>
      </c>
      <c r="O478" s="1" t="s">
        <v>38</v>
      </c>
      <c r="P478" s="5" t="s">
        <v>10</v>
      </c>
    </row>
    <row r="479" spans="1:16" x14ac:dyDescent="0.2">
      <c r="A479" s="1" t="s">
        <v>1385</v>
      </c>
      <c r="B479" s="1" t="s">
        <v>2028</v>
      </c>
      <c r="C479" s="1" t="s">
        <v>2026</v>
      </c>
      <c r="D479" s="1" t="s">
        <v>2027</v>
      </c>
      <c r="E479" s="1"/>
      <c r="F479" s="1" t="s">
        <v>27</v>
      </c>
      <c r="G479" s="1" t="s">
        <v>10</v>
      </c>
      <c r="H479" s="1" t="s">
        <v>10</v>
      </c>
      <c r="I479" s="1" t="s">
        <v>1840</v>
      </c>
      <c r="J479" s="1" t="s">
        <v>1856</v>
      </c>
      <c r="K479" s="1" t="s">
        <v>37</v>
      </c>
      <c r="L479" s="1" t="s">
        <v>2025</v>
      </c>
      <c r="M479" s="1" t="s">
        <v>5</v>
      </c>
      <c r="N479" s="1" t="s">
        <v>10</v>
      </c>
      <c r="O479" s="1" t="s">
        <v>38</v>
      </c>
      <c r="P479" s="5"/>
    </row>
    <row r="480" spans="1:16" x14ac:dyDescent="0.2">
      <c r="A480" s="1" t="s">
        <v>42</v>
      </c>
      <c r="B480" s="1" t="s">
        <v>351</v>
      </c>
      <c r="C480" s="1" t="s">
        <v>2030</v>
      </c>
      <c r="D480" s="1" t="s">
        <v>2031</v>
      </c>
      <c r="E480" s="1" t="s">
        <v>2032</v>
      </c>
      <c r="F480" s="1" t="s">
        <v>27</v>
      </c>
      <c r="G480" s="1" t="s">
        <v>10</v>
      </c>
      <c r="H480" s="1" t="s">
        <v>10</v>
      </c>
      <c r="I480" s="1" t="s">
        <v>1840</v>
      </c>
      <c r="J480" s="1" t="s">
        <v>1856</v>
      </c>
      <c r="K480" s="1" t="s">
        <v>37</v>
      </c>
      <c r="L480" s="1" t="s">
        <v>2029</v>
      </c>
      <c r="M480" s="1" t="s">
        <v>5</v>
      </c>
      <c r="N480" s="1" t="s">
        <v>10</v>
      </c>
      <c r="O480" s="1" t="s">
        <v>38</v>
      </c>
      <c r="P480" s="5" t="s">
        <v>10</v>
      </c>
    </row>
    <row r="481" spans="1:16" x14ac:dyDescent="0.2">
      <c r="A481" s="1" t="s">
        <v>42</v>
      </c>
      <c r="B481" s="1" t="s">
        <v>320</v>
      </c>
      <c r="C481" s="1" t="s">
        <v>2034</v>
      </c>
      <c r="D481" s="1" t="s">
        <v>1366</v>
      </c>
      <c r="E481" s="1" t="s">
        <v>2035</v>
      </c>
      <c r="F481" s="1" t="s">
        <v>27</v>
      </c>
      <c r="G481" s="1" t="s">
        <v>10</v>
      </c>
      <c r="H481" s="1" t="s">
        <v>2036</v>
      </c>
      <c r="I481" s="1" t="s">
        <v>1840</v>
      </c>
      <c r="J481" s="1" t="s">
        <v>1867</v>
      </c>
      <c r="K481" s="1" t="s">
        <v>47</v>
      </c>
      <c r="L481" s="1" t="s">
        <v>2033</v>
      </c>
      <c r="M481" s="1" t="s">
        <v>5</v>
      </c>
      <c r="N481" s="1" t="s">
        <v>10</v>
      </c>
      <c r="O481" s="1" t="s">
        <v>8</v>
      </c>
      <c r="P481" s="5" t="s">
        <v>10</v>
      </c>
    </row>
    <row r="482" spans="1:16" x14ac:dyDescent="0.2">
      <c r="A482" s="1" t="s">
        <v>20</v>
      </c>
      <c r="B482" s="1" t="s">
        <v>309</v>
      </c>
      <c r="C482" s="1" t="s">
        <v>2038</v>
      </c>
      <c r="D482" s="1" t="s">
        <v>2038</v>
      </c>
      <c r="E482" s="1" t="s">
        <v>2039</v>
      </c>
      <c r="F482" s="1" t="s">
        <v>27</v>
      </c>
      <c r="G482" s="1" t="s">
        <v>10</v>
      </c>
      <c r="H482" s="1" t="s">
        <v>2040</v>
      </c>
      <c r="I482" s="1" t="s">
        <v>1840</v>
      </c>
      <c r="J482" s="1" t="s">
        <v>1867</v>
      </c>
      <c r="K482" s="1" t="s">
        <v>47</v>
      </c>
      <c r="L482" s="1" t="s">
        <v>2037</v>
      </c>
      <c r="M482" s="1" t="s">
        <v>5</v>
      </c>
      <c r="N482" s="1" t="s">
        <v>10</v>
      </c>
      <c r="O482" s="1" t="s">
        <v>8</v>
      </c>
      <c r="P482" s="5" t="s">
        <v>10</v>
      </c>
    </row>
    <row r="483" spans="1:16" x14ac:dyDescent="0.2">
      <c r="A483" s="1" t="s">
        <v>42</v>
      </c>
      <c r="B483" s="1" t="s">
        <v>109</v>
      </c>
      <c r="C483" s="1" t="s">
        <v>2042</v>
      </c>
      <c r="D483" s="1" t="s">
        <v>2042</v>
      </c>
      <c r="E483" s="1" t="s">
        <v>2043</v>
      </c>
      <c r="F483" s="1" t="s">
        <v>27</v>
      </c>
      <c r="G483" s="1" t="s">
        <v>10</v>
      </c>
      <c r="H483" s="1" t="s">
        <v>10</v>
      </c>
      <c r="I483" s="1" t="s">
        <v>1840</v>
      </c>
      <c r="J483" s="1" t="s">
        <v>1856</v>
      </c>
      <c r="K483" s="1" t="s">
        <v>37</v>
      </c>
      <c r="L483" s="1" t="s">
        <v>2041</v>
      </c>
      <c r="M483" s="1" t="s">
        <v>5</v>
      </c>
      <c r="N483" s="1" t="s">
        <v>10</v>
      </c>
      <c r="O483" s="1" t="s">
        <v>38</v>
      </c>
      <c r="P483" s="5" t="s">
        <v>10</v>
      </c>
    </row>
    <row r="484" spans="1:16" x14ac:dyDescent="0.2">
      <c r="A484" s="1" t="s">
        <v>42</v>
      </c>
      <c r="B484" s="1" t="s">
        <v>320</v>
      </c>
      <c r="C484" s="1" t="s">
        <v>2045</v>
      </c>
      <c r="D484" s="1" t="s">
        <v>2045</v>
      </c>
      <c r="E484" s="1" t="s">
        <v>2046</v>
      </c>
      <c r="F484" s="1" t="s">
        <v>27</v>
      </c>
      <c r="G484" s="1" t="s">
        <v>10</v>
      </c>
      <c r="H484" s="1" t="s">
        <v>10</v>
      </c>
      <c r="I484" s="1" t="s">
        <v>1840</v>
      </c>
      <c r="J484" s="1" t="s">
        <v>1856</v>
      </c>
      <c r="K484" s="1" t="s">
        <v>37</v>
      </c>
      <c r="L484" s="1" t="s">
        <v>2044</v>
      </c>
      <c r="M484" s="1" t="s">
        <v>5</v>
      </c>
      <c r="N484" s="1" t="s">
        <v>10</v>
      </c>
      <c r="O484" s="1" t="s">
        <v>38</v>
      </c>
      <c r="P484" s="5" t="s">
        <v>10</v>
      </c>
    </row>
    <row r="485" spans="1:16" x14ac:dyDescent="0.2">
      <c r="A485" s="1" t="s">
        <v>42</v>
      </c>
      <c r="B485" s="1" t="s">
        <v>320</v>
      </c>
      <c r="C485" s="1" t="s">
        <v>2048</v>
      </c>
      <c r="D485" s="1" t="s">
        <v>2049</v>
      </c>
      <c r="E485" s="1" t="s">
        <v>2050</v>
      </c>
      <c r="F485" s="1" t="s">
        <v>27</v>
      </c>
      <c r="G485" s="1" t="s">
        <v>10</v>
      </c>
      <c r="H485" s="1" t="s">
        <v>10</v>
      </c>
      <c r="I485" s="1" t="s">
        <v>1840</v>
      </c>
      <c r="J485" s="1" t="s">
        <v>1856</v>
      </c>
      <c r="K485" s="1" t="s">
        <v>37</v>
      </c>
      <c r="L485" s="1" t="s">
        <v>2047</v>
      </c>
      <c r="M485" s="1" t="s">
        <v>5</v>
      </c>
      <c r="N485" s="1" t="s">
        <v>10</v>
      </c>
      <c r="O485" s="1" t="s">
        <v>38</v>
      </c>
      <c r="P485" s="5" t="s">
        <v>10</v>
      </c>
    </row>
    <row r="486" spans="1:16" x14ac:dyDescent="0.2">
      <c r="A486" s="1" t="s">
        <v>42</v>
      </c>
      <c r="B486" s="1" t="s">
        <v>320</v>
      </c>
      <c r="C486" s="1" t="s">
        <v>2052</v>
      </c>
      <c r="D486" s="1" t="s">
        <v>2053</v>
      </c>
      <c r="E486" s="1" t="s">
        <v>2054</v>
      </c>
      <c r="F486" s="1" t="s">
        <v>27</v>
      </c>
      <c r="G486" s="1" t="s">
        <v>10</v>
      </c>
      <c r="H486" s="1" t="s">
        <v>10</v>
      </c>
      <c r="I486" s="1" t="s">
        <v>1840</v>
      </c>
      <c r="J486" s="1" t="s">
        <v>1856</v>
      </c>
      <c r="K486" s="1" t="s">
        <v>37</v>
      </c>
      <c r="L486" s="1" t="s">
        <v>2051</v>
      </c>
      <c r="M486" s="1" t="s">
        <v>5</v>
      </c>
      <c r="N486" s="1" t="s">
        <v>10</v>
      </c>
      <c r="O486" s="1" t="s">
        <v>38</v>
      </c>
      <c r="P486" s="5" t="s">
        <v>10</v>
      </c>
    </row>
    <row r="487" spans="1:16" x14ac:dyDescent="0.2">
      <c r="A487" s="1" t="s">
        <v>66</v>
      </c>
      <c r="B487" s="1" t="s">
        <v>1117</v>
      </c>
      <c r="C487" s="1" t="s">
        <v>866</v>
      </c>
      <c r="D487" s="1" t="s">
        <v>866</v>
      </c>
      <c r="E487" s="1" t="s">
        <v>2056</v>
      </c>
      <c r="F487" s="1" t="s">
        <v>27</v>
      </c>
      <c r="G487" s="1" t="s">
        <v>10</v>
      </c>
      <c r="H487" s="1" t="s">
        <v>2057</v>
      </c>
      <c r="I487" s="1" t="s">
        <v>1840</v>
      </c>
      <c r="J487" s="1" t="s">
        <v>1850</v>
      </c>
      <c r="K487" s="1" t="s">
        <v>47</v>
      </c>
      <c r="L487" s="1" t="s">
        <v>2055</v>
      </c>
      <c r="M487" s="1" t="s">
        <v>5</v>
      </c>
      <c r="N487" s="1" t="s">
        <v>10</v>
      </c>
      <c r="O487" s="1" t="s">
        <v>8</v>
      </c>
      <c r="P487" s="5" t="s">
        <v>10</v>
      </c>
    </row>
    <row r="488" spans="1:16" x14ac:dyDescent="0.2">
      <c r="A488" s="1" t="s">
        <v>66</v>
      </c>
      <c r="B488" s="1" t="s">
        <v>1117</v>
      </c>
      <c r="C488" s="1" t="s">
        <v>2059</v>
      </c>
      <c r="D488" s="1" t="s">
        <v>2060</v>
      </c>
      <c r="E488" s="1" t="s">
        <v>2056</v>
      </c>
      <c r="F488" s="1" t="s">
        <v>414</v>
      </c>
      <c r="G488" s="1" t="s">
        <v>119</v>
      </c>
      <c r="H488" s="1" t="s">
        <v>10</v>
      </c>
      <c r="I488" s="1" t="s">
        <v>1840</v>
      </c>
      <c r="J488" s="1" t="s">
        <v>1850</v>
      </c>
      <c r="K488" s="1" t="s">
        <v>47</v>
      </c>
      <c r="L488" s="1" t="s">
        <v>2058</v>
      </c>
      <c r="M488" s="1" t="s">
        <v>5</v>
      </c>
      <c r="N488" s="1" t="s">
        <v>10</v>
      </c>
      <c r="O488" s="1" t="s">
        <v>8</v>
      </c>
      <c r="P488" s="5" t="s">
        <v>10</v>
      </c>
    </row>
    <row r="489" spans="1:16" x14ac:dyDescent="0.2">
      <c r="A489" s="1" t="s">
        <v>329</v>
      </c>
      <c r="B489" s="1" t="s">
        <v>439</v>
      </c>
      <c r="C489" s="1" t="s">
        <v>2062</v>
      </c>
      <c r="D489" s="1" t="s">
        <v>2062</v>
      </c>
      <c r="E489" s="1" t="s">
        <v>2063</v>
      </c>
      <c r="F489" s="1" t="s">
        <v>27</v>
      </c>
      <c r="G489" s="1" t="s">
        <v>10</v>
      </c>
      <c r="H489" s="1" t="s">
        <v>2064</v>
      </c>
      <c r="I489" s="1" t="s">
        <v>1840</v>
      </c>
      <c r="J489" s="1" t="s">
        <v>1883</v>
      </c>
      <c r="K489" s="1" t="s">
        <v>64</v>
      </c>
      <c r="L489" s="1" t="s">
        <v>2061</v>
      </c>
      <c r="M489" s="1" t="s">
        <v>5</v>
      </c>
      <c r="N489" s="1" t="s">
        <v>10</v>
      </c>
      <c r="O489" s="1" t="s">
        <v>8</v>
      </c>
      <c r="P489" s="5" t="s">
        <v>10</v>
      </c>
    </row>
    <row r="490" spans="1:16" x14ac:dyDescent="0.2">
      <c r="A490" s="1" t="s">
        <v>42</v>
      </c>
      <c r="B490" s="1" t="s">
        <v>1341</v>
      </c>
      <c r="C490" s="1" t="s">
        <v>2066</v>
      </c>
      <c r="D490" s="1" t="s">
        <v>2067</v>
      </c>
      <c r="E490" s="1"/>
      <c r="F490" s="1" t="s">
        <v>27</v>
      </c>
      <c r="G490" s="1" t="s">
        <v>10</v>
      </c>
      <c r="H490" s="1" t="s">
        <v>2066</v>
      </c>
      <c r="I490" s="1" t="s">
        <v>1840</v>
      </c>
      <c r="J490" s="1" t="s">
        <v>1216</v>
      </c>
      <c r="K490" s="1" t="s">
        <v>7</v>
      </c>
      <c r="L490" s="1" t="s">
        <v>2065</v>
      </c>
      <c r="M490" s="1" t="s">
        <v>5</v>
      </c>
      <c r="N490" s="1" t="s">
        <v>10</v>
      </c>
      <c r="O490" s="1" t="s">
        <v>8</v>
      </c>
      <c r="P490" s="5" t="s">
        <v>10</v>
      </c>
    </row>
    <row r="491" spans="1:16" x14ac:dyDescent="0.2">
      <c r="A491" s="1" t="s">
        <v>329</v>
      </c>
      <c r="B491" s="1" t="s">
        <v>1738</v>
      </c>
      <c r="C491" s="1" t="s">
        <v>2069</v>
      </c>
      <c r="D491" s="1" t="s">
        <v>2069</v>
      </c>
      <c r="E491" s="1" t="s">
        <v>2070</v>
      </c>
      <c r="F491" s="1" t="s">
        <v>414</v>
      </c>
      <c r="G491" s="1" t="s">
        <v>10</v>
      </c>
      <c r="H491" s="1" t="s">
        <v>10</v>
      </c>
      <c r="I491" s="1" t="s">
        <v>1840</v>
      </c>
      <c r="J491" s="1" t="s">
        <v>1850</v>
      </c>
      <c r="K491" s="1" t="s">
        <v>64</v>
      </c>
      <c r="L491" s="1" t="s">
        <v>2068</v>
      </c>
      <c r="M491" s="1" t="s">
        <v>5</v>
      </c>
      <c r="N491" s="1" t="s">
        <v>10</v>
      </c>
      <c r="O491" s="1" t="s">
        <v>8</v>
      </c>
      <c r="P491" s="5" t="s">
        <v>10</v>
      </c>
    </row>
    <row r="492" spans="1:16" x14ac:dyDescent="0.2">
      <c r="A492" s="1" t="s">
        <v>10</v>
      </c>
      <c r="B492" s="1" t="s">
        <v>10</v>
      </c>
      <c r="C492" s="1" t="s">
        <v>2072</v>
      </c>
      <c r="D492" s="1" t="s">
        <v>2072</v>
      </c>
      <c r="E492" s="1" t="s">
        <v>2073</v>
      </c>
      <c r="F492" s="1" t="s">
        <v>27</v>
      </c>
      <c r="G492" s="1" t="s">
        <v>10</v>
      </c>
      <c r="H492" s="1" t="s">
        <v>2074</v>
      </c>
      <c r="I492" s="1" t="s">
        <v>1840</v>
      </c>
      <c r="J492" s="1" t="s">
        <v>1883</v>
      </c>
      <c r="K492" s="1" t="s">
        <v>64</v>
      </c>
      <c r="L492" s="1" t="s">
        <v>2071</v>
      </c>
      <c r="M492" s="1" t="s">
        <v>5</v>
      </c>
      <c r="N492" s="1" t="s">
        <v>10</v>
      </c>
      <c r="O492" s="1" t="s">
        <v>8</v>
      </c>
      <c r="P492" s="5" t="s">
        <v>10</v>
      </c>
    </row>
    <row r="493" spans="1:16" x14ac:dyDescent="0.2">
      <c r="A493" s="1" t="s">
        <v>10</v>
      </c>
      <c r="B493" s="1" t="s">
        <v>10</v>
      </c>
      <c r="C493" s="1" t="s">
        <v>2076</v>
      </c>
      <c r="D493" s="1" t="s">
        <v>2076</v>
      </c>
      <c r="E493" s="1" t="s">
        <v>10</v>
      </c>
      <c r="F493" s="1" t="s">
        <v>414</v>
      </c>
      <c r="G493" s="1" t="s">
        <v>1895</v>
      </c>
      <c r="H493" s="1" t="s">
        <v>10</v>
      </c>
      <c r="I493" s="1" t="s">
        <v>1840</v>
      </c>
      <c r="J493" s="1" t="s">
        <v>1883</v>
      </c>
      <c r="K493" s="1" t="s">
        <v>64</v>
      </c>
      <c r="L493" s="1" t="s">
        <v>2075</v>
      </c>
      <c r="M493" s="1" t="s">
        <v>5</v>
      </c>
      <c r="N493" s="1" t="s">
        <v>10</v>
      </c>
      <c r="O493" s="1" t="s">
        <v>8</v>
      </c>
      <c r="P493" s="5" t="s">
        <v>10</v>
      </c>
    </row>
    <row r="494" spans="1:16" x14ac:dyDescent="0.2">
      <c r="A494" s="1" t="s">
        <v>1385</v>
      </c>
      <c r="B494" s="1" t="s">
        <v>2028</v>
      </c>
      <c r="C494" s="1" t="s">
        <v>721</v>
      </c>
      <c r="D494" s="1" t="s">
        <v>721</v>
      </c>
      <c r="E494" s="1"/>
      <c r="F494" s="1" t="s">
        <v>27</v>
      </c>
      <c r="G494" s="1" t="s">
        <v>10</v>
      </c>
      <c r="H494" s="1" t="s">
        <v>2078</v>
      </c>
      <c r="I494" s="1" t="s">
        <v>1840</v>
      </c>
      <c r="J494" s="1" t="s">
        <v>1850</v>
      </c>
      <c r="K494" s="1" t="s">
        <v>64</v>
      </c>
      <c r="L494" s="1" t="s">
        <v>2077</v>
      </c>
      <c r="M494" s="1" t="s">
        <v>5</v>
      </c>
      <c r="N494" s="1" t="s">
        <v>10</v>
      </c>
      <c r="O494" s="1" t="s">
        <v>8</v>
      </c>
      <c r="P494" s="5"/>
    </row>
    <row r="495" spans="1:16" x14ac:dyDescent="0.2">
      <c r="A495" s="1" t="s">
        <v>66</v>
      </c>
      <c r="B495" s="1" t="s">
        <v>1127</v>
      </c>
      <c r="C495" s="1" t="s">
        <v>2080</v>
      </c>
      <c r="D495" s="1" t="s">
        <v>2081</v>
      </c>
      <c r="E495" s="1" t="s">
        <v>2082</v>
      </c>
      <c r="F495" s="1" t="s">
        <v>27</v>
      </c>
      <c r="G495" s="1" t="s">
        <v>10</v>
      </c>
      <c r="H495" s="1" t="s">
        <v>10</v>
      </c>
      <c r="I495" s="1" t="s">
        <v>1840</v>
      </c>
      <c r="J495" s="1" t="s">
        <v>1856</v>
      </c>
      <c r="K495" s="1" t="s">
        <v>37</v>
      </c>
      <c r="L495" s="1" t="s">
        <v>2079</v>
      </c>
      <c r="M495" s="1" t="s">
        <v>5</v>
      </c>
      <c r="N495" s="1" t="s">
        <v>10</v>
      </c>
      <c r="O495" s="1" t="s">
        <v>38</v>
      </c>
      <c r="P495" s="5" t="s">
        <v>10</v>
      </c>
    </row>
    <row r="496" spans="1:16" x14ac:dyDescent="0.2">
      <c r="A496" s="1" t="s">
        <v>10</v>
      </c>
      <c r="B496" s="1" t="s">
        <v>10</v>
      </c>
      <c r="C496" s="1" t="s">
        <v>2084</v>
      </c>
      <c r="D496" s="1" t="s">
        <v>2084</v>
      </c>
      <c r="E496" s="1" t="s">
        <v>2085</v>
      </c>
      <c r="F496" s="1" t="s">
        <v>27</v>
      </c>
      <c r="G496" s="1" t="s">
        <v>10</v>
      </c>
      <c r="H496" s="1" t="s">
        <v>2086</v>
      </c>
      <c r="I496" s="1" t="s">
        <v>1840</v>
      </c>
      <c r="J496" s="1" t="s">
        <v>1883</v>
      </c>
      <c r="K496" s="1" t="s">
        <v>64</v>
      </c>
      <c r="L496" s="1" t="s">
        <v>2083</v>
      </c>
      <c r="M496" s="1" t="s">
        <v>5</v>
      </c>
      <c r="N496" s="1" t="s">
        <v>10</v>
      </c>
      <c r="O496" s="1" t="s">
        <v>8</v>
      </c>
      <c r="P496" s="5" t="s">
        <v>10</v>
      </c>
    </row>
    <row r="497" spans="1:16" x14ac:dyDescent="0.2">
      <c r="A497" s="1" t="s">
        <v>42</v>
      </c>
      <c r="B497" s="1" t="s">
        <v>2091</v>
      </c>
      <c r="C497" s="1" t="s">
        <v>2088</v>
      </c>
      <c r="D497" s="1" t="s">
        <v>2088</v>
      </c>
      <c r="E497" s="1" t="s">
        <v>2089</v>
      </c>
      <c r="F497" s="1" t="s">
        <v>27</v>
      </c>
      <c r="G497" s="1" t="s">
        <v>10</v>
      </c>
      <c r="H497" s="1" t="s">
        <v>2090</v>
      </c>
      <c r="I497" s="1" t="s">
        <v>1840</v>
      </c>
      <c r="J497" s="1" t="s">
        <v>1883</v>
      </c>
      <c r="K497" s="1" t="s">
        <v>64</v>
      </c>
      <c r="L497" s="1" t="s">
        <v>2087</v>
      </c>
      <c r="M497" s="1" t="s">
        <v>5</v>
      </c>
      <c r="N497" s="1" t="s">
        <v>10</v>
      </c>
      <c r="O497" s="1" t="s">
        <v>8</v>
      </c>
      <c r="P497" s="5" t="s">
        <v>10</v>
      </c>
    </row>
    <row r="498" spans="1:16" x14ac:dyDescent="0.2">
      <c r="A498" s="1" t="s">
        <v>42</v>
      </c>
      <c r="B498" s="1" t="s">
        <v>1341</v>
      </c>
      <c r="C498" s="1" t="s">
        <v>2093</v>
      </c>
      <c r="D498" s="1" t="s">
        <v>2093</v>
      </c>
      <c r="E498" s="1" t="s">
        <v>2094</v>
      </c>
      <c r="F498" s="1" t="s">
        <v>27</v>
      </c>
      <c r="G498" s="1" t="s">
        <v>10</v>
      </c>
      <c r="H498" s="1" t="s">
        <v>2095</v>
      </c>
      <c r="I498" s="1" t="s">
        <v>1840</v>
      </c>
      <c r="J498" s="1" t="s">
        <v>1902</v>
      </c>
      <c r="K498" s="1" t="s">
        <v>747</v>
      </c>
      <c r="L498" s="1" t="s">
        <v>2092</v>
      </c>
      <c r="M498" s="1" t="s">
        <v>5</v>
      </c>
      <c r="N498" s="1" t="s">
        <v>10</v>
      </c>
      <c r="O498" s="1" t="s">
        <v>8</v>
      </c>
      <c r="P498" s="5" t="s">
        <v>10</v>
      </c>
    </row>
    <row r="499" spans="1:16" x14ac:dyDescent="0.2">
      <c r="A499" s="1" t="s">
        <v>42</v>
      </c>
      <c r="B499" s="1" t="s">
        <v>1341</v>
      </c>
      <c r="C499" s="1" t="s">
        <v>2097</v>
      </c>
      <c r="D499" s="1" t="s">
        <v>2097</v>
      </c>
      <c r="E499" s="1" t="s">
        <v>2098</v>
      </c>
      <c r="F499" s="1" t="s">
        <v>27</v>
      </c>
      <c r="G499" s="1" t="s">
        <v>10</v>
      </c>
      <c r="H499" s="1" t="s">
        <v>2099</v>
      </c>
      <c r="I499" s="1" t="s">
        <v>1840</v>
      </c>
      <c r="J499" s="1" t="s">
        <v>1216</v>
      </c>
      <c r="K499" s="1" t="s">
        <v>7</v>
      </c>
      <c r="L499" s="1" t="s">
        <v>2096</v>
      </c>
      <c r="M499" s="1" t="s">
        <v>5</v>
      </c>
      <c r="N499" s="1" t="s">
        <v>10</v>
      </c>
      <c r="O499" s="1" t="s">
        <v>8</v>
      </c>
      <c r="P499" s="5" t="s">
        <v>10</v>
      </c>
    </row>
    <row r="500" spans="1:16" x14ac:dyDescent="0.2">
      <c r="A500" s="1" t="s">
        <v>42</v>
      </c>
      <c r="B500" s="1" t="s">
        <v>1341</v>
      </c>
      <c r="C500" s="1" t="s">
        <v>2101</v>
      </c>
      <c r="D500" s="1" t="s">
        <v>2101</v>
      </c>
      <c r="E500" s="1" t="s">
        <v>2102</v>
      </c>
      <c r="F500" s="1" t="s">
        <v>27</v>
      </c>
      <c r="G500" s="1" t="s">
        <v>10</v>
      </c>
      <c r="H500" s="1" t="s">
        <v>2103</v>
      </c>
      <c r="I500" s="1" t="s">
        <v>1840</v>
      </c>
      <c r="J500" s="1" t="s">
        <v>1856</v>
      </c>
      <c r="K500" s="1" t="s">
        <v>37</v>
      </c>
      <c r="L500" s="1" t="s">
        <v>2100</v>
      </c>
      <c r="M500" s="1" t="s">
        <v>5</v>
      </c>
      <c r="N500" s="1" t="s">
        <v>10</v>
      </c>
      <c r="O500" s="1" t="s">
        <v>8</v>
      </c>
      <c r="P500" s="5" t="s">
        <v>10</v>
      </c>
    </row>
    <row r="501" spans="1:16" x14ac:dyDescent="0.2">
      <c r="A501" s="1" t="s">
        <v>42</v>
      </c>
      <c r="B501" s="1" t="s">
        <v>1341</v>
      </c>
      <c r="C501" s="1" t="s">
        <v>2105</v>
      </c>
      <c r="D501" s="1" t="s">
        <v>2106</v>
      </c>
      <c r="E501" s="1" t="s">
        <v>2107</v>
      </c>
      <c r="F501" s="1" t="s">
        <v>27</v>
      </c>
      <c r="G501" s="1" t="s">
        <v>10</v>
      </c>
      <c r="H501" s="1" t="s">
        <v>2108</v>
      </c>
      <c r="I501" s="1" t="s">
        <v>1840</v>
      </c>
      <c r="J501" s="1" t="s">
        <v>1856</v>
      </c>
      <c r="K501" s="1" t="s">
        <v>37</v>
      </c>
      <c r="L501" s="1" t="s">
        <v>2104</v>
      </c>
      <c r="M501" s="1" t="s">
        <v>5</v>
      </c>
      <c r="N501" s="1" t="s">
        <v>10</v>
      </c>
      <c r="O501" s="1" t="s">
        <v>8</v>
      </c>
      <c r="P501" s="5" t="s">
        <v>10</v>
      </c>
    </row>
    <row r="502" spans="1:16" x14ac:dyDescent="0.2">
      <c r="A502" s="1" t="s">
        <v>42</v>
      </c>
      <c r="B502" s="1" t="s">
        <v>1341</v>
      </c>
      <c r="C502" s="1" t="s">
        <v>2110</v>
      </c>
      <c r="D502" s="1" t="s">
        <v>2110</v>
      </c>
      <c r="E502" s="1" t="s">
        <v>2111</v>
      </c>
      <c r="F502" s="1" t="s">
        <v>27</v>
      </c>
      <c r="G502" s="1" t="s">
        <v>10</v>
      </c>
      <c r="H502" s="1" t="s">
        <v>2110</v>
      </c>
      <c r="I502" s="1" t="s">
        <v>1840</v>
      </c>
      <c r="J502" s="1" t="s">
        <v>1856</v>
      </c>
      <c r="K502" s="1" t="s">
        <v>37</v>
      </c>
      <c r="L502" s="1" t="s">
        <v>2109</v>
      </c>
      <c r="M502" s="1" t="s">
        <v>5</v>
      </c>
      <c r="N502" s="1" t="s">
        <v>10</v>
      </c>
      <c r="O502" s="1" t="s">
        <v>8</v>
      </c>
      <c r="P502" s="5" t="s">
        <v>10</v>
      </c>
    </row>
    <row r="503" spans="1:16" x14ac:dyDescent="0.2">
      <c r="A503" s="1" t="s">
        <v>42</v>
      </c>
      <c r="B503" s="1" t="s">
        <v>1341</v>
      </c>
      <c r="C503" s="1" t="s">
        <v>2113</v>
      </c>
      <c r="D503" s="1" t="s">
        <v>2113</v>
      </c>
      <c r="E503" s="1" t="s">
        <v>2114</v>
      </c>
      <c r="F503" s="1" t="s">
        <v>27</v>
      </c>
      <c r="G503" s="1" t="s">
        <v>10</v>
      </c>
      <c r="H503" s="1" t="s">
        <v>2115</v>
      </c>
      <c r="I503" s="1" t="s">
        <v>1840</v>
      </c>
      <c r="J503" s="1" t="s">
        <v>1856</v>
      </c>
      <c r="K503" s="1" t="s">
        <v>37</v>
      </c>
      <c r="L503" s="1" t="s">
        <v>2112</v>
      </c>
      <c r="M503" s="1" t="s">
        <v>5</v>
      </c>
      <c r="N503" s="1" t="s">
        <v>10</v>
      </c>
      <c r="O503" s="1" t="s">
        <v>8</v>
      </c>
      <c r="P503" s="5" t="s">
        <v>10</v>
      </c>
    </row>
    <row r="504" spans="1:16" x14ac:dyDescent="0.2">
      <c r="A504" s="1" t="s">
        <v>329</v>
      </c>
      <c r="B504" s="1" t="s">
        <v>2120</v>
      </c>
      <c r="C504" s="1" t="s">
        <v>2117</v>
      </c>
      <c r="D504" s="1" t="s">
        <v>2117</v>
      </c>
      <c r="E504" s="1" t="s">
        <v>2118</v>
      </c>
      <c r="F504" s="1" t="s">
        <v>105</v>
      </c>
      <c r="G504" s="1" t="s">
        <v>2119</v>
      </c>
      <c r="H504" s="1" t="s">
        <v>10</v>
      </c>
      <c r="I504" s="1" t="s">
        <v>1840</v>
      </c>
      <c r="J504" s="1" t="s">
        <v>1883</v>
      </c>
      <c r="K504" s="1" t="s">
        <v>64</v>
      </c>
      <c r="L504" s="1" t="s">
        <v>2116</v>
      </c>
      <c r="M504" s="1" t="s">
        <v>5</v>
      </c>
      <c r="N504" s="1" t="s">
        <v>10</v>
      </c>
      <c r="O504" s="1" t="s">
        <v>8</v>
      </c>
      <c r="P504" s="5" t="s">
        <v>10</v>
      </c>
    </row>
    <row r="505" spans="1:16" x14ac:dyDescent="0.2">
      <c r="A505" s="1" t="s">
        <v>329</v>
      </c>
      <c r="B505" s="1" t="s">
        <v>1976</v>
      </c>
      <c r="C505" s="1" t="s">
        <v>2122</v>
      </c>
      <c r="D505" s="1" t="s">
        <v>2122</v>
      </c>
      <c r="E505" s="1" t="s">
        <v>2124</v>
      </c>
      <c r="F505" s="1" t="s">
        <v>27</v>
      </c>
      <c r="G505" s="1" t="s">
        <v>10</v>
      </c>
      <c r="H505" s="1" t="s">
        <v>2125</v>
      </c>
      <c r="I505" s="1" t="s">
        <v>1840</v>
      </c>
      <c r="J505" s="1" t="s">
        <v>2123</v>
      </c>
      <c r="K505" s="1" t="s">
        <v>64</v>
      </c>
      <c r="L505" s="1" t="s">
        <v>2121</v>
      </c>
      <c r="M505" s="1" t="s">
        <v>5</v>
      </c>
      <c r="N505" s="1" t="s">
        <v>10</v>
      </c>
      <c r="O505" s="1" t="s">
        <v>8</v>
      </c>
      <c r="P505" s="5" t="s">
        <v>10</v>
      </c>
    </row>
    <row r="506" spans="1:16" x14ac:dyDescent="0.2">
      <c r="A506" s="1" t="s">
        <v>329</v>
      </c>
      <c r="B506" s="1" t="s">
        <v>1976</v>
      </c>
      <c r="C506" s="1" t="s">
        <v>2127</v>
      </c>
      <c r="D506" s="1" t="s">
        <v>2127</v>
      </c>
      <c r="E506" s="1" t="s">
        <v>2128</v>
      </c>
      <c r="F506" s="1" t="s">
        <v>27</v>
      </c>
      <c r="G506" s="1" t="s">
        <v>10</v>
      </c>
      <c r="H506" s="1" t="s">
        <v>2129</v>
      </c>
      <c r="I506" s="1" t="s">
        <v>1840</v>
      </c>
      <c r="J506" s="1" t="s">
        <v>1883</v>
      </c>
      <c r="K506" s="1" t="s">
        <v>64</v>
      </c>
      <c r="L506" s="1" t="s">
        <v>2126</v>
      </c>
      <c r="M506" s="1" t="s">
        <v>5</v>
      </c>
      <c r="N506" s="1" t="s">
        <v>10</v>
      </c>
      <c r="O506" s="1" t="s">
        <v>8</v>
      </c>
      <c r="P506" s="5" t="s">
        <v>10</v>
      </c>
    </row>
    <row r="507" spans="1:16" x14ac:dyDescent="0.2">
      <c r="A507" s="1" t="s">
        <v>329</v>
      </c>
      <c r="B507" s="1" t="s">
        <v>1976</v>
      </c>
      <c r="C507" s="1" t="s">
        <v>2131</v>
      </c>
      <c r="D507" s="1" t="s">
        <v>2131</v>
      </c>
      <c r="E507" s="1" t="s">
        <v>2132</v>
      </c>
      <c r="F507" s="1" t="s">
        <v>27</v>
      </c>
      <c r="G507" s="1" t="s">
        <v>10</v>
      </c>
      <c r="H507" s="1" t="s">
        <v>2133</v>
      </c>
      <c r="I507" s="1" t="s">
        <v>1840</v>
      </c>
      <c r="J507" s="1" t="s">
        <v>1883</v>
      </c>
      <c r="K507" s="1" t="s">
        <v>64</v>
      </c>
      <c r="L507" s="1" t="s">
        <v>2130</v>
      </c>
      <c r="M507" s="1" t="s">
        <v>5</v>
      </c>
      <c r="N507" s="1" t="s">
        <v>10</v>
      </c>
      <c r="O507" s="1" t="s">
        <v>8</v>
      </c>
      <c r="P507" s="5" t="s">
        <v>10</v>
      </c>
    </row>
    <row r="508" spans="1:16" x14ac:dyDescent="0.2">
      <c r="A508" s="1" t="s">
        <v>329</v>
      </c>
      <c r="B508" s="1" t="s">
        <v>1976</v>
      </c>
      <c r="C508" s="1" t="s">
        <v>2135</v>
      </c>
      <c r="D508" s="1" t="s">
        <v>2135</v>
      </c>
      <c r="E508" s="1" t="s">
        <v>2136</v>
      </c>
      <c r="F508" s="1" t="s">
        <v>27</v>
      </c>
      <c r="G508" s="1" t="s">
        <v>10</v>
      </c>
      <c r="H508" s="1" t="s">
        <v>2137</v>
      </c>
      <c r="I508" s="1" t="s">
        <v>1840</v>
      </c>
      <c r="J508" s="1" t="s">
        <v>1883</v>
      </c>
      <c r="K508" s="1" t="s">
        <v>64</v>
      </c>
      <c r="L508" s="1" t="s">
        <v>2134</v>
      </c>
      <c r="M508" s="1" t="s">
        <v>5</v>
      </c>
      <c r="N508" s="1" t="s">
        <v>10</v>
      </c>
      <c r="O508" s="1" t="s">
        <v>8</v>
      </c>
      <c r="P508" s="5" t="s">
        <v>10</v>
      </c>
    </row>
    <row r="509" spans="1:16" x14ac:dyDescent="0.2">
      <c r="A509" s="1" t="s">
        <v>194</v>
      </c>
      <c r="B509" s="1" t="s">
        <v>396</v>
      </c>
      <c r="C509" s="1" t="s">
        <v>2139</v>
      </c>
      <c r="D509" s="1" t="s">
        <v>2139</v>
      </c>
      <c r="E509" s="1" t="s">
        <v>2140</v>
      </c>
      <c r="F509" s="1" t="s">
        <v>474</v>
      </c>
      <c r="G509" s="1" t="s">
        <v>2141</v>
      </c>
      <c r="H509" s="1" t="s">
        <v>10</v>
      </c>
      <c r="I509" s="1" t="s">
        <v>1840</v>
      </c>
      <c r="J509" s="1" t="s">
        <v>1216</v>
      </c>
      <c r="K509" s="1" t="s">
        <v>64</v>
      </c>
      <c r="L509" s="1" t="s">
        <v>2138</v>
      </c>
      <c r="M509" s="1" t="s">
        <v>5</v>
      </c>
      <c r="N509" s="1" t="s">
        <v>10</v>
      </c>
      <c r="O509" s="1" t="s">
        <v>8</v>
      </c>
      <c r="P509" s="5" t="s">
        <v>10</v>
      </c>
    </row>
    <row r="510" spans="1:16" x14ac:dyDescent="0.2">
      <c r="A510" s="1" t="s">
        <v>20</v>
      </c>
      <c r="B510" s="1" t="s">
        <v>445</v>
      </c>
      <c r="C510" s="1" t="s">
        <v>2143</v>
      </c>
      <c r="D510" s="1" t="s">
        <v>2144</v>
      </c>
      <c r="E510" s="1"/>
      <c r="F510" s="1" t="s">
        <v>27</v>
      </c>
      <c r="G510" s="1" t="s">
        <v>10</v>
      </c>
      <c r="H510" s="1" t="s">
        <v>2145</v>
      </c>
      <c r="I510" s="1" t="s">
        <v>1840</v>
      </c>
      <c r="J510" s="1" t="s">
        <v>1856</v>
      </c>
      <c r="K510" s="1" t="s">
        <v>7</v>
      </c>
      <c r="L510" s="1" t="s">
        <v>2142</v>
      </c>
      <c r="M510" s="1" t="s">
        <v>5</v>
      </c>
      <c r="N510" s="1" t="s">
        <v>10</v>
      </c>
      <c r="O510" s="1" t="s">
        <v>8</v>
      </c>
      <c r="P510" s="5" t="s">
        <v>10</v>
      </c>
    </row>
    <row r="511" spans="1:16" x14ac:dyDescent="0.2">
      <c r="A511" s="1" t="s">
        <v>329</v>
      </c>
      <c r="B511" s="1" t="s">
        <v>1168</v>
      </c>
      <c r="C511" s="1" t="s">
        <v>2147</v>
      </c>
      <c r="D511" s="1" t="s">
        <v>2147</v>
      </c>
      <c r="E511" s="1" t="s">
        <v>2147</v>
      </c>
      <c r="F511" s="1" t="s">
        <v>522</v>
      </c>
      <c r="G511" s="1" t="s">
        <v>2148</v>
      </c>
      <c r="H511" s="1" t="s">
        <v>10</v>
      </c>
      <c r="I511" s="1" t="s">
        <v>1840</v>
      </c>
      <c r="J511" s="1" t="s">
        <v>1883</v>
      </c>
      <c r="K511" s="1" t="s">
        <v>7</v>
      </c>
      <c r="L511" s="1" t="s">
        <v>2146</v>
      </c>
      <c r="M511" s="1" t="s">
        <v>5</v>
      </c>
      <c r="N511" s="1" t="s">
        <v>10</v>
      </c>
      <c r="O511" s="1" t="s">
        <v>8</v>
      </c>
      <c r="P511" s="5" t="s">
        <v>10</v>
      </c>
    </row>
    <row r="512" spans="1:16" x14ac:dyDescent="0.2">
      <c r="A512" s="1" t="s">
        <v>20</v>
      </c>
      <c r="B512" s="1" t="s">
        <v>99</v>
      </c>
      <c r="C512" s="1" t="s">
        <v>2150</v>
      </c>
      <c r="D512" s="1" t="s">
        <v>2151</v>
      </c>
      <c r="E512" s="1" t="s">
        <v>2152</v>
      </c>
      <c r="F512" s="1" t="s">
        <v>522</v>
      </c>
      <c r="G512" s="1" t="s">
        <v>1049</v>
      </c>
      <c r="H512" s="1" t="s">
        <v>10</v>
      </c>
      <c r="I512" s="1" t="s">
        <v>1840</v>
      </c>
      <c r="J512" s="1" t="s">
        <v>1883</v>
      </c>
      <c r="K512" s="1" t="s">
        <v>7</v>
      </c>
      <c r="L512" s="1" t="s">
        <v>2149</v>
      </c>
      <c r="M512" s="1" t="s">
        <v>5</v>
      </c>
      <c r="N512" s="1" t="s">
        <v>10</v>
      </c>
      <c r="O512" s="1" t="s">
        <v>8</v>
      </c>
      <c r="P512" s="5" t="s">
        <v>10</v>
      </c>
    </row>
    <row r="513" spans="1:16" x14ac:dyDescent="0.2">
      <c r="A513" s="1" t="s">
        <v>32</v>
      </c>
      <c r="B513" s="1" t="s">
        <v>1163</v>
      </c>
      <c r="C513" s="1" t="s">
        <v>2154</v>
      </c>
      <c r="D513" s="1" t="s">
        <v>1180</v>
      </c>
      <c r="E513" s="1" t="s">
        <v>2155</v>
      </c>
      <c r="F513" s="1" t="s">
        <v>522</v>
      </c>
      <c r="G513" s="1" t="s">
        <v>2156</v>
      </c>
      <c r="H513" s="1" t="s">
        <v>10</v>
      </c>
      <c r="I513" s="1" t="s">
        <v>1840</v>
      </c>
      <c r="J513" s="1" t="s">
        <v>1883</v>
      </c>
      <c r="K513" s="1" t="s">
        <v>64</v>
      </c>
      <c r="L513" s="1" t="s">
        <v>2153</v>
      </c>
      <c r="M513" s="1" t="s">
        <v>5</v>
      </c>
      <c r="N513" s="1" t="s">
        <v>10</v>
      </c>
      <c r="O513" s="1" t="s">
        <v>8</v>
      </c>
      <c r="P513" s="5" t="s">
        <v>10</v>
      </c>
    </row>
    <row r="514" spans="1:16" x14ac:dyDescent="0.2">
      <c r="A514" s="1" t="s">
        <v>32</v>
      </c>
      <c r="B514" s="1" t="s">
        <v>1163</v>
      </c>
      <c r="C514" s="1" t="s">
        <v>2158</v>
      </c>
      <c r="D514" s="1" t="s">
        <v>2158</v>
      </c>
      <c r="E514" s="1" t="s">
        <v>2160</v>
      </c>
      <c r="F514" s="1" t="s">
        <v>2159</v>
      </c>
      <c r="G514" s="1" t="s">
        <v>10</v>
      </c>
      <c r="H514" s="1" t="s">
        <v>10</v>
      </c>
      <c r="I514" s="1" t="s">
        <v>1840</v>
      </c>
      <c r="J514" s="1" t="s">
        <v>1883</v>
      </c>
      <c r="K514" s="1" t="s">
        <v>64</v>
      </c>
      <c r="L514" s="1" t="s">
        <v>2157</v>
      </c>
      <c r="M514" s="1" t="s">
        <v>5</v>
      </c>
      <c r="N514" s="1" t="s">
        <v>10</v>
      </c>
      <c r="O514" s="1" t="s">
        <v>8</v>
      </c>
      <c r="P514" s="5" t="s">
        <v>10</v>
      </c>
    </row>
    <row r="515" spans="1:16" x14ac:dyDescent="0.2">
      <c r="A515" s="1" t="s">
        <v>20</v>
      </c>
      <c r="B515" s="1" t="s">
        <v>309</v>
      </c>
      <c r="C515" s="1" t="s">
        <v>2162</v>
      </c>
      <c r="D515" s="1" t="s">
        <v>2163</v>
      </c>
      <c r="E515" s="1"/>
      <c r="F515" s="1" t="s">
        <v>10</v>
      </c>
      <c r="G515" s="1" t="s">
        <v>10</v>
      </c>
      <c r="H515" s="1" t="s">
        <v>10</v>
      </c>
      <c r="I515" s="1" t="s">
        <v>1840</v>
      </c>
      <c r="J515" s="1" t="s">
        <v>2164</v>
      </c>
      <c r="K515" s="1" t="s">
        <v>7</v>
      </c>
      <c r="L515" s="1" t="s">
        <v>2161</v>
      </c>
      <c r="M515" s="1" t="s">
        <v>5</v>
      </c>
      <c r="N515" s="1" t="s">
        <v>10</v>
      </c>
      <c r="O515" s="1" t="s">
        <v>38</v>
      </c>
      <c r="P515" s="5" t="s">
        <v>10</v>
      </c>
    </row>
    <row r="516" spans="1:16" x14ac:dyDescent="0.2">
      <c r="A516" s="1" t="s">
        <v>42</v>
      </c>
      <c r="B516" s="1" t="s">
        <v>50</v>
      </c>
      <c r="C516" s="1" t="s">
        <v>2166</v>
      </c>
      <c r="D516" s="1" t="s">
        <v>2167</v>
      </c>
      <c r="E516" s="1"/>
      <c r="F516" s="1" t="s">
        <v>10</v>
      </c>
      <c r="G516" s="1" t="s">
        <v>10</v>
      </c>
      <c r="H516" s="1" t="s">
        <v>10</v>
      </c>
      <c r="I516" s="1" t="s">
        <v>1840</v>
      </c>
      <c r="J516" s="1" t="s">
        <v>380</v>
      </c>
      <c r="K516" s="1" t="s">
        <v>47</v>
      </c>
      <c r="L516" s="1" t="s">
        <v>2165</v>
      </c>
      <c r="M516" s="1" t="s">
        <v>5</v>
      </c>
      <c r="N516" s="1" t="s">
        <v>10</v>
      </c>
      <c r="O516" s="1" t="s">
        <v>38</v>
      </c>
      <c r="P516" s="5" t="s">
        <v>10</v>
      </c>
    </row>
    <row r="517" spans="1:16" x14ac:dyDescent="0.2">
      <c r="A517" s="1" t="s">
        <v>42</v>
      </c>
      <c r="B517" s="1" t="s">
        <v>109</v>
      </c>
      <c r="C517" s="1" t="s">
        <v>2170</v>
      </c>
      <c r="D517" s="1" t="s">
        <v>2171</v>
      </c>
      <c r="E517" s="1"/>
      <c r="F517" s="1" t="s">
        <v>10</v>
      </c>
      <c r="G517" s="1" t="s">
        <v>10</v>
      </c>
      <c r="H517" s="1" t="s">
        <v>10</v>
      </c>
      <c r="I517" s="1" t="s">
        <v>1840</v>
      </c>
      <c r="J517" s="1" t="s">
        <v>2164</v>
      </c>
      <c r="K517" s="1" t="s">
        <v>7</v>
      </c>
      <c r="L517" s="1" t="s">
        <v>2169</v>
      </c>
      <c r="M517" s="1" t="s">
        <v>5</v>
      </c>
      <c r="N517" s="1" t="s">
        <v>10</v>
      </c>
      <c r="O517" s="1" t="s">
        <v>38</v>
      </c>
      <c r="P517" s="5" t="s">
        <v>10</v>
      </c>
    </row>
    <row r="518" spans="1:16" x14ac:dyDescent="0.2">
      <c r="A518" s="1" t="s">
        <v>20</v>
      </c>
      <c r="B518" s="1" t="s">
        <v>309</v>
      </c>
      <c r="C518" s="1" t="s">
        <v>2173</v>
      </c>
      <c r="D518" s="1" t="s">
        <v>1918</v>
      </c>
      <c r="E518" s="1"/>
      <c r="F518" s="1" t="s">
        <v>10</v>
      </c>
      <c r="G518" s="1" t="s">
        <v>10</v>
      </c>
      <c r="H518" s="1" t="s">
        <v>10</v>
      </c>
      <c r="I518" s="1" t="s">
        <v>1840</v>
      </c>
      <c r="J518" s="1" t="s">
        <v>2164</v>
      </c>
      <c r="K518" s="1" t="s">
        <v>7</v>
      </c>
      <c r="L518" s="1" t="s">
        <v>2172</v>
      </c>
      <c r="M518" s="1" t="s">
        <v>5</v>
      </c>
      <c r="N518" s="1" t="s">
        <v>10</v>
      </c>
      <c r="O518" s="1" t="s">
        <v>38</v>
      </c>
      <c r="P518" s="5" t="s">
        <v>10</v>
      </c>
    </row>
    <row r="519" spans="1:16" x14ac:dyDescent="0.2">
      <c r="A519" s="1" t="s">
        <v>329</v>
      </c>
      <c r="B519" s="1" t="s">
        <v>330</v>
      </c>
      <c r="C519" s="1" t="s">
        <v>2175</v>
      </c>
      <c r="D519" s="1" t="s">
        <v>2176</v>
      </c>
      <c r="E519" s="1"/>
      <c r="F519" s="1" t="s">
        <v>1108</v>
      </c>
      <c r="G519" s="1" t="s">
        <v>2178</v>
      </c>
      <c r="H519" s="1" t="s">
        <v>10</v>
      </c>
      <c r="I519" s="1" t="s">
        <v>1840</v>
      </c>
      <c r="J519" s="1" t="s">
        <v>2177</v>
      </c>
      <c r="K519" s="1" t="s">
        <v>64</v>
      </c>
      <c r="L519" s="1" t="s">
        <v>2174</v>
      </c>
      <c r="M519" s="1" t="s">
        <v>5</v>
      </c>
      <c r="N519" s="1" t="s">
        <v>10</v>
      </c>
      <c r="O519" s="1" t="s">
        <v>8</v>
      </c>
      <c r="P519" s="5" t="s">
        <v>29821</v>
      </c>
    </row>
    <row r="520" spans="1:16" x14ac:dyDescent="0.2">
      <c r="A520" s="1" t="s">
        <v>42</v>
      </c>
      <c r="B520" s="1" t="s">
        <v>588</v>
      </c>
      <c r="C520" s="1" t="s">
        <v>2180</v>
      </c>
      <c r="D520" s="1" t="s">
        <v>2181</v>
      </c>
      <c r="E520" s="1"/>
      <c r="F520" s="1" t="s">
        <v>10</v>
      </c>
      <c r="G520" s="1" t="s">
        <v>10</v>
      </c>
      <c r="H520" s="1" t="s">
        <v>10</v>
      </c>
      <c r="I520" s="1" t="s">
        <v>1840</v>
      </c>
      <c r="J520" s="1" t="s">
        <v>1849</v>
      </c>
      <c r="K520" s="1" t="s">
        <v>113</v>
      </c>
      <c r="L520" s="1" t="s">
        <v>2179</v>
      </c>
      <c r="M520" s="1" t="s">
        <v>5</v>
      </c>
      <c r="N520" s="1" t="s">
        <v>10</v>
      </c>
      <c r="O520" s="1" t="s">
        <v>38</v>
      </c>
      <c r="P520" s="5" t="s">
        <v>10</v>
      </c>
    </row>
    <row r="521" spans="1:16" x14ac:dyDescent="0.2">
      <c r="A521" s="1" t="s">
        <v>20</v>
      </c>
      <c r="B521" s="1" t="s">
        <v>309</v>
      </c>
      <c r="C521" s="1" t="s">
        <v>2183</v>
      </c>
      <c r="D521" s="1" t="s">
        <v>1968</v>
      </c>
      <c r="E521" s="1"/>
      <c r="F521" s="1" t="s">
        <v>10</v>
      </c>
      <c r="G521" s="1" t="s">
        <v>10</v>
      </c>
      <c r="H521" s="1" t="s">
        <v>10</v>
      </c>
      <c r="I521" s="1" t="s">
        <v>1840</v>
      </c>
      <c r="J521" s="1" t="s">
        <v>2164</v>
      </c>
      <c r="K521" s="1" t="s">
        <v>27</v>
      </c>
      <c r="L521" s="1" t="s">
        <v>2182</v>
      </c>
      <c r="M521" s="1" t="s">
        <v>5</v>
      </c>
      <c r="N521" s="1" t="s">
        <v>10</v>
      </c>
      <c r="O521" s="1" t="s">
        <v>38</v>
      </c>
      <c r="P521" s="5" t="s">
        <v>10</v>
      </c>
    </row>
    <row r="522" spans="1:16" x14ac:dyDescent="0.2">
      <c r="A522" s="1" t="s">
        <v>2187</v>
      </c>
      <c r="B522" s="1" t="s">
        <v>2188</v>
      </c>
      <c r="C522" s="1" t="s">
        <v>2185</v>
      </c>
      <c r="D522" s="1" t="s">
        <v>2186</v>
      </c>
      <c r="E522" s="1"/>
      <c r="F522" s="1" t="s">
        <v>2186</v>
      </c>
      <c r="G522" s="1" t="s">
        <v>1623</v>
      </c>
      <c r="H522" s="1" t="s">
        <v>10</v>
      </c>
      <c r="I522" s="1" t="s">
        <v>1840</v>
      </c>
      <c r="J522" s="1" t="s">
        <v>1850</v>
      </c>
      <c r="K522" s="1" t="s">
        <v>64</v>
      </c>
      <c r="L522" s="1" t="s">
        <v>2184</v>
      </c>
      <c r="M522" s="1" t="s">
        <v>5</v>
      </c>
      <c r="N522" s="1" t="s">
        <v>10</v>
      </c>
      <c r="O522" s="1" t="s">
        <v>8</v>
      </c>
      <c r="P522" s="5" t="s">
        <v>32697</v>
      </c>
    </row>
    <row r="523" spans="1:16" x14ac:dyDescent="0.2">
      <c r="A523" s="1" t="s">
        <v>1086</v>
      </c>
      <c r="B523" s="1" t="s">
        <v>2193</v>
      </c>
      <c r="C523" s="1" t="s">
        <v>2190</v>
      </c>
      <c r="D523" s="1" t="s">
        <v>2190</v>
      </c>
      <c r="E523" s="1" t="s">
        <v>2191</v>
      </c>
      <c r="F523" s="1" t="s">
        <v>2190</v>
      </c>
      <c r="G523" s="1" t="s">
        <v>2192</v>
      </c>
      <c r="H523" s="1" t="s">
        <v>10</v>
      </c>
      <c r="I523" s="1" t="s">
        <v>1840</v>
      </c>
      <c r="J523" s="1" t="s">
        <v>1849</v>
      </c>
      <c r="K523" s="1" t="s">
        <v>64</v>
      </c>
      <c r="L523" s="1" t="s">
        <v>2189</v>
      </c>
      <c r="M523" s="1" t="s">
        <v>5</v>
      </c>
      <c r="N523" s="1" t="s">
        <v>10</v>
      </c>
      <c r="O523" s="1" t="s">
        <v>8</v>
      </c>
      <c r="P523" s="5" t="s">
        <v>114</v>
      </c>
    </row>
    <row r="524" spans="1:16" x14ac:dyDescent="0.2">
      <c r="A524" s="1" t="s">
        <v>10</v>
      </c>
      <c r="B524" s="1" t="s">
        <v>376</v>
      </c>
      <c r="C524" s="1" t="s">
        <v>2195</v>
      </c>
      <c r="D524" s="1" t="s">
        <v>1506</v>
      </c>
      <c r="E524" s="1"/>
      <c r="F524" s="1" t="s">
        <v>2196</v>
      </c>
      <c r="G524" s="1" t="s">
        <v>1042</v>
      </c>
      <c r="H524" s="1" t="s">
        <v>2197</v>
      </c>
      <c r="I524" s="1" t="s">
        <v>1840</v>
      </c>
      <c r="J524" s="1" t="s">
        <v>1883</v>
      </c>
      <c r="K524" s="1" t="s">
        <v>1563</v>
      </c>
      <c r="L524" s="1" t="s">
        <v>2194</v>
      </c>
      <c r="M524" s="1" t="s">
        <v>5</v>
      </c>
      <c r="N524" s="1" t="s">
        <v>10</v>
      </c>
      <c r="O524" s="1" t="s">
        <v>8</v>
      </c>
      <c r="P524" s="5"/>
    </row>
    <row r="525" spans="1:16" x14ac:dyDescent="0.2">
      <c r="A525" s="1" t="s">
        <v>423</v>
      </c>
      <c r="B525" s="1" t="s">
        <v>424</v>
      </c>
      <c r="C525" s="1" t="s">
        <v>2199</v>
      </c>
      <c r="D525" s="1" t="s">
        <v>2200</v>
      </c>
      <c r="E525" s="1" t="s">
        <v>2201</v>
      </c>
      <c r="F525" s="1" t="s">
        <v>1108</v>
      </c>
      <c r="G525" s="1" t="s">
        <v>10</v>
      </c>
      <c r="H525" s="1" t="s">
        <v>2199</v>
      </c>
      <c r="I525" s="1" t="s">
        <v>1840</v>
      </c>
      <c r="J525" s="1" t="s">
        <v>1849</v>
      </c>
      <c r="K525" s="1" t="s">
        <v>64</v>
      </c>
      <c r="L525" s="1" t="s">
        <v>2198</v>
      </c>
      <c r="M525" s="1" t="s">
        <v>5</v>
      </c>
      <c r="N525" s="1" t="s">
        <v>10</v>
      </c>
      <c r="O525" s="1" t="s">
        <v>8</v>
      </c>
      <c r="P525" s="5" t="s">
        <v>29846</v>
      </c>
    </row>
    <row r="526" spans="1:16" x14ac:dyDescent="0.2">
      <c r="A526" s="1" t="s">
        <v>2187</v>
      </c>
      <c r="B526" s="1" t="s">
        <v>2206</v>
      </c>
      <c r="C526" s="1" t="s">
        <v>2203</v>
      </c>
      <c r="D526" s="1" t="s">
        <v>2204</v>
      </c>
      <c r="E526" s="1" t="s">
        <v>2203</v>
      </c>
      <c r="F526" s="1" t="s">
        <v>1108</v>
      </c>
      <c r="G526" s="1" t="s">
        <v>10</v>
      </c>
      <c r="H526" s="1" t="s">
        <v>2205</v>
      </c>
      <c r="I526" s="1" t="s">
        <v>1840</v>
      </c>
      <c r="J526" s="1" t="s">
        <v>1849</v>
      </c>
      <c r="K526" s="1" t="s">
        <v>64</v>
      </c>
      <c r="L526" s="1" t="s">
        <v>2202</v>
      </c>
      <c r="M526" s="1" t="s">
        <v>5</v>
      </c>
      <c r="N526" s="1" t="s">
        <v>10</v>
      </c>
      <c r="O526" s="1" t="s">
        <v>8</v>
      </c>
      <c r="P526" s="5" t="s">
        <v>14</v>
      </c>
    </row>
    <row r="527" spans="1:16" x14ac:dyDescent="0.2">
      <c r="A527" s="1" t="s">
        <v>2187</v>
      </c>
      <c r="B527" s="1" t="s">
        <v>2206</v>
      </c>
      <c r="C527" s="1" t="s">
        <v>2208</v>
      </c>
      <c r="D527" s="1" t="s">
        <v>2209</v>
      </c>
      <c r="E527" s="1" t="s">
        <v>2210</v>
      </c>
      <c r="F527" s="1" t="s">
        <v>2208</v>
      </c>
      <c r="G527" s="1" t="s">
        <v>1042</v>
      </c>
      <c r="H527" s="1" t="s">
        <v>2208</v>
      </c>
      <c r="I527" s="1" t="s">
        <v>1840</v>
      </c>
      <c r="J527" s="1" t="s">
        <v>1849</v>
      </c>
      <c r="K527" s="1" t="s">
        <v>64</v>
      </c>
      <c r="L527" s="1" t="s">
        <v>2207</v>
      </c>
      <c r="M527" s="1" t="s">
        <v>5</v>
      </c>
      <c r="N527" s="1" t="s">
        <v>10</v>
      </c>
      <c r="O527" s="1" t="s">
        <v>8</v>
      </c>
      <c r="P527" s="5" t="s">
        <v>29821</v>
      </c>
    </row>
    <row r="528" spans="1:16" x14ac:dyDescent="0.2">
      <c r="A528" s="1" t="s">
        <v>32</v>
      </c>
      <c r="B528" s="1" t="s">
        <v>2216</v>
      </c>
      <c r="C528" s="1" t="s">
        <v>2212</v>
      </c>
      <c r="D528" s="1" t="s">
        <v>2213</v>
      </c>
      <c r="E528" s="1" t="s">
        <v>2214</v>
      </c>
      <c r="F528" s="1" t="s">
        <v>2213</v>
      </c>
      <c r="G528" s="1" t="s">
        <v>2215</v>
      </c>
      <c r="H528" s="1" t="s">
        <v>10</v>
      </c>
      <c r="I528" s="1" t="s">
        <v>1840</v>
      </c>
      <c r="J528" s="1" t="s">
        <v>1850</v>
      </c>
      <c r="K528" s="1" t="s">
        <v>64</v>
      </c>
      <c r="L528" s="1" t="s">
        <v>2211</v>
      </c>
      <c r="M528" s="1" t="s">
        <v>5</v>
      </c>
      <c r="N528" s="1" t="s">
        <v>10</v>
      </c>
      <c r="O528" s="1" t="s">
        <v>8</v>
      </c>
      <c r="P528" s="5" t="s">
        <v>29943</v>
      </c>
    </row>
    <row r="529" spans="1:16" x14ac:dyDescent="0.2">
      <c r="A529" s="1" t="s">
        <v>423</v>
      </c>
      <c r="B529" s="1" t="s">
        <v>424</v>
      </c>
      <c r="C529" s="1" t="s">
        <v>2218</v>
      </c>
      <c r="D529" s="1" t="s">
        <v>2219</v>
      </c>
      <c r="E529" s="1" t="s">
        <v>10</v>
      </c>
      <c r="F529" s="1" t="s">
        <v>10</v>
      </c>
      <c r="G529" s="1" t="s">
        <v>2215</v>
      </c>
      <c r="H529" s="1" t="s">
        <v>10</v>
      </c>
      <c r="I529" s="1" t="s">
        <v>1840</v>
      </c>
      <c r="J529" s="1" t="s">
        <v>1850</v>
      </c>
      <c r="K529" s="1" t="s">
        <v>64</v>
      </c>
      <c r="L529" s="1" t="s">
        <v>2217</v>
      </c>
      <c r="M529" s="1" t="s">
        <v>5</v>
      </c>
      <c r="N529" s="1" t="s">
        <v>10</v>
      </c>
      <c r="O529" s="1" t="s">
        <v>8</v>
      </c>
      <c r="P529" s="5" t="s">
        <v>29846</v>
      </c>
    </row>
    <row r="530" spans="1:16" x14ac:dyDescent="0.2">
      <c r="A530" s="1" t="s">
        <v>1984</v>
      </c>
      <c r="B530" s="1" t="s">
        <v>2225</v>
      </c>
      <c r="C530" s="1" t="s">
        <v>2221</v>
      </c>
      <c r="D530" s="1" t="s">
        <v>2221</v>
      </c>
      <c r="E530" s="1" t="s">
        <v>2223</v>
      </c>
      <c r="F530" s="1" t="s">
        <v>2222</v>
      </c>
      <c r="G530" s="1" t="s">
        <v>1042</v>
      </c>
      <c r="H530" s="1" t="s">
        <v>2224</v>
      </c>
      <c r="I530" s="1" t="s">
        <v>1840</v>
      </c>
      <c r="J530" s="1" t="s">
        <v>1850</v>
      </c>
      <c r="K530" s="1" t="s">
        <v>64</v>
      </c>
      <c r="L530" s="1" t="s">
        <v>2220</v>
      </c>
      <c r="M530" s="1" t="s">
        <v>5</v>
      </c>
      <c r="N530" s="1" t="s">
        <v>10</v>
      </c>
      <c r="O530" s="1" t="s">
        <v>8</v>
      </c>
      <c r="P530" s="5"/>
    </row>
    <row r="531" spans="1:16" x14ac:dyDescent="0.2">
      <c r="A531" s="1" t="s">
        <v>32</v>
      </c>
      <c r="B531" s="1" t="s">
        <v>1163</v>
      </c>
      <c r="C531" s="1" t="s">
        <v>2227</v>
      </c>
      <c r="D531" s="1" t="s">
        <v>2227</v>
      </c>
      <c r="E531" s="1" t="s">
        <v>2229</v>
      </c>
      <c r="F531" s="1" t="s">
        <v>2228</v>
      </c>
      <c r="G531" s="1" t="s">
        <v>2230</v>
      </c>
      <c r="H531" s="1" t="s">
        <v>10</v>
      </c>
      <c r="I531" s="1" t="s">
        <v>1840</v>
      </c>
      <c r="J531" s="1" t="s">
        <v>1849</v>
      </c>
      <c r="K531" s="1" t="s">
        <v>64</v>
      </c>
      <c r="L531" s="1" t="s">
        <v>2226</v>
      </c>
      <c r="M531" s="1" t="s">
        <v>5</v>
      </c>
      <c r="N531" s="1" t="s">
        <v>10</v>
      </c>
      <c r="O531" s="1" t="s">
        <v>8</v>
      </c>
      <c r="P531" s="5"/>
    </row>
    <row r="532" spans="1:16" x14ac:dyDescent="0.2">
      <c r="A532" s="1" t="s">
        <v>2187</v>
      </c>
      <c r="B532" s="1" t="s">
        <v>2206</v>
      </c>
      <c r="C532" s="1" t="s">
        <v>2232</v>
      </c>
      <c r="D532" s="1" t="s">
        <v>2233</v>
      </c>
      <c r="E532" s="1" t="s">
        <v>2235</v>
      </c>
      <c r="F532" s="1" t="s">
        <v>2234</v>
      </c>
      <c r="G532" s="1" t="s">
        <v>1042</v>
      </c>
      <c r="H532" s="1" t="s">
        <v>2236</v>
      </c>
      <c r="I532" s="1" t="s">
        <v>1840</v>
      </c>
      <c r="J532" s="1" t="s">
        <v>1849</v>
      </c>
      <c r="K532" s="1" t="s">
        <v>64</v>
      </c>
      <c r="L532" s="1" t="s">
        <v>2231</v>
      </c>
      <c r="M532" s="1" t="s">
        <v>5</v>
      </c>
      <c r="N532" s="1" t="s">
        <v>10</v>
      </c>
      <c r="O532" s="1" t="s">
        <v>8</v>
      </c>
      <c r="P532" s="5"/>
    </row>
    <row r="533" spans="1:16" x14ac:dyDescent="0.2">
      <c r="A533" s="1" t="s">
        <v>1086</v>
      </c>
      <c r="B533" s="1" t="s">
        <v>2242</v>
      </c>
      <c r="C533" s="1" t="s">
        <v>2238</v>
      </c>
      <c r="D533" s="1" t="s">
        <v>2239</v>
      </c>
      <c r="E533" s="1" t="s">
        <v>2241</v>
      </c>
      <c r="F533" s="1" t="s">
        <v>2240</v>
      </c>
      <c r="G533" s="1" t="s">
        <v>1042</v>
      </c>
      <c r="H533" s="1" t="s">
        <v>2239</v>
      </c>
      <c r="I533" s="1" t="s">
        <v>1840</v>
      </c>
      <c r="J533" s="1" t="s">
        <v>1849</v>
      </c>
      <c r="K533" s="1" t="s">
        <v>64</v>
      </c>
      <c r="L533" s="1" t="s">
        <v>2237</v>
      </c>
      <c r="M533" s="1" t="s">
        <v>5</v>
      </c>
      <c r="N533" s="1" t="s">
        <v>10</v>
      </c>
      <c r="O533" s="1" t="s">
        <v>8</v>
      </c>
      <c r="P533" s="5" t="s">
        <v>14</v>
      </c>
    </row>
    <row r="534" spans="1:16" x14ac:dyDescent="0.2">
      <c r="A534" s="1" t="s">
        <v>66</v>
      </c>
      <c r="B534" s="1" t="s">
        <v>1117</v>
      </c>
      <c r="C534" s="1" t="s">
        <v>2244</v>
      </c>
      <c r="D534" s="1" t="s">
        <v>2245</v>
      </c>
      <c r="E534" s="1"/>
      <c r="F534" s="1" t="s">
        <v>2246</v>
      </c>
      <c r="G534" s="1" t="s">
        <v>1042</v>
      </c>
      <c r="H534" s="1" t="s">
        <v>2244</v>
      </c>
      <c r="I534" s="1" t="s">
        <v>1840</v>
      </c>
      <c r="J534" s="1" t="s">
        <v>1850</v>
      </c>
      <c r="K534" s="1" t="s">
        <v>443</v>
      </c>
      <c r="L534" s="1" t="s">
        <v>2243</v>
      </c>
      <c r="M534" s="1" t="s">
        <v>5</v>
      </c>
      <c r="N534" s="1" t="s">
        <v>10</v>
      </c>
      <c r="O534" s="1" t="s">
        <v>8</v>
      </c>
      <c r="P534" s="5"/>
    </row>
    <row r="535" spans="1:16" x14ac:dyDescent="0.2">
      <c r="A535" s="1" t="s">
        <v>10</v>
      </c>
      <c r="B535" s="1" t="s">
        <v>376</v>
      </c>
      <c r="C535" s="1" t="s">
        <v>2248</v>
      </c>
      <c r="D535" s="1" t="s">
        <v>2249</v>
      </c>
      <c r="E535" s="1" t="s">
        <v>10</v>
      </c>
      <c r="F535" s="1" t="s">
        <v>1108</v>
      </c>
      <c r="G535" s="1" t="s">
        <v>10</v>
      </c>
      <c r="H535" s="1" t="s">
        <v>2250</v>
      </c>
      <c r="I535" s="1" t="s">
        <v>1840</v>
      </c>
      <c r="J535" s="1" t="s">
        <v>1849</v>
      </c>
      <c r="K535" s="1" t="s">
        <v>64</v>
      </c>
      <c r="L535" s="1" t="s">
        <v>2247</v>
      </c>
      <c r="M535" s="1" t="s">
        <v>5</v>
      </c>
      <c r="N535" s="1" t="s">
        <v>10</v>
      </c>
      <c r="O535" s="1" t="s">
        <v>8</v>
      </c>
      <c r="P535" s="5"/>
    </row>
    <row r="536" spans="1:16" x14ac:dyDescent="0.2">
      <c r="A536" s="1" t="s">
        <v>66</v>
      </c>
      <c r="B536" s="1" t="s">
        <v>498</v>
      </c>
      <c r="C536" s="1" t="s">
        <v>2252</v>
      </c>
      <c r="D536" s="1" t="s">
        <v>2253</v>
      </c>
      <c r="E536" s="1"/>
      <c r="F536" s="1" t="s">
        <v>2254</v>
      </c>
      <c r="G536" s="1" t="s">
        <v>1042</v>
      </c>
      <c r="H536" s="1" t="s">
        <v>1458</v>
      </c>
      <c r="I536" s="1" t="s">
        <v>1840</v>
      </c>
      <c r="J536" s="1" t="s">
        <v>1849</v>
      </c>
      <c r="K536" s="1" t="s">
        <v>64</v>
      </c>
      <c r="L536" s="1" t="s">
        <v>2251</v>
      </c>
      <c r="M536" s="1" t="s">
        <v>5</v>
      </c>
      <c r="N536" s="1" t="s">
        <v>10</v>
      </c>
      <c r="O536" s="1" t="s">
        <v>8</v>
      </c>
      <c r="P536" s="5" t="s">
        <v>29821</v>
      </c>
    </row>
    <row r="537" spans="1:16" x14ac:dyDescent="0.2">
      <c r="A537" s="1" t="s">
        <v>10</v>
      </c>
      <c r="B537" s="1" t="s">
        <v>376</v>
      </c>
      <c r="C537" s="1" t="s">
        <v>2256</v>
      </c>
      <c r="D537" s="1" t="s">
        <v>2257</v>
      </c>
      <c r="E537" s="1" t="s">
        <v>2259</v>
      </c>
      <c r="F537" s="1" t="s">
        <v>2258</v>
      </c>
      <c r="G537" s="1" t="s">
        <v>1042</v>
      </c>
      <c r="H537" s="1" t="s">
        <v>2256</v>
      </c>
      <c r="I537" s="1" t="s">
        <v>1840</v>
      </c>
      <c r="J537" s="1" t="s">
        <v>10</v>
      </c>
      <c r="K537" s="1" t="s">
        <v>64</v>
      </c>
      <c r="L537" s="1" t="s">
        <v>2255</v>
      </c>
      <c r="M537" s="1" t="s">
        <v>5</v>
      </c>
      <c r="N537" s="1" t="s">
        <v>10</v>
      </c>
      <c r="O537" s="1" t="s">
        <v>8</v>
      </c>
      <c r="P537" s="5"/>
    </row>
    <row r="538" spans="1:16" x14ac:dyDescent="0.2">
      <c r="A538" s="1" t="s">
        <v>20</v>
      </c>
      <c r="B538" s="1" t="s">
        <v>101</v>
      </c>
      <c r="C538" s="1" t="s">
        <v>2261</v>
      </c>
      <c r="D538" s="1" t="s">
        <v>2262</v>
      </c>
      <c r="E538" s="1"/>
      <c r="F538" s="1" t="s">
        <v>15</v>
      </c>
      <c r="G538" s="1" t="s">
        <v>10</v>
      </c>
      <c r="H538" s="1" t="s">
        <v>2263</v>
      </c>
      <c r="I538" s="1" t="s">
        <v>1840</v>
      </c>
      <c r="J538" s="1" t="s">
        <v>1849</v>
      </c>
      <c r="K538" s="1" t="s">
        <v>64</v>
      </c>
      <c r="L538" s="1" t="s">
        <v>2260</v>
      </c>
      <c r="M538" s="1" t="s">
        <v>5</v>
      </c>
      <c r="N538" s="1" t="s">
        <v>10</v>
      </c>
      <c r="O538" s="1" t="s">
        <v>8</v>
      </c>
      <c r="P538" s="5" t="s">
        <v>31079</v>
      </c>
    </row>
    <row r="539" spans="1:16" x14ac:dyDescent="0.2">
      <c r="A539" s="1" t="s">
        <v>20</v>
      </c>
      <c r="B539" s="1" t="s">
        <v>1047</v>
      </c>
      <c r="C539" s="1" t="s">
        <v>2265</v>
      </c>
      <c r="D539" s="1" t="s">
        <v>107</v>
      </c>
      <c r="E539" s="1"/>
      <c r="F539" s="1" t="s">
        <v>10</v>
      </c>
      <c r="G539" s="1" t="s">
        <v>10</v>
      </c>
      <c r="H539" s="1" t="s">
        <v>10</v>
      </c>
      <c r="I539" s="1" t="s">
        <v>1840</v>
      </c>
      <c r="J539" s="1" t="s">
        <v>1849</v>
      </c>
      <c r="K539" s="1" t="s">
        <v>64</v>
      </c>
      <c r="L539" s="1" t="s">
        <v>2264</v>
      </c>
      <c r="M539" s="1" t="s">
        <v>5</v>
      </c>
      <c r="N539" s="1" t="s">
        <v>10</v>
      </c>
      <c r="O539" s="1" t="s">
        <v>38</v>
      </c>
      <c r="P539" s="5" t="s">
        <v>31079</v>
      </c>
    </row>
    <row r="540" spans="1:16" x14ac:dyDescent="0.2">
      <c r="A540" s="1" t="s">
        <v>20</v>
      </c>
      <c r="B540" s="1" t="s">
        <v>93</v>
      </c>
      <c r="C540" s="1" t="s">
        <v>2267</v>
      </c>
      <c r="D540" s="1" t="s">
        <v>2267</v>
      </c>
      <c r="E540" s="1" t="s">
        <v>10</v>
      </c>
      <c r="F540" s="1" t="s">
        <v>2268</v>
      </c>
      <c r="G540" s="1" t="s">
        <v>2119</v>
      </c>
      <c r="H540" s="1" t="s">
        <v>10</v>
      </c>
      <c r="I540" s="1" t="s">
        <v>1840</v>
      </c>
      <c r="J540" s="1" t="s">
        <v>1883</v>
      </c>
      <c r="K540" s="1" t="s">
        <v>443</v>
      </c>
      <c r="L540" s="1" t="s">
        <v>2266</v>
      </c>
      <c r="M540" s="1" t="s">
        <v>5</v>
      </c>
      <c r="N540" s="1" t="s">
        <v>10</v>
      </c>
      <c r="O540" s="1" t="s">
        <v>8</v>
      </c>
      <c r="P540" s="5"/>
    </row>
    <row r="541" spans="1:16" x14ac:dyDescent="0.2">
      <c r="A541" s="1" t="s">
        <v>329</v>
      </c>
      <c r="B541" s="1" t="s">
        <v>691</v>
      </c>
      <c r="C541" s="1" t="s">
        <v>2270</v>
      </c>
      <c r="D541" s="1" t="s">
        <v>2270</v>
      </c>
      <c r="E541" s="1" t="s">
        <v>10</v>
      </c>
      <c r="F541" s="1" t="s">
        <v>2268</v>
      </c>
      <c r="G541" s="1" t="s">
        <v>2270</v>
      </c>
      <c r="H541" s="1" t="s">
        <v>10</v>
      </c>
      <c r="I541" s="1" t="s">
        <v>1840</v>
      </c>
      <c r="J541" s="1" t="s">
        <v>2123</v>
      </c>
      <c r="K541" s="1" t="s">
        <v>10</v>
      </c>
      <c r="L541" s="1" t="s">
        <v>2269</v>
      </c>
      <c r="M541" s="1" t="s">
        <v>5</v>
      </c>
      <c r="N541" s="1" t="s">
        <v>10</v>
      </c>
      <c r="O541" s="1" t="s">
        <v>8</v>
      </c>
      <c r="P541" s="5"/>
    </row>
    <row r="542" spans="1:16" x14ac:dyDescent="0.2">
      <c r="A542" s="1" t="s">
        <v>1086</v>
      </c>
      <c r="B542" s="1" t="s">
        <v>2272</v>
      </c>
      <c r="C542" s="1" t="s">
        <v>2026</v>
      </c>
      <c r="D542" s="1" t="s">
        <v>2027</v>
      </c>
      <c r="E542" s="1"/>
      <c r="F542" s="1" t="s">
        <v>10</v>
      </c>
      <c r="G542" s="1" t="s">
        <v>10</v>
      </c>
      <c r="H542" s="1" t="s">
        <v>10</v>
      </c>
      <c r="I542" s="1" t="s">
        <v>1840</v>
      </c>
      <c r="J542" s="1" t="s">
        <v>1850</v>
      </c>
      <c r="K542" s="1" t="s">
        <v>10</v>
      </c>
      <c r="L542" s="1" t="s">
        <v>2271</v>
      </c>
      <c r="M542" s="1" t="s">
        <v>5</v>
      </c>
      <c r="N542" s="1" t="s">
        <v>10</v>
      </c>
      <c r="O542" s="1" t="s">
        <v>38</v>
      </c>
      <c r="P542" s="5"/>
    </row>
    <row r="543" spans="1:16" x14ac:dyDescent="0.2">
      <c r="A543" s="1" t="s">
        <v>1086</v>
      </c>
      <c r="B543" s="1" t="s">
        <v>2276</v>
      </c>
      <c r="C543" s="1" t="s">
        <v>2274</v>
      </c>
      <c r="D543" s="1" t="s">
        <v>2274</v>
      </c>
      <c r="E543" s="1"/>
      <c r="F543" s="1" t="s">
        <v>2274</v>
      </c>
      <c r="G543" s="1" t="s">
        <v>1042</v>
      </c>
      <c r="H543" s="1" t="s">
        <v>2275</v>
      </c>
      <c r="I543" s="1" t="s">
        <v>1840</v>
      </c>
      <c r="J543" s="1" t="s">
        <v>1850</v>
      </c>
      <c r="K543" s="1" t="s">
        <v>10</v>
      </c>
      <c r="L543" s="1" t="s">
        <v>2273</v>
      </c>
      <c r="M543" s="1" t="s">
        <v>5</v>
      </c>
      <c r="N543" s="1" t="s">
        <v>10</v>
      </c>
      <c r="O543" s="1" t="s">
        <v>8</v>
      </c>
      <c r="P543" s="5"/>
    </row>
    <row r="544" spans="1:16" x14ac:dyDescent="0.2">
      <c r="A544" s="1" t="s">
        <v>329</v>
      </c>
      <c r="B544" s="1" t="s">
        <v>1168</v>
      </c>
      <c r="C544" s="1" t="s">
        <v>2278</v>
      </c>
      <c r="D544" s="1" t="s">
        <v>2278</v>
      </c>
      <c r="E544" s="1" t="s">
        <v>10</v>
      </c>
      <c r="F544" s="1" t="s">
        <v>2279</v>
      </c>
      <c r="G544" s="1" t="s">
        <v>1042</v>
      </c>
      <c r="H544" s="1" t="s">
        <v>2280</v>
      </c>
      <c r="I544" s="1" t="s">
        <v>1840</v>
      </c>
      <c r="J544" s="1" t="s">
        <v>10</v>
      </c>
      <c r="K544" s="1" t="s">
        <v>10</v>
      </c>
      <c r="L544" s="1" t="s">
        <v>2277</v>
      </c>
      <c r="M544" s="1" t="s">
        <v>5</v>
      </c>
      <c r="N544" s="1" t="s">
        <v>10</v>
      </c>
      <c r="O544" s="1" t="s">
        <v>8</v>
      </c>
      <c r="P544" s="5"/>
    </row>
    <row r="545" spans="1:16" x14ac:dyDescent="0.2">
      <c r="A545" s="1" t="s">
        <v>329</v>
      </c>
      <c r="B545" s="1" t="s">
        <v>691</v>
      </c>
      <c r="C545" s="1" t="s">
        <v>2282</v>
      </c>
      <c r="D545" s="1" t="s">
        <v>2283</v>
      </c>
      <c r="E545" s="1" t="s">
        <v>10</v>
      </c>
      <c r="F545" s="1" t="s">
        <v>10</v>
      </c>
      <c r="G545" s="1" t="s">
        <v>10</v>
      </c>
      <c r="H545" s="1" t="s">
        <v>10</v>
      </c>
      <c r="I545" s="1" t="s">
        <v>1840</v>
      </c>
      <c r="J545" s="1" t="s">
        <v>10</v>
      </c>
      <c r="K545" s="1" t="s">
        <v>10</v>
      </c>
      <c r="L545" s="1" t="s">
        <v>2281</v>
      </c>
      <c r="M545" s="1" t="s">
        <v>5</v>
      </c>
      <c r="N545" s="1" t="s">
        <v>10</v>
      </c>
      <c r="O545" s="1" t="s">
        <v>8</v>
      </c>
      <c r="P545" s="5"/>
    </row>
    <row r="546" spans="1:16" x14ac:dyDescent="0.2">
      <c r="A546" s="1" t="s">
        <v>66</v>
      </c>
      <c r="B546" s="1" t="s">
        <v>1117</v>
      </c>
      <c r="C546" s="1" t="s">
        <v>2285</v>
      </c>
      <c r="D546" s="1" t="s">
        <v>2285</v>
      </c>
      <c r="E546" s="1" t="s">
        <v>10</v>
      </c>
      <c r="F546" s="1" t="s">
        <v>10</v>
      </c>
      <c r="G546" s="1" t="s">
        <v>10</v>
      </c>
      <c r="H546" s="1" t="s">
        <v>10</v>
      </c>
      <c r="I546" s="1" t="s">
        <v>1840</v>
      </c>
      <c r="J546" s="1" t="s">
        <v>10</v>
      </c>
      <c r="K546" s="1" t="s">
        <v>10</v>
      </c>
      <c r="L546" s="1" t="s">
        <v>2284</v>
      </c>
      <c r="M546" s="1" t="s">
        <v>5</v>
      </c>
      <c r="N546" s="1" t="s">
        <v>10</v>
      </c>
      <c r="O546" s="1" t="s">
        <v>8</v>
      </c>
      <c r="P546" s="5"/>
    </row>
    <row r="547" spans="1:16" x14ac:dyDescent="0.2">
      <c r="A547" s="1" t="s">
        <v>20</v>
      </c>
      <c r="B547" s="1" t="s">
        <v>132</v>
      </c>
      <c r="C547" s="1" t="s">
        <v>2287</v>
      </c>
      <c r="D547" s="1" t="s">
        <v>2287</v>
      </c>
      <c r="E547" s="1" t="s">
        <v>10</v>
      </c>
      <c r="F547" s="1" t="s">
        <v>10</v>
      </c>
      <c r="G547" s="1" t="s">
        <v>10</v>
      </c>
      <c r="H547" s="1" t="s">
        <v>10</v>
      </c>
      <c r="I547" s="1" t="s">
        <v>1840</v>
      </c>
      <c r="J547" s="1" t="s">
        <v>10</v>
      </c>
      <c r="K547" s="1" t="s">
        <v>10</v>
      </c>
      <c r="L547" s="1" t="s">
        <v>2286</v>
      </c>
      <c r="M547" s="1" t="s">
        <v>5</v>
      </c>
      <c r="N547" s="1" t="s">
        <v>10</v>
      </c>
      <c r="O547" s="1" t="s">
        <v>8</v>
      </c>
      <c r="P547" s="5"/>
    </row>
    <row r="548" spans="1:16" x14ac:dyDescent="0.2">
      <c r="A548" s="1" t="s">
        <v>20</v>
      </c>
      <c r="B548" s="1" t="s">
        <v>132</v>
      </c>
      <c r="C548" s="1" t="s">
        <v>2289</v>
      </c>
      <c r="D548" s="1" t="s">
        <v>2290</v>
      </c>
      <c r="E548" s="1" t="s">
        <v>2291</v>
      </c>
      <c r="F548" s="1" t="s">
        <v>2290</v>
      </c>
      <c r="G548" s="1" t="s">
        <v>1042</v>
      </c>
      <c r="H548" s="1" t="s">
        <v>2290</v>
      </c>
      <c r="I548" s="1" t="s">
        <v>1840</v>
      </c>
      <c r="J548" s="1" t="s">
        <v>10</v>
      </c>
      <c r="K548" s="1" t="s">
        <v>10</v>
      </c>
      <c r="L548" s="1" t="s">
        <v>2288</v>
      </c>
      <c r="M548" s="1" t="s">
        <v>5</v>
      </c>
      <c r="N548" s="1" t="s">
        <v>10</v>
      </c>
      <c r="O548" s="1" t="s">
        <v>8</v>
      </c>
      <c r="P548" s="5"/>
    </row>
    <row r="549" spans="1:16" x14ac:dyDescent="0.2">
      <c r="A549" s="1" t="s">
        <v>329</v>
      </c>
      <c r="B549" s="1" t="s">
        <v>1976</v>
      </c>
      <c r="C549" s="1" t="s">
        <v>2293</v>
      </c>
      <c r="D549" s="1" t="s">
        <v>2294</v>
      </c>
      <c r="E549" s="1" t="s">
        <v>10</v>
      </c>
      <c r="F549" s="1" t="s">
        <v>2254</v>
      </c>
      <c r="G549" s="1" t="s">
        <v>1042</v>
      </c>
      <c r="H549" s="1" t="s">
        <v>2294</v>
      </c>
      <c r="I549" s="1" t="s">
        <v>1840</v>
      </c>
      <c r="J549" s="1" t="s">
        <v>10</v>
      </c>
      <c r="K549" s="1" t="s">
        <v>10</v>
      </c>
      <c r="L549" s="1" t="s">
        <v>2292</v>
      </c>
      <c r="M549" s="1" t="s">
        <v>5</v>
      </c>
      <c r="N549" s="1" t="s">
        <v>10</v>
      </c>
      <c r="O549" s="1" t="s">
        <v>8</v>
      </c>
      <c r="P549" s="5"/>
    </row>
    <row r="550" spans="1:16" x14ac:dyDescent="0.2">
      <c r="A550" s="1" t="s">
        <v>329</v>
      </c>
      <c r="B550" s="1" t="s">
        <v>330</v>
      </c>
      <c r="C550" s="1" t="s">
        <v>2177</v>
      </c>
      <c r="D550" s="1" t="s">
        <v>2296</v>
      </c>
      <c r="E550" s="1" t="s">
        <v>10</v>
      </c>
      <c r="F550" s="1" t="s">
        <v>10</v>
      </c>
      <c r="G550" s="1" t="s">
        <v>2148</v>
      </c>
      <c r="H550" s="1" t="s">
        <v>10</v>
      </c>
      <c r="I550" s="1" t="s">
        <v>1840</v>
      </c>
      <c r="J550" s="1" t="s">
        <v>10</v>
      </c>
      <c r="K550" s="1" t="s">
        <v>10</v>
      </c>
      <c r="L550" s="1" t="s">
        <v>2295</v>
      </c>
      <c r="M550" s="1" t="s">
        <v>5</v>
      </c>
      <c r="N550" s="1" t="s">
        <v>10</v>
      </c>
      <c r="O550" s="1" t="s">
        <v>8</v>
      </c>
      <c r="P550" s="5"/>
    </row>
    <row r="551" spans="1:16" x14ac:dyDescent="0.2">
      <c r="A551" s="1" t="s">
        <v>329</v>
      </c>
      <c r="B551" s="1" t="s">
        <v>1168</v>
      </c>
      <c r="C551" s="1" t="s">
        <v>79</v>
      </c>
      <c r="D551" s="1" t="s">
        <v>2298</v>
      </c>
      <c r="E551" s="1" t="s">
        <v>10</v>
      </c>
      <c r="F551" s="1" t="s">
        <v>10</v>
      </c>
      <c r="G551" s="1" t="s">
        <v>2299</v>
      </c>
      <c r="H551" s="1" t="s">
        <v>10</v>
      </c>
      <c r="I551" s="1" t="s">
        <v>1840</v>
      </c>
      <c r="J551" s="1" t="s">
        <v>10</v>
      </c>
      <c r="K551" s="1" t="s">
        <v>10</v>
      </c>
      <c r="L551" s="1" t="s">
        <v>2297</v>
      </c>
      <c r="M551" s="1" t="s">
        <v>5</v>
      </c>
      <c r="N551" s="1" t="s">
        <v>10</v>
      </c>
      <c r="O551" s="1" t="s">
        <v>8</v>
      </c>
      <c r="P551" s="5"/>
    </row>
    <row r="552" spans="1:16" x14ac:dyDescent="0.2">
      <c r="A552" s="1" t="s">
        <v>329</v>
      </c>
      <c r="B552" s="1" t="s">
        <v>1168</v>
      </c>
      <c r="C552" s="1" t="s">
        <v>2301</v>
      </c>
      <c r="D552" s="1" t="s">
        <v>2302</v>
      </c>
      <c r="E552" s="1" t="s">
        <v>10</v>
      </c>
      <c r="F552" s="1" t="s">
        <v>10</v>
      </c>
      <c r="G552" s="1" t="s">
        <v>2303</v>
      </c>
      <c r="H552" s="1" t="s">
        <v>10</v>
      </c>
      <c r="I552" s="1" t="s">
        <v>1840</v>
      </c>
      <c r="J552" s="1" t="s">
        <v>10</v>
      </c>
      <c r="K552" s="1" t="s">
        <v>10</v>
      </c>
      <c r="L552" s="1" t="s">
        <v>2300</v>
      </c>
      <c r="M552" s="1" t="s">
        <v>5</v>
      </c>
      <c r="N552" s="1" t="s">
        <v>10</v>
      </c>
      <c r="O552" s="1" t="s">
        <v>8</v>
      </c>
      <c r="P552" s="5"/>
    </row>
    <row r="553" spans="1:16" x14ac:dyDescent="0.2">
      <c r="A553" s="1" t="s">
        <v>329</v>
      </c>
      <c r="B553" s="1" t="s">
        <v>1168</v>
      </c>
      <c r="C553" s="1" t="s">
        <v>2305</v>
      </c>
      <c r="D553" s="1" t="s">
        <v>10</v>
      </c>
      <c r="E553" s="1" t="s">
        <v>10</v>
      </c>
      <c r="F553" s="1" t="s">
        <v>10</v>
      </c>
      <c r="G553" s="1" t="s">
        <v>2306</v>
      </c>
      <c r="H553" s="1" t="s">
        <v>10</v>
      </c>
      <c r="I553" s="1" t="s">
        <v>1840</v>
      </c>
      <c r="J553" s="1" t="s">
        <v>10</v>
      </c>
      <c r="K553" s="1" t="s">
        <v>10</v>
      </c>
      <c r="L553" s="1" t="s">
        <v>2304</v>
      </c>
      <c r="M553" s="1" t="s">
        <v>5</v>
      </c>
      <c r="N553" s="1" t="s">
        <v>10</v>
      </c>
      <c r="O553" s="1" t="s">
        <v>8</v>
      </c>
      <c r="P553" s="5"/>
    </row>
    <row r="554" spans="1:16" x14ac:dyDescent="0.2">
      <c r="A554" s="1" t="s">
        <v>329</v>
      </c>
      <c r="B554" s="1" t="s">
        <v>1168</v>
      </c>
      <c r="C554" s="1" t="s">
        <v>2308</v>
      </c>
      <c r="D554" s="1" t="s">
        <v>2309</v>
      </c>
      <c r="E554" s="1" t="s">
        <v>10</v>
      </c>
      <c r="F554" s="1" t="s">
        <v>10</v>
      </c>
      <c r="G554" s="1" t="s">
        <v>524</v>
      </c>
      <c r="H554" s="1" t="s">
        <v>10</v>
      </c>
      <c r="I554" s="1" t="s">
        <v>1840</v>
      </c>
      <c r="J554" s="1" t="s">
        <v>10</v>
      </c>
      <c r="K554" s="1" t="s">
        <v>10</v>
      </c>
      <c r="L554" s="1" t="s">
        <v>2307</v>
      </c>
      <c r="M554" s="1" t="s">
        <v>5</v>
      </c>
      <c r="N554" s="1" t="s">
        <v>10</v>
      </c>
      <c r="O554" s="1" t="s">
        <v>8</v>
      </c>
      <c r="P554" s="5"/>
    </row>
    <row r="555" spans="1:16" x14ac:dyDescent="0.2">
      <c r="A555" s="1" t="s">
        <v>10</v>
      </c>
      <c r="B555" s="1" t="s">
        <v>10</v>
      </c>
      <c r="C555" s="1" t="s">
        <v>1159</v>
      </c>
      <c r="D555" s="1" t="s">
        <v>1160</v>
      </c>
      <c r="E555" s="1" t="s">
        <v>10</v>
      </c>
      <c r="F555" s="1" t="s">
        <v>10</v>
      </c>
      <c r="G555" s="1" t="s">
        <v>2311</v>
      </c>
      <c r="H555" s="1" t="s">
        <v>10</v>
      </c>
      <c r="I555" s="1" t="s">
        <v>1840</v>
      </c>
      <c r="J555" s="1" t="s">
        <v>10</v>
      </c>
      <c r="K555" s="1" t="s">
        <v>10</v>
      </c>
      <c r="L555" s="1" t="s">
        <v>2310</v>
      </c>
      <c r="M555" s="1" t="s">
        <v>5</v>
      </c>
      <c r="N555" s="1" t="s">
        <v>432</v>
      </c>
      <c r="O555" s="1" t="s">
        <v>8</v>
      </c>
      <c r="P555" s="5"/>
    </row>
    <row r="556" spans="1:16" x14ac:dyDescent="0.2">
      <c r="A556" s="1" t="s">
        <v>1385</v>
      </c>
      <c r="B556" s="1" t="s">
        <v>2317</v>
      </c>
      <c r="C556" s="1" t="s">
        <v>2314</v>
      </c>
      <c r="D556" s="1" t="s">
        <v>2315</v>
      </c>
      <c r="E556" s="1"/>
      <c r="F556" s="1" t="s">
        <v>10</v>
      </c>
      <c r="G556" s="1" t="s">
        <v>10</v>
      </c>
      <c r="H556" s="1" t="s">
        <v>10</v>
      </c>
      <c r="I556" s="1" t="s">
        <v>2312</v>
      </c>
      <c r="J556" s="1" t="s">
        <v>2316</v>
      </c>
      <c r="K556" s="1" t="s">
        <v>27</v>
      </c>
      <c r="L556" s="1" t="s">
        <v>2313</v>
      </c>
      <c r="M556" s="1" t="s">
        <v>5</v>
      </c>
      <c r="N556" s="1" t="s">
        <v>960</v>
      </c>
      <c r="O556" s="1" t="s">
        <v>38</v>
      </c>
      <c r="P556" s="5" t="s">
        <v>32698</v>
      </c>
    </row>
    <row r="557" spans="1:16" x14ac:dyDescent="0.2">
      <c r="A557" s="1" t="s">
        <v>20</v>
      </c>
      <c r="B557" s="1" t="s">
        <v>132</v>
      </c>
      <c r="C557" s="1" t="s">
        <v>2319</v>
      </c>
      <c r="D557" s="1" t="s">
        <v>2320</v>
      </c>
      <c r="E557" s="1"/>
      <c r="F557" s="1" t="s">
        <v>10</v>
      </c>
      <c r="G557" s="1" t="s">
        <v>10</v>
      </c>
      <c r="H557" s="1" t="s">
        <v>10</v>
      </c>
      <c r="I557" s="1" t="s">
        <v>2312</v>
      </c>
      <c r="J557" s="1" t="s">
        <v>2316</v>
      </c>
      <c r="K557" s="1" t="s">
        <v>27</v>
      </c>
      <c r="L557" s="1" t="s">
        <v>2318</v>
      </c>
      <c r="M557" s="1" t="s">
        <v>5</v>
      </c>
      <c r="N557" s="1" t="s">
        <v>960</v>
      </c>
      <c r="O557" s="1" t="s">
        <v>38</v>
      </c>
      <c r="P557" s="5" t="s">
        <v>1184</v>
      </c>
    </row>
    <row r="558" spans="1:16" x14ac:dyDescent="0.2">
      <c r="A558" s="1" t="s">
        <v>10</v>
      </c>
      <c r="B558" s="1" t="s">
        <v>10</v>
      </c>
      <c r="C558" s="1" t="s">
        <v>2322</v>
      </c>
      <c r="D558" s="1" t="s">
        <v>2323</v>
      </c>
      <c r="E558" s="1"/>
      <c r="F558" s="1" t="s">
        <v>10</v>
      </c>
      <c r="G558" s="1" t="s">
        <v>10</v>
      </c>
      <c r="H558" s="1" t="s">
        <v>10</v>
      </c>
      <c r="I558" s="1" t="s">
        <v>2312</v>
      </c>
      <c r="J558" s="1" t="s">
        <v>19</v>
      </c>
      <c r="K558" s="1" t="s">
        <v>2324</v>
      </c>
      <c r="L558" s="1" t="s">
        <v>2321</v>
      </c>
      <c r="M558" s="1" t="s">
        <v>5</v>
      </c>
      <c r="N558" s="1" t="s">
        <v>25</v>
      </c>
      <c r="O558" s="1" t="s">
        <v>38</v>
      </c>
      <c r="P558" s="5" t="s">
        <v>29910</v>
      </c>
    </row>
    <row r="559" spans="1:16" x14ac:dyDescent="0.2">
      <c r="A559" s="1" t="s">
        <v>10</v>
      </c>
      <c r="B559" s="1" t="s">
        <v>10</v>
      </c>
      <c r="C559" s="1" t="s">
        <v>2326</v>
      </c>
      <c r="D559" s="1" t="s">
        <v>2327</v>
      </c>
      <c r="E559" s="1"/>
      <c r="F559" s="1" t="s">
        <v>10</v>
      </c>
      <c r="G559" s="1" t="s">
        <v>10</v>
      </c>
      <c r="H559" s="1" t="s">
        <v>10</v>
      </c>
      <c r="I559" s="1" t="s">
        <v>2312</v>
      </c>
      <c r="J559" s="1" t="s">
        <v>2316</v>
      </c>
      <c r="K559" s="1" t="s">
        <v>27</v>
      </c>
      <c r="L559" s="1" t="s">
        <v>2325</v>
      </c>
      <c r="M559" s="1" t="s">
        <v>5</v>
      </c>
      <c r="N559" s="1" t="s">
        <v>960</v>
      </c>
      <c r="O559" s="1" t="s">
        <v>38</v>
      </c>
      <c r="P559" s="5" t="s">
        <v>31099</v>
      </c>
    </row>
    <row r="560" spans="1:16" x14ac:dyDescent="0.2">
      <c r="A560" s="1" t="s">
        <v>10</v>
      </c>
      <c r="B560" s="1" t="s">
        <v>10</v>
      </c>
      <c r="C560" s="1" t="s">
        <v>2329</v>
      </c>
      <c r="D560" s="1" t="s">
        <v>2330</v>
      </c>
      <c r="E560" s="1"/>
      <c r="F560" s="1" t="s">
        <v>27</v>
      </c>
      <c r="G560" s="1" t="s">
        <v>10</v>
      </c>
      <c r="H560" s="1" t="s">
        <v>2331</v>
      </c>
      <c r="I560" s="1" t="s">
        <v>2312</v>
      </c>
      <c r="J560" s="1" t="s">
        <v>19</v>
      </c>
      <c r="K560" s="1" t="s">
        <v>100</v>
      </c>
      <c r="L560" s="1" t="s">
        <v>2328</v>
      </c>
      <c r="M560" s="1" t="s">
        <v>5</v>
      </c>
      <c r="N560" s="1" t="s">
        <v>1009</v>
      </c>
      <c r="O560" s="1" t="s">
        <v>8</v>
      </c>
      <c r="P560" s="5" t="s">
        <v>30447</v>
      </c>
    </row>
    <row r="561" spans="1:16" x14ac:dyDescent="0.2">
      <c r="A561" s="1" t="s">
        <v>10</v>
      </c>
      <c r="B561" s="1" t="s">
        <v>10</v>
      </c>
      <c r="C561" s="1" t="s">
        <v>2333</v>
      </c>
      <c r="D561" s="1" t="s">
        <v>2334</v>
      </c>
      <c r="E561" s="1" t="s">
        <v>2333</v>
      </c>
      <c r="F561" s="1" t="s">
        <v>27</v>
      </c>
      <c r="G561" s="1" t="s">
        <v>10</v>
      </c>
      <c r="H561" s="1" t="s">
        <v>2335</v>
      </c>
      <c r="I561" s="1" t="s">
        <v>2312</v>
      </c>
      <c r="J561" s="1" t="s">
        <v>2316</v>
      </c>
      <c r="K561" s="1" t="s">
        <v>64</v>
      </c>
      <c r="L561" s="1" t="s">
        <v>2332</v>
      </c>
      <c r="M561" s="1" t="s">
        <v>5</v>
      </c>
      <c r="N561" s="1" t="s">
        <v>1009</v>
      </c>
      <c r="O561" s="1" t="s">
        <v>8</v>
      </c>
      <c r="P561" s="5" t="s">
        <v>1183</v>
      </c>
    </row>
    <row r="562" spans="1:16" x14ac:dyDescent="0.2">
      <c r="A562" s="1" t="s">
        <v>10</v>
      </c>
      <c r="B562" s="1" t="s">
        <v>10</v>
      </c>
      <c r="C562" s="1" t="s">
        <v>2337</v>
      </c>
      <c r="D562" s="1" t="s">
        <v>2338</v>
      </c>
      <c r="E562" s="1"/>
      <c r="F562" s="1" t="s">
        <v>10</v>
      </c>
      <c r="G562" s="1" t="s">
        <v>10</v>
      </c>
      <c r="H562" s="1" t="s">
        <v>10</v>
      </c>
      <c r="I562" s="1" t="s">
        <v>2312</v>
      </c>
      <c r="J562" s="1" t="s">
        <v>19</v>
      </c>
      <c r="K562" s="1" t="s">
        <v>27</v>
      </c>
      <c r="L562" s="1" t="s">
        <v>2336</v>
      </c>
      <c r="M562" s="1" t="s">
        <v>5</v>
      </c>
      <c r="N562" s="1" t="s">
        <v>25</v>
      </c>
      <c r="O562" s="1" t="s">
        <v>38</v>
      </c>
      <c r="P562" s="5" t="s">
        <v>29911</v>
      </c>
    </row>
    <row r="563" spans="1:16" x14ac:dyDescent="0.2">
      <c r="A563" s="1" t="s">
        <v>20</v>
      </c>
      <c r="B563" s="1" t="s">
        <v>253</v>
      </c>
      <c r="C563" s="1" t="s">
        <v>2340</v>
      </c>
      <c r="D563" s="1" t="s">
        <v>2341</v>
      </c>
      <c r="E563" s="1"/>
      <c r="F563" s="1" t="s">
        <v>10</v>
      </c>
      <c r="G563" s="1" t="s">
        <v>10</v>
      </c>
      <c r="H563" s="1" t="s">
        <v>10</v>
      </c>
      <c r="I563" s="1" t="s">
        <v>2312</v>
      </c>
      <c r="J563" s="1" t="s">
        <v>2316</v>
      </c>
      <c r="K563" s="1" t="s">
        <v>27</v>
      </c>
      <c r="L563" s="1" t="s">
        <v>2339</v>
      </c>
      <c r="M563" s="1" t="s">
        <v>5</v>
      </c>
      <c r="N563" s="1" t="s">
        <v>960</v>
      </c>
      <c r="O563" s="1" t="s">
        <v>38</v>
      </c>
      <c r="P563" s="5" t="s">
        <v>31081</v>
      </c>
    </row>
    <row r="564" spans="1:16" x14ac:dyDescent="0.2">
      <c r="A564" s="1" t="s">
        <v>10</v>
      </c>
      <c r="B564" s="1" t="s">
        <v>10</v>
      </c>
      <c r="C564" s="1" t="s">
        <v>2343</v>
      </c>
      <c r="D564" s="1" t="s">
        <v>2344</v>
      </c>
      <c r="E564" s="1"/>
      <c r="F564" s="1" t="s">
        <v>27</v>
      </c>
      <c r="G564" s="1" t="s">
        <v>10</v>
      </c>
      <c r="H564" s="1" t="s">
        <v>2335</v>
      </c>
      <c r="I564" s="1" t="s">
        <v>2312</v>
      </c>
      <c r="J564" s="1" t="s">
        <v>2316</v>
      </c>
      <c r="K564" s="1" t="s">
        <v>64</v>
      </c>
      <c r="L564" s="1" t="s">
        <v>2342</v>
      </c>
      <c r="M564" s="1" t="s">
        <v>5</v>
      </c>
      <c r="N564" s="1" t="s">
        <v>1009</v>
      </c>
      <c r="O564" s="1" t="s">
        <v>8</v>
      </c>
      <c r="P564" s="5" t="s">
        <v>1183</v>
      </c>
    </row>
    <row r="565" spans="1:16" x14ac:dyDescent="0.2">
      <c r="A565" s="1" t="s">
        <v>10</v>
      </c>
      <c r="B565" s="1" t="s">
        <v>10</v>
      </c>
      <c r="C565" s="1" t="s">
        <v>2346</v>
      </c>
      <c r="D565" s="1" t="s">
        <v>2347</v>
      </c>
      <c r="E565" s="1"/>
      <c r="F565" s="1" t="s">
        <v>10</v>
      </c>
      <c r="G565" s="1" t="s">
        <v>10</v>
      </c>
      <c r="H565" s="1" t="s">
        <v>10</v>
      </c>
      <c r="I565" s="1" t="s">
        <v>2312</v>
      </c>
      <c r="J565" s="1" t="s">
        <v>2348</v>
      </c>
      <c r="K565" s="1" t="s">
        <v>27</v>
      </c>
      <c r="L565" s="1" t="s">
        <v>2345</v>
      </c>
      <c r="M565" s="1" t="s">
        <v>5</v>
      </c>
      <c r="N565" s="1" t="s">
        <v>960</v>
      </c>
      <c r="O565" s="1" t="s">
        <v>38</v>
      </c>
      <c r="P565" s="5" t="s">
        <v>31099</v>
      </c>
    </row>
    <row r="566" spans="1:16" x14ac:dyDescent="0.2">
      <c r="A566" s="1" t="s">
        <v>10</v>
      </c>
      <c r="B566" s="1" t="s">
        <v>10</v>
      </c>
      <c r="C566" s="1" t="s">
        <v>2350</v>
      </c>
      <c r="D566" s="1" t="s">
        <v>2351</v>
      </c>
      <c r="E566" s="1"/>
      <c r="F566" s="1" t="s">
        <v>10</v>
      </c>
      <c r="G566" s="1" t="s">
        <v>10</v>
      </c>
      <c r="H566" s="1" t="s">
        <v>10</v>
      </c>
      <c r="I566" s="1" t="s">
        <v>2312</v>
      </c>
      <c r="J566" s="1" t="s">
        <v>19</v>
      </c>
      <c r="K566" s="1" t="s">
        <v>64</v>
      </c>
      <c r="L566" s="1" t="s">
        <v>2349</v>
      </c>
      <c r="M566" s="1" t="s">
        <v>5</v>
      </c>
      <c r="N566" s="1" t="s">
        <v>960</v>
      </c>
      <c r="O566" s="1" t="s">
        <v>38</v>
      </c>
      <c r="P566" s="5" t="s">
        <v>31082</v>
      </c>
    </row>
    <row r="567" spans="1:16" x14ac:dyDescent="0.2">
      <c r="A567" s="1" t="s">
        <v>10</v>
      </c>
      <c r="B567" s="1" t="s">
        <v>10</v>
      </c>
      <c r="C567" s="1" t="s">
        <v>2354</v>
      </c>
      <c r="D567" s="1" t="s">
        <v>2355</v>
      </c>
      <c r="E567" s="1" t="s">
        <v>2356</v>
      </c>
      <c r="F567" s="1" t="s">
        <v>10</v>
      </c>
      <c r="G567" s="1" t="s">
        <v>10</v>
      </c>
      <c r="H567" s="1" t="s">
        <v>10</v>
      </c>
      <c r="I567" s="1" t="s">
        <v>2312</v>
      </c>
      <c r="J567" s="1" t="s">
        <v>19</v>
      </c>
      <c r="K567" s="1" t="s">
        <v>64</v>
      </c>
      <c r="L567" s="1" t="s">
        <v>2353</v>
      </c>
      <c r="M567" s="1" t="s">
        <v>5</v>
      </c>
      <c r="N567" s="1" t="s">
        <v>25</v>
      </c>
      <c r="O567" s="1" t="s">
        <v>38</v>
      </c>
      <c r="P567" s="5" t="s">
        <v>29912</v>
      </c>
    </row>
    <row r="568" spans="1:16" x14ac:dyDescent="0.2">
      <c r="A568" s="1" t="s">
        <v>10</v>
      </c>
      <c r="B568" s="1" t="s">
        <v>10</v>
      </c>
      <c r="C568" s="1" t="s">
        <v>2358</v>
      </c>
      <c r="D568" s="1" t="s">
        <v>2359</v>
      </c>
      <c r="E568" s="1"/>
      <c r="F568" s="1" t="s">
        <v>27</v>
      </c>
      <c r="G568" s="1" t="s">
        <v>10</v>
      </c>
      <c r="H568" s="1" t="s">
        <v>2331</v>
      </c>
      <c r="I568" s="1" t="s">
        <v>2312</v>
      </c>
      <c r="J568" s="1" t="s">
        <v>19</v>
      </c>
      <c r="K568" s="1" t="s">
        <v>27</v>
      </c>
      <c r="L568" s="1" t="s">
        <v>2357</v>
      </c>
      <c r="M568" s="1" t="s">
        <v>5</v>
      </c>
      <c r="N568" s="1" t="s">
        <v>25</v>
      </c>
      <c r="O568" s="1" t="s">
        <v>8</v>
      </c>
      <c r="P568" s="5" t="s">
        <v>31083</v>
      </c>
    </row>
    <row r="569" spans="1:16" x14ac:dyDescent="0.2">
      <c r="A569" s="1" t="s">
        <v>10</v>
      </c>
      <c r="B569" s="1" t="s">
        <v>10</v>
      </c>
      <c r="C569" s="1" t="s">
        <v>2361</v>
      </c>
      <c r="D569" s="1" t="s">
        <v>2362</v>
      </c>
      <c r="E569" s="1"/>
      <c r="F569" s="1" t="s">
        <v>10</v>
      </c>
      <c r="G569" s="1" t="s">
        <v>10</v>
      </c>
      <c r="H569" s="1" t="s">
        <v>10</v>
      </c>
      <c r="I569" s="1" t="s">
        <v>2312</v>
      </c>
      <c r="J569" s="1" t="s">
        <v>2363</v>
      </c>
      <c r="K569" s="1" t="s">
        <v>64</v>
      </c>
      <c r="L569" s="1" t="s">
        <v>2360</v>
      </c>
      <c r="M569" s="1" t="s">
        <v>5</v>
      </c>
      <c r="N569" s="1" t="s">
        <v>25</v>
      </c>
      <c r="O569" s="1" t="s">
        <v>38</v>
      </c>
      <c r="P569" s="5" t="s">
        <v>29913</v>
      </c>
    </row>
    <row r="570" spans="1:16" x14ac:dyDescent="0.2">
      <c r="A570" s="1" t="s">
        <v>10</v>
      </c>
      <c r="B570" s="1" t="s">
        <v>10</v>
      </c>
      <c r="C570" s="1" t="s">
        <v>2365</v>
      </c>
      <c r="D570" s="1" t="s">
        <v>2366</v>
      </c>
      <c r="E570" s="1"/>
      <c r="F570" s="1" t="s">
        <v>27</v>
      </c>
      <c r="G570" s="1" t="s">
        <v>10</v>
      </c>
      <c r="H570" s="1" t="s">
        <v>2368</v>
      </c>
      <c r="I570" s="1" t="s">
        <v>2312</v>
      </c>
      <c r="J570" s="1" t="s">
        <v>19</v>
      </c>
      <c r="K570" s="1" t="s">
        <v>2367</v>
      </c>
      <c r="L570" s="1" t="s">
        <v>2364</v>
      </c>
      <c r="M570" s="1" t="s">
        <v>5</v>
      </c>
      <c r="N570" s="1" t="s">
        <v>1009</v>
      </c>
      <c r="O570" s="1" t="s">
        <v>8</v>
      </c>
      <c r="P570" s="5" t="s">
        <v>31084</v>
      </c>
    </row>
    <row r="571" spans="1:16" x14ac:dyDescent="0.2">
      <c r="A571" s="1" t="s">
        <v>10</v>
      </c>
      <c r="B571" s="1" t="s">
        <v>10</v>
      </c>
      <c r="C571" s="1" t="s">
        <v>2370</v>
      </c>
      <c r="D571" s="1" t="s">
        <v>2371</v>
      </c>
      <c r="E571" s="1"/>
      <c r="F571" s="1" t="s">
        <v>10</v>
      </c>
      <c r="G571" s="1" t="s">
        <v>10</v>
      </c>
      <c r="H571" s="1" t="s">
        <v>10</v>
      </c>
      <c r="I571" s="1" t="s">
        <v>2312</v>
      </c>
      <c r="J571" s="1" t="s">
        <v>19</v>
      </c>
      <c r="K571" s="1" t="s">
        <v>27</v>
      </c>
      <c r="L571" s="1" t="s">
        <v>2369</v>
      </c>
      <c r="M571" s="1" t="s">
        <v>5</v>
      </c>
      <c r="N571" s="1" t="s">
        <v>1009</v>
      </c>
      <c r="O571" s="1" t="s">
        <v>38</v>
      </c>
      <c r="P571" s="5" t="s">
        <v>32699</v>
      </c>
    </row>
    <row r="572" spans="1:16" x14ac:dyDescent="0.2">
      <c r="A572" s="1" t="s">
        <v>10</v>
      </c>
      <c r="B572" s="1" t="s">
        <v>10</v>
      </c>
      <c r="C572" s="1" t="s">
        <v>2373</v>
      </c>
      <c r="D572" s="1" t="s">
        <v>2374</v>
      </c>
      <c r="E572" s="1"/>
      <c r="F572" s="1" t="s">
        <v>10</v>
      </c>
      <c r="G572" s="1" t="s">
        <v>10</v>
      </c>
      <c r="H572" s="1" t="s">
        <v>10</v>
      </c>
      <c r="I572" s="1" t="s">
        <v>2312</v>
      </c>
      <c r="J572" s="1" t="s">
        <v>2375</v>
      </c>
      <c r="K572" s="1" t="s">
        <v>64</v>
      </c>
      <c r="L572" s="1" t="s">
        <v>2372</v>
      </c>
      <c r="M572" s="1" t="s">
        <v>5</v>
      </c>
      <c r="N572" s="1" t="s">
        <v>25</v>
      </c>
      <c r="O572" s="1" t="s">
        <v>38</v>
      </c>
      <c r="P572" s="5" t="s">
        <v>29914</v>
      </c>
    </row>
    <row r="573" spans="1:16" x14ac:dyDescent="0.2">
      <c r="A573" s="1" t="s">
        <v>10</v>
      </c>
      <c r="B573" s="1" t="s">
        <v>10</v>
      </c>
      <c r="C573" s="1" t="s">
        <v>2377</v>
      </c>
      <c r="D573" s="1" t="s">
        <v>2378</v>
      </c>
      <c r="E573" s="1" t="s">
        <v>2379</v>
      </c>
      <c r="F573" s="1" t="s">
        <v>10</v>
      </c>
      <c r="G573" s="1" t="s">
        <v>10</v>
      </c>
      <c r="H573" s="1" t="s">
        <v>10</v>
      </c>
      <c r="I573" s="1" t="s">
        <v>2312</v>
      </c>
      <c r="J573" s="1" t="s">
        <v>2316</v>
      </c>
      <c r="K573" s="1" t="s">
        <v>64</v>
      </c>
      <c r="L573" s="1" t="s">
        <v>2376</v>
      </c>
      <c r="M573" s="1" t="s">
        <v>5</v>
      </c>
      <c r="N573" s="1" t="s">
        <v>25</v>
      </c>
      <c r="O573" s="1" t="s">
        <v>38</v>
      </c>
      <c r="P573" s="5" t="s">
        <v>31085</v>
      </c>
    </row>
    <row r="574" spans="1:16" x14ac:dyDescent="0.2">
      <c r="A574" s="1" t="s">
        <v>10</v>
      </c>
      <c r="B574" s="1" t="s">
        <v>10</v>
      </c>
      <c r="C574" s="1" t="s">
        <v>2381</v>
      </c>
      <c r="D574" s="1" t="s">
        <v>2382</v>
      </c>
      <c r="E574" s="1"/>
      <c r="F574" s="1" t="s">
        <v>10</v>
      </c>
      <c r="G574" s="1" t="s">
        <v>10</v>
      </c>
      <c r="H574" s="1" t="s">
        <v>10</v>
      </c>
      <c r="I574" s="1" t="s">
        <v>2312</v>
      </c>
      <c r="J574" s="1" t="s">
        <v>19</v>
      </c>
      <c r="K574" s="1" t="s">
        <v>64</v>
      </c>
      <c r="L574" s="1" t="s">
        <v>2380</v>
      </c>
      <c r="M574" s="1" t="s">
        <v>5</v>
      </c>
      <c r="N574" s="1" t="s">
        <v>1009</v>
      </c>
      <c r="O574" s="1" t="s">
        <v>38</v>
      </c>
      <c r="P574" s="5" t="s">
        <v>31086</v>
      </c>
    </row>
    <row r="575" spans="1:16" x14ac:dyDescent="0.2">
      <c r="A575" s="1" t="s">
        <v>10</v>
      </c>
      <c r="B575" s="1" t="s">
        <v>10</v>
      </c>
      <c r="C575" s="1" t="s">
        <v>2386</v>
      </c>
      <c r="D575" s="1" t="s">
        <v>2387</v>
      </c>
      <c r="E575" s="1"/>
      <c r="F575" s="1" t="s">
        <v>10</v>
      </c>
      <c r="G575" s="1" t="s">
        <v>10</v>
      </c>
      <c r="H575" s="1" t="s">
        <v>10</v>
      </c>
      <c r="I575" s="1" t="s">
        <v>2312</v>
      </c>
      <c r="J575" s="1" t="s">
        <v>19</v>
      </c>
      <c r="K575" s="1" t="s">
        <v>64</v>
      </c>
      <c r="L575" s="1" t="s">
        <v>2385</v>
      </c>
      <c r="M575" s="1" t="s">
        <v>5</v>
      </c>
      <c r="N575" s="1" t="s">
        <v>25</v>
      </c>
      <c r="O575" s="1" t="s">
        <v>38</v>
      </c>
      <c r="P575" s="5" t="s">
        <v>31086</v>
      </c>
    </row>
    <row r="576" spans="1:16" x14ac:dyDescent="0.2">
      <c r="A576" s="1" t="s">
        <v>10</v>
      </c>
      <c r="B576" s="1" t="s">
        <v>10</v>
      </c>
      <c r="C576" s="1" t="s">
        <v>2389</v>
      </c>
      <c r="D576" s="1" t="s">
        <v>2390</v>
      </c>
      <c r="E576" s="1"/>
      <c r="F576" s="1" t="s">
        <v>10</v>
      </c>
      <c r="G576" s="1" t="s">
        <v>10</v>
      </c>
      <c r="H576" s="1" t="s">
        <v>10</v>
      </c>
      <c r="I576" s="1" t="s">
        <v>2312</v>
      </c>
      <c r="J576" s="1" t="s">
        <v>2316</v>
      </c>
      <c r="K576" s="1" t="s">
        <v>64</v>
      </c>
      <c r="L576" s="1" t="s">
        <v>2388</v>
      </c>
      <c r="M576" s="1" t="s">
        <v>5</v>
      </c>
      <c r="N576" s="1" t="s">
        <v>1009</v>
      </c>
      <c r="O576" s="1" t="s">
        <v>38</v>
      </c>
      <c r="P576" s="5" t="s">
        <v>31087</v>
      </c>
    </row>
    <row r="577" spans="1:16" x14ac:dyDescent="0.2">
      <c r="A577" s="1" t="s">
        <v>10</v>
      </c>
      <c r="B577" s="1" t="s">
        <v>10</v>
      </c>
      <c r="C577" s="1" t="s">
        <v>2392</v>
      </c>
      <c r="D577" s="1" t="s">
        <v>2393</v>
      </c>
      <c r="E577" s="1"/>
      <c r="F577" s="1" t="s">
        <v>27</v>
      </c>
      <c r="G577" s="1" t="s">
        <v>10</v>
      </c>
      <c r="H577" s="1" t="s">
        <v>2331</v>
      </c>
      <c r="I577" s="1" t="s">
        <v>2312</v>
      </c>
      <c r="J577" s="1" t="s">
        <v>19</v>
      </c>
      <c r="K577" s="1" t="s">
        <v>64</v>
      </c>
      <c r="L577" s="1" t="s">
        <v>2391</v>
      </c>
      <c r="M577" s="1" t="s">
        <v>5</v>
      </c>
      <c r="N577" s="1" t="s">
        <v>25</v>
      </c>
      <c r="O577" s="1" t="s">
        <v>8</v>
      </c>
      <c r="P577" s="5" t="s">
        <v>29915</v>
      </c>
    </row>
    <row r="578" spans="1:16" x14ac:dyDescent="0.2">
      <c r="A578" s="1" t="s">
        <v>10</v>
      </c>
      <c r="B578" s="1" t="s">
        <v>10</v>
      </c>
      <c r="C578" s="1" t="s">
        <v>2395</v>
      </c>
      <c r="D578" s="1" t="s">
        <v>2396</v>
      </c>
      <c r="E578" s="1"/>
      <c r="F578" s="1" t="s">
        <v>10</v>
      </c>
      <c r="G578" s="1" t="s">
        <v>10</v>
      </c>
      <c r="H578" s="1" t="s">
        <v>10</v>
      </c>
      <c r="I578" s="1" t="s">
        <v>2312</v>
      </c>
      <c r="J578" s="1" t="s">
        <v>2363</v>
      </c>
      <c r="K578" s="1" t="s">
        <v>27</v>
      </c>
      <c r="L578" s="1" t="s">
        <v>2394</v>
      </c>
      <c r="M578" s="1" t="s">
        <v>5</v>
      </c>
      <c r="N578" s="1" t="s">
        <v>1009</v>
      </c>
      <c r="O578" s="1" t="s">
        <v>38</v>
      </c>
      <c r="P578" s="5" t="s">
        <v>31088</v>
      </c>
    </row>
    <row r="579" spans="1:16" x14ac:dyDescent="0.2">
      <c r="A579" s="1" t="s">
        <v>10</v>
      </c>
      <c r="B579" s="1" t="s">
        <v>10</v>
      </c>
      <c r="C579" s="1" t="s">
        <v>2398</v>
      </c>
      <c r="D579" s="1" t="s">
        <v>2399</v>
      </c>
      <c r="E579" s="1"/>
      <c r="F579" s="1" t="s">
        <v>10</v>
      </c>
      <c r="G579" s="1" t="s">
        <v>10</v>
      </c>
      <c r="H579" s="1" t="s">
        <v>10</v>
      </c>
      <c r="I579" s="1" t="s">
        <v>2312</v>
      </c>
      <c r="J579" s="1" t="s">
        <v>19</v>
      </c>
      <c r="K579" s="1" t="s">
        <v>130</v>
      </c>
      <c r="L579" s="1" t="s">
        <v>2397</v>
      </c>
      <c r="M579" s="1" t="s">
        <v>5</v>
      </c>
      <c r="N579" s="1" t="s">
        <v>25</v>
      </c>
      <c r="O579" s="1" t="s">
        <v>38</v>
      </c>
      <c r="P579" s="5" t="s">
        <v>31089</v>
      </c>
    </row>
    <row r="580" spans="1:16" x14ac:dyDescent="0.2">
      <c r="A580" s="1" t="s">
        <v>10</v>
      </c>
      <c r="B580" s="1" t="s">
        <v>10</v>
      </c>
      <c r="C580" s="1" t="s">
        <v>2401</v>
      </c>
      <c r="D580" s="1" t="s">
        <v>2402</v>
      </c>
      <c r="E580" s="1"/>
      <c r="F580" s="1" t="s">
        <v>10</v>
      </c>
      <c r="G580" s="1" t="s">
        <v>10</v>
      </c>
      <c r="H580" s="1" t="s">
        <v>10</v>
      </c>
      <c r="I580" s="1" t="s">
        <v>2312</v>
      </c>
      <c r="J580" s="1" t="s">
        <v>2316</v>
      </c>
      <c r="K580" s="1" t="s">
        <v>27</v>
      </c>
      <c r="L580" s="1" t="s">
        <v>2400</v>
      </c>
      <c r="M580" s="1" t="s">
        <v>5</v>
      </c>
      <c r="N580" s="1" t="s">
        <v>1009</v>
      </c>
      <c r="O580" s="1" t="s">
        <v>38</v>
      </c>
      <c r="P580" s="5" t="s">
        <v>31090</v>
      </c>
    </row>
    <row r="581" spans="1:16" x14ac:dyDescent="0.2">
      <c r="A581" s="1" t="s">
        <v>10</v>
      </c>
      <c r="B581" s="1" t="s">
        <v>10</v>
      </c>
      <c r="C581" s="1" t="s">
        <v>2404</v>
      </c>
      <c r="D581" s="1" t="s">
        <v>2405</v>
      </c>
      <c r="E581" s="1"/>
      <c r="F581" s="1" t="s">
        <v>10</v>
      </c>
      <c r="G581" s="1" t="s">
        <v>10</v>
      </c>
      <c r="H581" s="1" t="s">
        <v>10</v>
      </c>
      <c r="I581" s="1" t="s">
        <v>2312</v>
      </c>
      <c r="J581" s="1" t="s">
        <v>2316</v>
      </c>
      <c r="K581" s="1" t="s">
        <v>7</v>
      </c>
      <c r="L581" s="1" t="s">
        <v>2403</v>
      </c>
      <c r="M581" s="1" t="s">
        <v>5</v>
      </c>
      <c r="N581" s="1" t="s">
        <v>1009</v>
      </c>
      <c r="O581" s="1" t="s">
        <v>38</v>
      </c>
      <c r="P581" s="5" t="s">
        <v>31091</v>
      </c>
    </row>
    <row r="582" spans="1:16" x14ac:dyDescent="0.2">
      <c r="A582" s="1" t="s">
        <v>10</v>
      </c>
      <c r="B582" s="1" t="s">
        <v>10</v>
      </c>
      <c r="C582" s="1" t="s">
        <v>2407</v>
      </c>
      <c r="D582" s="1" t="s">
        <v>2408</v>
      </c>
      <c r="E582" s="1"/>
      <c r="F582" s="1" t="s">
        <v>10</v>
      </c>
      <c r="G582" s="1" t="s">
        <v>10</v>
      </c>
      <c r="H582" s="1" t="s">
        <v>10</v>
      </c>
      <c r="I582" s="1" t="s">
        <v>2312</v>
      </c>
      <c r="J582" s="1" t="s">
        <v>19</v>
      </c>
      <c r="K582" s="1" t="s">
        <v>27</v>
      </c>
      <c r="L582" s="1" t="s">
        <v>2406</v>
      </c>
      <c r="M582" s="1" t="s">
        <v>5</v>
      </c>
      <c r="N582" s="1" t="s">
        <v>1009</v>
      </c>
      <c r="O582" s="1" t="s">
        <v>38</v>
      </c>
      <c r="P582" s="5" t="s">
        <v>31092</v>
      </c>
    </row>
    <row r="583" spans="1:16" x14ac:dyDescent="0.2">
      <c r="A583" s="1" t="s">
        <v>10</v>
      </c>
      <c r="B583" s="1" t="s">
        <v>10</v>
      </c>
      <c r="C583" s="1" t="s">
        <v>2410</v>
      </c>
      <c r="D583" s="1" t="s">
        <v>2411</v>
      </c>
      <c r="E583" s="1"/>
      <c r="F583" s="1" t="s">
        <v>10</v>
      </c>
      <c r="G583" s="1" t="s">
        <v>10</v>
      </c>
      <c r="H583" s="1" t="s">
        <v>10</v>
      </c>
      <c r="I583" s="1" t="s">
        <v>2312</v>
      </c>
      <c r="J583" s="1" t="s">
        <v>2316</v>
      </c>
      <c r="K583" s="1" t="s">
        <v>27</v>
      </c>
      <c r="L583" s="1" t="s">
        <v>2409</v>
      </c>
      <c r="M583" s="1" t="s">
        <v>5</v>
      </c>
      <c r="N583" s="1" t="s">
        <v>960</v>
      </c>
      <c r="O583" s="1" t="s">
        <v>38</v>
      </c>
      <c r="P583" s="5" t="s">
        <v>31099</v>
      </c>
    </row>
    <row r="584" spans="1:16" x14ac:dyDescent="0.2">
      <c r="A584" s="1" t="s">
        <v>10</v>
      </c>
      <c r="B584" s="1" t="s">
        <v>10</v>
      </c>
      <c r="C584" s="1" t="s">
        <v>2413</v>
      </c>
      <c r="D584" s="1" t="s">
        <v>2414</v>
      </c>
      <c r="E584" s="1"/>
      <c r="F584" s="1" t="s">
        <v>10</v>
      </c>
      <c r="G584" s="1" t="s">
        <v>10</v>
      </c>
      <c r="H584" s="1" t="s">
        <v>10</v>
      </c>
      <c r="I584" s="1" t="s">
        <v>2312</v>
      </c>
      <c r="J584" s="1" t="s">
        <v>19</v>
      </c>
      <c r="K584" s="1" t="s">
        <v>64</v>
      </c>
      <c r="L584" s="1" t="s">
        <v>2412</v>
      </c>
      <c r="M584" s="1" t="s">
        <v>5</v>
      </c>
      <c r="N584" s="1" t="s">
        <v>25</v>
      </c>
      <c r="O584" s="1" t="s">
        <v>38</v>
      </c>
      <c r="P584" s="5" t="s">
        <v>29916</v>
      </c>
    </row>
    <row r="585" spans="1:16" x14ac:dyDescent="0.2">
      <c r="A585" s="1" t="s">
        <v>10</v>
      </c>
      <c r="B585" s="1" t="s">
        <v>10</v>
      </c>
      <c r="C585" s="1" t="s">
        <v>2416</v>
      </c>
      <c r="D585" s="1" t="s">
        <v>2417</v>
      </c>
      <c r="E585" s="1" t="s">
        <v>2418</v>
      </c>
      <c r="F585" s="1" t="s">
        <v>10</v>
      </c>
      <c r="G585" s="1" t="s">
        <v>10</v>
      </c>
      <c r="H585" s="1" t="s">
        <v>10</v>
      </c>
      <c r="I585" s="1" t="s">
        <v>2312</v>
      </c>
      <c r="J585" s="1" t="s">
        <v>2348</v>
      </c>
      <c r="K585" s="1" t="s">
        <v>27</v>
      </c>
      <c r="L585" s="1" t="s">
        <v>2415</v>
      </c>
      <c r="M585" s="1" t="s">
        <v>5</v>
      </c>
      <c r="N585" s="1" t="s">
        <v>25</v>
      </c>
      <c r="O585" s="1" t="s">
        <v>38</v>
      </c>
      <c r="P585" s="5" t="s">
        <v>31093</v>
      </c>
    </row>
    <row r="586" spans="1:16" x14ac:dyDescent="0.2">
      <c r="A586" s="1" t="s">
        <v>10</v>
      </c>
      <c r="B586" s="1" t="s">
        <v>10</v>
      </c>
      <c r="C586" s="1" t="s">
        <v>2420</v>
      </c>
      <c r="D586" s="1" t="s">
        <v>2421</v>
      </c>
      <c r="E586" s="1" t="s">
        <v>2422</v>
      </c>
      <c r="F586" s="1" t="s">
        <v>10</v>
      </c>
      <c r="G586" s="1" t="s">
        <v>10</v>
      </c>
      <c r="H586" s="1" t="s">
        <v>10</v>
      </c>
      <c r="I586" s="1" t="s">
        <v>2312</v>
      </c>
      <c r="J586" s="1" t="s">
        <v>19</v>
      </c>
      <c r="K586" s="1" t="s">
        <v>64</v>
      </c>
      <c r="L586" s="1" t="s">
        <v>2419</v>
      </c>
      <c r="M586" s="1" t="s">
        <v>5</v>
      </c>
      <c r="N586" s="1" t="s">
        <v>1695</v>
      </c>
      <c r="O586" s="1" t="s">
        <v>38</v>
      </c>
      <c r="P586" s="5"/>
    </row>
    <row r="587" spans="1:16" x14ac:dyDescent="0.2">
      <c r="A587" s="1" t="s">
        <v>42</v>
      </c>
      <c r="B587" s="1" t="s">
        <v>966</v>
      </c>
      <c r="C587" s="1" t="s">
        <v>2424</v>
      </c>
      <c r="D587" s="1" t="s">
        <v>2425</v>
      </c>
      <c r="E587" s="1"/>
      <c r="F587" s="1" t="s">
        <v>27</v>
      </c>
      <c r="G587" s="1" t="s">
        <v>10</v>
      </c>
      <c r="H587" s="1" t="s">
        <v>2427</v>
      </c>
      <c r="I587" s="1" t="s">
        <v>2312</v>
      </c>
      <c r="J587" s="1" t="s">
        <v>19</v>
      </c>
      <c r="K587" s="1" t="s">
        <v>2426</v>
      </c>
      <c r="L587" s="1" t="s">
        <v>2423</v>
      </c>
      <c r="M587" s="1" t="s">
        <v>5</v>
      </c>
      <c r="N587" s="1" t="s">
        <v>1009</v>
      </c>
      <c r="O587" s="1" t="s">
        <v>8</v>
      </c>
      <c r="P587" s="5" t="s">
        <v>29908</v>
      </c>
    </row>
    <row r="588" spans="1:16" x14ac:dyDescent="0.2">
      <c r="A588" s="1" t="s">
        <v>10</v>
      </c>
      <c r="B588" s="1" t="s">
        <v>10</v>
      </c>
      <c r="C588" s="1" t="s">
        <v>2429</v>
      </c>
      <c r="D588" s="1" t="s">
        <v>2430</v>
      </c>
      <c r="E588" s="1"/>
      <c r="F588" s="1" t="s">
        <v>10</v>
      </c>
      <c r="G588" s="1" t="s">
        <v>10</v>
      </c>
      <c r="H588" s="1" t="s">
        <v>10</v>
      </c>
      <c r="I588" s="1" t="s">
        <v>2312</v>
      </c>
      <c r="J588" s="1" t="s">
        <v>2316</v>
      </c>
      <c r="K588" s="1" t="s">
        <v>64</v>
      </c>
      <c r="L588" s="1" t="s">
        <v>2428</v>
      </c>
      <c r="M588" s="1" t="s">
        <v>5</v>
      </c>
      <c r="N588" s="1" t="s">
        <v>25</v>
      </c>
      <c r="O588" s="1" t="s">
        <v>38</v>
      </c>
      <c r="P588" s="5" t="s">
        <v>29913</v>
      </c>
    </row>
    <row r="589" spans="1:16" x14ac:dyDescent="0.2">
      <c r="A589" s="1" t="s">
        <v>10</v>
      </c>
      <c r="B589" s="1" t="s">
        <v>10</v>
      </c>
      <c r="C589" s="1" t="s">
        <v>2432</v>
      </c>
      <c r="D589" s="1" t="s">
        <v>2433</v>
      </c>
      <c r="E589" s="1"/>
      <c r="F589" s="1" t="s">
        <v>27</v>
      </c>
      <c r="G589" s="1" t="s">
        <v>10</v>
      </c>
      <c r="H589" s="1" t="s">
        <v>2434</v>
      </c>
      <c r="I589" s="1" t="s">
        <v>2312</v>
      </c>
      <c r="J589" s="1" t="s">
        <v>2375</v>
      </c>
      <c r="K589" s="1" t="s">
        <v>64</v>
      </c>
      <c r="L589" s="1" t="s">
        <v>2431</v>
      </c>
      <c r="M589" s="1" t="s">
        <v>5</v>
      </c>
      <c r="N589" s="1" t="s">
        <v>25</v>
      </c>
      <c r="O589" s="1" t="s">
        <v>8</v>
      </c>
      <c r="P589" s="5" t="s">
        <v>31094</v>
      </c>
    </row>
    <row r="590" spans="1:16" x14ac:dyDescent="0.2">
      <c r="A590" s="1" t="s">
        <v>10</v>
      </c>
      <c r="B590" s="1" t="s">
        <v>10</v>
      </c>
      <c r="C590" s="1" t="s">
        <v>2436</v>
      </c>
      <c r="D590" s="1" t="s">
        <v>2437</v>
      </c>
      <c r="E590" s="1"/>
      <c r="F590" s="1" t="s">
        <v>10</v>
      </c>
      <c r="G590" s="1" t="s">
        <v>10</v>
      </c>
      <c r="H590" s="1" t="s">
        <v>10</v>
      </c>
      <c r="I590" s="1" t="s">
        <v>2312</v>
      </c>
      <c r="J590" s="1" t="s">
        <v>2438</v>
      </c>
      <c r="K590" s="1" t="s">
        <v>64</v>
      </c>
      <c r="L590" s="1" t="s">
        <v>2435</v>
      </c>
      <c r="M590" s="1" t="s">
        <v>5</v>
      </c>
      <c r="N590" s="1" t="s">
        <v>25</v>
      </c>
      <c r="O590" s="1" t="s">
        <v>38</v>
      </c>
      <c r="P590" s="5" t="s">
        <v>29913</v>
      </c>
    </row>
    <row r="591" spans="1:16" x14ac:dyDescent="0.2">
      <c r="A591" s="1" t="s">
        <v>10</v>
      </c>
      <c r="B591" s="1" t="s">
        <v>10</v>
      </c>
      <c r="C591" s="1" t="s">
        <v>2440</v>
      </c>
      <c r="D591" s="1" t="s">
        <v>2441</v>
      </c>
      <c r="E591" s="1" t="s">
        <v>2442</v>
      </c>
      <c r="F591" s="1" t="s">
        <v>27</v>
      </c>
      <c r="G591" s="1" t="s">
        <v>10</v>
      </c>
      <c r="H591" s="1" t="s">
        <v>2335</v>
      </c>
      <c r="I591" s="1" t="s">
        <v>2312</v>
      </c>
      <c r="J591" s="1" t="s">
        <v>2316</v>
      </c>
      <c r="K591" s="1" t="s">
        <v>7</v>
      </c>
      <c r="L591" s="1" t="s">
        <v>2439</v>
      </c>
      <c r="M591" s="1" t="s">
        <v>5</v>
      </c>
      <c r="N591" s="1" t="s">
        <v>1009</v>
      </c>
      <c r="O591" s="1" t="s">
        <v>8</v>
      </c>
      <c r="P591" s="5" t="s">
        <v>31095</v>
      </c>
    </row>
    <row r="592" spans="1:16" x14ac:dyDescent="0.2">
      <c r="A592" s="1" t="s">
        <v>10</v>
      </c>
      <c r="B592" s="1" t="s">
        <v>10</v>
      </c>
      <c r="C592" s="1" t="s">
        <v>2444</v>
      </c>
      <c r="D592" s="1" t="s">
        <v>2444</v>
      </c>
      <c r="E592" s="1"/>
      <c r="F592" s="1" t="s">
        <v>27</v>
      </c>
      <c r="G592" s="1" t="s">
        <v>10</v>
      </c>
      <c r="H592" s="1" t="s">
        <v>2335</v>
      </c>
      <c r="I592" s="1" t="s">
        <v>2312</v>
      </c>
      <c r="J592" s="1" t="s">
        <v>2316</v>
      </c>
      <c r="K592" s="1" t="s">
        <v>7</v>
      </c>
      <c r="L592" s="1" t="s">
        <v>2443</v>
      </c>
      <c r="M592" s="1" t="s">
        <v>5</v>
      </c>
      <c r="N592" s="1" t="s">
        <v>1009</v>
      </c>
      <c r="O592" s="1" t="s">
        <v>8</v>
      </c>
      <c r="P592" s="5" t="s">
        <v>31095</v>
      </c>
    </row>
    <row r="593" spans="1:16" x14ac:dyDescent="0.2">
      <c r="A593" s="1" t="s">
        <v>10</v>
      </c>
      <c r="B593" s="1" t="s">
        <v>10</v>
      </c>
      <c r="C593" s="1" t="s">
        <v>2446</v>
      </c>
      <c r="D593" s="1" t="s">
        <v>2447</v>
      </c>
      <c r="E593" s="1"/>
      <c r="F593" s="1" t="s">
        <v>10</v>
      </c>
      <c r="G593" s="1" t="s">
        <v>10</v>
      </c>
      <c r="H593" s="1" t="s">
        <v>10</v>
      </c>
      <c r="I593" s="1" t="s">
        <v>2312</v>
      </c>
      <c r="J593" s="1" t="s">
        <v>2316</v>
      </c>
      <c r="K593" s="1" t="s">
        <v>27</v>
      </c>
      <c r="L593" s="1" t="s">
        <v>2445</v>
      </c>
      <c r="M593" s="1" t="s">
        <v>5</v>
      </c>
      <c r="N593" s="1" t="s">
        <v>1009</v>
      </c>
      <c r="O593" s="1" t="s">
        <v>38</v>
      </c>
      <c r="P593" s="5" t="s">
        <v>31096</v>
      </c>
    </row>
    <row r="594" spans="1:16" x14ac:dyDescent="0.2">
      <c r="A594" s="1" t="s">
        <v>10</v>
      </c>
      <c r="B594" s="1" t="s">
        <v>10</v>
      </c>
      <c r="C594" s="1" t="s">
        <v>2449</v>
      </c>
      <c r="D594" s="1" t="s">
        <v>2450</v>
      </c>
      <c r="E594" s="1"/>
      <c r="F594" s="1" t="s">
        <v>10</v>
      </c>
      <c r="G594" s="1" t="s">
        <v>10</v>
      </c>
      <c r="H594" s="1" t="s">
        <v>10</v>
      </c>
      <c r="I594" s="1" t="s">
        <v>2312</v>
      </c>
      <c r="J594" s="1" t="s">
        <v>2316</v>
      </c>
      <c r="K594" s="1" t="s">
        <v>27</v>
      </c>
      <c r="L594" s="1" t="s">
        <v>2448</v>
      </c>
      <c r="M594" s="1" t="s">
        <v>5</v>
      </c>
      <c r="N594" s="1" t="s">
        <v>1009</v>
      </c>
      <c r="O594" s="1" t="s">
        <v>38</v>
      </c>
      <c r="P594" s="5" t="s">
        <v>29917</v>
      </c>
    </row>
    <row r="595" spans="1:16" x14ac:dyDescent="0.2">
      <c r="A595" s="1" t="s">
        <v>10</v>
      </c>
      <c r="B595" s="1" t="s">
        <v>10</v>
      </c>
      <c r="C595" s="1" t="s">
        <v>2452</v>
      </c>
      <c r="D595" s="1" t="s">
        <v>2453</v>
      </c>
      <c r="E595" s="1"/>
      <c r="F595" s="1" t="s">
        <v>10</v>
      </c>
      <c r="G595" s="1" t="s">
        <v>10</v>
      </c>
      <c r="H595" s="1" t="s">
        <v>10</v>
      </c>
      <c r="I595" s="1" t="s">
        <v>2312</v>
      </c>
      <c r="J595" s="1" t="s">
        <v>2316</v>
      </c>
      <c r="K595" s="1" t="s">
        <v>27</v>
      </c>
      <c r="L595" s="1" t="s">
        <v>2451</v>
      </c>
      <c r="M595" s="1" t="s">
        <v>5</v>
      </c>
      <c r="N595" s="1" t="s">
        <v>960</v>
      </c>
      <c r="O595" s="1" t="s">
        <v>38</v>
      </c>
      <c r="P595" s="5" t="s">
        <v>31097</v>
      </c>
    </row>
    <row r="596" spans="1:16" x14ac:dyDescent="0.2">
      <c r="A596" s="1" t="s">
        <v>10</v>
      </c>
      <c r="B596" s="1" t="s">
        <v>10</v>
      </c>
      <c r="C596" s="1" t="s">
        <v>2455</v>
      </c>
      <c r="D596" s="1" t="s">
        <v>2456</v>
      </c>
      <c r="E596" s="1"/>
      <c r="F596" s="1" t="s">
        <v>27</v>
      </c>
      <c r="G596" s="1" t="s">
        <v>10</v>
      </c>
      <c r="H596" s="1" t="s">
        <v>2335</v>
      </c>
      <c r="I596" s="1" t="s">
        <v>2312</v>
      </c>
      <c r="J596" s="1" t="s">
        <v>2363</v>
      </c>
      <c r="K596" s="1" t="s">
        <v>64</v>
      </c>
      <c r="L596" s="1" t="s">
        <v>2454</v>
      </c>
      <c r="M596" s="1" t="s">
        <v>5</v>
      </c>
      <c r="N596" s="1" t="s">
        <v>25</v>
      </c>
      <c r="O596" s="1" t="s">
        <v>8</v>
      </c>
      <c r="P596" s="5" t="s">
        <v>31098</v>
      </c>
    </row>
    <row r="597" spans="1:16" x14ac:dyDescent="0.2">
      <c r="A597" s="1" t="s">
        <v>10</v>
      </c>
      <c r="B597" s="1" t="s">
        <v>10</v>
      </c>
      <c r="C597" s="1" t="s">
        <v>2458</v>
      </c>
      <c r="D597" s="1" t="s">
        <v>2459</v>
      </c>
      <c r="E597" s="1"/>
      <c r="F597" s="1" t="s">
        <v>10</v>
      </c>
      <c r="G597" s="1" t="s">
        <v>10</v>
      </c>
      <c r="H597" s="1" t="s">
        <v>10</v>
      </c>
      <c r="I597" s="1" t="s">
        <v>2312</v>
      </c>
      <c r="J597" s="1" t="s">
        <v>2363</v>
      </c>
      <c r="K597" s="1" t="s">
        <v>64</v>
      </c>
      <c r="L597" s="1" t="s">
        <v>2457</v>
      </c>
      <c r="M597" s="1" t="s">
        <v>5</v>
      </c>
      <c r="N597" s="1" t="s">
        <v>25</v>
      </c>
      <c r="O597" s="1" t="s">
        <v>38</v>
      </c>
      <c r="P597" s="5" t="s">
        <v>1183</v>
      </c>
    </row>
    <row r="598" spans="1:16" x14ac:dyDescent="0.2">
      <c r="A598" s="1" t="s">
        <v>10</v>
      </c>
      <c r="B598" s="1" t="s">
        <v>10</v>
      </c>
      <c r="C598" s="1" t="s">
        <v>2461</v>
      </c>
      <c r="D598" s="1" t="s">
        <v>2462</v>
      </c>
      <c r="E598" s="1"/>
      <c r="F598" s="1" t="s">
        <v>27</v>
      </c>
      <c r="G598" s="1" t="s">
        <v>10</v>
      </c>
      <c r="H598" s="1" t="s">
        <v>2335</v>
      </c>
      <c r="I598" s="1" t="s">
        <v>2312</v>
      </c>
      <c r="J598" s="1" t="s">
        <v>2363</v>
      </c>
      <c r="K598" s="1" t="s">
        <v>64</v>
      </c>
      <c r="L598" s="1" t="s">
        <v>2460</v>
      </c>
      <c r="M598" s="1" t="s">
        <v>5</v>
      </c>
      <c r="N598" s="1" t="s">
        <v>25</v>
      </c>
      <c r="O598" s="1" t="s">
        <v>8</v>
      </c>
      <c r="P598" s="5" t="s">
        <v>2384</v>
      </c>
    </row>
    <row r="599" spans="1:16" x14ac:dyDescent="0.2">
      <c r="A599" s="1" t="s">
        <v>10</v>
      </c>
      <c r="B599" s="1" t="s">
        <v>10</v>
      </c>
      <c r="C599" s="1" t="s">
        <v>2464</v>
      </c>
      <c r="D599" s="1" t="s">
        <v>2465</v>
      </c>
      <c r="E599" s="1"/>
      <c r="F599" s="1" t="s">
        <v>27</v>
      </c>
      <c r="G599" s="1" t="s">
        <v>10</v>
      </c>
      <c r="H599" s="1" t="s">
        <v>2335</v>
      </c>
      <c r="I599" s="1" t="s">
        <v>2312</v>
      </c>
      <c r="J599" s="1" t="s">
        <v>2363</v>
      </c>
      <c r="K599" s="1" t="s">
        <v>64</v>
      </c>
      <c r="L599" s="1" t="s">
        <v>2463</v>
      </c>
      <c r="M599" s="1" t="s">
        <v>5</v>
      </c>
      <c r="N599" s="1" t="s">
        <v>25</v>
      </c>
      <c r="O599" s="1" t="s">
        <v>8</v>
      </c>
      <c r="P599" s="5" t="s">
        <v>31098</v>
      </c>
    </row>
    <row r="600" spans="1:16" x14ac:dyDescent="0.2">
      <c r="A600" s="1" t="s">
        <v>10</v>
      </c>
      <c r="B600" s="1" t="s">
        <v>10</v>
      </c>
      <c r="C600" s="1" t="s">
        <v>2467</v>
      </c>
      <c r="D600" s="1" t="s">
        <v>2468</v>
      </c>
      <c r="E600" s="1"/>
      <c r="F600" s="1" t="s">
        <v>27</v>
      </c>
      <c r="G600" s="1" t="s">
        <v>10</v>
      </c>
      <c r="H600" s="1" t="s">
        <v>2335</v>
      </c>
      <c r="I600" s="1" t="s">
        <v>2312</v>
      </c>
      <c r="J600" s="1" t="s">
        <v>2363</v>
      </c>
      <c r="K600" s="1" t="s">
        <v>64</v>
      </c>
      <c r="L600" s="1" t="s">
        <v>2466</v>
      </c>
      <c r="M600" s="1" t="s">
        <v>5</v>
      </c>
      <c r="N600" s="1" t="s">
        <v>25</v>
      </c>
      <c r="O600" s="1" t="s">
        <v>8</v>
      </c>
      <c r="P600" s="5" t="s">
        <v>31098</v>
      </c>
    </row>
    <row r="601" spans="1:16" x14ac:dyDescent="0.2">
      <c r="A601" s="1" t="s">
        <v>10</v>
      </c>
      <c r="B601" s="1" t="s">
        <v>10</v>
      </c>
      <c r="C601" s="1" t="s">
        <v>2470</v>
      </c>
      <c r="D601" s="1" t="s">
        <v>2471</v>
      </c>
      <c r="E601" s="1"/>
      <c r="F601" s="1" t="s">
        <v>10</v>
      </c>
      <c r="G601" s="1" t="s">
        <v>10</v>
      </c>
      <c r="H601" s="1" t="s">
        <v>10</v>
      </c>
      <c r="I601" s="1" t="s">
        <v>2312</v>
      </c>
      <c r="J601" s="1" t="s">
        <v>2363</v>
      </c>
      <c r="K601" s="1" t="s">
        <v>64</v>
      </c>
      <c r="L601" s="1" t="s">
        <v>2469</v>
      </c>
      <c r="M601" s="1" t="s">
        <v>5</v>
      </c>
      <c r="N601" s="1" t="s">
        <v>25</v>
      </c>
      <c r="O601" s="1" t="s">
        <v>38</v>
      </c>
      <c r="P601" s="5" t="s">
        <v>31098</v>
      </c>
    </row>
    <row r="602" spans="1:16" x14ac:dyDescent="0.2">
      <c r="A602" s="1" t="s">
        <v>10</v>
      </c>
      <c r="B602" s="1" t="s">
        <v>10</v>
      </c>
      <c r="C602" s="1" t="s">
        <v>2473</v>
      </c>
      <c r="D602" s="1" t="s">
        <v>2474</v>
      </c>
      <c r="E602" s="1"/>
      <c r="F602" s="1" t="s">
        <v>27</v>
      </c>
      <c r="G602" s="1" t="s">
        <v>10</v>
      </c>
      <c r="H602" s="1" t="s">
        <v>2335</v>
      </c>
      <c r="I602" s="1" t="s">
        <v>2312</v>
      </c>
      <c r="J602" s="1" t="s">
        <v>2363</v>
      </c>
      <c r="K602" s="1" t="s">
        <v>64</v>
      </c>
      <c r="L602" s="1" t="s">
        <v>2472</v>
      </c>
      <c r="M602" s="1" t="s">
        <v>5</v>
      </c>
      <c r="N602" s="1" t="s">
        <v>25</v>
      </c>
      <c r="O602" s="1" t="s">
        <v>8</v>
      </c>
      <c r="P602" s="5" t="s">
        <v>31098</v>
      </c>
    </row>
    <row r="603" spans="1:16" x14ac:dyDescent="0.2">
      <c r="A603" s="1" t="s">
        <v>10</v>
      </c>
      <c r="B603" s="1" t="s">
        <v>10</v>
      </c>
      <c r="C603" s="1" t="s">
        <v>2476</v>
      </c>
      <c r="D603" s="1" t="s">
        <v>2477</v>
      </c>
      <c r="E603" s="1"/>
      <c r="F603" s="1" t="s">
        <v>10</v>
      </c>
      <c r="G603" s="1" t="s">
        <v>10</v>
      </c>
      <c r="H603" s="1" t="s">
        <v>10</v>
      </c>
      <c r="I603" s="1" t="s">
        <v>2312</v>
      </c>
      <c r="J603" s="1" t="s">
        <v>2363</v>
      </c>
      <c r="K603" s="1" t="s">
        <v>64</v>
      </c>
      <c r="L603" s="1" t="s">
        <v>2475</v>
      </c>
      <c r="M603" s="1" t="s">
        <v>5</v>
      </c>
      <c r="N603" s="1" t="s">
        <v>960</v>
      </c>
      <c r="O603" s="1" t="s">
        <v>38</v>
      </c>
      <c r="P603" s="5" t="s">
        <v>31099</v>
      </c>
    </row>
    <row r="604" spans="1:16" x14ac:dyDescent="0.2">
      <c r="A604" s="1" t="s">
        <v>10</v>
      </c>
      <c r="B604" s="1" t="s">
        <v>10</v>
      </c>
      <c r="C604" s="1" t="s">
        <v>2479</v>
      </c>
      <c r="D604" s="1" t="s">
        <v>2479</v>
      </c>
      <c r="E604" s="1" t="s">
        <v>2480</v>
      </c>
      <c r="F604" s="1" t="s">
        <v>10</v>
      </c>
      <c r="G604" s="1" t="s">
        <v>10</v>
      </c>
      <c r="H604" s="1" t="s">
        <v>2481</v>
      </c>
      <c r="I604" s="1" t="s">
        <v>2312</v>
      </c>
      <c r="J604" s="1" t="s">
        <v>10</v>
      </c>
      <c r="K604" s="1" t="s">
        <v>10</v>
      </c>
      <c r="L604" s="1" t="s">
        <v>2478</v>
      </c>
      <c r="M604" s="1" t="s">
        <v>5</v>
      </c>
      <c r="N604" s="1" t="s">
        <v>25</v>
      </c>
      <c r="O604" s="1" t="s">
        <v>8</v>
      </c>
      <c r="P604" s="5" t="s">
        <v>31100</v>
      </c>
    </row>
    <row r="605" spans="1:16" x14ac:dyDescent="0.2">
      <c r="A605" s="1" t="s">
        <v>10</v>
      </c>
      <c r="B605" s="1" t="s">
        <v>10</v>
      </c>
      <c r="C605" s="1" t="s">
        <v>2483</v>
      </c>
      <c r="D605" s="1" t="s">
        <v>2484</v>
      </c>
      <c r="E605" s="1"/>
      <c r="F605" s="1" t="s">
        <v>27</v>
      </c>
      <c r="G605" s="1" t="s">
        <v>10</v>
      </c>
      <c r="H605" s="1" t="s">
        <v>2335</v>
      </c>
      <c r="I605" s="1" t="s">
        <v>2312</v>
      </c>
      <c r="J605" s="1" t="s">
        <v>2363</v>
      </c>
      <c r="K605" s="1" t="s">
        <v>64</v>
      </c>
      <c r="L605" s="1" t="s">
        <v>2482</v>
      </c>
      <c r="M605" s="1" t="s">
        <v>5</v>
      </c>
      <c r="N605" s="1" t="s">
        <v>25</v>
      </c>
      <c r="O605" s="1" t="s">
        <v>8</v>
      </c>
      <c r="P605" s="5" t="s">
        <v>31098</v>
      </c>
    </row>
    <row r="606" spans="1:16" x14ac:dyDescent="0.2">
      <c r="A606" s="1" t="s">
        <v>10</v>
      </c>
      <c r="B606" s="1" t="s">
        <v>10</v>
      </c>
      <c r="C606" s="1" t="s">
        <v>2486</v>
      </c>
      <c r="D606" s="1" t="s">
        <v>2487</v>
      </c>
      <c r="E606" s="1"/>
      <c r="F606" s="1" t="s">
        <v>27</v>
      </c>
      <c r="G606" s="1" t="s">
        <v>10</v>
      </c>
      <c r="H606" s="1" t="s">
        <v>2488</v>
      </c>
      <c r="I606" s="1" t="s">
        <v>2312</v>
      </c>
      <c r="J606" s="1" t="s">
        <v>2363</v>
      </c>
      <c r="K606" s="1" t="s">
        <v>64</v>
      </c>
      <c r="L606" s="1" t="s">
        <v>2485</v>
      </c>
      <c r="M606" s="1" t="s">
        <v>5</v>
      </c>
      <c r="N606" s="1" t="s">
        <v>1009</v>
      </c>
      <c r="O606" s="1" t="s">
        <v>8</v>
      </c>
      <c r="P606" s="5" t="s">
        <v>31101</v>
      </c>
    </row>
    <row r="607" spans="1:16" x14ac:dyDescent="0.2">
      <c r="A607" s="1" t="s">
        <v>10</v>
      </c>
      <c r="B607" s="1" t="s">
        <v>10</v>
      </c>
      <c r="C607" s="1" t="s">
        <v>2490</v>
      </c>
      <c r="D607" s="1" t="s">
        <v>2491</v>
      </c>
      <c r="E607" s="1"/>
      <c r="F607" s="1" t="s">
        <v>27</v>
      </c>
      <c r="G607" s="1" t="s">
        <v>10</v>
      </c>
      <c r="H607" s="1" t="s">
        <v>2492</v>
      </c>
      <c r="I607" s="1" t="s">
        <v>2312</v>
      </c>
      <c r="J607" s="1" t="s">
        <v>2363</v>
      </c>
      <c r="K607" s="1" t="s">
        <v>64</v>
      </c>
      <c r="L607" s="1" t="s">
        <v>2489</v>
      </c>
      <c r="M607" s="1" t="s">
        <v>5</v>
      </c>
      <c r="N607" s="1" t="s">
        <v>1009</v>
      </c>
      <c r="O607" s="1" t="s">
        <v>8</v>
      </c>
      <c r="P607" s="5" t="s">
        <v>31102</v>
      </c>
    </row>
    <row r="608" spans="1:16" x14ac:dyDescent="0.2">
      <c r="A608" s="1" t="s">
        <v>10</v>
      </c>
      <c r="B608" s="1" t="s">
        <v>10</v>
      </c>
      <c r="C608" s="1" t="s">
        <v>2494</v>
      </c>
      <c r="D608" s="1" t="s">
        <v>2495</v>
      </c>
      <c r="E608" s="1"/>
      <c r="F608" s="1" t="s">
        <v>27</v>
      </c>
      <c r="G608" s="1" t="s">
        <v>10</v>
      </c>
      <c r="H608" s="1" t="s">
        <v>2488</v>
      </c>
      <c r="I608" s="1" t="s">
        <v>2312</v>
      </c>
      <c r="J608" s="1" t="s">
        <v>2363</v>
      </c>
      <c r="K608" s="1" t="s">
        <v>64</v>
      </c>
      <c r="L608" s="1" t="s">
        <v>2493</v>
      </c>
      <c r="M608" s="1" t="s">
        <v>5</v>
      </c>
      <c r="N608" s="1" t="s">
        <v>1009</v>
      </c>
      <c r="O608" s="1" t="s">
        <v>8</v>
      </c>
      <c r="P608" s="5" t="s">
        <v>31103</v>
      </c>
    </row>
    <row r="609" spans="1:16" x14ac:dyDescent="0.2">
      <c r="A609" s="1" t="s">
        <v>10</v>
      </c>
      <c r="B609" s="1" t="s">
        <v>10</v>
      </c>
      <c r="C609" s="1" t="s">
        <v>2497</v>
      </c>
      <c r="D609" s="1" t="s">
        <v>2498</v>
      </c>
      <c r="E609" s="1"/>
      <c r="F609" s="1" t="s">
        <v>10</v>
      </c>
      <c r="G609" s="1" t="s">
        <v>10</v>
      </c>
      <c r="H609" s="1" t="s">
        <v>10</v>
      </c>
      <c r="I609" s="1" t="s">
        <v>2312</v>
      </c>
      <c r="J609" s="1" t="s">
        <v>2363</v>
      </c>
      <c r="K609" s="1" t="s">
        <v>27</v>
      </c>
      <c r="L609" s="1" t="s">
        <v>2496</v>
      </c>
      <c r="M609" s="1" t="s">
        <v>5</v>
      </c>
      <c r="N609" s="1" t="s">
        <v>1009</v>
      </c>
      <c r="O609" s="1" t="s">
        <v>38</v>
      </c>
      <c r="P609" s="5" t="s">
        <v>29918</v>
      </c>
    </row>
    <row r="610" spans="1:16" x14ac:dyDescent="0.2">
      <c r="A610" s="1" t="s">
        <v>10</v>
      </c>
      <c r="B610" s="1" t="s">
        <v>10</v>
      </c>
      <c r="C610" s="1" t="s">
        <v>2500</v>
      </c>
      <c r="D610" s="1" t="s">
        <v>2501</v>
      </c>
      <c r="E610" s="1"/>
      <c r="F610" s="1" t="s">
        <v>10</v>
      </c>
      <c r="G610" s="1" t="s">
        <v>10</v>
      </c>
      <c r="H610" s="1" t="s">
        <v>10</v>
      </c>
      <c r="I610" s="1" t="s">
        <v>2312</v>
      </c>
      <c r="J610" s="1" t="s">
        <v>2363</v>
      </c>
      <c r="K610" s="1" t="s">
        <v>27</v>
      </c>
      <c r="L610" s="1" t="s">
        <v>2499</v>
      </c>
      <c r="M610" s="1" t="s">
        <v>5</v>
      </c>
      <c r="N610" s="1" t="s">
        <v>1009</v>
      </c>
      <c r="O610" s="1" t="s">
        <v>38</v>
      </c>
      <c r="P610" s="5" t="s">
        <v>29919</v>
      </c>
    </row>
    <row r="611" spans="1:16" x14ac:dyDescent="0.2">
      <c r="A611" s="1" t="s">
        <v>42</v>
      </c>
      <c r="B611" s="1" t="s">
        <v>966</v>
      </c>
      <c r="C611" s="1" t="s">
        <v>2503</v>
      </c>
      <c r="D611" s="1" t="s">
        <v>2504</v>
      </c>
      <c r="E611" s="1"/>
      <c r="F611" s="1" t="s">
        <v>27</v>
      </c>
      <c r="G611" s="1" t="s">
        <v>10</v>
      </c>
      <c r="H611" s="1" t="s">
        <v>2505</v>
      </c>
      <c r="I611" s="1" t="s">
        <v>2312</v>
      </c>
      <c r="J611" s="1" t="s">
        <v>19</v>
      </c>
      <c r="K611" s="1" t="s">
        <v>37</v>
      </c>
      <c r="L611" s="1" t="s">
        <v>2502</v>
      </c>
      <c r="M611" s="1" t="s">
        <v>5</v>
      </c>
      <c r="N611" s="1" t="s">
        <v>1009</v>
      </c>
      <c r="O611" s="1" t="s">
        <v>8</v>
      </c>
      <c r="P611" s="5" t="s">
        <v>29908</v>
      </c>
    </row>
    <row r="612" spans="1:16" x14ac:dyDescent="0.2">
      <c r="A612" s="1" t="s">
        <v>42</v>
      </c>
      <c r="B612" s="1" t="s">
        <v>966</v>
      </c>
      <c r="C612" s="1" t="s">
        <v>2507</v>
      </c>
      <c r="D612" s="1" t="s">
        <v>2508</v>
      </c>
      <c r="E612" s="1"/>
      <c r="F612" s="1" t="s">
        <v>27</v>
      </c>
      <c r="G612" s="1" t="s">
        <v>10</v>
      </c>
      <c r="H612" s="1" t="s">
        <v>2505</v>
      </c>
      <c r="I612" s="1" t="s">
        <v>2312</v>
      </c>
      <c r="J612" s="1" t="s">
        <v>19</v>
      </c>
      <c r="K612" s="1" t="s">
        <v>47</v>
      </c>
      <c r="L612" s="1" t="s">
        <v>2506</v>
      </c>
      <c r="M612" s="1" t="s">
        <v>5</v>
      </c>
      <c r="N612" s="1" t="s">
        <v>25</v>
      </c>
      <c r="O612" s="1" t="s">
        <v>8</v>
      </c>
      <c r="P612" s="5" t="s">
        <v>29908</v>
      </c>
    </row>
    <row r="613" spans="1:16" x14ac:dyDescent="0.2">
      <c r="A613" s="1" t="s">
        <v>329</v>
      </c>
      <c r="B613" s="1" t="s">
        <v>1168</v>
      </c>
      <c r="C613" s="1" t="s">
        <v>2510</v>
      </c>
      <c r="D613" s="1" t="s">
        <v>2511</v>
      </c>
      <c r="E613" s="1"/>
      <c r="F613" s="1" t="s">
        <v>10</v>
      </c>
      <c r="G613" s="1" t="s">
        <v>10</v>
      </c>
      <c r="H613" s="1" t="s">
        <v>10</v>
      </c>
      <c r="I613" s="1" t="s">
        <v>2312</v>
      </c>
      <c r="J613" s="1" t="s">
        <v>2316</v>
      </c>
      <c r="K613" s="1" t="s">
        <v>27</v>
      </c>
      <c r="L613" s="1" t="s">
        <v>2509</v>
      </c>
      <c r="M613" s="1" t="s">
        <v>5</v>
      </c>
      <c r="N613" s="1" t="s">
        <v>960</v>
      </c>
      <c r="O613" s="1" t="s">
        <v>38</v>
      </c>
      <c r="P613" s="5" t="s">
        <v>31104</v>
      </c>
    </row>
    <row r="614" spans="1:16" x14ac:dyDescent="0.2">
      <c r="A614" s="1" t="s">
        <v>20</v>
      </c>
      <c r="B614" s="1" t="s">
        <v>253</v>
      </c>
      <c r="C614" s="1" t="s">
        <v>2513</v>
      </c>
      <c r="D614" s="1" t="s">
        <v>2514</v>
      </c>
      <c r="E614" s="1"/>
      <c r="F614" s="1" t="s">
        <v>10</v>
      </c>
      <c r="G614" s="1" t="s">
        <v>10</v>
      </c>
      <c r="H614" s="1" t="s">
        <v>10</v>
      </c>
      <c r="I614" s="1" t="s">
        <v>2312</v>
      </c>
      <c r="J614" s="1" t="s">
        <v>2438</v>
      </c>
      <c r="K614" s="1" t="s">
        <v>27</v>
      </c>
      <c r="L614" s="1" t="s">
        <v>2512</v>
      </c>
      <c r="M614" s="1" t="s">
        <v>5</v>
      </c>
      <c r="N614" s="1" t="s">
        <v>960</v>
      </c>
      <c r="O614" s="1" t="s">
        <v>38</v>
      </c>
      <c r="P614" s="5" t="s">
        <v>32700</v>
      </c>
    </row>
    <row r="615" spans="1:16" x14ac:dyDescent="0.2">
      <c r="A615" s="1" t="s">
        <v>20</v>
      </c>
      <c r="B615" s="1" t="s">
        <v>253</v>
      </c>
      <c r="C615" s="1" t="s">
        <v>2516</v>
      </c>
      <c r="D615" s="1" t="s">
        <v>2517</v>
      </c>
      <c r="E615" s="1"/>
      <c r="F615" s="1" t="s">
        <v>10</v>
      </c>
      <c r="G615" s="1" t="s">
        <v>10</v>
      </c>
      <c r="H615" s="1" t="s">
        <v>10</v>
      </c>
      <c r="I615" s="1" t="s">
        <v>2312</v>
      </c>
      <c r="J615" s="1" t="s">
        <v>2363</v>
      </c>
      <c r="K615" s="1" t="s">
        <v>27</v>
      </c>
      <c r="L615" s="1" t="s">
        <v>2515</v>
      </c>
      <c r="M615" s="1" t="s">
        <v>5</v>
      </c>
      <c r="N615" s="1" t="s">
        <v>960</v>
      </c>
      <c r="O615" s="1" t="s">
        <v>38</v>
      </c>
      <c r="P615" s="5" t="s">
        <v>31099</v>
      </c>
    </row>
    <row r="616" spans="1:16" x14ac:dyDescent="0.2">
      <c r="A616" s="1" t="s">
        <v>20</v>
      </c>
      <c r="B616" s="1" t="s">
        <v>253</v>
      </c>
      <c r="C616" s="1" t="s">
        <v>2519</v>
      </c>
      <c r="D616" s="1" t="s">
        <v>2520</v>
      </c>
      <c r="E616" s="1"/>
      <c r="F616" s="1" t="s">
        <v>10</v>
      </c>
      <c r="G616" s="1" t="s">
        <v>10</v>
      </c>
      <c r="H616" s="1" t="s">
        <v>10</v>
      </c>
      <c r="I616" s="1" t="s">
        <v>2312</v>
      </c>
      <c r="J616" s="1" t="s">
        <v>2316</v>
      </c>
      <c r="K616" s="1" t="s">
        <v>27</v>
      </c>
      <c r="L616" s="1" t="s">
        <v>2518</v>
      </c>
      <c r="M616" s="1" t="s">
        <v>5</v>
      </c>
      <c r="N616" s="1" t="s">
        <v>960</v>
      </c>
      <c r="O616" s="1" t="s">
        <v>38</v>
      </c>
      <c r="P616" s="5" t="s">
        <v>31099</v>
      </c>
    </row>
    <row r="617" spans="1:16" x14ac:dyDescent="0.2">
      <c r="A617" s="1" t="s">
        <v>20</v>
      </c>
      <c r="B617" s="1" t="s">
        <v>253</v>
      </c>
      <c r="C617" s="1" t="s">
        <v>2522</v>
      </c>
      <c r="D617" s="1" t="s">
        <v>2523</v>
      </c>
      <c r="E617" s="1"/>
      <c r="F617" s="1" t="s">
        <v>10</v>
      </c>
      <c r="G617" s="1" t="s">
        <v>10</v>
      </c>
      <c r="H617" s="1" t="s">
        <v>10</v>
      </c>
      <c r="I617" s="1" t="s">
        <v>2312</v>
      </c>
      <c r="J617" s="1" t="s">
        <v>2438</v>
      </c>
      <c r="K617" s="1" t="s">
        <v>27</v>
      </c>
      <c r="L617" s="1" t="s">
        <v>2521</v>
      </c>
      <c r="M617" s="1" t="s">
        <v>5</v>
      </c>
      <c r="N617" s="1" t="s">
        <v>960</v>
      </c>
      <c r="O617" s="1" t="s">
        <v>38</v>
      </c>
      <c r="P617" s="5" t="s">
        <v>31099</v>
      </c>
    </row>
    <row r="618" spans="1:16" x14ac:dyDescent="0.2">
      <c r="A618" s="1" t="s">
        <v>66</v>
      </c>
      <c r="B618" s="1" t="s">
        <v>574</v>
      </c>
      <c r="C618" s="1" t="s">
        <v>2525</v>
      </c>
      <c r="D618" s="1" t="s">
        <v>2526</v>
      </c>
      <c r="E618" s="1"/>
      <c r="F618" s="1" t="s">
        <v>27</v>
      </c>
      <c r="G618" s="1" t="s">
        <v>10</v>
      </c>
      <c r="H618" s="1" t="s">
        <v>2527</v>
      </c>
      <c r="I618" s="1" t="s">
        <v>2312</v>
      </c>
      <c r="J618" s="1" t="s">
        <v>2375</v>
      </c>
      <c r="K618" s="1" t="s">
        <v>27</v>
      </c>
      <c r="L618" s="1" t="s">
        <v>2524</v>
      </c>
      <c r="M618" s="1" t="s">
        <v>5</v>
      </c>
      <c r="N618" s="1" t="s">
        <v>1009</v>
      </c>
      <c r="O618" s="1" t="s">
        <v>8</v>
      </c>
      <c r="P618" s="5" t="s">
        <v>31105</v>
      </c>
    </row>
    <row r="619" spans="1:16" x14ac:dyDescent="0.2">
      <c r="A619" s="1" t="s">
        <v>66</v>
      </c>
      <c r="B619" s="1" t="s">
        <v>574</v>
      </c>
      <c r="C619" s="1" t="s">
        <v>2529</v>
      </c>
      <c r="D619" s="1" t="s">
        <v>2530</v>
      </c>
      <c r="E619" s="1"/>
      <c r="F619" s="1" t="s">
        <v>27</v>
      </c>
      <c r="G619" s="1" t="s">
        <v>10</v>
      </c>
      <c r="H619" s="1" t="s">
        <v>2527</v>
      </c>
      <c r="I619" s="1" t="s">
        <v>2312</v>
      </c>
      <c r="J619" s="1" t="s">
        <v>2316</v>
      </c>
      <c r="K619" s="1" t="s">
        <v>27</v>
      </c>
      <c r="L619" s="1" t="s">
        <v>2528</v>
      </c>
      <c r="M619" s="1" t="s">
        <v>5</v>
      </c>
      <c r="N619" s="1" t="s">
        <v>1009</v>
      </c>
      <c r="O619" s="1" t="s">
        <v>8</v>
      </c>
      <c r="P619" s="5" t="s">
        <v>31105</v>
      </c>
    </row>
    <row r="620" spans="1:16" x14ac:dyDescent="0.2">
      <c r="A620" s="1" t="s">
        <v>66</v>
      </c>
      <c r="B620" s="1" t="s">
        <v>574</v>
      </c>
      <c r="C620" s="1" t="s">
        <v>2532</v>
      </c>
      <c r="D620" s="1" t="s">
        <v>2533</v>
      </c>
      <c r="E620" s="1"/>
      <c r="F620" s="1" t="s">
        <v>10</v>
      </c>
      <c r="G620" s="1" t="s">
        <v>10</v>
      </c>
      <c r="H620" s="1" t="s">
        <v>10</v>
      </c>
      <c r="I620" s="1" t="s">
        <v>2312</v>
      </c>
      <c r="J620" s="1" t="s">
        <v>2438</v>
      </c>
      <c r="K620" s="1" t="s">
        <v>27</v>
      </c>
      <c r="L620" s="1" t="s">
        <v>2531</v>
      </c>
      <c r="M620" s="1" t="s">
        <v>5</v>
      </c>
      <c r="N620" s="1" t="s">
        <v>1009</v>
      </c>
      <c r="O620" s="1" t="s">
        <v>38</v>
      </c>
      <c r="P620" s="5" t="s">
        <v>31106</v>
      </c>
    </row>
    <row r="621" spans="1:16" x14ac:dyDescent="0.2">
      <c r="A621" s="1" t="s">
        <v>66</v>
      </c>
      <c r="B621" s="1" t="s">
        <v>574</v>
      </c>
      <c r="C621" s="1" t="s">
        <v>2535</v>
      </c>
      <c r="D621" s="1" t="s">
        <v>2536</v>
      </c>
      <c r="E621" s="1"/>
      <c r="F621" s="1" t="s">
        <v>10</v>
      </c>
      <c r="G621" s="1" t="s">
        <v>10</v>
      </c>
      <c r="H621" s="1" t="s">
        <v>10</v>
      </c>
      <c r="I621" s="1" t="s">
        <v>2312</v>
      </c>
      <c r="J621" s="1" t="s">
        <v>2438</v>
      </c>
      <c r="K621" s="1" t="s">
        <v>27</v>
      </c>
      <c r="L621" s="1" t="s">
        <v>2534</v>
      </c>
      <c r="M621" s="1" t="s">
        <v>5</v>
      </c>
      <c r="N621" s="1" t="s">
        <v>1009</v>
      </c>
      <c r="O621" s="1" t="s">
        <v>38</v>
      </c>
      <c r="P621" s="5" t="s">
        <v>31105</v>
      </c>
    </row>
    <row r="622" spans="1:16" x14ac:dyDescent="0.2">
      <c r="A622" s="1" t="s">
        <v>66</v>
      </c>
      <c r="B622" s="1" t="s">
        <v>574</v>
      </c>
      <c r="C622" s="1" t="s">
        <v>2538</v>
      </c>
      <c r="D622" s="1" t="s">
        <v>2539</v>
      </c>
      <c r="E622" s="1"/>
      <c r="F622" s="1" t="s">
        <v>27</v>
      </c>
      <c r="G622" s="1" t="s">
        <v>10</v>
      </c>
      <c r="H622" s="1" t="s">
        <v>2527</v>
      </c>
      <c r="I622" s="1" t="s">
        <v>2312</v>
      </c>
      <c r="J622" s="1" t="s">
        <v>2316</v>
      </c>
      <c r="K622" s="1" t="s">
        <v>27</v>
      </c>
      <c r="L622" s="1" t="s">
        <v>2537</v>
      </c>
      <c r="M622" s="1" t="s">
        <v>5</v>
      </c>
      <c r="N622" s="1" t="s">
        <v>1009</v>
      </c>
      <c r="O622" s="1" t="s">
        <v>8</v>
      </c>
      <c r="P622" s="5" t="s">
        <v>31105</v>
      </c>
    </row>
    <row r="623" spans="1:16" x14ac:dyDescent="0.2">
      <c r="A623" s="1" t="s">
        <v>66</v>
      </c>
      <c r="B623" s="1" t="s">
        <v>574</v>
      </c>
      <c r="C623" s="1" t="s">
        <v>2541</v>
      </c>
      <c r="D623" s="1" t="s">
        <v>2542</v>
      </c>
      <c r="E623" s="1"/>
      <c r="F623" s="1" t="s">
        <v>27</v>
      </c>
      <c r="G623" s="1" t="s">
        <v>10</v>
      </c>
      <c r="H623" s="1" t="s">
        <v>2527</v>
      </c>
      <c r="I623" s="1" t="s">
        <v>2312</v>
      </c>
      <c r="J623" s="1" t="s">
        <v>2316</v>
      </c>
      <c r="K623" s="1" t="s">
        <v>27</v>
      </c>
      <c r="L623" s="1" t="s">
        <v>2540</v>
      </c>
      <c r="M623" s="1" t="s">
        <v>5</v>
      </c>
      <c r="N623" s="1" t="s">
        <v>1009</v>
      </c>
      <c r="O623" s="1" t="s">
        <v>8</v>
      </c>
      <c r="P623" s="5" t="s">
        <v>31097</v>
      </c>
    </row>
    <row r="624" spans="1:16" x14ac:dyDescent="0.2">
      <c r="A624" s="1" t="s">
        <v>66</v>
      </c>
      <c r="B624" s="1" t="s">
        <v>574</v>
      </c>
      <c r="C624" s="1" t="s">
        <v>2544</v>
      </c>
      <c r="D624" s="1" t="s">
        <v>2545</v>
      </c>
      <c r="E624" s="1"/>
      <c r="F624" s="1" t="s">
        <v>27</v>
      </c>
      <c r="G624" s="1" t="s">
        <v>10</v>
      </c>
      <c r="H624" s="1" t="s">
        <v>2527</v>
      </c>
      <c r="I624" s="1" t="s">
        <v>2312</v>
      </c>
      <c r="J624" s="1" t="s">
        <v>2316</v>
      </c>
      <c r="K624" s="1" t="s">
        <v>27</v>
      </c>
      <c r="L624" s="1" t="s">
        <v>2543</v>
      </c>
      <c r="M624" s="1" t="s">
        <v>5</v>
      </c>
      <c r="N624" s="1" t="s">
        <v>1009</v>
      </c>
      <c r="O624" s="1" t="s">
        <v>8</v>
      </c>
      <c r="P624" s="5" t="s">
        <v>31105</v>
      </c>
    </row>
    <row r="625" spans="1:16" x14ac:dyDescent="0.2">
      <c r="A625" s="1" t="s">
        <v>66</v>
      </c>
      <c r="B625" s="1" t="s">
        <v>574</v>
      </c>
      <c r="C625" s="1" t="s">
        <v>2547</v>
      </c>
      <c r="D625" s="1" t="s">
        <v>2548</v>
      </c>
      <c r="E625" s="1"/>
      <c r="F625" s="1" t="s">
        <v>10</v>
      </c>
      <c r="G625" s="1" t="s">
        <v>10</v>
      </c>
      <c r="H625" s="1" t="s">
        <v>10</v>
      </c>
      <c r="I625" s="1" t="s">
        <v>2312</v>
      </c>
      <c r="J625" s="1" t="s">
        <v>2316</v>
      </c>
      <c r="K625" s="1" t="s">
        <v>27</v>
      </c>
      <c r="L625" s="1" t="s">
        <v>2546</v>
      </c>
      <c r="M625" s="1" t="s">
        <v>5</v>
      </c>
      <c r="N625" s="1" t="s">
        <v>1009</v>
      </c>
      <c r="O625" s="1" t="s">
        <v>38</v>
      </c>
      <c r="P625" s="5" t="s">
        <v>32701</v>
      </c>
    </row>
    <row r="626" spans="1:16" x14ac:dyDescent="0.2">
      <c r="A626" s="1" t="s">
        <v>66</v>
      </c>
      <c r="B626" s="1" t="s">
        <v>574</v>
      </c>
      <c r="C626" s="1" t="s">
        <v>2550</v>
      </c>
      <c r="D626" s="1" t="s">
        <v>2551</v>
      </c>
      <c r="E626" s="1"/>
      <c r="F626" s="1" t="s">
        <v>27</v>
      </c>
      <c r="G626" s="1" t="s">
        <v>10</v>
      </c>
      <c r="H626" s="1" t="s">
        <v>2527</v>
      </c>
      <c r="I626" s="1" t="s">
        <v>2312</v>
      </c>
      <c r="J626" s="1" t="s">
        <v>2375</v>
      </c>
      <c r="K626" s="1" t="s">
        <v>27</v>
      </c>
      <c r="L626" s="1" t="s">
        <v>2549</v>
      </c>
      <c r="M626" s="1" t="s">
        <v>5</v>
      </c>
      <c r="N626" s="1" t="s">
        <v>1009</v>
      </c>
      <c r="O626" s="1" t="s">
        <v>8</v>
      </c>
      <c r="P626" s="5" t="s">
        <v>31105</v>
      </c>
    </row>
    <row r="627" spans="1:16" x14ac:dyDescent="0.2">
      <c r="A627" s="1" t="s">
        <v>20</v>
      </c>
      <c r="B627" s="1" t="s">
        <v>445</v>
      </c>
      <c r="C627" s="1" t="s">
        <v>2553</v>
      </c>
      <c r="D627" s="1" t="s">
        <v>2554</v>
      </c>
      <c r="E627" s="1"/>
      <c r="F627" s="1" t="s">
        <v>10</v>
      </c>
      <c r="G627" s="1" t="s">
        <v>10</v>
      </c>
      <c r="H627" s="1" t="s">
        <v>10</v>
      </c>
      <c r="I627" s="1" t="s">
        <v>2312</v>
      </c>
      <c r="J627" s="1" t="s">
        <v>19</v>
      </c>
      <c r="K627" s="1" t="s">
        <v>2555</v>
      </c>
      <c r="L627" s="1" t="s">
        <v>2552</v>
      </c>
      <c r="M627" s="1" t="s">
        <v>5</v>
      </c>
      <c r="N627" s="1" t="s">
        <v>960</v>
      </c>
      <c r="O627" s="1" t="s">
        <v>38</v>
      </c>
      <c r="P627" s="5"/>
    </row>
    <row r="628" spans="1:16" x14ac:dyDescent="0.2">
      <c r="A628" s="1" t="s">
        <v>66</v>
      </c>
      <c r="B628" s="1" t="s">
        <v>574</v>
      </c>
      <c r="C628" s="1" t="s">
        <v>2557</v>
      </c>
      <c r="D628" s="1" t="s">
        <v>2558</v>
      </c>
      <c r="E628" s="1"/>
      <c r="F628" s="1" t="s">
        <v>27</v>
      </c>
      <c r="G628" s="1" t="s">
        <v>10</v>
      </c>
      <c r="H628" s="1" t="s">
        <v>2527</v>
      </c>
      <c r="I628" s="1" t="s">
        <v>2312</v>
      </c>
      <c r="J628" s="1" t="s">
        <v>2375</v>
      </c>
      <c r="K628" s="1" t="s">
        <v>27</v>
      </c>
      <c r="L628" s="1" t="s">
        <v>2556</v>
      </c>
      <c r="M628" s="1" t="s">
        <v>5</v>
      </c>
      <c r="N628" s="1" t="s">
        <v>1009</v>
      </c>
      <c r="O628" s="1" t="s">
        <v>8</v>
      </c>
      <c r="P628" s="5" t="s">
        <v>31105</v>
      </c>
    </row>
    <row r="629" spans="1:16" x14ac:dyDescent="0.2">
      <c r="A629" s="1" t="s">
        <v>20</v>
      </c>
      <c r="B629" s="1" t="s">
        <v>253</v>
      </c>
      <c r="C629" s="1" t="s">
        <v>2560</v>
      </c>
      <c r="D629" s="1" t="s">
        <v>2561</v>
      </c>
      <c r="E629" s="1"/>
      <c r="F629" s="1" t="s">
        <v>10</v>
      </c>
      <c r="G629" s="1" t="s">
        <v>10</v>
      </c>
      <c r="H629" s="1" t="s">
        <v>10</v>
      </c>
      <c r="I629" s="1" t="s">
        <v>2312</v>
      </c>
      <c r="J629" s="1" t="s">
        <v>2375</v>
      </c>
      <c r="K629" s="1" t="s">
        <v>27</v>
      </c>
      <c r="L629" s="1" t="s">
        <v>2559</v>
      </c>
      <c r="M629" s="1" t="s">
        <v>5</v>
      </c>
      <c r="N629" s="1" t="s">
        <v>960</v>
      </c>
      <c r="O629" s="1" t="s">
        <v>38</v>
      </c>
      <c r="P629" s="5" t="s">
        <v>31099</v>
      </c>
    </row>
    <row r="630" spans="1:16" x14ac:dyDescent="0.2">
      <c r="A630" s="1" t="s">
        <v>20</v>
      </c>
      <c r="B630" s="1" t="s">
        <v>253</v>
      </c>
      <c r="C630" s="1" t="s">
        <v>2563</v>
      </c>
      <c r="D630" s="1" t="s">
        <v>2564</v>
      </c>
      <c r="E630" s="1"/>
      <c r="F630" s="1" t="s">
        <v>10</v>
      </c>
      <c r="G630" s="1" t="s">
        <v>10</v>
      </c>
      <c r="H630" s="1" t="s">
        <v>10</v>
      </c>
      <c r="I630" s="1" t="s">
        <v>2312</v>
      </c>
      <c r="J630" s="1" t="s">
        <v>2438</v>
      </c>
      <c r="K630" s="1" t="s">
        <v>27</v>
      </c>
      <c r="L630" s="1" t="s">
        <v>2562</v>
      </c>
      <c r="M630" s="1" t="s">
        <v>5</v>
      </c>
      <c r="N630" s="1" t="s">
        <v>1009</v>
      </c>
      <c r="O630" s="1" t="s">
        <v>38</v>
      </c>
      <c r="P630" s="5" t="s">
        <v>32702</v>
      </c>
    </row>
    <row r="631" spans="1:16" x14ac:dyDescent="0.2">
      <c r="A631" s="1" t="s">
        <v>20</v>
      </c>
      <c r="B631" s="1" t="s">
        <v>253</v>
      </c>
      <c r="C631" s="1" t="s">
        <v>2566</v>
      </c>
      <c r="D631" s="1" t="s">
        <v>2567</v>
      </c>
      <c r="E631" s="1"/>
      <c r="F631" s="1" t="s">
        <v>10</v>
      </c>
      <c r="G631" s="1" t="s">
        <v>10</v>
      </c>
      <c r="H631" s="1" t="s">
        <v>10</v>
      </c>
      <c r="I631" s="1" t="s">
        <v>2312</v>
      </c>
      <c r="J631" s="1" t="s">
        <v>2438</v>
      </c>
      <c r="K631" s="1" t="s">
        <v>27</v>
      </c>
      <c r="L631" s="1" t="s">
        <v>2565</v>
      </c>
      <c r="M631" s="1" t="s">
        <v>5</v>
      </c>
      <c r="N631" s="1" t="s">
        <v>960</v>
      </c>
      <c r="O631" s="1" t="s">
        <v>38</v>
      </c>
      <c r="P631" s="5" t="s">
        <v>31099</v>
      </c>
    </row>
    <row r="632" spans="1:16" x14ac:dyDescent="0.2">
      <c r="A632" s="1" t="s">
        <v>20</v>
      </c>
      <c r="B632" s="1" t="s">
        <v>253</v>
      </c>
      <c r="C632" s="1" t="s">
        <v>2569</v>
      </c>
      <c r="D632" s="1" t="s">
        <v>2570</v>
      </c>
      <c r="E632" s="1"/>
      <c r="F632" s="1" t="s">
        <v>10</v>
      </c>
      <c r="G632" s="1" t="s">
        <v>10</v>
      </c>
      <c r="H632" s="1" t="s">
        <v>10</v>
      </c>
      <c r="I632" s="1" t="s">
        <v>2312</v>
      </c>
      <c r="J632" s="1" t="s">
        <v>2316</v>
      </c>
      <c r="K632" s="1" t="s">
        <v>27</v>
      </c>
      <c r="L632" s="1" t="s">
        <v>2568</v>
      </c>
      <c r="M632" s="1" t="s">
        <v>5</v>
      </c>
      <c r="N632" s="1" t="s">
        <v>1009</v>
      </c>
      <c r="O632" s="1" t="s">
        <v>38</v>
      </c>
      <c r="P632" s="5" t="s">
        <v>32702</v>
      </c>
    </row>
    <row r="633" spans="1:16" x14ac:dyDescent="0.2">
      <c r="A633" s="1" t="s">
        <v>20</v>
      </c>
      <c r="B633" s="1" t="s">
        <v>253</v>
      </c>
      <c r="C633" s="1" t="s">
        <v>2572</v>
      </c>
      <c r="D633" s="1" t="s">
        <v>2573</v>
      </c>
      <c r="E633" s="1"/>
      <c r="F633" s="1" t="s">
        <v>10</v>
      </c>
      <c r="G633" s="1" t="s">
        <v>10</v>
      </c>
      <c r="H633" s="1" t="s">
        <v>10</v>
      </c>
      <c r="I633" s="1" t="s">
        <v>2312</v>
      </c>
      <c r="J633" s="1" t="s">
        <v>2316</v>
      </c>
      <c r="K633" s="1" t="s">
        <v>27</v>
      </c>
      <c r="L633" s="1" t="s">
        <v>2571</v>
      </c>
      <c r="M633" s="1" t="s">
        <v>5</v>
      </c>
      <c r="N633" s="1" t="s">
        <v>960</v>
      </c>
      <c r="O633" s="1" t="s">
        <v>38</v>
      </c>
      <c r="P633" s="5" t="s">
        <v>31099</v>
      </c>
    </row>
    <row r="634" spans="1:16" x14ac:dyDescent="0.2">
      <c r="A634" s="1" t="s">
        <v>20</v>
      </c>
      <c r="B634" s="1" t="s">
        <v>253</v>
      </c>
      <c r="C634" s="1" t="s">
        <v>2575</v>
      </c>
      <c r="D634" s="1" t="s">
        <v>2576</v>
      </c>
      <c r="E634" s="1"/>
      <c r="F634" s="1" t="s">
        <v>10</v>
      </c>
      <c r="G634" s="1" t="s">
        <v>10</v>
      </c>
      <c r="H634" s="1" t="s">
        <v>10</v>
      </c>
      <c r="I634" s="1" t="s">
        <v>2312</v>
      </c>
      <c r="J634" s="1" t="s">
        <v>2316</v>
      </c>
      <c r="K634" s="1" t="s">
        <v>27</v>
      </c>
      <c r="L634" s="1" t="s">
        <v>2574</v>
      </c>
      <c r="M634" s="1" t="s">
        <v>5</v>
      </c>
      <c r="N634" s="1" t="s">
        <v>960</v>
      </c>
      <c r="O634" s="1" t="s">
        <v>38</v>
      </c>
      <c r="P634" s="5" t="s">
        <v>32700</v>
      </c>
    </row>
    <row r="635" spans="1:16" x14ac:dyDescent="0.2">
      <c r="A635" s="1" t="s">
        <v>20</v>
      </c>
      <c r="B635" s="1" t="s">
        <v>253</v>
      </c>
      <c r="C635" s="1" t="s">
        <v>2578</v>
      </c>
      <c r="D635" s="1" t="s">
        <v>2579</v>
      </c>
      <c r="E635" s="1"/>
      <c r="F635" s="1" t="s">
        <v>10</v>
      </c>
      <c r="G635" s="1" t="s">
        <v>10</v>
      </c>
      <c r="H635" s="1" t="s">
        <v>10</v>
      </c>
      <c r="I635" s="1" t="s">
        <v>2312</v>
      </c>
      <c r="J635" s="1" t="s">
        <v>2438</v>
      </c>
      <c r="K635" s="1" t="s">
        <v>27</v>
      </c>
      <c r="L635" s="1" t="s">
        <v>2577</v>
      </c>
      <c r="M635" s="1" t="s">
        <v>5</v>
      </c>
      <c r="N635" s="1" t="s">
        <v>960</v>
      </c>
      <c r="O635" s="1" t="s">
        <v>38</v>
      </c>
      <c r="P635" s="5" t="s">
        <v>31099</v>
      </c>
    </row>
    <row r="636" spans="1:16" x14ac:dyDescent="0.2">
      <c r="A636" s="1" t="s">
        <v>66</v>
      </c>
      <c r="B636" s="1" t="s">
        <v>574</v>
      </c>
      <c r="C636" s="1" t="s">
        <v>2581</v>
      </c>
      <c r="D636" s="1" t="s">
        <v>2582</v>
      </c>
      <c r="E636" s="1"/>
      <c r="F636" s="1" t="s">
        <v>10</v>
      </c>
      <c r="G636" s="1" t="s">
        <v>10</v>
      </c>
      <c r="H636" s="1" t="s">
        <v>10</v>
      </c>
      <c r="I636" s="1" t="s">
        <v>2312</v>
      </c>
      <c r="J636" s="1" t="s">
        <v>2363</v>
      </c>
      <c r="K636" s="1" t="s">
        <v>64</v>
      </c>
      <c r="L636" s="1" t="s">
        <v>2580</v>
      </c>
      <c r="M636" s="1" t="s">
        <v>5</v>
      </c>
      <c r="N636" s="1" t="s">
        <v>960</v>
      </c>
      <c r="O636" s="1" t="s">
        <v>38</v>
      </c>
      <c r="P636" s="5" t="s">
        <v>31081</v>
      </c>
    </row>
    <row r="637" spans="1:16" x14ac:dyDescent="0.2">
      <c r="A637" s="1" t="s">
        <v>423</v>
      </c>
      <c r="B637" s="1" t="s">
        <v>2587</v>
      </c>
      <c r="C637" s="1" t="s">
        <v>2584</v>
      </c>
      <c r="D637" s="1" t="s">
        <v>2585</v>
      </c>
      <c r="E637" s="1"/>
      <c r="F637" s="1" t="s">
        <v>10</v>
      </c>
      <c r="G637" s="1" t="s">
        <v>10</v>
      </c>
      <c r="H637" s="1" t="s">
        <v>10</v>
      </c>
      <c r="I637" s="1" t="s">
        <v>2312</v>
      </c>
      <c r="J637" s="1" t="s">
        <v>2586</v>
      </c>
      <c r="K637" s="1" t="s">
        <v>27</v>
      </c>
      <c r="L637" s="1" t="s">
        <v>2583</v>
      </c>
      <c r="M637" s="1" t="s">
        <v>5</v>
      </c>
      <c r="N637" s="1" t="s">
        <v>960</v>
      </c>
      <c r="O637" s="1" t="s">
        <v>38</v>
      </c>
      <c r="P637" s="5" t="s">
        <v>1184</v>
      </c>
    </row>
    <row r="638" spans="1:16" x14ac:dyDescent="0.2">
      <c r="A638" s="1" t="s">
        <v>42</v>
      </c>
      <c r="B638" s="1" t="s">
        <v>351</v>
      </c>
      <c r="C638" s="1" t="s">
        <v>2589</v>
      </c>
      <c r="D638" s="1" t="s">
        <v>2590</v>
      </c>
      <c r="E638" s="1"/>
      <c r="F638" s="1" t="s">
        <v>27</v>
      </c>
      <c r="G638" s="1" t="s">
        <v>10</v>
      </c>
      <c r="H638" s="1" t="s">
        <v>2592</v>
      </c>
      <c r="I638" s="1" t="s">
        <v>2312</v>
      </c>
      <c r="J638" s="1" t="s">
        <v>19</v>
      </c>
      <c r="K638" s="1" t="s">
        <v>2591</v>
      </c>
      <c r="L638" s="1" t="s">
        <v>2588</v>
      </c>
      <c r="M638" s="1" t="s">
        <v>5</v>
      </c>
      <c r="N638" s="1" t="s">
        <v>1009</v>
      </c>
      <c r="O638" s="1" t="s">
        <v>8</v>
      </c>
      <c r="P638" s="5" t="s">
        <v>29920</v>
      </c>
    </row>
    <row r="639" spans="1:16" x14ac:dyDescent="0.2">
      <c r="A639" s="1" t="s">
        <v>423</v>
      </c>
      <c r="B639" s="1" t="s">
        <v>2587</v>
      </c>
      <c r="C639" s="1" t="s">
        <v>2594</v>
      </c>
      <c r="D639" s="1" t="s">
        <v>2595</v>
      </c>
      <c r="E639" s="1"/>
      <c r="F639" s="1" t="s">
        <v>10</v>
      </c>
      <c r="G639" s="1" t="s">
        <v>10</v>
      </c>
      <c r="H639" s="1" t="s">
        <v>10</v>
      </c>
      <c r="I639" s="1" t="s">
        <v>2312</v>
      </c>
      <c r="J639" s="1" t="s">
        <v>2586</v>
      </c>
      <c r="K639" s="1" t="s">
        <v>27</v>
      </c>
      <c r="L639" s="1" t="s">
        <v>2593</v>
      </c>
      <c r="M639" s="1" t="s">
        <v>5</v>
      </c>
      <c r="N639" s="1" t="s">
        <v>960</v>
      </c>
      <c r="O639" s="1" t="s">
        <v>38</v>
      </c>
      <c r="P639" s="5" t="s">
        <v>1184</v>
      </c>
    </row>
    <row r="640" spans="1:16" x14ac:dyDescent="0.2">
      <c r="A640" s="1" t="s">
        <v>423</v>
      </c>
      <c r="B640" s="1" t="s">
        <v>2587</v>
      </c>
      <c r="C640" s="1" t="s">
        <v>2597</v>
      </c>
      <c r="D640" s="1" t="s">
        <v>2598</v>
      </c>
      <c r="E640" s="1"/>
      <c r="F640" s="1" t="s">
        <v>10</v>
      </c>
      <c r="G640" s="1" t="s">
        <v>10</v>
      </c>
      <c r="H640" s="1" t="s">
        <v>10</v>
      </c>
      <c r="I640" s="1" t="s">
        <v>2312</v>
      </c>
      <c r="J640" s="1" t="s">
        <v>2586</v>
      </c>
      <c r="K640" s="1" t="s">
        <v>27</v>
      </c>
      <c r="L640" s="1" t="s">
        <v>2596</v>
      </c>
      <c r="M640" s="1" t="s">
        <v>5</v>
      </c>
      <c r="N640" s="1" t="s">
        <v>25</v>
      </c>
      <c r="O640" s="1" t="s">
        <v>38</v>
      </c>
      <c r="P640" s="5" t="s">
        <v>31107</v>
      </c>
    </row>
    <row r="641" spans="1:16" x14ac:dyDescent="0.2">
      <c r="A641" s="1" t="s">
        <v>1385</v>
      </c>
      <c r="B641" s="1" t="s">
        <v>1687</v>
      </c>
      <c r="C641" s="1" t="s">
        <v>2600</v>
      </c>
      <c r="D641" s="1" t="s">
        <v>2601</v>
      </c>
      <c r="E641" s="1"/>
      <c r="F641" s="1" t="s">
        <v>10</v>
      </c>
      <c r="G641" s="1" t="s">
        <v>10</v>
      </c>
      <c r="H641" s="1" t="s">
        <v>10</v>
      </c>
      <c r="I641" s="1" t="s">
        <v>2312</v>
      </c>
      <c r="J641" s="1" t="s">
        <v>2316</v>
      </c>
      <c r="K641" s="1" t="s">
        <v>27</v>
      </c>
      <c r="L641" s="1" t="s">
        <v>2599</v>
      </c>
      <c r="M641" s="1" t="s">
        <v>5</v>
      </c>
      <c r="N641" s="1" t="s">
        <v>960</v>
      </c>
      <c r="O641" s="1" t="s">
        <v>38</v>
      </c>
      <c r="P641" s="5" t="s">
        <v>31104</v>
      </c>
    </row>
    <row r="642" spans="1:16" x14ac:dyDescent="0.2">
      <c r="A642" s="1" t="s">
        <v>66</v>
      </c>
      <c r="B642" s="1" t="s">
        <v>574</v>
      </c>
      <c r="C642" s="1" t="s">
        <v>2603</v>
      </c>
      <c r="D642" s="1" t="s">
        <v>2604</v>
      </c>
      <c r="E642" s="1" t="s">
        <v>2605</v>
      </c>
      <c r="F642" s="1" t="s">
        <v>10</v>
      </c>
      <c r="G642" s="1" t="s">
        <v>10</v>
      </c>
      <c r="H642" s="1" t="s">
        <v>10</v>
      </c>
      <c r="I642" s="1" t="s">
        <v>2312</v>
      </c>
      <c r="J642" s="1" t="s">
        <v>2348</v>
      </c>
      <c r="K642" s="1" t="s">
        <v>27</v>
      </c>
      <c r="L642" s="1" t="s">
        <v>2602</v>
      </c>
      <c r="M642" s="1" t="s">
        <v>5</v>
      </c>
      <c r="N642" s="1" t="s">
        <v>25</v>
      </c>
      <c r="O642" s="1" t="s">
        <v>38</v>
      </c>
      <c r="P642" s="5" t="s">
        <v>32703</v>
      </c>
    </row>
    <row r="643" spans="1:16" x14ac:dyDescent="0.2">
      <c r="A643" s="1" t="s">
        <v>1385</v>
      </c>
      <c r="B643" s="1" t="s">
        <v>1490</v>
      </c>
      <c r="C643" s="1" t="s">
        <v>2607</v>
      </c>
      <c r="D643" s="1" t="s">
        <v>2608</v>
      </c>
      <c r="E643" s="1"/>
      <c r="F643" s="1" t="s">
        <v>10</v>
      </c>
      <c r="G643" s="1" t="s">
        <v>10</v>
      </c>
      <c r="H643" s="1" t="s">
        <v>10</v>
      </c>
      <c r="I643" s="1" t="s">
        <v>2312</v>
      </c>
      <c r="J643" s="1" t="s">
        <v>19</v>
      </c>
      <c r="K643" s="1" t="s">
        <v>64</v>
      </c>
      <c r="L643" s="1" t="s">
        <v>2606</v>
      </c>
      <c r="M643" s="1" t="s">
        <v>5</v>
      </c>
      <c r="N643" s="1" t="s">
        <v>1009</v>
      </c>
      <c r="O643" s="1" t="s">
        <v>38</v>
      </c>
      <c r="P643" s="5" t="s">
        <v>39</v>
      </c>
    </row>
    <row r="644" spans="1:16" x14ac:dyDescent="0.2">
      <c r="A644" s="1" t="s">
        <v>20</v>
      </c>
      <c r="B644" s="1" t="s">
        <v>101</v>
      </c>
      <c r="C644" s="1" t="s">
        <v>2610</v>
      </c>
      <c r="D644" s="1" t="s">
        <v>2611</v>
      </c>
      <c r="E644" s="1"/>
      <c r="F644" s="1" t="s">
        <v>10</v>
      </c>
      <c r="G644" s="1" t="s">
        <v>10</v>
      </c>
      <c r="H644" s="1" t="s">
        <v>10</v>
      </c>
      <c r="I644" s="1" t="s">
        <v>2312</v>
      </c>
      <c r="J644" s="1" t="s">
        <v>2316</v>
      </c>
      <c r="K644" s="1" t="s">
        <v>27</v>
      </c>
      <c r="L644" s="1" t="s">
        <v>2609</v>
      </c>
      <c r="M644" s="1" t="s">
        <v>5</v>
      </c>
      <c r="N644" s="1" t="s">
        <v>25</v>
      </c>
      <c r="O644" s="1" t="s">
        <v>38</v>
      </c>
      <c r="P644" s="5" t="s">
        <v>31096</v>
      </c>
    </row>
    <row r="645" spans="1:16" x14ac:dyDescent="0.2">
      <c r="A645" s="1" t="s">
        <v>20</v>
      </c>
      <c r="B645" s="1" t="s">
        <v>253</v>
      </c>
      <c r="C645" s="1" t="s">
        <v>2613</v>
      </c>
      <c r="D645" s="1" t="s">
        <v>2614</v>
      </c>
      <c r="E645" s="1" t="s">
        <v>2615</v>
      </c>
      <c r="F645" s="1" t="s">
        <v>10</v>
      </c>
      <c r="G645" s="1" t="s">
        <v>10</v>
      </c>
      <c r="H645" s="1" t="s">
        <v>10</v>
      </c>
      <c r="I645" s="1" t="s">
        <v>2312</v>
      </c>
      <c r="J645" s="1" t="s">
        <v>19</v>
      </c>
      <c r="K645" s="1" t="s">
        <v>27</v>
      </c>
      <c r="L645" s="1" t="s">
        <v>2612</v>
      </c>
      <c r="M645" s="1" t="s">
        <v>5</v>
      </c>
      <c r="N645" s="1" t="s">
        <v>960</v>
      </c>
      <c r="O645" s="1" t="s">
        <v>38</v>
      </c>
      <c r="P645" s="5" t="s">
        <v>1184</v>
      </c>
    </row>
    <row r="646" spans="1:16" x14ac:dyDescent="0.2">
      <c r="A646" s="1" t="s">
        <v>66</v>
      </c>
      <c r="B646" s="1" t="s">
        <v>574</v>
      </c>
      <c r="C646" s="1" t="s">
        <v>2617</v>
      </c>
      <c r="D646" s="1" t="s">
        <v>2618</v>
      </c>
      <c r="E646" s="1"/>
      <c r="F646" s="1" t="s">
        <v>10</v>
      </c>
      <c r="G646" s="1" t="s">
        <v>10</v>
      </c>
      <c r="H646" s="1" t="s">
        <v>10</v>
      </c>
      <c r="I646" s="1" t="s">
        <v>2312</v>
      </c>
      <c r="J646" s="1" t="s">
        <v>2363</v>
      </c>
      <c r="K646" s="1" t="s">
        <v>64</v>
      </c>
      <c r="L646" s="1" t="s">
        <v>2616</v>
      </c>
      <c r="M646" s="1" t="s">
        <v>5</v>
      </c>
      <c r="N646" s="1" t="s">
        <v>25</v>
      </c>
      <c r="O646" s="1" t="s">
        <v>38</v>
      </c>
      <c r="P646" s="5" t="s">
        <v>29921</v>
      </c>
    </row>
    <row r="647" spans="1:16" x14ac:dyDescent="0.2">
      <c r="A647" s="1" t="s">
        <v>329</v>
      </c>
      <c r="B647" s="1" t="s">
        <v>2622</v>
      </c>
      <c r="C647" s="1" t="s">
        <v>2620</v>
      </c>
      <c r="D647" s="1" t="s">
        <v>2621</v>
      </c>
      <c r="E647" s="1"/>
      <c r="F647" s="1" t="s">
        <v>10</v>
      </c>
      <c r="G647" s="1" t="s">
        <v>10</v>
      </c>
      <c r="H647" s="1" t="s">
        <v>10</v>
      </c>
      <c r="I647" s="1" t="s">
        <v>2312</v>
      </c>
      <c r="J647" s="1" t="s">
        <v>2316</v>
      </c>
      <c r="K647" s="1" t="s">
        <v>27</v>
      </c>
      <c r="L647" s="1" t="s">
        <v>2619</v>
      </c>
      <c r="M647" s="1" t="s">
        <v>5</v>
      </c>
      <c r="N647" s="1" t="s">
        <v>25</v>
      </c>
      <c r="O647" s="1" t="s">
        <v>38</v>
      </c>
      <c r="P647" s="5" t="s">
        <v>29922</v>
      </c>
    </row>
    <row r="648" spans="1:16" x14ac:dyDescent="0.2">
      <c r="A648" s="1" t="s">
        <v>66</v>
      </c>
      <c r="B648" s="1" t="s">
        <v>212</v>
      </c>
      <c r="C648" s="1" t="s">
        <v>2624</v>
      </c>
      <c r="D648" s="1" t="s">
        <v>2625</v>
      </c>
      <c r="E648" s="1"/>
      <c r="F648" s="1" t="s">
        <v>10</v>
      </c>
      <c r="G648" s="1" t="s">
        <v>10</v>
      </c>
      <c r="H648" s="1" t="s">
        <v>10</v>
      </c>
      <c r="I648" s="1" t="s">
        <v>2312</v>
      </c>
      <c r="J648" s="1" t="s">
        <v>2316</v>
      </c>
      <c r="K648" s="1" t="s">
        <v>27</v>
      </c>
      <c r="L648" s="1" t="s">
        <v>2623</v>
      </c>
      <c r="M648" s="1" t="s">
        <v>5</v>
      </c>
      <c r="N648" s="1" t="s">
        <v>25</v>
      </c>
      <c r="O648" s="1" t="s">
        <v>38</v>
      </c>
      <c r="P648" s="5" t="s">
        <v>29923</v>
      </c>
    </row>
    <row r="649" spans="1:16" x14ac:dyDescent="0.2">
      <c r="A649" s="1" t="s">
        <v>66</v>
      </c>
      <c r="B649" s="1" t="s">
        <v>574</v>
      </c>
      <c r="C649" s="1" t="s">
        <v>2627</v>
      </c>
      <c r="D649" s="1" t="s">
        <v>2628</v>
      </c>
      <c r="E649" s="1"/>
      <c r="F649" s="1" t="s">
        <v>10</v>
      </c>
      <c r="G649" s="1" t="s">
        <v>10</v>
      </c>
      <c r="H649" s="1" t="s">
        <v>10</v>
      </c>
      <c r="I649" s="1" t="s">
        <v>2312</v>
      </c>
      <c r="J649" s="1" t="s">
        <v>19</v>
      </c>
      <c r="K649" s="1" t="s">
        <v>2629</v>
      </c>
      <c r="L649" s="1" t="s">
        <v>2626</v>
      </c>
      <c r="M649" s="1" t="s">
        <v>5</v>
      </c>
      <c r="N649" s="1" t="s">
        <v>25</v>
      </c>
      <c r="O649" s="1" t="s">
        <v>38</v>
      </c>
      <c r="P649" s="5" t="s">
        <v>32701</v>
      </c>
    </row>
    <row r="650" spans="1:16" x14ac:dyDescent="0.2">
      <c r="A650" s="1" t="s">
        <v>66</v>
      </c>
      <c r="B650" s="1" t="s">
        <v>212</v>
      </c>
      <c r="C650" s="1" t="s">
        <v>2631</v>
      </c>
      <c r="D650" s="1" t="s">
        <v>2632</v>
      </c>
      <c r="E650" s="1"/>
      <c r="F650" s="1" t="s">
        <v>10</v>
      </c>
      <c r="G650" s="1" t="s">
        <v>10</v>
      </c>
      <c r="H650" s="1" t="s">
        <v>10</v>
      </c>
      <c r="I650" s="1" t="s">
        <v>2312</v>
      </c>
      <c r="J650" s="1" t="s">
        <v>2316</v>
      </c>
      <c r="K650" s="1" t="s">
        <v>27</v>
      </c>
      <c r="L650" s="1" t="s">
        <v>2630</v>
      </c>
      <c r="M650" s="1" t="s">
        <v>5</v>
      </c>
      <c r="N650" s="1" t="s">
        <v>25</v>
      </c>
      <c r="O650" s="1" t="s">
        <v>38</v>
      </c>
      <c r="P650" s="5" t="s">
        <v>31099</v>
      </c>
    </row>
    <row r="651" spans="1:16" x14ac:dyDescent="0.2">
      <c r="A651" s="1" t="s">
        <v>20</v>
      </c>
      <c r="B651" s="1" t="s">
        <v>253</v>
      </c>
      <c r="C651" s="1" t="s">
        <v>2634</v>
      </c>
      <c r="D651" s="1" t="s">
        <v>2635</v>
      </c>
      <c r="E651" s="1"/>
      <c r="F651" s="1" t="s">
        <v>10</v>
      </c>
      <c r="G651" s="1" t="s">
        <v>10</v>
      </c>
      <c r="H651" s="1" t="s">
        <v>10</v>
      </c>
      <c r="I651" s="1" t="s">
        <v>2312</v>
      </c>
      <c r="J651" s="1" t="s">
        <v>2438</v>
      </c>
      <c r="K651" s="1" t="s">
        <v>27</v>
      </c>
      <c r="L651" s="1" t="s">
        <v>2633</v>
      </c>
      <c r="M651" s="1" t="s">
        <v>5</v>
      </c>
      <c r="N651" s="1" t="s">
        <v>960</v>
      </c>
      <c r="O651" s="1" t="s">
        <v>38</v>
      </c>
      <c r="P651" s="5" t="s">
        <v>31099</v>
      </c>
    </row>
    <row r="652" spans="1:16" x14ac:dyDescent="0.2">
      <c r="A652" s="1" t="s">
        <v>20</v>
      </c>
      <c r="B652" s="1" t="s">
        <v>253</v>
      </c>
      <c r="C652" s="1" t="s">
        <v>2637</v>
      </c>
      <c r="D652" s="1" t="s">
        <v>2638</v>
      </c>
      <c r="E652" s="1"/>
      <c r="F652" s="1" t="s">
        <v>10</v>
      </c>
      <c r="G652" s="1" t="s">
        <v>10</v>
      </c>
      <c r="H652" s="1" t="s">
        <v>10</v>
      </c>
      <c r="I652" s="1" t="s">
        <v>2312</v>
      </c>
      <c r="J652" s="1" t="s">
        <v>2438</v>
      </c>
      <c r="K652" s="1" t="s">
        <v>27</v>
      </c>
      <c r="L652" s="1" t="s">
        <v>2636</v>
      </c>
      <c r="M652" s="1" t="s">
        <v>5</v>
      </c>
      <c r="N652" s="1" t="s">
        <v>25</v>
      </c>
      <c r="O652" s="1" t="s">
        <v>38</v>
      </c>
      <c r="P652" s="5" t="s">
        <v>32704</v>
      </c>
    </row>
    <row r="653" spans="1:16" x14ac:dyDescent="0.2">
      <c r="A653" s="1" t="s">
        <v>20</v>
      </c>
      <c r="B653" s="1" t="s">
        <v>253</v>
      </c>
      <c r="C653" s="1" t="s">
        <v>2640</v>
      </c>
      <c r="D653" s="1" t="s">
        <v>2641</v>
      </c>
      <c r="E653" s="1"/>
      <c r="F653" s="1" t="s">
        <v>10</v>
      </c>
      <c r="G653" s="1" t="s">
        <v>10</v>
      </c>
      <c r="H653" s="1" t="s">
        <v>10</v>
      </c>
      <c r="I653" s="1" t="s">
        <v>2312</v>
      </c>
      <c r="J653" s="1" t="s">
        <v>2438</v>
      </c>
      <c r="K653" s="1" t="s">
        <v>64</v>
      </c>
      <c r="L653" s="1" t="s">
        <v>2639</v>
      </c>
      <c r="M653" s="1" t="s">
        <v>5</v>
      </c>
      <c r="N653" s="1" t="s">
        <v>1009</v>
      </c>
      <c r="O653" s="1" t="s">
        <v>38</v>
      </c>
      <c r="P653" s="5" t="s">
        <v>29924</v>
      </c>
    </row>
    <row r="654" spans="1:16" x14ac:dyDescent="0.2">
      <c r="A654" s="1" t="s">
        <v>329</v>
      </c>
      <c r="B654" s="1" t="s">
        <v>1168</v>
      </c>
      <c r="C654" s="1" t="s">
        <v>2643</v>
      </c>
      <c r="D654" s="1" t="s">
        <v>2644</v>
      </c>
      <c r="E654" s="1"/>
      <c r="F654" s="1" t="s">
        <v>10</v>
      </c>
      <c r="G654" s="1" t="s">
        <v>10</v>
      </c>
      <c r="H654" s="1" t="s">
        <v>10</v>
      </c>
      <c r="I654" s="1" t="s">
        <v>2312</v>
      </c>
      <c r="J654" s="1" t="s">
        <v>2316</v>
      </c>
      <c r="K654" s="1" t="s">
        <v>27</v>
      </c>
      <c r="L654" s="1" t="s">
        <v>2642</v>
      </c>
      <c r="M654" s="1" t="s">
        <v>5</v>
      </c>
      <c r="N654" s="1" t="s">
        <v>960</v>
      </c>
      <c r="O654" s="1" t="s">
        <v>38</v>
      </c>
      <c r="P654" s="5" t="s">
        <v>1184</v>
      </c>
    </row>
    <row r="655" spans="1:16" x14ac:dyDescent="0.2">
      <c r="A655" s="1" t="s">
        <v>423</v>
      </c>
      <c r="B655" s="1" t="s">
        <v>2587</v>
      </c>
      <c r="C655" s="1" t="s">
        <v>2646</v>
      </c>
      <c r="D655" s="1" t="s">
        <v>2647</v>
      </c>
      <c r="E655" s="1"/>
      <c r="F655" s="1" t="s">
        <v>10</v>
      </c>
      <c r="G655" s="1" t="s">
        <v>10</v>
      </c>
      <c r="H655" s="1" t="s">
        <v>10</v>
      </c>
      <c r="I655" s="1" t="s">
        <v>2312</v>
      </c>
      <c r="J655" s="1" t="s">
        <v>2586</v>
      </c>
      <c r="K655" s="1" t="s">
        <v>27</v>
      </c>
      <c r="L655" s="1" t="s">
        <v>2645</v>
      </c>
      <c r="M655" s="1" t="s">
        <v>5</v>
      </c>
      <c r="N655" s="1" t="s">
        <v>960</v>
      </c>
      <c r="O655" s="1" t="s">
        <v>38</v>
      </c>
      <c r="P655" s="5" t="s">
        <v>31108</v>
      </c>
    </row>
    <row r="656" spans="1:16" x14ac:dyDescent="0.2">
      <c r="A656" s="1" t="s">
        <v>329</v>
      </c>
      <c r="B656" s="1" t="s">
        <v>1168</v>
      </c>
      <c r="C656" s="1" t="s">
        <v>2649</v>
      </c>
      <c r="D656" s="1" t="s">
        <v>2650</v>
      </c>
      <c r="E656" s="1"/>
      <c r="F656" s="1" t="s">
        <v>10</v>
      </c>
      <c r="G656" s="1" t="s">
        <v>10</v>
      </c>
      <c r="H656" s="1" t="s">
        <v>10</v>
      </c>
      <c r="I656" s="1" t="s">
        <v>2312</v>
      </c>
      <c r="J656" s="1" t="s">
        <v>2316</v>
      </c>
      <c r="K656" s="1" t="s">
        <v>27</v>
      </c>
      <c r="L656" s="1" t="s">
        <v>2648</v>
      </c>
      <c r="M656" s="1" t="s">
        <v>5</v>
      </c>
      <c r="N656" s="1" t="s">
        <v>960</v>
      </c>
      <c r="O656" s="1" t="s">
        <v>38</v>
      </c>
      <c r="P656" s="5" t="s">
        <v>31099</v>
      </c>
    </row>
    <row r="657" spans="1:16" x14ac:dyDescent="0.2">
      <c r="A657" s="1" t="s">
        <v>423</v>
      </c>
      <c r="B657" s="1" t="s">
        <v>2587</v>
      </c>
      <c r="C657" s="1" t="s">
        <v>2652</v>
      </c>
      <c r="D657" s="1" t="s">
        <v>2653</v>
      </c>
      <c r="E657" s="1"/>
      <c r="F657" s="1" t="s">
        <v>10</v>
      </c>
      <c r="G657" s="1" t="s">
        <v>10</v>
      </c>
      <c r="H657" s="1" t="s">
        <v>10</v>
      </c>
      <c r="I657" s="1" t="s">
        <v>2312</v>
      </c>
      <c r="J657" s="1" t="s">
        <v>2586</v>
      </c>
      <c r="K657" s="1" t="s">
        <v>27</v>
      </c>
      <c r="L657" s="1" t="s">
        <v>2651</v>
      </c>
      <c r="M657" s="1" t="s">
        <v>5</v>
      </c>
      <c r="N657" s="1" t="s">
        <v>25</v>
      </c>
      <c r="O657" s="1" t="s">
        <v>38</v>
      </c>
      <c r="P657" s="5" t="s">
        <v>1184</v>
      </c>
    </row>
    <row r="658" spans="1:16" x14ac:dyDescent="0.2">
      <c r="A658" s="1" t="s">
        <v>423</v>
      </c>
      <c r="B658" s="1" t="s">
        <v>2587</v>
      </c>
      <c r="C658" s="1" t="s">
        <v>2655</v>
      </c>
      <c r="D658" s="1" t="s">
        <v>2656</v>
      </c>
      <c r="E658" s="1"/>
      <c r="F658" s="1" t="s">
        <v>10</v>
      </c>
      <c r="G658" s="1" t="s">
        <v>10</v>
      </c>
      <c r="H658" s="1" t="s">
        <v>10</v>
      </c>
      <c r="I658" s="1" t="s">
        <v>2312</v>
      </c>
      <c r="J658" s="1" t="s">
        <v>2586</v>
      </c>
      <c r="K658" s="1" t="s">
        <v>27</v>
      </c>
      <c r="L658" s="1" t="s">
        <v>2654</v>
      </c>
      <c r="M658" s="1" t="s">
        <v>5</v>
      </c>
      <c r="N658" s="1" t="s">
        <v>960</v>
      </c>
      <c r="O658" s="1" t="s">
        <v>38</v>
      </c>
      <c r="P658" s="5" t="s">
        <v>1184</v>
      </c>
    </row>
    <row r="659" spans="1:16" x14ac:dyDescent="0.2">
      <c r="A659" s="1" t="s">
        <v>423</v>
      </c>
      <c r="B659" s="1" t="s">
        <v>2587</v>
      </c>
      <c r="C659" s="1" t="s">
        <v>2658</v>
      </c>
      <c r="D659" s="1" t="s">
        <v>2659</v>
      </c>
      <c r="E659" s="1"/>
      <c r="F659" s="1" t="s">
        <v>10</v>
      </c>
      <c r="G659" s="1" t="s">
        <v>10</v>
      </c>
      <c r="H659" s="1" t="s">
        <v>10</v>
      </c>
      <c r="I659" s="1" t="s">
        <v>2312</v>
      </c>
      <c r="J659" s="1" t="s">
        <v>2586</v>
      </c>
      <c r="K659" s="1" t="s">
        <v>64</v>
      </c>
      <c r="L659" s="1" t="s">
        <v>2657</v>
      </c>
      <c r="M659" s="1" t="s">
        <v>5</v>
      </c>
      <c r="N659" s="1" t="s">
        <v>960</v>
      </c>
      <c r="O659" s="1" t="s">
        <v>38</v>
      </c>
      <c r="P659" s="5" t="s">
        <v>1184</v>
      </c>
    </row>
    <row r="660" spans="1:16" x14ac:dyDescent="0.2">
      <c r="A660" s="1" t="s">
        <v>487</v>
      </c>
      <c r="B660" s="1" t="s">
        <v>765</v>
      </c>
      <c r="C660" s="1" t="s">
        <v>2661</v>
      </c>
      <c r="D660" s="1" t="s">
        <v>2662</v>
      </c>
      <c r="E660" s="1" t="s">
        <v>2663</v>
      </c>
      <c r="F660" s="1" t="s">
        <v>10</v>
      </c>
      <c r="G660" s="1" t="s">
        <v>10</v>
      </c>
      <c r="H660" s="1" t="s">
        <v>10</v>
      </c>
      <c r="I660" s="1" t="s">
        <v>2312</v>
      </c>
      <c r="J660" s="1" t="s">
        <v>19</v>
      </c>
      <c r="K660" s="1" t="s">
        <v>64</v>
      </c>
      <c r="L660" s="1" t="s">
        <v>2660</v>
      </c>
      <c r="M660" s="1" t="s">
        <v>5</v>
      </c>
      <c r="N660" s="1" t="s">
        <v>25</v>
      </c>
      <c r="O660" s="1" t="s">
        <v>38</v>
      </c>
      <c r="P660" s="5" t="s">
        <v>32705</v>
      </c>
    </row>
    <row r="661" spans="1:16" x14ac:dyDescent="0.2">
      <c r="A661" s="1" t="s">
        <v>329</v>
      </c>
      <c r="B661" s="1" t="s">
        <v>1168</v>
      </c>
      <c r="C661" s="1" t="s">
        <v>2665</v>
      </c>
      <c r="D661" s="1" t="s">
        <v>2666</v>
      </c>
      <c r="E661" s="1"/>
      <c r="F661" s="1" t="s">
        <v>10</v>
      </c>
      <c r="G661" s="1" t="s">
        <v>10</v>
      </c>
      <c r="H661" s="1" t="s">
        <v>10</v>
      </c>
      <c r="I661" s="1" t="s">
        <v>2312</v>
      </c>
      <c r="J661" s="1" t="s">
        <v>2586</v>
      </c>
      <c r="K661" s="1" t="s">
        <v>27</v>
      </c>
      <c r="L661" s="1" t="s">
        <v>2664</v>
      </c>
      <c r="M661" s="1" t="s">
        <v>5</v>
      </c>
      <c r="N661" s="1" t="s">
        <v>960</v>
      </c>
      <c r="O661" s="1" t="s">
        <v>38</v>
      </c>
      <c r="P661" s="5" t="s">
        <v>31099</v>
      </c>
    </row>
    <row r="662" spans="1:16" x14ac:dyDescent="0.2">
      <c r="A662" s="1" t="s">
        <v>20</v>
      </c>
      <c r="B662" s="1" t="s">
        <v>101</v>
      </c>
      <c r="C662" s="1" t="s">
        <v>2668</v>
      </c>
      <c r="D662" s="1" t="s">
        <v>2669</v>
      </c>
      <c r="E662" s="1"/>
      <c r="F662" s="1" t="s">
        <v>10</v>
      </c>
      <c r="G662" s="1" t="s">
        <v>10</v>
      </c>
      <c r="H662" s="1" t="s">
        <v>10</v>
      </c>
      <c r="I662" s="1" t="s">
        <v>2312</v>
      </c>
      <c r="J662" s="1" t="s">
        <v>2586</v>
      </c>
      <c r="K662" s="1" t="s">
        <v>27</v>
      </c>
      <c r="L662" s="1" t="s">
        <v>2667</v>
      </c>
      <c r="M662" s="1" t="s">
        <v>5</v>
      </c>
      <c r="N662" s="1" t="s">
        <v>25</v>
      </c>
      <c r="O662" s="1" t="s">
        <v>38</v>
      </c>
      <c r="P662" s="5" t="s">
        <v>31096</v>
      </c>
    </row>
    <row r="663" spans="1:16" x14ac:dyDescent="0.2">
      <c r="A663" s="1" t="s">
        <v>423</v>
      </c>
      <c r="B663" s="1" t="s">
        <v>2587</v>
      </c>
      <c r="C663" s="1" t="s">
        <v>2671</v>
      </c>
      <c r="D663" s="1" t="s">
        <v>2672</v>
      </c>
      <c r="E663" s="1"/>
      <c r="F663" s="1" t="s">
        <v>10</v>
      </c>
      <c r="G663" s="1" t="s">
        <v>10</v>
      </c>
      <c r="H663" s="1" t="s">
        <v>10</v>
      </c>
      <c r="I663" s="1" t="s">
        <v>2312</v>
      </c>
      <c r="J663" s="1" t="s">
        <v>2586</v>
      </c>
      <c r="K663" s="1" t="s">
        <v>27</v>
      </c>
      <c r="L663" s="1" t="s">
        <v>2670</v>
      </c>
      <c r="M663" s="1" t="s">
        <v>5</v>
      </c>
      <c r="N663" s="1" t="s">
        <v>960</v>
      </c>
      <c r="O663" s="1" t="s">
        <v>38</v>
      </c>
      <c r="P663" s="5" t="s">
        <v>31109</v>
      </c>
    </row>
    <row r="664" spans="1:16" x14ac:dyDescent="0.2">
      <c r="A664" s="1" t="s">
        <v>1385</v>
      </c>
      <c r="B664" s="1" t="s">
        <v>1687</v>
      </c>
      <c r="C664" s="1" t="s">
        <v>2674</v>
      </c>
      <c r="D664" s="1" t="s">
        <v>2675</v>
      </c>
      <c r="E664" s="1"/>
      <c r="F664" s="1" t="s">
        <v>10</v>
      </c>
      <c r="G664" s="1" t="s">
        <v>10</v>
      </c>
      <c r="H664" s="1" t="s">
        <v>10</v>
      </c>
      <c r="I664" s="1" t="s">
        <v>2312</v>
      </c>
      <c r="J664" s="1" t="s">
        <v>2316</v>
      </c>
      <c r="K664" s="1" t="s">
        <v>27</v>
      </c>
      <c r="L664" s="1" t="s">
        <v>2673</v>
      </c>
      <c r="M664" s="1" t="s">
        <v>5</v>
      </c>
      <c r="N664" s="1" t="s">
        <v>960</v>
      </c>
      <c r="O664" s="1" t="s">
        <v>38</v>
      </c>
      <c r="P664" s="5" t="s">
        <v>1184</v>
      </c>
    </row>
    <row r="665" spans="1:16" x14ac:dyDescent="0.2">
      <c r="A665" s="1" t="s">
        <v>1385</v>
      </c>
      <c r="B665" s="1" t="s">
        <v>1687</v>
      </c>
      <c r="C665" s="1" t="s">
        <v>2677</v>
      </c>
      <c r="D665" s="1" t="s">
        <v>2678</v>
      </c>
      <c r="E665" s="1"/>
      <c r="F665" s="1" t="s">
        <v>10</v>
      </c>
      <c r="G665" s="1" t="s">
        <v>10</v>
      </c>
      <c r="H665" s="1" t="s">
        <v>10</v>
      </c>
      <c r="I665" s="1" t="s">
        <v>2312</v>
      </c>
      <c r="J665" s="1" t="s">
        <v>2316</v>
      </c>
      <c r="K665" s="1" t="s">
        <v>27</v>
      </c>
      <c r="L665" s="1" t="s">
        <v>2676</v>
      </c>
      <c r="M665" s="1" t="s">
        <v>5</v>
      </c>
      <c r="N665" s="1" t="s">
        <v>960</v>
      </c>
      <c r="O665" s="1" t="s">
        <v>38</v>
      </c>
      <c r="P665" s="5" t="s">
        <v>1184</v>
      </c>
    </row>
    <row r="666" spans="1:16" x14ac:dyDescent="0.2">
      <c r="A666" s="1" t="s">
        <v>1385</v>
      </c>
      <c r="B666" s="1" t="s">
        <v>1687</v>
      </c>
      <c r="C666" s="1" t="s">
        <v>2680</v>
      </c>
      <c r="D666" s="1" t="s">
        <v>2681</v>
      </c>
      <c r="E666" s="1"/>
      <c r="F666" s="1" t="s">
        <v>10</v>
      </c>
      <c r="G666" s="1" t="s">
        <v>10</v>
      </c>
      <c r="H666" s="1" t="s">
        <v>10</v>
      </c>
      <c r="I666" s="1" t="s">
        <v>2312</v>
      </c>
      <c r="J666" s="1" t="s">
        <v>2316</v>
      </c>
      <c r="K666" s="1" t="s">
        <v>27</v>
      </c>
      <c r="L666" s="1" t="s">
        <v>2679</v>
      </c>
      <c r="M666" s="1" t="s">
        <v>5</v>
      </c>
      <c r="N666" s="1" t="s">
        <v>960</v>
      </c>
      <c r="O666" s="1" t="s">
        <v>38</v>
      </c>
      <c r="P666" s="5" t="s">
        <v>31110</v>
      </c>
    </row>
    <row r="667" spans="1:16" x14ac:dyDescent="0.2">
      <c r="A667" s="1" t="s">
        <v>1385</v>
      </c>
      <c r="B667" s="1" t="s">
        <v>1687</v>
      </c>
      <c r="C667" s="1" t="s">
        <v>2683</v>
      </c>
      <c r="D667" s="1" t="s">
        <v>2684</v>
      </c>
      <c r="E667" s="1"/>
      <c r="F667" s="1" t="s">
        <v>10</v>
      </c>
      <c r="G667" s="1" t="s">
        <v>10</v>
      </c>
      <c r="H667" s="1" t="s">
        <v>10</v>
      </c>
      <c r="I667" s="1" t="s">
        <v>2312</v>
      </c>
      <c r="J667" s="1" t="s">
        <v>2316</v>
      </c>
      <c r="K667" s="1" t="s">
        <v>27</v>
      </c>
      <c r="L667" s="1" t="s">
        <v>2682</v>
      </c>
      <c r="M667" s="1" t="s">
        <v>5</v>
      </c>
      <c r="N667" s="1" t="s">
        <v>960</v>
      </c>
      <c r="O667" s="1" t="s">
        <v>38</v>
      </c>
      <c r="P667" s="5" t="s">
        <v>31110</v>
      </c>
    </row>
    <row r="668" spans="1:16" x14ac:dyDescent="0.2">
      <c r="A668" s="1" t="s">
        <v>1385</v>
      </c>
      <c r="B668" s="1" t="s">
        <v>1687</v>
      </c>
      <c r="C668" s="1" t="s">
        <v>2686</v>
      </c>
      <c r="D668" s="1" t="s">
        <v>2687</v>
      </c>
      <c r="E668" s="1"/>
      <c r="F668" s="1" t="s">
        <v>10</v>
      </c>
      <c r="G668" s="1" t="s">
        <v>10</v>
      </c>
      <c r="H668" s="1" t="s">
        <v>10</v>
      </c>
      <c r="I668" s="1" t="s">
        <v>2312</v>
      </c>
      <c r="J668" s="1" t="s">
        <v>2316</v>
      </c>
      <c r="K668" s="1" t="s">
        <v>27</v>
      </c>
      <c r="L668" s="1" t="s">
        <v>2685</v>
      </c>
      <c r="M668" s="1" t="s">
        <v>5</v>
      </c>
      <c r="N668" s="1" t="s">
        <v>960</v>
      </c>
      <c r="O668" s="1" t="s">
        <v>38</v>
      </c>
      <c r="P668" s="5" t="s">
        <v>31110</v>
      </c>
    </row>
    <row r="669" spans="1:16" x14ac:dyDescent="0.2">
      <c r="A669" s="1" t="s">
        <v>423</v>
      </c>
      <c r="B669" s="1" t="s">
        <v>2587</v>
      </c>
      <c r="C669" s="1" t="s">
        <v>2689</v>
      </c>
      <c r="D669" s="1" t="s">
        <v>2690</v>
      </c>
      <c r="E669" s="1"/>
      <c r="F669" s="1" t="s">
        <v>10</v>
      </c>
      <c r="G669" s="1" t="s">
        <v>10</v>
      </c>
      <c r="H669" s="1" t="s">
        <v>10</v>
      </c>
      <c r="I669" s="1" t="s">
        <v>2312</v>
      </c>
      <c r="J669" s="1" t="s">
        <v>2586</v>
      </c>
      <c r="K669" s="1" t="s">
        <v>27</v>
      </c>
      <c r="L669" s="1" t="s">
        <v>2688</v>
      </c>
      <c r="M669" s="1" t="s">
        <v>5</v>
      </c>
      <c r="N669" s="1" t="s">
        <v>960</v>
      </c>
      <c r="O669" s="1" t="s">
        <v>38</v>
      </c>
      <c r="P669" s="5" t="s">
        <v>31108</v>
      </c>
    </row>
    <row r="670" spans="1:16" x14ac:dyDescent="0.2">
      <c r="A670" s="1" t="s">
        <v>20</v>
      </c>
      <c r="B670" s="1" t="s">
        <v>101</v>
      </c>
      <c r="C670" s="1" t="s">
        <v>2692</v>
      </c>
      <c r="D670" s="1" t="s">
        <v>2693</v>
      </c>
      <c r="E670" s="1"/>
      <c r="F670" s="1" t="s">
        <v>10</v>
      </c>
      <c r="G670" s="1" t="s">
        <v>10</v>
      </c>
      <c r="H670" s="1" t="s">
        <v>10</v>
      </c>
      <c r="I670" s="1" t="s">
        <v>2312</v>
      </c>
      <c r="J670" s="1" t="s">
        <v>2316</v>
      </c>
      <c r="K670" s="1" t="s">
        <v>27</v>
      </c>
      <c r="L670" s="1" t="s">
        <v>2691</v>
      </c>
      <c r="M670" s="1" t="s">
        <v>5</v>
      </c>
      <c r="N670" s="1" t="s">
        <v>25</v>
      </c>
      <c r="O670" s="1" t="s">
        <v>38</v>
      </c>
      <c r="P670" s="5" t="s">
        <v>31096</v>
      </c>
    </row>
    <row r="671" spans="1:16" x14ac:dyDescent="0.2">
      <c r="A671" s="1" t="s">
        <v>20</v>
      </c>
      <c r="B671" s="1" t="s">
        <v>445</v>
      </c>
      <c r="C671" s="1" t="s">
        <v>2695</v>
      </c>
      <c r="D671" s="1" t="s">
        <v>2696</v>
      </c>
      <c r="E671" s="1"/>
      <c r="F671" s="1" t="s">
        <v>10</v>
      </c>
      <c r="G671" s="1" t="s">
        <v>10</v>
      </c>
      <c r="H671" s="1" t="s">
        <v>10</v>
      </c>
      <c r="I671" s="1" t="s">
        <v>2312</v>
      </c>
      <c r="J671" s="1" t="s">
        <v>2316</v>
      </c>
      <c r="K671" s="1" t="s">
        <v>27</v>
      </c>
      <c r="L671" s="1" t="s">
        <v>2694</v>
      </c>
      <c r="M671" s="1" t="s">
        <v>5</v>
      </c>
      <c r="N671" s="1" t="s">
        <v>960</v>
      </c>
      <c r="O671" s="1" t="s">
        <v>38</v>
      </c>
      <c r="P671" s="5" t="s">
        <v>1184</v>
      </c>
    </row>
    <row r="672" spans="1:16" x14ac:dyDescent="0.2">
      <c r="A672" s="1" t="s">
        <v>1385</v>
      </c>
      <c r="B672" s="1" t="s">
        <v>1687</v>
      </c>
      <c r="C672" s="1" t="s">
        <v>2698</v>
      </c>
      <c r="D672" s="1" t="s">
        <v>2031</v>
      </c>
      <c r="E672" s="1"/>
      <c r="F672" s="1" t="s">
        <v>10</v>
      </c>
      <c r="G672" s="1" t="s">
        <v>10</v>
      </c>
      <c r="H672" s="1" t="s">
        <v>10</v>
      </c>
      <c r="I672" s="1" t="s">
        <v>2312</v>
      </c>
      <c r="J672" s="1" t="s">
        <v>2316</v>
      </c>
      <c r="K672" s="1" t="s">
        <v>27</v>
      </c>
      <c r="L672" s="1" t="s">
        <v>2697</v>
      </c>
      <c r="M672" s="1" t="s">
        <v>5</v>
      </c>
      <c r="N672" s="1" t="s">
        <v>1009</v>
      </c>
      <c r="O672" s="1" t="s">
        <v>38</v>
      </c>
      <c r="P672" s="5" t="s">
        <v>31111</v>
      </c>
    </row>
    <row r="673" spans="1:16" x14ac:dyDescent="0.2">
      <c r="A673" s="1" t="s">
        <v>20</v>
      </c>
      <c r="B673" s="1" t="s">
        <v>93</v>
      </c>
      <c r="C673" s="1" t="s">
        <v>2700</v>
      </c>
      <c r="D673" s="1" t="s">
        <v>2701</v>
      </c>
      <c r="E673" s="1" t="s">
        <v>2703</v>
      </c>
      <c r="F673" s="1" t="s">
        <v>10</v>
      </c>
      <c r="G673" s="1" t="s">
        <v>10</v>
      </c>
      <c r="H673" s="1" t="s">
        <v>10</v>
      </c>
      <c r="I673" s="1" t="s">
        <v>2312</v>
      </c>
      <c r="J673" s="1" t="s">
        <v>2316</v>
      </c>
      <c r="K673" s="1" t="s">
        <v>1468</v>
      </c>
      <c r="L673" s="1" t="s">
        <v>2699</v>
      </c>
      <c r="M673" s="1" t="s">
        <v>5</v>
      </c>
      <c r="N673" s="1" t="s">
        <v>1009</v>
      </c>
      <c r="O673" s="1" t="s">
        <v>38</v>
      </c>
      <c r="P673" s="5" t="s">
        <v>32703</v>
      </c>
    </row>
    <row r="674" spans="1:16" x14ac:dyDescent="0.2">
      <c r="A674" s="1" t="s">
        <v>66</v>
      </c>
      <c r="B674" s="1" t="s">
        <v>1812</v>
      </c>
      <c r="C674" s="1" t="s">
        <v>2705</v>
      </c>
      <c r="D674" s="1" t="s">
        <v>2706</v>
      </c>
      <c r="E674" s="1"/>
      <c r="F674" s="1" t="s">
        <v>10</v>
      </c>
      <c r="G674" s="1" t="s">
        <v>10</v>
      </c>
      <c r="H674" s="1" t="s">
        <v>10</v>
      </c>
      <c r="I674" s="1" t="s">
        <v>2312</v>
      </c>
      <c r="J674" s="1" t="s">
        <v>2316</v>
      </c>
      <c r="K674" s="1" t="s">
        <v>27</v>
      </c>
      <c r="L674" s="1" t="s">
        <v>2704</v>
      </c>
      <c r="M674" s="1" t="s">
        <v>5</v>
      </c>
      <c r="N674" s="1" t="s">
        <v>960</v>
      </c>
      <c r="O674" s="1" t="s">
        <v>38</v>
      </c>
      <c r="P674" s="5" t="s">
        <v>31110</v>
      </c>
    </row>
    <row r="675" spans="1:16" x14ac:dyDescent="0.2">
      <c r="A675" s="1" t="s">
        <v>1385</v>
      </c>
      <c r="B675" s="1" t="s">
        <v>1687</v>
      </c>
      <c r="C675" s="1" t="s">
        <v>2708</v>
      </c>
      <c r="D675" s="1" t="s">
        <v>2709</v>
      </c>
      <c r="E675" s="1" t="s">
        <v>2710</v>
      </c>
      <c r="F675" s="1" t="s">
        <v>10</v>
      </c>
      <c r="G675" s="1" t="s">
        <v>10</v>
      </c>
      <c r="H675" s="1" t="s">
        <v>10</v>
      </c>
      <c r="I675" s="1" t="s">
        <v>2312</v>
      </c>
      <c r="J675" s="1" t="s">
        <v>2316</v>
      </c>
      <c r="K675" s="1" t="s">
        <v>27</v>
      </c>
      <c r="L675" s="1" t="s">
        <v>2707</v>
      </c>
      <c r="M675" s="1" t="s">
        <v>5</v>
      </c>
      <c r="N675" s="1" t="s">
        <v>960</v>
      </c>
      <c r="O675" s="1" t="s">
        <v>38</v>
      </c>
      <c r="P675" s="5" t="s">
        <v>31099</v>
      </c>
    </row>
    <row r="676" spans="1:16" x14ac:dyDescent="0.2">
      <c r="A676" s="1" t="s">
        <v>20</v>
      </c>
      <c r="B676" s="1" t="s">
        <v>99</v>
      </c>
      <c r="C676" s="1" t="s">
        <v>2712</v>
      </c>
      <c r="D676" s="1" t="s">
        <v>2713</v>
      </c>
      <c r="E676" s="1"/>
      <c r="F676" s="1" t="s">
        <v>10</v>
      </c>
      <c r="G676" s="1" t="s">
        <v>10</v>
      </c>
      <c r="H676" s="1" t="s">
        <v>10</v>
      </c>
      <c r="I676" s="1" t="s">
        <v>2312</v>
      </c>
      <c r="J676" s="1" t="s">
        <v>2316</v>
      </c>
      <c r="K676" s="1" t="s">
        <v>1468</v>
      </c>
      <c r="L676" s="1" t="s">
        <v>2711</v>
      </c>
      <c r="M676" s="1" t="s">
        <v>5</v>
      </c>
      <c r="N676" s="1" t="s">
        <v>960</v>
      </c>
      <c r="O676" s="1" t="s">
        <v>38</v>
      </c>
      <c r="P676" s="5" t="s">
        <v>1184</v>
      </c>
    </row>
    <row r="677" spans="1:16" x14ac:dyDescent="0.2">
      <c r="A677" s="1" t="s">
        <v>20</v>
      </c>
      <c r="B677" s="1" t="s">
        <v>99</v>
      </c>
      <c r="C677" s="1" t="s">
        <v>2715</v>
      </c>
      <c r="D677" s="1" t="s">
        <v>2716</v>
      </c>
      <c r="E677" s="1" t="s">
        <v>2717</v>
      </c>
      <c r="F677" s="1" t="s">
        <v>10</v>
      </c>
      <c r="G677" s="1" t="s">
        <v>10</v>
      </c>
      <c r="H677" s="1" t="s">
        <v>10</v>
      </c>
      <c r="I677" s="1" t="s">
        <v>2312</v>
      </c>
      <c r="J677" s="1" t="s">
        <v>2316</v>
      </c>
      <c r="K677" s="1" t="s">
        <v>1468</v>
      </c>
      <c r="L677" s="1" t="s">
        <v>2714</v>
      </c>
      <c r="M677" s="1" t="s">
        <v>5</v>
      </c>
      <c r="N677" s="1" t="s">
        <v>960</v>
      </c>
      <c r="O677" s="1" t="s">
        <v>38</v>
      </c>
      <c r="P677" s="5" t="s">
        <v>1184</v>
      </c>
    </row>
    <row r="678" spans="1:16" x14ac:dyDescent="0.2">
      <c r="A678" s="1" t="s">
        <v>20</v>
      </c>
      <c r="B678" s="1" t="s">
        <v>93</v>
      </c>
      <c r="C678" s="1" t="s">
        <v>2719</v>
      </c>
      <c r="D678" s="1" t="s">
        <v>2720</v>
      </c>
      <c r="E678" s="1"/>
      <c r="F678" s="1" t="s">
        <v>10</v>
      </c>
      <c r="G678" s="1" t="s">
        <v>10</v>
      </c>
      <c r="H678" s="1" t="s">
        <v>10</v>
      </c>
      <c r="I678" s="1" t="s">
        <v>2312</v>
      </c>
      <c r="J678" s="1" t="s">
        <v>2316</v>
      </c>
      <c r="K678" s="1" t="s">
        <v>1468</v>
      </c>
      <c r="L678" s="1" t="s">
        <v>2718</v>
      </c>
      <c r="M678" s="1" t="s">
        <v>5</v>
      </c>
      <c r="N678" s="1" t="s">
        <v>960</v>
      </c>
      <c r="O678" s="1" t="s">
        <v>38</v>
      </c>
      <c r="P678" s="5" t="s">
        <v>31099</v>
      </c>
    </row>
    <row r="679" spans="1:16" x14ac:dyDescent="0.2">
      <c r="A679" s="1" t="s">
        <v>20</v>
      </c>
      <c r="B679" s="1" t="s">
        <v>445</v>
      </c>
      <c r="C679" s="1" t="s">
        <v>2722</v>
      </c>
      <c r="D679" s="1" t="s">
        <v>2723</v>
      </c>
      <c r="E679" s="1" t="s">
        <v>2724</v>
      </c>
      <c r="F679" s="1" t="s">
        <v>10</v>
      </c>
      <c r="G679" s="1" t="s">
        <v>10</v>
      </c>
      <c r="H679" s="1" t="s">
        <v>10</v>
      </c>
      <c r="I679" s="1" t="s">
        <v>2312</v>
      </c>
      <c r="J679" s="1" t="s">
        <v>2316</v>
      </c>
      <c r="K679" s="1" t="s">
        <v>7</v>
      </c>
      <c r="L679" s="1" t="s">
        <v>2721</v>
      </c>
      <c r="M679" s="1" t="s">
        <v>5</v>
      </c>
      <c r="N679" s="1" t="s">
        <v>25</v>
      </c>
      <c r="O679" s="1" t="s">
        <v>38</v>
      </c>
      <c r="P679" s="5" t="s">
        <v>32706</v>
      </c>
    </row>
    <row r="680" spans="1:16" x14ac:dyDescent="0.2">
      <c r="A680" s="1" t="s">
        <v>1385</v>
      </c>
      <c r="B680" s="1" t="s">
        <v>1687</v>
      </c>
      <c r="C680" s="1" t="s">
        <v>2726</v>
      </c>
      <c r="D680" s="1" t="s">
        <v>2727</v>
      </c>
      <c r="E680" s="1"/>
      <c r="F680" s="1" t="s">
        <v>10</v>
      </c>
      <c r="G680" s="1" t="s">
        <v>10</v>
      </c>
      <c r="H680" s="1" t="s">
        <v>10</v>
      </c>
      <c r="I680" s="1" t="s">
        <v>2312</v>
      </c>
      <c r="J680" s="1" t="s">
        <v>2316</v>
      </c>
      <c r="K680" s="1" t="s">
        <v>27</v>
      </c>
      <c r="L680" s="1" t="s">
        <v>2725</v>
      </c>
      <c r="M680" s="1" t="s">
        <v>5</v>
      </c>
      <c r="N680" s="1" t="s">
        <v>960</v>
      </c>
      <c r="O680" s="1" t="s">
        <v>38</v>
      </c>
      <c r="P680" s="5" t="s">
        <v>31099</v>
      </c>
    </row>
    <row r="681" spans="1:16" x14ac:dyDescent="0.2">
      <c r="A681" s="1" t="s">
        <v>423</v>
      </c>
      <c r="B681" s="1" t="s">
        <v>2587</v>
      </c>
      <c r="C681" s="1" t="s">
        <v>2729</v>
      </c>
      <c r="D681" s="1" t="s">
        <v>2730</v>
      </c>
      <c r="E681" s="1"/>
      <c r="F681" s="1" t="s">
        <v>10</v>
      </c>
      <c r="G681" s="1" t="s">
        <v>10</v>
      </c>
      <c r="H681" s="1" t="s">
        <v>10</v>
      </c>
      <c r="I681" s="1" t="s">
        <v>2312</v>
      </c>
      <c r="J681" s="1" t="s">
        <v>2586</v>
      </c>
      <c r="K681" s="1" t="s">
        <v>27</v>
      </c>
      <c r="L681" s="1" t="s">
        <v>2728</v>
      </c>
      <c r="M681" s="1" t="s">
        <v>5</v>
      </c>
      <c r="N681" s="1" t="s">
        <v>960</v>
      </c>
      <c r="O681" s="1" t="s">
        <v>38</v>
      </c>
      <c r="P681" s="5" t="s">
        <v>32707</v>
      </c>
    </row>
    <row r="682" spans="1:16" x14ac:dyDescent="0.2">
      <c r="A682" s="1" t="s">
        <v>487</v>
      </c>
      <c r="B682" s="1" t="s">
        <v>765</v>
      </c>
      <c r="C682" s="1" t="s">
        <v>2732</v>
      </c>
      <c r="D682" s="1" t="s">
        <v>2733</v>
      </c>
      <c r="E682" s="1"/>
      <c r="F682" s="1" t="s">
        <v>10</v>
      </c>
      <c r="G682" s="1" t="s">
        <v>10</v>
      </c>
      <c r="H682" s="1" t="s">
        <v>10</v>
      </c>
      <c r="I682" s="1" t="s">
        <v>2312</v>
      </c>
      <c r="J682" s="1" t="s">
        <v>2316</v>
      </c>
      <c r="K682" s="1" t="s">
        <v>64</v>
      </c>
      <c r="L682" s="1" t="s">
        <v>2731</v>
      </c>
      <c r="M682" s="1" t="s">
        <v>5</v>
      </c>
      <c r="N682" s="1" t="s">
        <v>960</v>
      </c>
      <c r="O682" s="1" t="s">
        <v>38</v>
      </c>
      <c r="P682" s="5" t="s">
        <v>31081</v>
      </c>
    </row>
    <row r="683" spans="1:16" x14ac:dyDescent="0.2">
      <c r="A683" s="1" t="s">
        <v>20</v>
      </c>
      <c r="B683" s="1" t="s">
        <v>253</v>
      </c>
      <c r="C683" s="1" t="s">
        <v>2375</v>
      </c>
      <c r="D683" s="1" t="s">
        <v>2735</v>
      </c>
      <c r="E683" s="1"/>
      <c r="F683" s="1" t="s">
        <v>10</v>
      </c>
      <c r="G683" s="1" t="s">
        <v>10</v>
      </c>
      <c r="H683" s="1" t="s">
        <v>10</v>
      </c>
      <c r="I683" s="1" t="s">
        <v>2312</v>
      </c>
      <c r="J683" s="1" t="s">
        <v>2375</v>
      </c>
      <c r="K683" s="1" t="s">
        <v>27</v>
      </c>
      <c r="L683" s="1" t="s">
        <v>2734</v>
      </c>
      <c r="M683" s="1" t="s">
        <v>5</v>
      </c>
      <c r="N683" s="1" t="s">
        <v>960</v>
      </c>
      <c r="O683" s="1" t="s">
        <v>38</v>
      </c>
      <c r="P683" s="5" t="s">
        <v>31099</v>
      </c>
    </row>
    <row r="684" spans="1:16" x14ac:dyDescent="0.2">
      <c r="A684" s="1" t="s">
        <v>329</v>
      </c>
      <c r="B684" s="1" t="s">
        <v>1168</v>
      </c>
      <c r="C684" s="1" t="s">
        <v>2738</v>
      </c>
      <c r="D684" s="1" t="s">
        <v>2739</v>
      </c>
      <c r="E684" s="1"/>
      <c r="F684" s="1" t="s">
        <v>10</v>
      </c>
      <c r="G684" s="1" t="s">
        <v>10</v>
      </c>
      <c r="H684" s="1" t="s">
        <v>10</v>
      </c>
      <c r="I684" s="1" t="s">
        <v>2312</v>
      </c>
      <c r="J684" s="1" t="s">
        <v>2316</v>
      </c>
      <c r="K684" s="1" t="s">
        <v>27</v>
      </c>
      <c r="L684" s="1" t="s">
        <v>2737</v>
      </c>
      <c r="M684" s="1" t="s">
        <v>5</v>
      </c>
      <c r="N684" s="1" t="s">
        <v>960</v>
      </c>
      <c r="O684" s="1" t="s">
        <v>38</v>
      </c>
      <c r="P684" s="5" t="s">
        <v>31099</v>
      </c>
    </row>
    <row r="685" spans="1:16" x14ac:dyDescent="0.2">
      <c r="A685" s="1" t="s">
        <v>66</v>
      </c>
      <c r="B685" s="1" t="s">
        <v>276</v>
      </c>
      <c r="C685" s="1" t="s">
        <v>2741</v>
      </c>
      <c r="D685" s="1" t="s">
        <v>2742</v>
      </c>
      <c r="E685" s="1" t="s">
        <v>2743</v>
      </c>
      <c r="F685" s="1" t="s">
        <v>10</v>
      </c>
      <c r="G685" s="1" t="s">
        <v>10</v>
      </c>
      <c r="H685" s="1" t="s">
        <v>10</v>
      </c>
      <c r="I685" s="1" t="s">
        <v>2312</v>
      </c>
      <c r="J685" s="1" t="s">
        <v>2316</v>
      </c>
      <c r="K685" s="1" t="s">
        <v>27</v>
      </c>
      <c r="L685" s="1" t="s">
        <v>2740</v>
      </c>
      <c r="M685" s="1" t="s">
        <v>5</v>
      </c>
      <c r="N685" s="1" t="s">
        <v>25</v>
      </c>
      <c r="O685" s="1" t="s">
        <v>38</v>
      </c>
      <c r="P685" s="5" t="s">
        <v>31112</v>
      </c>
    </row>
    <row r="686" spans="1:16" x14ac:dyDescent="0.2">
      <c r="A686" s="1" t="s">
        <v>20</v>
      </c>
      <c r="B686" s="1" t="s">
        <v>99</v>
      </c>
      <c r="C686" s="1" t="s">
        <v>2746</v>
      </c>
      <c r="D686" s="1" t="s">
        <v>2747</v>
      </c>
      <c r="E686" s="1"/>
      <c r="F686" s="1" t="s">
        <v>10</v>
      </c>
      <c r="G686" s="1" t="s">
        <v>10</v>
      </c>
      <c r="H686" s="1" t="s">
        <v>10</v>
      </c>
      <c r="I686" s="1" t="s">
        <v>2312</v>
      </c>
      <c r="J686" s="1" t="s">
        <v>2316</v>
      </c>
      <c r="K686" s="1" t="s">
        <v>1468</v>
      </c>
      <c r="L686" s="1" t="s">
        <v>2745</v>
      </c>
      <c r="M686" s="1" t="s">
        <v>5</v>
      </c>
      <c r="N686" s="1" t="s">
        <v>960</v>
      </c>
      <c r="O686" s="1" t="s">
        <v>38</v>
      </c>
      <c r="P686" s="5" t="s">
        <v>31099</v>
      </c>
    </row>
    <row r="687" spans="1:16" x14ac:dyDescent="0.2">
      <c r="A687" s="1" t="s">
        <v>66</v>
      </c>
      <c r="B687" s="1" t="s">
        <v>574</v>
      </c>
      <c r="C687" s="1" t="s">
        <v>2749</v>
      </c>
      <c r="D687" s="1" t="s">
        <v>2750</v>
      </c>
      <c r="E687" s="1"/>
      <c r="F687" s="1" t="s">
        <v>10</v>
      </c>
      <c r="G687" s="1" t="s">
        <v>10</v>
      </c>
      <c r="H687" s="1" t="s">
        <v>10</v>
      </c>
      <c r="I687" s="1" t="s">
        <v>2312</v>
      </c>
      <c r="J687" s="1" t="s">
        <v>2363</v>
      </c>
      <c r="K687" s="1" t="s">
        <v>27</v>
      </c>
      <c r="L687" s="1" t="s">
        <v>2748</v>
      </c>
      <c r="M687" s="1" t="s">
        <v>5</v>
      </c>
      <c r="N687" s="1" t="s">
        <v>960</v>
      </c>
      <c r="O687" s="1" t="s">
        <v>38</v>
      </c>
      <c r="P687" s="5" t="s">
        <v>31099</v>
      </c>
    </row>
    <row r="688" spans="1:16" x14ac:dyDescent="0.2">
      <c r="A688" s="1" t="s">
        <v>329</v>
      </c>
      <c r="B688" s="1" t="s">
        <v>1168</v>
      </c>
      <c r="C688" s="1" t="s">
        <v>2752</v>
      </c>
      <c r="D688" s="1" t="s">
        <v>2753</v>
      </c>
      <c r="E688" s="1"/>
      <c r="F688" s="1" t="s">
        <v>10</v>
      </c>
      <c r="G688" s="1" t="s">
        <v>10</v>
      </c>
      <c r="H688" s="1" t="s">
        <v>10</v>
      </c>
      <c r="I688" s="1" t="s">
        <v>2312</v>
      </c>
      <c r="J688" s="1" t="s">
        <v>2438</v>
      </c>
      <c r="K688" s="1" t="s">
        <v>27</v>
      </c>
      <c r="L688" s="1" t="s">
        <v>2751</v>
      </c>
      <c r="M688" s="1" t="s">
        <v>5</v>
      </c>
      <c r="N688" s="1" t="s">
        <v>960</v>
      </c>
      <c r="O688" s="1" t="s">
        <v>38</v>
      </c>
      <c r="P688" s="5" t="s">
        <v>31099</v>
      </c>
    </row>
    <row r="689" spans="1:16" x14ac:dyDescent="0.2">
      <c r="A689" s="1" t="s">
        <v>329</v>
      </c>
      <c r="B689" s="1" t="s">
        <v>1168</v>
      </c>
      <c r="C689" s="1" t="s">
        <v>2755</v>
      </c>
      <c r="D689" s="1" t="s">
        <v>74</v>
      </c>
      <c r="E689" s="1"/>
      <c r="F689" s="1" t="s">
        <v>10</v>
      </c>
      <c r="G689" s="1" t="s">
        <v>10</v>
      </c>
      <c r="H689" s="1" t="s">
        <v>10</v>
      </c>
      <c r="I689" s="1" t="s">
        <v>2312</v>
      </c>
      <c r="J689" s="1" t="s">
        <v>2316</v>
      </c>
      <c r="K689" s="1" t="s">
        <v>64</v>
      </c>
      <c r="L689" s="1" t="s">
        <v>2754</v>
      </c>
      <c r="M689" s="1" t="s">
        <v>5</v>
      </c>
      <c r="N689" s="1" t="s">
        <v>960</v>
      </c>
      <c r="O689" s="1" t="s">
        <v>38</v>
      </c>
      <c r="P689" s="5" t="s">
        <v>31082</v>
      </c>
    </row>
    <row r="690" spans="1:16" x14ac:dyDescent="0.2">
      <c r="A690" s="1" t="s">
        <v>20</v>
      </c>
      <c r="B690" s="1" t="s">
        <v>309</v>
      </c>
      <c r="C690" s="1" t="s">
        <v>2757</v>
      </c>
      <c r="D690" s="1" t="s">
        <v>2758</v>
      </c>
      <c r="E690" s="1"/>
      <c r="F690" s="1" t="s">
        <v>10</v>
      </c>
      <c r="G690" s="1" t="s">
        <v>10</v>
      </c>
      <c r="H690" s="1" t="s">
        <v>10</v>
      </c>
      <c r="I690" s="1" t="s">
        <v>2312</v>
      </c>
      <c r="J690" s="1" t="s">
        <v>2363</v>
      </c>
      <c r="K690" s="1" t="s">
        <v>27</v>
      </c>
      <c r="L690" s="1" t="s">
        <v>2756</v>
      </c>
      <c r="M690" s="1" t="s">
        <v>5</v>
      </c>
      <c r="N690" s="1" t="s">
        <v>1009</v>
      </c>
      <c r="O690" s="1" t="s">
        <v>38</v>
      </c>
      <c r="P690" s="5" t="s">
        <v>31113</v>
      </c>
    </row>
    <row r="691" spans="1:16" x14ac:dyDescent="0.2">
      <c r="A691" s="1" t="s">
        <v>487</v>
      </c>
      <c r="B691" s="1" t="s">
        <v>765</v>
      </c>
      <c r="C691" s="1" t="s">
        <v>2761</v>
      </c>
      <c r="D691" s="1" t="s">
        <v>2762</v>
      </c>
      <c r="E691" s="1"/>
      <c r="F691" s="1" t="s">
        <v>10</v>
      </c>
      <c r="G691" s="1" t="s">
        <v>10</v>
      </c>
      <c r="H691" s="1" t="s">
        <v>10</v>
      </c>
      <c r="I691" s="1" t="s">
        <v>2312</v>
      </c>
      <c r="J691" s="1" t="s">
        <v>2316</v>
      </c>
      <c r="K691" s="1" t="s">
        <v>64</v>
      </c>
      <c r="L691" s="1" t="s">
        <v>2760</v>
      </c>
      <c r="M691" s="1" t="s">
        <v>5</v>
      </c>
      <c r="N691" s="1" t="s">
        <v>960</v>
      </c>
      <c r="O691" s="1" t="s">
        <v>38</v>
      </c>
      <c r="P691" s="5" t="s">
        <v>31099</v>
      </c>
    </row>
    <row r="692" spans="1:16" x14ac:dyDescent="0.2">
      <c r="A692" s="1" t="s">
        <v>487</v>
      </c>
      <c r="B692" s="1" t="s">
        <v>765</v>
      </c>
      <c r="C692" s="1" t="s">
        <v>2764</v>
      </c>
      <c r="D692" s="1" t="s">
        <v>2765</v>
      </c>
      <c r="E692" s="1"/>
      <c r="F692" s="1" t="s">
        <v>10</v>
      </c>
      <c r="G692" s="1" t="s">
        <v>10</v>
      </c>
      <c r="H692" s="1" t="s">
        <v>10</v>
      </c>
      <c r="I692" s="1" t="s">
        <v>2312</v>
      </c>
      <c r="J692" s="1" t="s">
        <v>2316</v>
      </c>
      <c r="K692" s="1" t="s">
        <v>64</v>
      </c>
      <c r="L692" s="1" t="s">
        <v>2763</v>
      </c>
      <c r="M692" s="1" t="s">
        <v>5</v>
      </c>
      <c r="N692" s="1" t="s">
        <v>960</v>
      </c>
      <c r="O692" s="1" t="s">
        <v>38</v>
      </c>
      <c r="P692" s="5" t="s">
        <v>31099</v>
      </c>
    </row>
    <row r="693" spans="1:16" x14ac:dyDescent="0.2">
      <c r="A693" s="1" t="s">
        <v>423</v>
      </c>
      <c r="B693" s="1" t="s">
        <v>2587</v>
      </c>
      <c r="C693" s="1" t="s">
        <v>2767</v>
      </c>
      <c r="D693" s="1" t="s">
        <v>2768</v>
      </c>
      <c r="E693" s="1"/>
      <c r="F693" s="1" t="s">
        <v>10</v>
      </c>
      <c r="G693" s="1" t="s">
        <v>10</v>
      </c>
      <c r="H693" s="1" t="s">
        <v>10</v>
      </c>
      <c r="I693" s="1" t="s">
        <v>2312</v>
      </c>
      <c r="J693" s="1" t="s">
        <v>2586</v>
      </c>
      <c r="K693" s="1" t="s">
        <v>27</v>
      </c>
      <c r="L693" s="1" t="s">
        <v>2766</v>
      </c>
      <c r="M693" s="1" t="s">
        <v>5</v>
      </c>
      <c r="N693" s="1" t="s">
        <v>960</v>
      </c>
      <c r="O693" s="1" t="s">
        <v>38</v>
      </c>
      <c r="P693" s="5" t="s">
        <v>31114</v>
      </c>
    </row>
    <row r="694" spans="1:16" x14ac:dyDescent="0.2">
      <c r="A694" s="1" t="s">
        <v>487</v>
      </c>
      <c r="B694" s="1" t="s">
        <v>765</v>
      </c>
      <c r="C694" s="1" t="s">
        <v>2770</v>
      </c>
      <c r="D694" s="1" t="s">
        <v>2771</v>
      </c>
      <c r="E694" s="1"/>
      <c r="F694" s="1" t="s">
        <v>10</v>
      </c>
      <c r="G694" s="1" t="s">
        <v>10</v>
      </c>
      <c r="H694" s="1" t="s">
        <v>10</v>
      </c>
      <c r="I694" s="1" t="s">
        <v>2312</v>
      </c>
      <c r="J694" s="1" t="s">
        <v>2363</v>
      </c>
      <c r="K694" s="1" t="s">
        <v>64</v>
      </c>
      <c r="L694" s="1" t="s">
        <v>2769</v>
      </c>
      <c r="M694" s="1" t="s">
        <v>5</v>
      </c>
      <c r="N694" s="1" t="s">
        <v>960</v>
      </c>
      <c r="O694" s="1" t="s">
        <v>38</v>
      </c>
      <c r="P694" s="5" t="s">
        <v>31081</v>
      </c>
    </row>
    <row r="695" spans="1:16" x14ac:dyDescent="0.2">
      <c r="A695" s="1" t="s">
        <v>20</v>
      </c>
      <c r="B695" s="1" t="s">
        <v>309</v>
      </c>
      <c r="C695" s="1" t="s">
        <v>2773</v>
      </c>
      <c r="D695" s="1" t="s">
        <v>2774</v>
      </c>
      <c r="E695" s="1"/>
      <c r="F695" s="1" t="s">
        <v>10</v>
      </c>
      <c r="G695" s="1" t="s">
        <v>10</v>
      </c>
      <c r="H695" s="1" t="s">
        <v>10</v>
      </c>
      <c r="I695" s="1" t="s">
        <v>2312</v>
      </c>
      <c r="J695" s="1" t="s">
        <v>2316</v>
      </c>
      <c r="K695" s="1" t="s">
        <v>27</v>
      </c>
      <c r="L695" s="1" t="s">
        <v>2772</v>
      </c>
      <c r="M695" s="1" t="s">
        <v>5</v>
      </c>
      <c r="N695" s="1" t="s">
        <v>25</v>
      </c>
      <c r="O695" s="1" t="s">
        <v>38</v>
      </c>
      <c r="P695" s="5" t="s">
        <v>29925</v>
      </c>
    </row>
    <row r="696" spans="1:16" x14ac:dyDescent="0.2">
      <c r="A696" s="1" t="s">
        <v>66</v>
      </c>
      <c r="B696" s="1" t="s">
        <v>574</v>
      </c>
      <c r="C696" s="1" t="s">
        <v>2776</v>
      </c>
      <c r="D696" s="1" t="s">
        <v>2777</v>
      </c>
      <c r="E696" s="1"/>
      <c r="F696" s="1" t="s">
        <v>10</v>
      </c>
      <c r="G696" s="1" t="s">
        <v>10</v>
      </c>
      <c r="H696" s="1" t="s">
        <v>10</v>
      </c>
      <c r="I696" s="1" t="s">
        <v>2312</v>
      </c>
      <c r="J696" s="1" t="s">
        <v>2316</v>
      </c>
      <c r="K696" s="1" t="s">
        <v>27</v>
      </c>
      <c r="L696" s="1" t="s">
        <v>2775</v>
      </c>
      <c r="M696" s="1" t="s">
        <v>5</v>
      </c>
      <c r="N696" s="1" t="s">
        <v>1009</v>
      </c>
      <c r="O696" s="1" t="s">
        <v>38</v>
      </c>
      <c r="P696" s="5" t="s">
        <v>31105</v>
      </c>
    </row>
    <row r="697" spans="1:16" x14ac:dyDescent="0.2">
      <c r="A697" s="1" t="s">
        <v>66</v>
      </c>
      <c r="B697" s="1" t="s">
        <v>212</v>
      </c>
      <c r="C697" s="1" t="s">
        <v>2779</v>
      </c>
      <c r="D697" s="1" t="s">
        <v>2780</v>
      </c>
      <c r="E697" s="1"/>
      <c r="F697" s="1" t="s">
        <v>10</v>
      </c>
      <c r="G697" s="1" t="s">
        <v>10</v>
      </c>
      <c r="H697" s="1" t="s">
        <v>10</v>
      </c>
      <c r="I697" s="1" t="s">
        <v>2312</v>
      </c>
      <c r="J697" s="1" t="s">
        <v>2316</v>
      </c>
      <c r="K697" s="1" t="s">
        <v>27</v>
      </c>
      <c r="L697" s="1" t="s">
        <v>2778</v>
      </c>
      <c r="M697" s="1" t="s">
        <v>5</v>
      </c>
      <c r="N697" s="1" t="s">
        <v>960</v>
      </c>
      <c r="O697" s="1" t="s">
        <v>38</v>
      </c>
      <c r="P697" s="5" t="s">
        <v>31081</v>
      </c>
    </row>
    <row r="698" spans="1:16" x14ac:dyDescent="0.2">
      <c r="A698" s="1" t="s">
        <v>66</v>
      </c>
      <c r="B698" s="1" t="s">
        <v>212</v>
      </c>
      <c r="C698" s="1" t="s">
        <v>2782</v>
      </c>
      <c r="D698" s="1" t="s">
        <v>2783</v>
      </c>
      <c r="E698" s="1"/>
      <c r="F698" s="1" t="s">
        <v>10</v>
      </c>
      <c r="G698" s="1" t="s">
        <v>10</v>
      </c>
      <c r="H698" s="1" t="s">
        <v>10</v>
      </c>
      <c r="I698" s="1" t="s">
        <v>2312</v>
      </c>
      <c r="J698" s="1" t="s">
        <v>2316</v>
      </c>
      <c r="K698" s="1" t="s">
        <v>27</v>
      </c>
      <c r="L698" s="1" t="s">
        <v>2781</v>
      </c>
      <c r="M698" s="1" t="s">
        <v>5</v>
      </c>
      <c r="N698" s="1" t="s">
        <v>960</v>
      </c>
      <c r="O698" s="1" t="s">
        <v>38</v>
      </c>
      <c r="P698" s="5" t="s">
        <v>31099</v>
      </c>
    </row>
    <row r="699" spans="1:16" x14ac:dyDescent="0.2">
      <c r="A699" s="1" t="s">
        <v>487</v>
      </c>
      <c r="B699" s="1" t="s">
        <v>765</v>
      </c>
      <c r="C699" s="1" t="s">
        <v>2785</v>
      </c>
      <c r="D699" s="1" t="s">
        <v>2786</v>
      </c>
      <c r="E699" s="1"/>
      <c r="F699" s="1" t="s">
        <v>10</v>
      </c>
      <c r="G699" s="1" t="s">
        <v>10</v>
      </c>
      <c r="H699" s="1" t="s">
        <v>10</v>
      </c>
      <c r="I699" s="1" t="s">
        <v>2312</v>
      </c>
      <c r="J699" s="1" t="s">
        <v>2316</v>
      </c>
      <c r="K699" s="1" t="s">
        <v>64</v>
      </c>
      <c r="L699" s="1" t="s">
        <v>2784</v>
      </c>
      <c r="M699" s="1" t="s">
        <v>5</v>
      </c>
      <c r="N699" s="1" t="s">
        <v>960</v>
      </c>
      <c r="O699" s="1" t="s">
        <v>38</v>
      </c>
      <c r="P699" s="5" t="s">
        <v>31081</v>
      </c>
    </row>
    <row r="700" spans="1:16" x14ac:dyDescent="0.2">
      <c r="A700" s="1" t="s">
        <v>1385</v>
      </c>
      <c r="B700" s="1" t="s">
        <v>1687</v>
      </c>
      <c r="C700" s="1" t="s">
        <v>2788</v>
      </c>
      <c r="D700" s="1" t="s">
        <v>2789</v>
      </c>
      <c r="E700" s="1"/>
      <c r="F700" s="1" t="s">
        <v>10</v>
      </c>
      <c r="G700" s="1" t="s">
        <v>10</v>
      </c>
      <c r="H700" s="1" t="s">
        <v>10</v>
      </c>
      <c r="I700" s="1" t="s">
        <v>2312</v>
      </c>
      <c r="J700" s="1" t="s">
        <v>2316</v>
      </c>
      <c r="K700" s="1" t="s">
        <v>27</v>
      </c>
      <c r="L700" s="1" t="s">
        <v>2787</v>
      </c>
      <c r="M700" s="1" t="s">
        <v>5</v>
      </c>
      <c r="N700" s="1" t="s">
        <v>960</v>
      </c>
      <c r="O700" s="1" t="s">
        <v>38</v>
      </c>
      <c r="P700" s="5" t="s">
        <v>31099</v>
      </c>
    </row>
    <row r="701" spans="1:16" x14ac:dyDescent="0.2">
      <c r="A701" s="1" t="s">
        <v>42</v>
      </c>
      <c r="B701" s="1" t="s">
        <v>966</v>
      </c>
      <c r="C701" s="1" t="s">
        <v>2791</v>
      </c>
      <c r="D701" s="1" t="s">
        <v>2792</v>
      </c>
      <c r="E701" s="1"/>
      <c r="F701" s="1" t="s">
        <v>27</v>
      </c>
      <c r="G701" s="1" t="s">
        <v>10</v>
      </c>
      <c r="H701" s="1" t="s">
        <v>2793</v>
      </c>
      <c r="I701" s="1" t="s">
        <v>2312</v>
      </c>
      <c r="J701" s="1" t="s">
        <v>19</v>
      </c>
      <c r="K701" s="1" t="s">
        <v>113</v>
      </c>
      <c r="L701" s="1" t="s">
        <v>2790</v>
      </c>
      <c r="M701" s="1" t="s">
        <v>5</v>
      </c>
      <c r="N701" s="1" t="s">
        <v>1009</v>
      </c>
      <c r="O701" s="1" t="s">
        <v>8</v>
      </c>
      <c r="P701" s="5" t="s">
        <v>31255</v>
      </c>
    </row>
    <row r="702" spans="1:16" x14ac:dyDescent="0.2">
      <c r="A702" s="1" t="s">
        <v>66</v>
      </c>
      <c r="B702" s="1" t="s">
        <v>1812</v>
      </c>
      <c r="C702" s="1" t="s">
        <v>2795</v>
      </c>
      <c r="D702" s="1" t="s">
        <v>2796</v>
      </c>
      <c r="E702" s="1"/>
      <c r="F702" s="1" t="s">
        <v>10</v>
      </c>
      <c r="G702" s="1" t="s">
        <v>10</v>
      </c>
      <c r="H702" s="1" t="s">
        <v>10</v>
      </c>
      <c r="I702" s="1" t="s">
        <v>2312</v>
      </c>
      <c r="J702" s="1" t="s">
        <v>2316</v>
      </c>
      <c r="K702" s="1" t="s">
        <v>27</v>
      </c>
      <c r="L702" s="1" t="s">
        <v>2794</v>
      </c>
      <c r="M702" s="1" t="s">
        <v>5</v>
      </c>
      <c r="N702" s="1" t="s">
        <v>960</v>
      </c>
      <c r="O702" s="1" t="s">
        <v>38</v>
      </c>
      <c r="P702" s="5" t="s">
        <v>31110</v>
      </c>
    </row>
    <row r="703" spans="1:16" x14ac:dyDescent="0.2">
      <c r="A703" s="1" t="s">
        <v>20</v>
      </c>
      <c r="B703" s="1" t="s">
        <v>99</v>
      </c>
      <c r="C703" s="1" t="s">
        <v>2798</v>
      </c>
      <c r="D703" s="1" t="s">
        <v>2798</v>
      </c>
      <c r="E703" s="1"/>
      <c r="F703" s="1" t="s">
        <v>27</v>
      </c>
      <c r="G703" s="1" t="s">
        <v>10</v>
      </c>
      <c r="H703" s="1" t="s">
        <v>2799</v>
      </c>
      <c r="I703" s="1" t="s">
        <v>2312</v>
      </c>
      <c r="J703" s="1" t="s">
        <v>19</v>
      </c>
      <c r="K703" s="1" t="s">
        <v>7</v>
      </c>
      <c r="L703" s="1" t="s">
        <v>2797</v>
      </c>
      <c r="M703" s="1" t="s">
        <v>5</v>
      </c>
      <c r="N703" s="1" t="s">
        <v>1009</v>
      </c>
      <c r="O703" s="1" t="s">
        <v>8</v>
      </c>
      <c r="P703" s="5" t="s">
        <v>29846</v>
      </c>
    </row>
    <row r="704" spans="1:16" x14ac:dyDescent="0.2">
      <c r="A704" s="1" t="s">
        <v>423</v>
      </c>
      <c r="B704" s="1" t="s">
        <v>2587</v>
      </c>
      <c r="C704" s="1" t="s">
        <v>2801</v>
      </c>
      <c r="D704" s="1" t="s">
        <v>2802</v>
      </c>
      <c r="E704" s="1"/>
      <c r="F704" s="1" t="s">
        <v>10</v>
      </c>
      <c r="G704" s="1" t="s">
        <v>10</v>
      </c>
      <c r="H704" s="1" t="s">
        <v>10</v>
      </c>
      <c r="I704" s="1" t="s">
        <v>2312</v>
      </c>
      <c r="J704" s="1" t="s">
        <v>2586</v>
      </c>
      <c r="K704" s="1" t="s">
        <v>27</v>
      </c>
      <c r="L704" s="1" t="s">
        <v>2800</v>
      </c>
      <c r="M704" s="1" t="s">
        <v>5</v>
      </c>
      <c r="N704" s="1" t="s">
        <v>960</v>
      </c>
      <c r="O704" s="1" t="s">
        <v>38</v>
      </c>
      <c r="P704" s="5" t="s">
        <v>1184</v>
      </c>
    </row>
    <row r="705" spans="1:16" x14ac:dyDescent="0.2">
      <c r="A705" s="1" t="s">
        <v>423</v>
      </c>
      <c r="B705" s="1" t="s">
        <v>2587</v>
      </c>
      <c r="C705" s="1" t="s">
        <v>2804</v>
      </c>
      <c r="D705" s="1" t="s">
        <v>2805</v>
      </c>
      <c r="E705" s="1"/>
      <c r="F705" s="1" t="s">
        <v>10</v>
      </c>
      <c r="G705" s="1" t="s">
        <v>10</v>
      </c>
      <c r="H705" s="1" t="s">
        <v>10</v>
      </c>
      <c r="I705" s="1" t="s">
        <v>2312</v>
      </c>
      <c r="J705" s="1" t="s">
        <v>2586</v>
      </c>
      <c r="K705" s="1" t="s">
        <v>27</v>
      </c>
      <c r="L705" s="1" t="s">
        <v>2803</v>
      </c>
      <c r="M705" s="1" t="s">
        <v>5</v>
      </c>
      <c r="N705" s="1" t="s">
        <v>960</v>
      </c>
      <c r="O705" s="1" t="s">
        <v>38</v>
      </c>
      <c r="P705" s="5" t="s">
        <v>1184</v>
      </c>
    </row>
    <row r="706" spans="1:16" x14ac:dyDescent="0.2">
      <c r="A706" s="1" t="s">
        <v>423</v>
      </c>
      <c r="B706" s="1" t="s">
        <v>2587</v>
      </c>
      <c r="C706" s="1" t="s">
        <v>2807</v>
      </c>
      <c r="D706" s="1" t="s">
        <v>2808</v>
      </c>
      <c r="E706" s="1"/>
      <c r="F706" s="1" t="s">
        <v>10</v>
      </c>
      <c r="G706" s="1" t="s">
        <v>10</v>
      </c>
      <c r="H706" s="1" t="s">
        <v>10</v>
      </c>
      <c r="I706" s="1" t="s">
        <v>2312</v>
      </c>
      <c r="J706" s="1" t="s">
        <v>2586</v>
      </c>
      <c r="K706" s="1" t="s">
        <v>27</v>
      </c>
      <c r="L706" s="1" t="s">
        <v>2806</v>
      </c>
      <c r="M706" s="1" t="s">
        <v>5</v>
      </c>
      <c r="N706" s="1" t="s">
        <v>960</v>
      </c>
      <c r="O706" s="1" t="s">
        <v>38</v>
      </c>
      <c r="P706" s="5" t="s">
        <v>1184</v>
      </c>
    </row>
    <row r="707" spans="1:16" x14ac:dyDescent="0.2">
      <c r="A707" s="1" t="s">
        <v>423</v>
      </c>
      <c r="B707" s="1" t="s">
        <v>2587</v>
      </c>
      <c r="C707" s="1" t="s">
        <v>2810</v>
      </c>
      <c r="D707" s="1" t="s">
        <v>2811</v>
      </c>
      <c r="E707" s="1"/>
      <c r="F707" s="1" t="s">
        <v>10</v>
      </c>
      <c r="G707" s="1" t="s">
        <v>10</v>
      </c>
      <c r="H707" s="1" t="s">
        <v>10</v>
      </c>
      <c r="I707" s="1" t="s">
        <v>2312</v>
      </c>
      <c r="J707" s="1" t="s">
        <v>2586</v>
      </c>
      <c r="K707" s="1" t="s">
        <v>27</v>
      </c>
      <c r="L707" s="1" t="s">
        <v>2809</v>
      </c>
      <c r="M707" s="1" t="s">
        <v>5</v>
      </c>
      <c r="N707" s="1" t="s">
        <v>960</v>
      </c>
      <c r="O707" s="1" t="s">
        <v>38</v>
      </c>
      <c r="P707" s="5" t="s">
        <v>31108</v>
      </c>
    </row>
    <row r="708" spans="1:16" x14ac:dyDescent="0.2">
      <c r="A708" s="1" t="s">
        <v>423</v>
      </c>
      <c r="B708" s="1" t="s">
        <v>2587</v>
      </c>
      <c r="C708" s="1" t="s">
        <v>2813</v>
      </c>
      <c r="D708" s="1" t="s">
        <v>2814</v>
      </c>
      <c r="E708" s="1" t="s">
        <v>2815</v>
      </c>
      <c r="F708" s="1" t="s">
        <v>10</v>
      </c>
      <c r="G708" s="1" t="s">
        <v>10</v>
      </c>
      <c r="H708" s="1" t="s">
        <v>10</v>
      </c>
      <c r="I708" s="1" t="s">
        <v>2312</v>
      </c>
      <c r="J708" s="1" t="s">
        <v>2586</v>
      </c>
      <c r="K708" s="1" t="s">
        <v>27</v>
      </c>
      <c r="L708" s="1" t="s">
        <v>2812</v>
      </c>
      <c r="M708" s="1" t="s">
        <v>5</v>
      </c>
      <c r="N708" s="1" t="s">
        <v>1009</v>
      </c>
      <c r="O708" s="1" t="s">
        <v>38</v>
      </c>
      <c r="P708" s="5" t="s">
        <v>32708</v>
      </c>
    </row>
    <row r="709" spans="1:16" x14ac:dyDescent="0.2">
      <c r="A709" s="1" t="s">
        <v>20</v>
      </c>
      <c r="B709" s="1" t="s">
        <v>1047</v>
      </c>
      <c r="C709" s="1" t="s">
        <v>2817</v>
      </c>
      <c r="D709" s="1" t="s">
        <v>2818</v>
      </c>
      <c r="E709" s="1"/>
      <c r="F709" s="1" t="s">
        <v>27</v>
      </c>
      <c r="G709" s="1" t="s">
        <v>10</v>
      </c>
      <c r="H709" s="1" t="s">
        <v>2819</v>
      </c>
      <c r="I709" s="1" t="s">
        <v>2312</v>
      </c>
      <c r="J709" s="1" t="s">
        <v>19</v>
      </c>
      <c r="K709" s="1" t="s">
        <v>7</v>
      </c>
      <c r="L709" s="1" t="s">
        <v>2816</v>
      </c>
      <c r="M709" s="1" t="s">
        <v>5</v>
      </c>
      <c r="N709" s="1" t="s">
        <v>25</v>
      </c>
      <c r="O709" s="1" t="s">
        <v>8</v>
      </c>
      <c r="P709" s="5" t="s">
        <v>32709</v>
      </c>
    </row>
    <row r="710" spans="1:16" x14ac:dyDescent="0.2">
      <c r="A710" s="1" t="s">
        <v>66</v>
      </c>
      <c r="B710" s="1" t="s">
        <v>574</v>
      </c>
      <c r="C710" s="1" t="s">
        <v>2821</v>
      </c>
      <c r="D710" s="1" t="s">
        <v>2822</v>
      </c>
      <c r="E710" s="1"/>
      <c r="F710" s="1" t="s">
        <v>10</v>
      </c>
      <c r="G710" s="1" t="s">
        <v>10</v>
      </c>
      <c r="H710" s="1" t="s">
        <v>10</v>
      </c>
      <c r="I710" s="1" t="s">
        <v>2312</v>
      </c>
      <c r="J710" s="1" t="s">
        <v>2348</v>
      </c>
      <c r="K710" s="1" t="s">
        <v>443</v>
      </c>
      <c r="L710" s="1" t="s">
        <v>2820</v>
      </c>
      <c r="M710" s="1" t="s">
        <v>5</v>
      </c>
      <c r="N710" s="1" t="s">
        <v>960</v>
      </c>
      <c r="O710" s="1" t="s">
        <v>38</v>
      </c>
      <c r="P710" s="5" t="s">
        <v>31099</v>
      </c>
    </row>
    <row r="711" spans="1:16" x14ac:dyDescent="0.2">
      <c r="A711" s="1" t="s">
        <v>66</v>
      </c>
      <c r="B711" s="1" t="s">
        <v>574</v>
      </c>
      <c r="C711" s="1" t="s">
        <v>2824</v>
      </c>
      <c r="D711" s="1" t="s">
        <v>2825</v>
      </c>
      <c r="E711" s="1"/>
      <c r="F711" s="1" t="s">
        <v>10</v>
      </c>
      <c r="G711" s="1" t="s">
        <v>10</v>
      </c>
      <c r="H711" s="1" t="s">
        <v>10</v>
      </c>
      <c r="I711" s="1" t="s">
        <v>2312</v>
      </c>
      <c r="J711" s="1" t="s">
        <v>2348</v>
      </c>
      <c r="K711" s="1" t="s">
        <v>443</v>
      </c>
      <c r="L711" s="1" t="s">
        <v>2823</v>
      </c>
      <c r="M711" s="1" t="s">
        <v>5</v>
      </c>
      <c r="N711" s="1" t="s">
        <v>960</v>
      </c>
      <c r="O711" s="1" t="s">
        <v>38</v>
      </c>
      <c r="P711" s="5" t="s">
        <v>31099</v>
      </c>
    </row>
    <row r="712" spans="1:16" x14ac:dyDescent="0.2">
      <c r="A712" s="1" t="s">
        <v>329</v>
      </c>
      <c r="B712" s="1" t="s">
        <v>1168</v>
      </c>
      <c r="C712" s="1" t="s">
        <v>2827</v>
      </c>
      <c r="D712" s="1" t="s">
        <v>2828</v>
      </c>
      <c r="E712" s="1"/>
      <c r="F712" s="1" t="s">
        <v>10</v>
      </c>
      <c r="G712" s="1" t="s">
        <v>10</v>
      </c>
      <c r="H712" s="1" t="s">
        <v>10</v>
      </c>
      <c r="I712" s="1" t="s">
        <v>2312</v>
      </c>
      <c r="J712" s="1" t="s">
        <v>2316</v>
      </c>
      <c r="K712" s="1" t="s">
        <v>27</v>
      </c>
      <c r="L712" s="1" t="s">
        <v>2826</v>
      </c>
      <c r="M712" s="1" t="s">
        <v>5</v>
      </c>
      <c r="N712" s="1" t="s">
        <v>960</v>
      </c>
      <c r="O712" s="1" t="s">
        <v>38</v>
      </c>
      <c r="P712" s="5" t="s">
        <v>31099</v>
      </c>
    </row>
    <row r="713" spans="1:16" x14ac:dyDescent="0.2">
      <c r="A713" s="1" t="s">
        <v>329</v>
      </c>
      <c r="B713" s="1" t="s">
        <v>1168</v>
      </c>
      <c r="C713" s="1" t="s">
        <v>2830</v>
      </c>
      <c r="D713" s="1" t="s">
        <v>2831</v>
      </c>
      <c r="E713" s="1"/>
      <c r="F713" s="1" t="s">
        <v>10</v>
      </c>
      <c r="G713" s="1" t="s">
        <v>10</v>
      </c>
      <c r="H713" s="1" t="s">
        <v>10</v>
      </c>
      <c r="I713" s="1" t="s">
        <v>2312</v>
      </c>
      <c r="J713" s="1" t="s">
        <v>2316</v>
      </c>
      <c r="K713" s="1" t="s">
        <v>27</v>
      </c>
      <c r="L713" s="1" t="s">
        <v>2829</v>
      </c>
      <c r="M713" s="1" t="s">
        <v>5</v>
      </c>
      <c r="N713" s="1" t="s">
        <v>960</v>
      </c>
      <c r="O713" s="1" t="s">
        <v>38</v>
      </c>
      <c r="P713" s="5" t="s">
        <v>31099</v>
      </c>
    </row>
    <row r="714" spans="1:16" x14ac:dyDescent="0.2">
      <c r="A714" s="1" t="s">
        <v>20</v>
      </c>
      <c r="B714" s="1" t="s">
        <v>99</v>
      </c>
      <c r="C714" s="1" t="s">
        <v>2833</v>
      </c>
      <c r="D714" s="1" t="s">
        <v>2834</v>
      </c>
      <c r="E714" s="1"/>
      <c r="F714" s="1" t="s">
        <v>10</v>
      </c>
      <c r="G714" s="1" t="s">
        <v>10</v>
      </c>
      <c r="H714" s="1" t="s">
        <v>10</v>
      </c>
      <c r="I714" s="1" t="s">
        <v>2312</v>
      </c>
      <c r="J714" s="1" t="s">
        <v>2586</v>
      </c>
      <c r="K714" s="1" t="s">
        <v>7</v>
      </c>
      <c r="L714" s="1" t="s">
        <v>2832</v>
      </c>
      <c r="M714" s="1" t="s">
        <v>5</v>
      </c>
      <c r="N714" s="1" t="s">
        <v>960</v>
      </c>
      <c r="O714" s="1" t="s">
        <v>38</v>
      </c>
      <c r="P714" s="5" t="s">
        <v>1184</v>
      </c>
    </row>
    <row r="715" spans="1:16" x14ac:dyDescent="0.2">
      <c r="A715" s="1" t="s">
        <v>20</v>
      </c>
      <c r="B715" s="1" t="s">
        <v>99</v>
      </c>
      <c r="C715" s="1" t="s">
        <v>2836</v>
      </c>
      <c r="D715" s="1" t="s">
        <v>2837</v>
      </c>
      <c r="E715" s="1"/>
      <c r="F715" s="1" t="s">
        <v>10</v>
      </c>
      <c r="G715" s="1" t="s">
        <v>10</v>
      </c>
      <c r="H715" s="1" t="s">
        <v>10</v>
      </c>
      <c r="I715" s="1" t="s">
        <v>2312</v>
      </c>
      <c r="J715" s="1" t="s">
        <v>2316</v>
      </c>
      <c r="K715" s="1" t="s">
        <v>7</v>
      </c>
      <c r="L715" s="1" t="s">
        <v>2835</v>
      </c>
      <c r="M715" s="1" t="s">
        <v>5</v>
      </c>
      <c r="N715" s="1" t="s">
        <v>960</v>
      </c>
      <c r="O715" s="1" t="s">
        <v>38</v>
      </c>
      <c r="P715" s="5" t="s">
        <v>31099</v>
      </c>
    </row>
    <row r="716" spans="1:16" x14ac:dyDescent="0.2">
      <c r="A716" s="1" t="s">
        <v>20</v>
      </c>
      <c r="B716" s="1" t="s">
        <v>99</v>
      </c>
      <c r="C716" s="1" t="s">
        <v>2839</v>
      </c>
      <c r="D716" s="1" t="s">
        <v>2840</v>
      </c>
      <c r="E716" s="1"/>
      <c r="F716" s="1" t="s">
        <v>10</v>
      </c>
      <c r="G716" s="1" t="s">
        <v>10</v>
      </c>
      <c r="H716" s="1" t="s">
        <v>10</v>
      </c>
      <c r="I716" s="1" t="s">
        <v>2312</v>
      </c>
      <c r="J716" s="1" t="s">
        <v>2316</v>
      </c>
      <c r="K716" s="1" t="s">
        <v>7</v>
      </c>
      <c r="L716" s="1" t="s">
        <v>2838</v>
      </c>
      <c r="M716" s="1" t="s">
        <v>5</v>
      </c>
      <c r="N716" s="1" t="s">
        <v>960</v>
      </c>
      <c r="O716" s="1" t="s">
        <v>38</v>
      </c>
      <c r="P716" s="5" t="s">
        <v>31099</v>
      </c>
    </row>
    <row r="717" spans="1:16" x14ac:dyDescent="0.2">
      <c r="A717" s="1" t="s">
        <v>20</v>
      </c>
      <c r="B717" s="1" t="s">
        <v>99</v>
      </c>
      <c r="C717" s="1" t="s">
        <v>2842</v>
      </c>
      <c r="D717" s="1" t="s">
        <v>2843</v>
      </c>
      <c r="E717" s="1"/>
      <c r="F717" s="1" t="s">
        <v>10</v>
      </c>
      <c r="G717" s="1" t="s">
        <v>10</v>
      </c>
      <c r="H717" s="1" t="s">
        <v>10</v>
      </c>
      <c r="I717" s="1" t="s">
        <v>2312</v>
      </c>
      <c r="J717" s="1" t="s">
        <v>2316</v>
      </c>
      <c r="K717" s="1" t="s">
        <v>27</v>
      </c>
      <c r="L717" s="1" t="s">
        <v>2841</v>
      </c>
      <c r="M717" s="1" t="s">
        <v>5</v>
      </c>
      <c r="N717" s="1" t="s">
        <v>25</v>
      </c>
      <c r="O717" s="1" t="s">
        <v>38</v>
      </c>
      <c r="P717" s="5" t="s">
        <v>31115</v>
      </c>
    </row>
    <row r="718" spans="1:16" x14ac:dyDescent="0.2">
      <c r="A718" s="1" t="s">
        <v>20</v>
      </c>
      <c r="B718" s="1" t="s">
        <v>99</v>
      </c>
      <c r="C718" s="1" t="s">
        <v>2845</v>
      </c>
      <c r="D718" s="1" t="s">
        <v>2846</v>
      </c>
      <c r="E718" s="1"/>
      <c r="F718" s="1" t="s">
        <v>10</v>
      </c>
      <c r="G718" s="1" t="s">
        <v>10</v>
      </c>
      <c r="H718" s="1" t="s">
        <v>10</v>
      </c>
      <c r="I718" s="1" t="s">
        <v>2312</v>
      </c>
      <c r="J718" s="1" t="s">
        <v>2316</v>
      </c>
      <c r="K718" s="1" t="s">
        <v>27</v>
      </c>
      <c r="L718" s="1" t="s">
        <v>2844</v>
      </c>
      <c r="M718" s="1" t="s">
        <v>5</v>
      </c>
      <c r="N718" s="1" t="s">
        <v>1009</v>
      </c>
      <c r="O718" s="1" t="s">
        <v>38</v>
      </c>
      <c r="P718" s="5" t="s">
        <v>31099</v>
      </c>
    </row>
    <row r="719" spans="1:16" x14ac:dyDescent="0.2">
      <c r="A719" s="1" t="s">
        <v>20</v>
      </c>
      <c r="B719" s="1" t="s">
        <v>99</v>
      </c>
      <c r="C719" s="1" t="s">
        <v>2848</v>
      </c>
      <c r="D719" s="1" t="s">
        <v>2849</v>
      </c>
      <c r="E719" s="1"/>
      <c r="F719" s="1" t="s">
        <v>10</v>
      </c>
      <c r="G719" s="1" t="s">
        <v>10</v>
      </c>
      <c r="H719" s="1" t="s">
        <v>10</v>
      </c>
      <c r="I719" s="1" t="s">
        <v>2312</v>
      </c>
      <c r="J719" s="1" t="s">
        <v>2316</v>
      </c>
      <c r="K719" s="1" t="s">
        <v>27</v>
      </c>
      <c r="L719" s="1" t="s">
        <v>2847</v>
      </c>
      <c r="M719" s="1" t="s">
        <v>5</v>
      </c>
      <c r="N719" s="1" t="s">
        <v>25</v>
      </c>
      <c r="O719" s="1" t="s">
        <v>38</v>
      </c>
      <c r="P719" s="5" t="s">
        <v>32698</v>
      </c>
    </row>
    <row r="720" spans="1:16" x14ac:dyDescent="0.2">
      <c r="A720" s="1" t="s">
        <v>329</v>
      </c>
      <c r="B720" s="1" t="s">
        <v>1168</v>
      </c>
      <c r="C720" s="1" t="s">
        <v>2852</v>
      </c>
      <c r="D720" s="1" t="s">
        <v>2853</v>
      </c>
      <c r="E720" s="1"/>
      <c r="F720" s="1" t="s">
        <v>10</v>
      </c>
      <c r="G720" s="1" t="s">
        <v>10</v>
      </c>
      <c r="H720" s="1" t="s">
        <v>10</v>
      </c>
      <c r="I720" s="1" t="s">
        <v>2312</v>
      </c>
      <c r="J720" s="1" t="s">
        <v>2316</v>
      </c>
      <c r="K720" s="1" t="s">
        <v>27</v>
      </c>
      <c r="L720" s="1" t="s">
        <v>2851</v>
      </c>
      <c r="M720" s="1" t="s">
        <v>5</v>
      </c>
      <c r="N720" s="1" t="s">
        <v>960</v>
      </c>
      <c r="O720" s="1" t="s">
        <v>38</v>
      </c>
      <c r="P720" s="5" t="s">
        <v>31099</v>
      </c>
    </row>
    <row r="721" spans="1:16" x14ac:dyDescent="0.2">
      <c r="A721" s="1" t="s">
        <v>329</v>
      </c>
      <c r="B721" s="1" t="s">
        <v>1168</v>
      </c>
      <c r="C721" s="1" t="s">
        <v>2855</v>
      </c>
      <c r="D721" s="1" t="s">
        <v>2856</v>
      </c>
      <c r="E721" s="1"/>
      <c r="F721" s="1" t="s">
        <v>10</v>
      </c>
      <c r="G721" s="1" t="s">
        <v>10</v>
      </c>
      <c r="H721" s="1" t="s">
        <v>10</v>
      </c>
      <c r="I721" s="1" t="s">
        <v>2312</v>
      </c>
      <c r="J721" s="1" t="s">
        <v>2316</v>
      </c>
      <c r="K721" s="1" t="s">
        <v>27</v>
      </c>
      <c r="L721" s="1" t="s">
        <v>2854</v>
      </c>
      <c r="M721" s="1" t="s">
        <v>5</v>
      </c>
      <c r="N721" s="1" t="s">
        <v>960</v>
      </c>
      <c r="O721" s="1" t="s">
        <v>38</v>
      </c>
      <c r="P721" s="5" t="s">
        <v>31099</v>
      </c>
    </row>
    <row r="722" spans="1:16" x14ac:dyDescent="0.2">
      <c r="A722" s="1" t="s">
        <v>329</v>
      </c>
      <c r="B722" s="1" t="s">
        <v>1168</v>
      </c>
      <c r="C722" s="1" t="s">
        <v>2858</v>
      </c>
      <c r="D722" s="1" t="s">
        <v>2859</v>
      </c>
      <c r="E722" s="1"/>
      <c r="F722" s="1" t="s">
        <v>10</v>
      </c>
      <c r="G722" s="1" t="s">
        <v>10</v>
      </c>
      <c r="H722" s="1" t="s">
        <v>10</v>
      </c>
      <c r="I722" s="1" t="s">
        <v>2312</v>
      </c>
      <c r="J722" s="1" t="s">
        <v>2316</v>
      </c>
      <c r="K722" s="1" t="s">
        <v>27</v>
      </c>
      <c r="L722" s="1" t="s">
        <v>2857</v>
      </c>
      <c r="M722" s="1" t="s">
        <v>5</v>
      </c>
      <c r="N722" s="1" t="s">
        <v>960</v>
      </c>
      <c r="O722" s="1" t="s">
        <v>38</v>
      </c>
      <c r="P722" s="5" t="s">
        <v>31099</v>
      </c>
    </row>
    <row r="723" spans="1:16" x14ac:dyDescent="0.2">
      <c r="A723" s="1" t="s">
        <v>20</v>
      </c>
      <c r="B723" s="1" t="s">
        <v>253</v>
      </c>
      <c r="C723" s="1" t="s">
        <v>2861</v>
      </c>
      <c r="D723" s="1" t="s">
        <v>2862</v>
      </c>
      <c r="E723" s="1"/>
      <c r="F723" s="1" t="s">
        <v>10</v>
      </c>
      <c r="G723" s="1" t="s">
        <v>10</v>
      </c>
      <c r="H723" s="1" t="s">
        <v>10</v>
      </c>
      <c r="I723" s="1" t="s">
        <v>2312</v>
      </c>
      <c r="J723" s="1" t="s">
        <v>19</v>
      </c>
      <c r="K723" s="1" t="s">
        <v>27</v>
      </c>
      <c r="L723" s="1" t="s">
        <v>2860</v>
      </c>
      <c r="M723" s="1" t="s">
        <v>5</v>
      </c>
      <c r="N723" s="1" t="s">
        <v>960</v>
      </c>
      <c r="O723" s="1" t="s">
        <v>38</v>
      </c>
      <c r="P723" s="5" t="s">
        <v>32700</v>
      </c>
    </row>
    <row r="724" spans="1:16" x14ac:dyDescent="0.2">
      <c r="A724" s="1" t="s">
        <v>20</v>
      </c>
      <c r="B724" s="1" t="s">
        <v>253</v>
      </c>
      <c r="C724" s="1" t="s">
        <v>2864</v>
      </c>
      <c r="D724" s="1" t="s">
        <v>2865</v>
      </c>
      <c r="E724" s="1"/>
      <c r="F724" s="1" t="s">
        <v>10</v>
      </c>
      <c r="G724" s="1" t="s">
        <v>10</v>
      </c>
      <c r="H724" s="1" t="s">
        <v>10</v>
      </c>
      <c r="I724" s="1" t="s">
        <v>2312</v>
      </c>
      <c r="J724" s="1" t="s">
        <v>2438</v>
      </c>
      <c r="K724" s="1" t="s">
        <v>27</v>
      </c>
      <c r="L724" s="1" t="s">
        <v>2863</v>
      </c>
      <c r="M724" s="1" t="s">
        <v>5</v>
      </c>
      <c r="N724" s="1" t="s">
        <v>960</v>
      </c>
      <c r="O724" s="1" t="s">
        <v>38</v>
      </c>
      <c r="P724" s="5" t="s">
        <v>31081</v>
      </c>
    </row>
    <row r="725" spans="1:16" x14ac:dyDescent="0.2">
      <c r="A725" s="1" t="s">
        <v>42</v>
      </c>
      <c r="B725" s="1" t="s">
        <v>356</v>
      </c>
      <c r="C725" s="1" t="s">
        <v>2868</v>
      </c>
      <c r="D725" s="1" t="s">
        <v>2869</v>
      </c>
      <c r="E725" s="1"/>
      <c r="F725" s="1" t="s">
        <v>27</v>
      </c>
      <c r="G725" s="1" t="s">
        <v>10</v>
      </c>
      <c r="H725" s="1" t="s">
        <v>2870</v>
      </c>
      <c r="I725" s="1" t="s">
        <v>2312</v>
      </c>
      <c r="J725" s="1" t="s">
        <v>19</v>
      </c>
      <c r="K725" s="1" t="s">
        <v>2324</v>
      </c>
      <c r="L725" s="1" t="s">
        <v>2867</v>
      </c>
      <c r="M725" s="1" t="s">
        <v>5</v>
      </c>
      <c r="N725" s="1" t="s">
        <v>25</v>
      </c>
      <c r="O725" s="1" t="s">
        <v>8</v>
      </c>
      <c r="P725" s="5" t="s">
        <v>32710</v>
      </c>
    </row>
    <row r="726" spans="1:16" x14ac:dyDescent="0.2">
      <c r="A726" s="1" t="s">
        <v>66</v>
      </c>
      <c r="B726" s="1" t="s">
        <v>212</v>
      </c>
      <c r="C726" s="1" t="s">
        <v>2872</v>
      </c>
      <c r="D726" s="1" t="s">
        <v>2873</v>
      </c>
      <c r="E726" s="1"/>
      <c r="F726" s="1" t="s">
        <v>10</v>
      </c>
      <c r="G726" s="1" t="s">
        <v>10</v>
      </c>
      <c r="H726" s="1" t="s">
        <v>10</v>
      </c>
      <c r="I726" s="1" t="s">
        <v>2312</v>
      </c>
      <c r="J726" s="1" t="s">
        <v>2316</v>
      </c>
      <c r="K726" s="1" t="s">
        <v>27</v>
      </c>
      <c r="L726" s="1" t="s">
        <v>2871</v>
      </c>
      <c r="M726" s="1" t="s">
        <v>5</v>
      </c>
      <c r="N726" s="1" t="s">
        <v>960</v>
      </c>
      <c r="O726" s="1" t="s">
        <v>38</v>
      </c>
      <c r="P726" s="5" t="s">
        <v>31099</v>
      </c>
    </row>
    <row r="727" spans="1:16" x14ac:dyDescent="0.2">
      <c r="A727" s="1" t="s">
        <v>1385</v>
      </c>
      <c r="B727" s="1" t="s">
        <v>1687</v>
      </c>
      <c r="C727" s="1" t="s">
        <v>2875</v>
      </c>
      <c r="D727" s="1" t="s">
        <v>2876</v>
      </c>
      <c r="E727" s="1"/>
      <c r="F727" s="1" t="s">
        <v>10</v>
      </c>
      <c r="G727" s="1" t="s">
        <v>10</v>
      </c>
      <c r="H727" s="1" t="s">
        <v>10</v>
      </c>
      <c r="I727" s="1" t="s">
        <v>2312</v>
      </c>
      <c r="J727" s="1" t="s">
        <v>2316</v>
      </c>
      <c r="K727" s="1" t="s">
        <v>27</v>
      </c>
      <c r="L727" s="1" t="s">
        <v>2874</v>
      </c>
      <c r="M727" s="1" t="s">
        <v>5</v>
      </c>
      <c r="N727" s="1" t="s">
        <v>960</v>
      </c>
      <c r="O727" s="1" t="s">
        <v>38</v>
      </c>
      <c r="P727" s="5" t="s">
        <v>31099</v>
      </c>
    </row>
    <row r="728" spans="1:16" x14ac:dyDescent="0.2">
      <c r="A728" s="1" t="s">
        <v>329</v>
      </c>
      <c r="B728" s="1" t="s">
        <v>1168</v>
      </c>
      <c r="C728" s="1" t="s">
        <v>2880</v>
      </c>
      <c r="D728" s="1" t="s">
        <v>2881</v>
      </c>
      <c r="E728" s="1"/>
      <c r="F728" s="1" t="s">
        <v>10</v>
      </c>
      <c r="G728" s="1" t="s">
        <v>10</v>
      </c>
      <c r="H728" s="1" t="s">
        <v>10</v>
      </c>
      <c r="I728" s="1" t="s">
        <v>2312</v>
      </c>
      <c r="J728" s="1" t="s">
        <v>2316</v>
      </c>
      <c r="K728" s="1" t="s">
        <v>27</v>
      </c>
      <c r="L728" s="1" t="s">
        <v>2879</v>
      </c>
      <c r="M728" s="1" t="s">
        <v>5</v>
      </c>
      <c r="N728" s="1" t="s">
        <v>960</v>
      </c>
      <c r="O728" s="1" t="s">
        <v>38</v>
      </c>
      <c r="P728" s="5" t="s">
        <v>31099</v>
      </c>
    </row>
    <row r="729" spans="1:16" x14ac:dyDescent="0.2">
      <c r="A729" s="1" t="s">
        <v>329</v>
      </c>
      <c r="B729" s="1" t="s">
        <v>1168</v>
      </c>
      <c r="C729" s="1" t="s">
        <v>2883</v>
      </c>
      <c r="D729" s="1" t="s">
        <v>2884</v>
      </c>
      <c r="E729" s="1"/>
      <c r="F729" s="1" t="s">
        <v>10</v>
      </c>
      <c r="G729" s="1" t="s">
        <v>10</v>
      </c>
      <c r="H729" s="1" t="s">
        <v>10</v>
      </c>
      <c r="I729" s="1" t="s">
        <v>2312</v>
      </c>
      <c r="J729" s="1" t="s">
        <v>2348</v>
      </c>
      <c r="K729" s="1" t="s">
        <v>27</v>
      </c>
      <c r="L729" s="1" t="s">
        <v>2882</v>
      </c>
      <c r="M729" s="1" t="s">
        <v>5</v>
      </c>
      <c r="N729" s="1" t="s">
        <v>960</v>
      </c>
      <c r="O729" s="1" t="s">
        <v>38</v>
      </c>
      <c r="P729" s="5" t="s">
        <v>31099</v>
      </c>
    </row>
    <row r="730" spans="1:16" x14ac:dyDescent="0.2">
      <c r="A730" s="1" t="s">
        <v>329</v>
      </c>
      <c r="B730" s="1" t="s">
        <v>1168</v>
      </c>
      <c r="C730" s="1" t="s">
        <v>2886</v>
      </c>
      <c r="D730" s="1" t="s">
        <v>2887</v>
      </c>
      <c r="E730" s="1"/>
      <c r="F730" s="1" t="s">
        <v>10</v>
      </c>
      <c r="G730" s="1" t="s">
        <v>10</v>
      </c>
      <c r="H730" s="1" t="s">
        <v>10</v>
      </c>
      <c r="I730" s="1" t="s">
        <v>2312</v>
      </c>
      <c r="J730" s="1" t="s">
        <v>2316</v>
      </c>
      <c r="K730" s="1" t="s">
        <v>27</v>
      </c>
      <c r="L730" s="1" t="s">
        <v>2885</v>
      </c>
      <c r="M730" s="1" t="s">
        <v>5</v>
      </c>
      <c r="N730" s="1" t="s">
        <v>960</v>
      </c>
      <c r="O730" s="1" t="s">
        <v>38</v>
      </c>
      <c r="P730" s="5" t="s">
        <v>31110</v>
      </c>
    </row>
    <row r="731" spans="1:16" x14ac:dyDescent="0.2">
      <c r="A731" s="1" t="s">
        <v>329</v>
      </c>
      <c r="B731" s="1" t="s">
        <v>2622</v>
      </c>
      <c r="C731" s="1" t="s">
        <v>2889</v>
      </c>
      <c r="D731" s="1" t="s">
        <v>2890</v>
      </c>
      <c r="E731" s="1"/>
      <c r="F731" s="1" t="s">
        <v>10</v>
      </c>
      <c r="G731" s="1" t="s">
        <v>10</v>
      </c>
      <c r="H731" s="1" t="s">
        <v>10</v>
      </c>
      <c r="I731" s="1" t="s">
        <v>2312</v>
      </c>
      <c r="J731" s="1" t="s">
        <v>2375</v>
      </c>
      <c r="K731" s="1" t="s">
        <v>27</v>
      </c>
      <c r="L731" s="1" t="s">
        <v>2888</v>
      </c>
      <c r="M731" s="1" t="s">
        <v>5</v>
      </c>
      <c r="N731" s="1" t="s">
        <v>25</v>
      </c>
      <c r="O731" s="1" t="s">
        <v>38</v>
      </c>
      <c r="P731" s="5" t="s">
        <v>32703</v>
      </c>
    </row>
    <row r="732" spans="1:16" x14ac:dyDescent="0.2">
      <c r="A732" s="1" t="s">
        <v>20</v>
      </c>
      <c r="B732" s="1" t="s">
        <v>99</v>
      </c>
      <c r="C732" s="1" t="s">
        <v>2892</v>
      </c>
      <c r="D732" s="1" t="s">
        <v>2893</v>
      </c>
      <c r="E732" s="1"/>
      <c r="F732" s="1" t="s">
        <v>10</v>
      </c>
      <c r="G732" s="1" t="s">
        <v>10</v>
      </c>
      <c r="H732" s="1" t="s">
        <v>10</v>
      </c>
      <c r="I732" s="1" t="s">
        <v>2312</v>
      </c>
      <c r="J732" s="1" t="s">
        <v>2586</v>
      </c>
      <c r="K732" s="1" t="s">
        <v>7</v>
      </c>
      <c r="L732" s="1" t="s">
        <v>2891</v>
      </c>
      <c r="M732" s="1" t="s">
        <v>5</v>
      </c>
      <c r="N732" s="1" t="s">
        <v>960</v>
      </c>
      <c r="O732" s="1" t="s">
        <v>38</v>
      </c>
      <c r="P732" s="5" t="s">
        <v>1184</v>
      </c>
    </row>
    <row r="733" spans="1:16" x14ac:dyDescent="0.2">
      <c r="A733" s="1" t="s">
        <v>20</v>
      </c>
      <c r="B733" s="1" t="s">
        <v>132</v>
      </c>
      <c r="C733" s="1" t="s">
        <v>2895</v>
      </c>
      <c r="D733" s="1" t="s">
        <v>2896</v>
      </c>
      <c r="E733" s="1"/>
      <c r="F733" s="1" t="s">
        <v>10</v>
      </c>
      <c r="G733" s="1" t="s">
        <v>10</v>
      </c>
      <c r="H733" s="1" t="s">
        <v>10</v>
      </c>
      <c r="I733" s="1" t="s">
        <v>2312</v>
      </c>
      <c r="J733" s="1" t="s">
        <v>2316</v>
      </c>
      <c r="K733" s="1" t="s">
        <v>27</v>
      </c>
      <c r="L733" s="1" t="s">
        <v>2894</v>
      </c>
      <c r="M733" s="1" t="s">
        <v>5</v>
      </c>
      <c r="N733" s="1" t="s">
        <v>960</v>
      </c>
      <c r="O733" s="1" t="s">
        <v>38</v>
      </c>
      <c r="P733" s="5" t="s">
        <v>31099</v>
      </c>
    </row>
    <row r="734" spans="1:16" x14ac:dyDescent="0.2">
      <c r="A734" s="1" t="s">
        <v>329</v>
      </c>
      <c r="B734" s="1" t="s">
        <v>2622</v>
      </c>
      <c r="C734" s="1" t="s">
        <v>2898</v>
      </c>
      <c r="D734" s="1" t="s">
        <v>2899</v>
      </c>
      <c r="E734" s="1"/>
      <c r="F734" s="1" t="s">
        <v>10</v>
      </c>
      <c r="G734" s="1" t="s">
        <v>10</v>
      </c>
      <c r="H734" s="1" t="s">
        <v>10</v>
      </c>
      <c r="I734" s="1" t="s">
        <v>2312</v>
      </c>
      <c r="J734" s="1" t="s">
        <v>19</v>
      </c>
      <c r="K734" s="1" t="s">
        <v>27</v>
      </c>
      <c r="L734" s="1" t="s">
        <v>2897</v>
      </c>
      <c r="M734" s="1" t="s">
        <v>5</v>
      </c>
      <c r="N734" s="1" t="s">
        <v>25</v>
      </c>
      <c r="O734" s="1" t="s">
        <v>38</v>
      </c>
      <c r="P734" s="5" t="s">
        <v>32703</v>
      </c>
    </row>
    <row r="735" spans="1:16" x14ac:dyDescent="0.2">
      <c r="A735" s="1" t="s">
        <v>20</v>
      </c>
      <c r="B735" s="1" t="s">
        <v>101</v>
      </c>
      <c r="C735" s="1" t="s">
        <v>2901</v>
      </c>
      <c r="D735" s="1" t="s">
        <v>2902</v>
      </c>
      <c r="E735" s="1"/>
      <c r="F735" s="1" t="s">
        <v>10</v>
      </c>
      <c r="G735" s="1" t="s">
        <v>10</v>
      </c>
      <c r="H735" s="1" t="s">
        <v>10</v>
      </c>
      <c r="I735" s="1" t="s">
        <v>2312</v>
      </c>
      <c r="J735" s="1" t="s">
        <v>2316</v>
      </c>
      <c r="K735" s="1" t="s">
        <v>64</v>
      </c>
      <c r="L735" s="1" t="s">
        <v>2900</v>
      </c>
      <c r="M735" s="1" t="s">
        <v>5</v>
      </c>
      <c r="N735" s="1" t="s">
        <v>25</v>
      </c>
      <c r="O735" s="1" t="s">
        <v>38</v>
      </c>
      <c r="P735" s="5" t="s">
        <v>31116</v>
      </c>
    </row>
    <row r="736" spans="1:16" x14ac:dyDescent="0.2">
      <c r="A736" s="1" t="s">
        <v>329</v>
      </c>
      <c r="B736" s="1" t="s">
        <v>1168</v>
      </c>
      <c r="C736" s="1" t="s">
        <v>2904</v>
      </c>
      <c r="D736" s="1" t="s">
        <v>2905</v>
      </c>
      <c r="E736" s="1"/>
      <c r="F736" s="1" t="s">
        <v>10</v>
      </c>
      <c r="G736" s="1" t="s">
        <v>10</v>
      </c>
      <c r="H736" s="1" t="s">
        <v>10</v>
      </c>
      <c r="I736" s="1" t="s">
        <v>2312</v>
      </c>
      <c r="J736" s="1" t="s">
        <v>19</v>
      </c>
      <c r="K736" s="1" t="s">
        <v>27</v>
      </c>
      <c r="L736" s="1" t="s">
        <v>2903</v>
      </c>
      <c r="M736" s="1" t="s">
        <v>5</v>
      </c>
      <c r="N736" s="1" t="s">
        <v>960</v>
      </c>
      <c r="O736" s="1" t="s">
        <v>38</v>
      </c>
      <c r="P736" s="5" t="s">
        <v>31099</v>
      </c>
    </row>
    <row r="737" spans="1:16" x14ac:dyDescent="0.2">
      <c r="A737" s="1" t="s">
        <v>487</v>
      </c>
      <c r="B737" s="1" t="s">
        <v>1651</v>
      </c>
      <c r="C737" s="1" t="s">
        <v>2907</v>
      </c>
      <c r="D737" s="1" t="s">
        <v>2908</v>
      </c>
      <c r="E737" s="1"/>
      <c r="F737" s="1" t="s">
        <v>10</v>
      </c>
      <c r="G737" s="1" t="s">
        <v>10</v>
      </c>
      <c r="H737" s="1" t="s">
        <v>10</v>
      </c>
      <c r="I737" s="1" t="s">
        <v>2312</v>
      </c>
      <c r="J737" s="1" t="s">
        <v>2586</v>
      </c>
      <c r="K737" s="1" t="s">
        <v>27</v>
      </c>
      <c r="L737" s="1" t="s">
        <v>2906</v>
      </c>
      <c r="M737" s="1" t="s">
        <v>5</v>
      </c>
      <c r="N737" s="1" t="s">
        <v>25</v>
      </c>
      <c r="O737" s="1" t="s">
        <v>38</v>
      </c>
      <c r="P737" s="5" t="s">
        <v>32711</v>
      </c>
    </row>
    <row r="738" spans="1:16" x14ac:dyDescent="0.2">
      <c r="A738" s="1" t="s">
        <v>487</v>
      </c>
      <c r="B738" s="1" t="s">
        <v>1651</v>
      </c>
      <c r="C738" s="1" t="s">
        <v>2910</v>
      </c>
      <c r="D738" s="1" t="s">
        <v>2911</v>
      </c>
      <c r="E738" s="1"/>
      <c r="F738" s="1" t="s">
        <v>10</v>
      </c>
      <c r="G738" s="1" t="s">
        <v>10</v>
      </c>
      <c r="H738" s="1" t="s">
        <v>10</v>
      </c>
      <c r="I738" s="1" t="s">
        <v>2312</v>
      </c>
      <c r="J738" s="1" t="s">
        <v>2586</v>
      </c>
      <c r="K738" s="1" t="s">
        <v>7</v>
      </c>
      <c r="L738" s="1" t="s">
        <v>2909</v>
      </c>
      <c r="M738" s="1" t="s">
        <v>5</v>
      </c>
      <c r="N738" s="1" t="s">
        <v>1009</v>
      </c>
      <c r="O738" s="1" t="s">
        <v>38</v>
      </c>
      <c r="P738" s="5" t="s">
        <v>32698</v>
      </c>
    </row>
    <row r="739" spans="1:16" x14ac:dyDescent="0.2">
      <c r="A739" s="1" t="s">
        <v>423</v>
      </c>
      <c r="B739" s="1" t="s">
        <v>2587</v>
      </c>
      <c r="C739" s="1" t="s">
        <v>2913</v>
      </c>
      <c r="D739" s="1" t="s">
        <v>2914</v>
      </c>
      <c r="E739" s="1"/>
      <c r="F739" s="1" t="s">
        <v>10</v>
      </c>
      <c r="G739" s="1" t="s">
        <v>10</v>
      </c>
      <c r="H739" s="1" t="s">
        <v>10</v>
      </c>
      <c r="I739" s="1" t="s">
        <v>2312</v>
      </c>
      <c r="J739" s="1" t="s">
        <v>2586</v>
      </c>
      <c r="K739" s="1" t="s">
        <v>27</v>
      </c>
      <c r="L739" s="1" t="s">
        <v>2912</v>
      </c>
      <c r="M739" s="1" t="s">
        <v>5</v>
      </c>
      <c r="N739" s="1" t="s">
        <v>960</v>
      </c>
      <c r="O739" s="1" t="s">
        <v>38</v>
      </c>
      <c r="P739" s="5" t="s">
        <v>31108</v>
      </c>
    </row>
    <row r="740" spans="1:16" x14ac:dyDescent="0.2">
      <c r="A740" s="1" t="s">
        <v>423</v>
      </c>
      <c r="B740" s="1" t="s">
        <v>2587</v>
      </c>
      <c r="C740" s="1" t="s">
        <v>2916</v>
      </c>
      <c r="D740" s="1" t="s">
        <v>2917</v>
      </c>
      <c r="E740" s="1"/>
      <c r="F740" s="1" t="s">
        <v>10</v>
      </c>
      <c r="G740" s="1" t="s">
        <v>10</v>
      </c>
      <c r="H740" s="1" t="s">
        <v>10</v>
      </c>
      <c r="I740" s="1" t="s">
        <v>2312</v>
      </c>
      <c r="J740" s="1" t="s">
        <v>2586</v>
      </c>
      <c r="K740" s="1" t="s">
        <v>27</v>
      </c>
      <c r="L740" s="1" t="s">
        <v>2915</v>
      </c>
      <c r="M740" s="1" t="s">
        <v>5</v>
      </c>
      <c r="N740" s="1" t="s">
        <v>960</v>
      </c>
      <c r="O740" s="1" t="s">
        <v>38</v>
      </c>
      <c r="P740" s="5" t="s">
        <v>31108</v>
      </c>
    </row>
    <row r="741" spans="1:16" x14ac:dyDescent="0.2">
      <c r="A741" s="1" t="s">
        <v>329</v>
      </c>
      <c r="B741" s="1" t="s">
        <v>1168</v>
      </c>
      <c r="C741" s="1" t="s">
        <v>2919</v>
      </c>
      <c r="D741" s="1" t="s">
        <v>2920</v>
      </c>
      <c r="E741" s="1"/>
      <c r="F741" s="1" t="s">
        <v>10</v>
      </c>
      <c r="G741" s="1" t="s">
        <v>10</v>
      </c>
      <c r="H741" s="1" t="s">
        <v>10</v>
      </c>
      <c r="I741" s="1" t="s">
        <v>2312</v>
      </c>
      <c r="J741" s="1" t="s">
        <v>2316</v>
      </c>
      <c r="K741" s="1" t="s">
        <v>27</v>
      </c>
      <c r="L741" s="1" t="s">
        <v>2918</v>
      </c>
      <c r="M741" s="1" t="s">
        <v>5</v>
      </c>
      <c r="N741" s="1" t="s">
        <v>960</v>
      </c>
      <c r="O741" s="1" t="s">
        <v>38</v>
      </c>
      <c r="P741" s="5" t="s">
        <v>31117</v>
      </c>
    </row>
    <row r="742" spans="1:16" x14ac:dyDescent="0.2">
      <c r="A742" s="1" t="s">
        <v>20</v>
      </c>
      <c r="B742" s="1" t="s">
        <v>309</v>
      </c>
      <c r="C742" s="1" t="s">
        <v>2922</v>
      </c>
      <c r="D742" s="1" t="s">
        <v>2923</v>
      </c>
      <c r="E742" s="1"/>
      <c r="F742" s="1" t="s">
        <v>10</v>
      </c>
      <c r="G742" s="1" t="s">
        <v>10</v>
      </c>
      <c r="H742" s="1" t="s">
        <v>10</v>
      </c>
      <c r="I742" s="1" t="s">
        <v>2312</v>
      </c>
      <c r="J742" s="1" t="s">
        <v>2363</v>
      </c>
      <c r="K742" s="1" t="s">
        <v>27</v>
      </c>
      <c r="L742" s="1" t="s">
        <v>2921</v>
      </c>
      <c r="M742" s="1" t="s">
        <v>5</v>
      </c>
      <c r="N742" s="1" t="s">
        <v>1009</v>
      </c>
      <c r="O742" s="1" t="s">
        <v>38</v>
      </c>
      <c r="P742" s="5" t="s">
        <v>31118</v>
      </c>
    </row>
    <row r="743" spans="1:16" x14ac:dyDescent="0.2">
      <c r="A743" s="1" t="s">
        <v>20</v>
      </c>
      <c r="B743" s="1" t="s">
        <v>445</v>
      </c>
      <c r="C743" s="1" t="s">
        <v>2925</v>
      </c>
      <c r="D743" s="1" t="s">
        <v>2926</v>
      </c>
      <c r="E743" s="1"/>
      <c r="F743" s="1" t="s">
        <v>10</v>
      </c>
      <c r="G743" s="1" t="s">
        <v>10</v>
      </c>
      <c r="H743" s="1" t="s">
        <v>10</v>
      </c>
      <c r="I743" s="1" t="s">
        <v>2312</v>
      </c>
      <c r="J743" s="1" t="s">
        <v>2316</v>
      </c>
      <c r="K743" s="1" t="s">
        <v>27</v>
      </c>
      <c r="L743" s="1" t="s">
        <v>2924</v>
      </c>
      <c r="M743" s="1" t="s">
        <v>5</v>
      </c>
      <c r="N743" s="1" t="s">
        <v>960</v>
      </c>
      <c r="O743" s="1" t="s">
        <v>38</v>
      </c>
      <c r="P743" s="5" t="s">
        <v>1184</v>
      </c>
    </row>
    <row r="744" spans="1:16" x14ac:dyDescent="0.2">
      <c r="A744" s="1" t="s">
        <v>1385</v>
      </c>
      <c r="B744" s="1" t="s">
        <v>2930</v>
      </c>
      <c r="C744" s="1" t="s">
        <v>2928</v>
      </c>
      <c r="D744" s="1" t="s">
        <v>2929</v>
      </c>
      <c r="E744" s="1"/>
      <c r="F744" s="1" t="s">
        <v>10</v>
      </c>
      <c r="G744" s="1" t="s">
        <v>10</v>
      </c>
      <c r="H744" s="1" t="s">
        <v>10</v>
      </c>
      <c r="I744" s="1" t="s">
        <v>2312</v>
      </c>
      <c r="J744" s="1" t="s">
        <v>2316</v>
      </c>
      <c r="K744" s="1" t="s">
        <v>27</v>
      </c>
      <c r="L744" s="1" t="s">
        <v>2927</v>
      </c>
      <c r="M744" s="1" t="s">
        <v>5</v>
      </c>
      <c r="N744" s="1" t="s">
        <v>1009</v>
      </c>
      <c r="O744" s="1" t="s">
        <v>38</v>
      </c>
      <c r="P744" s="5" t="s">
        <v>1184</v>
      </c>
    </row>
    <row r="745" spans="1:16" x14ac:dyDescent="0.2">
      <c r="A745" s="1" t="s">
        <v>66</v>
      </c>
      <c r="B745" s="1" t="s">
        <v>212</v>
      </c>
      <c r="C745" s="1" t="s">
        <v>2932</v>
      </c>
      <c r="D745" s="1" t="s">
        <v>2933</v>
      </c>
      <c r="E745" s="1"/>
      <c r="F745" s="1" t="s">
        <v>10</v>
      </c>
      <c r="G745" s="1" t="s">
        <v>10</v>
      </c>
      <c r="H745" s="1" t="s">
        <v>10</v>
      </c>
      <c r="I745" s="1" t="s">
        <v>2312</v>
      </c>
      <c r="J745" s="1" t="s">
        <v>2438</v>
      </c>
      <c r="K745" s="1" t="s">
        <v>27</v>
      </c>
      <c r="L745" s="1" t="s">
        <v>2931</v>
      </c>
      <c r="M745" s="1" t="s">
        <v>5</v>
      </c>
      <c r="N745" s="1" t="s">
        <v>960</v>
      </c>
      <c r="O745" s="1" t="s">
        <v>38</v>
      </c>
      <c r="P745" s="5" t="s">
        <v>31081</v>
      </c>
    </row>
    <row r="746" spans="1:16" x14ac:dyDescent="0.2">
      <c r="A746" s="1" t="s">
        <v>20</v>
      </c>
      <c r="B746" s="1" t="s">
        <v>99</v>
      </c>
      <c r="C746" s="1" t="s">
        <v>2935</v>
      </c>
      <c r="D746" s="1" t="s">
        <v>2936</v>
      </c>
      <c r="E746" s="1"/>
      <c r="F746" s="1" t="s">
        <v>10</v>
      </c>
      <c r="G746" s="1" t="s">
        <v>10</v>
      </c>
      <c r="H746" s="1" t="s">
        <v>10</v>
      </c>
      <c r="I746" s="1" t="s">
        <v>2312</v>
      </c>
      <c r="J746" s="1" t="s">
        <v>2316</v>
      </c>
      <c r="K746" s="1" t="s">
        <v>1468</v>
      </c>
      <c r="L746" s="1" t="s">
        <v>2934</v>
      </c>
      <c r="M746" s="1" t="s">
        <v>5</v>
      </c>
      <c r="N746" s="1" t="s">
        <v>960</v>
      </c>
      <c r="O746" s="1" t="s">
        <v>38</v>
      </c>
      <c r="P746" s="5" t="s">
        <v>1184</v>
      </c>
    </row>
    <row r="747" spans="1:16" x14ac:dyDescent="0.2">
      <c r="A747" s="1" t="s">
        <v>423</v>
      </c>
      <c r="B747" s="1" t="s">
        <v>2587</v>
      </c>
      <c r="C747" s="1" t="s">
        <v>2938</v>
      </c>
      <c r="D747" s="1" t="s">
        <v>2939</v>
      </c>
      <c r="E747" s="1"/>
      <c r="F747" s="1" t="s">
        <v>10</v>
      </c>
      <c r="G747" s="1" t="s">
        <v>10</v>
      </c>
      <c r="H747" s="1" t="s">
        <v>10</v>
      </c>
      <c r="I747" s="1" t="s">
        <v>2312</v>
      </c>
      <c r="J747" s="1" t="s">
        <v>2586</v>
      </c>
      <c r="K747" s="1" t="s">
        <v>27</v>
      </c>
      <c r="L747" s="1" t="s">
        <v>2937</v>
      </c>
      <c r="M747" s="1" t="s">
        <v>5</v>
      </c>
      <c r="N747" s="1" t="s">
        <v>960</v>
      </c>
      <c r="O747" s="1" t="s">
        <v>38</v>
      </c>
      <c r="P747" s="5" t="s">
        <v>32707</v>
      </c>
    </row>
    <row r="748" spans="1:16" x14ac:dyDescent="0.2">
      <c r="A748" s="1" t="s">
        <v>66</v>
      </c>
      <c r="B748" s="1" t="s">
        <v>212</v>
      </c>
      <c r="C748" s="1" t="s">
        <v>2941</v>
      </c>
      <c r="D748" s="1" t="s">
        <v>2942</v>
      </c>
      <c r="E748" s="1"/>
      <c r="F748" s="1" t="s">
        <v>10</v>
      </c>
      <c r="G748" s="1" t="s">
        <v>10</v>
      </c>
      <c r="H748" s="1" t="s">
        <v>10</v>
      </c>
      <c r="I748" s="1" t="s">
        <v>2312</v>
      </c>
      <c r="J748" s="1" t="s">
        <v>2316</v>
      </c>
      <c r="K748" s="1" t="s">
        <v>27</v>
      </c>
      <c r="L748" s="1" t="s">
        <v>2940</v>
      </c>
      <c r="M748" s="1" t="s">
        <v>5</v>
      </c>
      <c r="N748" s="1" t="s">
        <v>25</v>
      </c>
      <c r="O748" s="1" t="s">
        <v>38</v>
      </c>
      <c r="P748" s="5" t="s">
        <v>32702</v>
      </c>
    </row>
    <row r="749" spans="1:16" x14ac:dyDescent="0.2">
      <c r="A749" s="1" t="s">
        <v>66</v>
      </c>
      <c r="B749" s="1" t="s">
        <v>574</v>
      </c>
      <c r="C749" s="1" t="s">
        <v>2944</v>
      </c>
      <c r="D749" s="1" t="s">
        <v>2945</v>
      </c>
      <c r="E749" s="1"/>
      <c r="F749" s="1" t="s">
        <v>10</v>
      </c>
      <c r="G749" s="1" t="s">
        <v>10</v>
      </c>
      <c r="H749" s="1" t="s">
        <v>10</v>
      </c>
      <c r="I749" s="1" t="s">
        <v>2312</v>
      </c>
      <c r="J749" s="1" t="s">
        <v>2316</v>
      </c>
      <c r="K749" s="1" t="s">
        <v>27</v>
      </c>
      <c r="L749" s="1" t="s">
        <v>2943</v>
      </c>
      <c r="M749" s="1" t="s">
        <v>5</v>
      </c>
      <c r="N749" s="1" t="s">
        <v>1009</v>
      </c>
      <c r="O749" s="1" t="s">
        <v>38</v>
      </c>
      <c r="P749" s="5" t="s">
        <v>32701</v>
      </c>
    </row>
    <row r="750" spans="1:16" x14ac:dyDescent="0.2">
      <c r="A750" s="1" t="s">
        <v>66</v>
      </c>
      <c r="B750" s="1" t="s">
        <v>212</v>
      </c>
      <c r="C750" s="1" t="s">
        <v>2947</v>
      </c>
      <c r="D750" s="1" t="s">
        <v>2948</v>
      </c>
      <c r="E750" s="1"/>
      <c r="F750" s="1" t="s">
        <v>10</v>
      </c>
      <c r="G750" s="1" t="s">
        <v>10</v>
      </c>
      <c r="H750" s="1" t="s">
        <v>10</v>
      </c>
      <c r="I750" s="1" t="s">
        <v>2312</v>
      </c>
      <c r="J750" s="1" t="s">
        <v>2316</v>
      </c>
      <c r="K750" s="1" t="s">
        <v>27</v>
      </c>
      <c r="L750" s="1" t="s">
        <v>2946</v>
      </c>
      <c r="M750" s="1" t="s">
        <v>5</v>
      </c>
      <c r="N750" s="1" t="s">
        <v>25</v>
      </c>
      <c r="O750" s="1" t="s">
        <v>38</v>
      </c>
      <c r="P750" s="5" t="s">
        <v>32702</v>
      </c>
    </row>
    <row r="751" spans="1:16" x14ac:dyDescent="0.2">
      <c r="A751" s="1" t="s">
        <v>66</v>
      </c>
      <c r="B751" s="1" t="s">
        <v>212</v>
      </c>
      <c r="C751" s="1" t="s">
        <v>2950</v>
      </c>
      <c r="D751" s="1" t="s">
        <v>2951</v>
      </c>
      <c r="E751" s="1"/>
      <c r="F751" s="1" t="s">
        <v>10</v>
      </c>
      <c r="G751" s="1" t="s">
        <v>10</v>
      </c>
      <c r="H751" s="1" t="s">
        <v>10</v>
      </c>
      <c r="I751" s="1" t="s">
        <v>2312</v>
      </c>
      <c r="J751" s="1" t="s">
        <v>2316</v>
      </c>
      <c r="K751" s="1" t="s">
        <v>27</v>
      </c>
      <c r="L751" s="1" t="s">
        <v>2949</v>
      </c>
      <c r="M751" s="1" t="s">
        <v>5</v>
      </c>
      <c r="N751" s="1" t="s">
        <v>25</v>
      </c>
      <c r="O751" s="1" t="s">
        <v>38</v>
      </c>
      <c r="P751" s="5" t="s">
        <v>32702</v>
      </c>
    </row>
    <row r="752" spans="1:16" x14ac:dyDescent="0.2">
      <c r="A752" s="1" t="s">
        <v>20</v>
      </c>
      <c r="B752" s="1" t="s">
        <v>93</v>
      </c>
      <c r="C752" s="1" t="s">
        <v>2953</v>
      </c>
      <c r="D752" s="1" t="s">
        <v>2954</v>
      </c>
      <c r="E752" s="1"/>
      <c r="F752" s="1" t="s">
        <v>27</v>
      </c>
      <c r="G752" s="1" t="s">
        <v>10</v>
      </c>
      <c r="H752" s="1" t="s">
        <v>2955</v>
      </c>
      <c r="I752" s="1" t="s">
        <v>2312</v>
      </c>
      <c r="J752" s="1" t="s">
        <v>19</v>
      </c>
      <c r="K752" s="1" t="s">
        <v>7</v>
      </c>
      <c r="L752" s="1" t="s">
        <v>2952</v>
      </c>
      <c r="M752" s="1" t="s">
        <v>5</v>
      </c>
      <c r="N752" s="1" t="s">
        <v>1009</v>
      </c>
      <c r="O752" s="1" t="s">
        <v>8</v>
      </c>
      <c r="P752" s="5" t="s">
        <v>32712</v>
      </c>
    </row>
    <row r="753" spans="1:16" x14ac:dyDescent="0.2">
      <c r="A753" s="1" t="s">
        <v>329</v>
      </c>
      <c r="B753" s="1" t="s">
        <v>1168</v>
      </c>
      <c r="C753" s="1" t="s">
        <v>2957</v>
      </c>
      <c r="D753" s="1" t="s">
        <v>2958</v>
      </c>
      <c r="E753" s="1"/>
      <c r="F753" s="1" t="s">
        <v>10</v>
      </c>
      <c r="G753" s="1" t="s">
        <v>10</v>
      </c>
      <c r="H753" s="1" t="s">
        <v>10</v>
      </c>
      <c r="I753" s="1" t="s">
        <v>2312</v>
      </c>
      <c r="J753" s="1" t="s">
        <v>2348</v>
      </c>
      <c r="K753" s="1" t="s">
        <v>27</v>
      </c>
      <c r="L753" s="1" t="s">
        <v>2956</v>
      </c>
      <c r="M753" s="1" t="s">
        <v>5</v>
      </c>
      <c r="N753" s="1" t="s">
        <v>960</v>
      </c>
      <c r="O753" s="1" t="s">
        <v>38</v>
      </c>
      <c r="P753" s="5" t="s">
        <v>1184</v>
      </c>
    </row>
    <row r="754" spans="1:16" x14ac:dyDescent="0.2">
      <c r="A754" s="1" t="s">
        <v>66</v>
      </c>
      <c r="B754" s="1" t="s">
        <v>212</v>
      </c>
      <c r="C754" s="1" t="s">
        <v>2960</v>
      </c>
      <c r="D754" s="1" t="s">
        <v>2961</v>
      </c>
      <c r="E754" s="1" t="s">
        <v>2962</v>
      </c>
      <c r="F754" s="1" t="s">
        <v>10</v>
      </c>
      <c r="G754" s="1" t="s">
        <v>10</v>
      </c>
      <c r="H754" s="1" t="s">
        <v>10</v>
      </c>
      <c r="I754" s="1" t="s">
        <v>2312</v>
      </c>
      <c r="J754" s="1" t="s">
        <v>2316</v>
      </c>
      <c r="K754" s="1" t="s">
        <v>27</v>
      </c>
      <c r="L754" s="1" t="s">
        <v>2959</v>
      </c>
      <c r="M754" s="1" t="s">
        <v>5</v>
      </c>
      <c r="N754" s="1" t="s">
        <v>25</v>
      </c>
      <c r="O754" s="1" t="s">
        <v>38</v>
      </c>
      <c r="P754" s="5" t="s">
        <v>31119</v>
      </c>
    </row>
    <row r="755" spans="1:16" x14ac:dyDescent="0.2">
      <c r="A755" s="1" t="s">
        <v>66</v>
      </c>
      <c r="B755" s="1" t="s">
        <v>212</v>
      </c>
      <c r="C755" s="1" t="s">
        <v>2964</v>
      </c>
      <c r="D755" s="1" t="s">
        <v>2965</v>
      </c>
      <c r="E755" s="1"/>
      <c r="F755" s="1" t="s">
        <v>10</v>
      </c>
      <c r="G755" s="1" t="s">
        <v>10</v>
      </c>
      <c r="H755" s="1" t="s">
        <v>10</v>
      </c>
      <c r="I755" s="1" t="s">
        <v>2312</v>
      </c>
      <c r="J755" s="1" t="s">
        <v>2316</v>
      </c>
      <c r="K755" s="1" t="s">
        <v>27</v>
      </c>
      <c r="L755" s="1" t="s">
        <v>2963</v>
      </c>
      <c r="M755" s="1" t="s">
        <v>5</v>
      </c>
      <c r="N755" s="1" t="s">
        <v>960</v>
      </c>
      <c r="O755" s="1" t="s">
        <v>38</v>
      </c>
      <c r="P755" s="5" t="s">
        <v>31099</v>
      </c>
    </row>
    <row r="756" spans="1:16" x14ac:dyDescent="0.2">
      <c r="A756" s="1" t="s">
        <v>20</v>
      </c>
      <c r="B756" s="1" t="s">
        <v>253</v>
      </c>
      <c r="C756" s="1" t="s">
        <v>2967</v>
      </c>
      <c r="D756" s="1" t="s">
        <v>2968</v>
      </c>
      <c r="E756" s="1" t="s">
        <v>2969</v>
      </c>
      <c r="F756" s="1" t="s">
        <v>10</v>
      </c>
      <c r="G756" s="1" t="s">
        <v>10</v>
      </c>
      <c r="H756" s="1" t="s">
        <v>10</v>
      </c>
      <c r="I756" s="1" t="s">
        <v>2312</v>
      </c>
      <c r="J756" s="1" t="s">
        <v>2438</v>
      </c>
      <c r="K756" s="1" t="s">
        <v>27</v>
      </c>
      <c r="L756" s="1" t="s">
        <v>2966</v>
      </c>
      <c r="M756" s="1" t="s">
        <v>5</v>
      </c>
      <c r="N756" s="1" t="s">
        <v>960</v>
      </c>
      <c r="O756" s="1" t="s">
        <v>38</v>
      </c>
      <c r="P756" s="5" t="s">
        <v>32702</v>
      </c>
    </row>
    <row r="757" spans="1:16" x14ac:dyDescent="0.2">
      <c r="A757" s="1" t="s">
        <v>487</v>
      </c>
      <c r="B757" s="1" t="s">
        <v>765</v>
      </c>
      <c r="C757" s="1" t="s">
        <v>2971</v>
      </c>
      <c r="D757" s="1" t="s">
        <v>2972</v>
      </c>
      <c r="E757" s="1"/>
      <c r="F757" s="1" t="s">
        <v>10</v>
      </c>
      <c r="G757" s="1" t="s">
        <v>10</v>
      </c>
      <c r="H757" s="1" t="s">
        <v>10</v>
      </c>
      <c r="I757" s="1" t="s">
        <v>2312</v>
      </c>
      <c r="J757" s="1" t="s">
        <v>2316</v>
      </c>
      <c r="K757" s="1" t="s">
        <v>64</v>
      </c>
      <c r="L757" s="1" t="s">
        <v>2970</v>
      </c>
      <c r="M757" s="1" t="s">
        <v>5</v>
      </c>
      <c r="N757" s="1" t="s">
        <v>960</v>
      </c>
      <c r="O757" s="1" t="s">
        <v>38</v>
      </c>
      <c r="P757" s="5" t="s">
        <v>31082</v>
      </c>
    </row>
    <row r="758" spans="1:16" x14ac:dyDescent="0.2">
      <c r="A758" s="1" t="s">
        <v>487</v>
      </c>
      <c r="B758" s="1" t="s">
        <v>765</v>
      </c>
      <c r="C758" s="1" t="s">
        <v>2974</v>
      </c>
      <c r="D758" s="1" t="s">
        <v>2975</v>
      </c>
      <c r="E758" s="1"/>
      <c r="F758" s="1" t="s">
        <v>10</v>
      </c>
      <c r="G758" s="1" t="s">
        <v>10</v>
      </c>
      <c r="H758" s="1" t="s">
        <v>10</v>
      </c>
      <c r="I758" s="1" t="s">
        <v>2312</v>
      </c>
      <c r="J758" s="1" t="s">
        <v>2316</v>
      </c>
      <c r="K758" s="1" t="s">
        <v>64</v>
      </c>
      <c r="L758" s="1" t="s">
        <v>2973</v>
      </c>
      <c r="M758" s="1" t="s">
        <v>5</v>
      </c>
      <c r="N758" s="1" t="s">
        <v>25</v>
      </c>
      <c r="O758" s="1" t="s">
        <v>38</v>
      </c>
      <c r="P758" s="5" t="s">
        <v>29926</v>
      </c>
    </row>
    <row r="759" spans="1:16" x14ac:dyDescent="0.2">
      <c r="A759" s="1" t="s">
        <v>487</v>
      </c>
      <c r="B759" s="1" t="s">
        <v>765</v>
      </c>
      <c r="C759" s="1" t="s">
        <v>2977</v>
      </c>
      <c r="D759" s="1" t="s">
        <v>2978</v>
      </c>
      <c r="E759" s="1"/>
      <c r="F759" s="1" t="s">
        <v>10</v>
      </c>
      <c r="G759" s="1" t="s">
        <v>10</v>
      </c>
      <c r="H759" s="1" t="s">
        <v>10</v>
      </c>
      <c r="I759" s="1" t="s">
        <v>2312</v>
      </c>
      <c r="J759" s="1" t="s">
        <v>2316</v>
      </c>
      <c r="K759" s="1" t="s">
        <v>64</v>
      </c>
      <c r="L759" s="1" t="s">
        <v>2976</v>
      </c>
      <c r="M759" s="1" t="s">
        <v>5</v>
      </c>
      <c r="N759" s="1" t="s">
        <v>960</v>
      </c>
      <c r="O759" s="1" t="s">
        <v>38</v>
      </c>
      <c r="P759" s="5" t="s">
        <v>31081</v>
      </c>
    </row>
    <row r="760" spans="1:16" x14ac:dyDescent="0.2">
      <c r="A760" s="1" t="s">
        <v>66</v>
      </c>
      <c r="B760" s="1" t="s">
        <v>212</v>
      </c>
      <c r="C760" s="1" t="s">
        <v>2980</v>
      </c>
      <c r="D760" s="1" t="s">
        <v>2981</v>
      </c>
      <c r="E760" s="1"/>
      <c r="F760" s="1" t="s">
        <v>10</v>
      </c>
      <c r="G760" s="1" t="s">
        <v>10</v>
      </c>
      <c r="H760" s="1" t="s">
        <v>10</v>
      </c>
      <c r="I760" s="1" t="s">
        <v>2312</v>
      </c>
      <c r="J760" s="1" t="s">
        <v>2438</v>
      </c>
      <c r="K760" s="1" t="s">
        <v>27</v>
      </c>
      <c r="L760" s="1" t="s">
        <v>2979</v>
      </c>
      <c r="M760" s="1" t="s">
        <v>5</v>
      </c>
      <c r="N760" s="1" t="s">
        <v>960</v>
      </c>
      <c r="O760" s="1" t="s">
        <v>38</v>
      </c>
      <c r="P760" s="5" t="s">
        <v>31110</v>
      </c>
    </row>
    <row r="761" spans="1:16" x14ac:dyDescent="0.2">
      <c r="A761" s="1" t="s">
        <v>10</v>
      </c>
      <c r="B761" s="1" t="s">
        <v>376</v>
      </c>
      <c r="C761" s="1" t="s">
        <v>2983</v>
      </c>
      <c r="D761" s="1" t="s">
        <v>2984</v>
      </c>
      <c r="E761" s="1"/>
      <c r="F761" s="1" t="s">
        <v>10</v>
      </c>
      <c r="G761" s="1" t="s">
        <v>10</v>
      </c>
      <c r="H761" s="1" t="s">
        <v>10</v>
      </c>
      <c r="I761" s="1" t="s">
        <v>2312</v>
      </c>
      <c r="J761" s="1" t="s">
        <v>2316</v>
      </c>
      <c r="K761" s="1" t="s">
        <v>64</v>
      </c>
      <c r="L761" s="1" t="s">
        <v>2982</v>
      </c>
      <c r="M761" s="1" t="s">
        <v>5</v>
      </c>
      <c r="N761" s="1" t="s">
        <v>960</v>
      </c>
      <c r="O761" s="1" t="s">
        <v>38</v>
      </c>
      <c r="P761" s="5" t="s">
        <v>31099</v>
      </c>
    </row>
    <row r="762" spans="1:16" x14ac:dyDescent="0.2">
      <c r="A762" s="1" t="s">
        <v>10</v>
      </c>
      <c r="B762" s="1" t="s">
        <v>10</v>
      </c>
      <c r="C762" s="1" t="s">
        <v>2986</v>
      </c>
      <c r="D762" s="1" t="s">
        <v>2987</v>
      </c>
      <c r="E762" s="1"/>
      <c r="F762" s="1" t="s">
        <v>10</v>
      </c>
      <c r="G762" s="1" t="s">
        <v>10</v>
      </c>
      <c r="H762" s="1" t="s">
        <v>10</v>
      </c>
      <c r="I762" s="1" t="s">
        <v>2312</v>
      </c>
      <c r="J762" s="1" t="s">
        <v>2316</v>
      </c>
      <c r="K762" s="1" t="s">
        <v>64</v>
      </c>
      <c r="L762" s="1" t="s">
        <v>2985</v>
      </c>
      <c r="M762" s="1" t="s">
        <v>5</v>
      </c>
      <c r="N762" s="1" t="s">
        <v>960</v>
      </c>
      <c r="O762" s="1" t="s">
        <v>38</v>
      </c>
      <c r="P762" s="5" t="s">
        <v>31099</v>
      </c>
    </row>
    <row r="763" spans="1:16" x14ac:dyDescent="0.2">
      <c r="A763" s="1" t="s">
        <v>66</v>
      </c>
      <c r="B763" s="1" t="s">
        <v>1812</v>
      </c>
      <c r="C763" s="1" t="s">
        <v>2989</v>
      </c>
      <c r="D763" s="1" t="s">
        <v>2990</v>
      </c>
      <c r="E763" s="1"/>
      <c r="F763" s="1" t="s">
        <v>10</v>
      </c>
      <c r="G763" s="1" t="s">
        <v>10</v>
      </c>
      <c r="H763" s="1" t="s">
        <v>10</v>
      </c>
      <c r="I763" s="1" t="s">
        <v>2312</v>
      </c>
      <c r="J763" s="1" t="s">
        <v>2316</v>
      </c>
      <c r="K763" s="1" t="s">
        <v>7</v>
      </c>
      <c r="L763" s="1" t="s">
        <v>2988</v>
      </c>
      <c r="M763" s="1" t="s">
        <v>5</v>
      </c>
      <c r="N763" s="1" t="s">
        <v>1009</v>
      </c>
      <c r="O763" s="1" t="s">
        <v>38</v>
      </c>
      <c r="P763" s="5" t="s">
        <v>39</v>
      </c>
    </row>
    <row r="764" spans="1:16" x14ac:dyDescent="0.2">
      <c r="A764" s="1" t="s">
        <v>66</v>
      </c>
      <c r="B764" s="1" t="s">
        <v>212</v>
      </c>
      <c r="C764" s="1" t="s">
        <v>2992</v>
      </c>
      <c r="D764" s="1" t="s">
        <v>2993</v>
      </c>
      <c r="E764" s="1" t="s">
        <v>2994</v>
      </c>
      <c r="F764" s="1" t="s">
        <v>10</v>
      </c>
      <c r="G764" s="1" t="s">
        <v>10</v>
      </c>
      <c r="H764" s="1" t="s">
        <v>10</v>
      </c>
      <c r="I764" s="1" t="s">
        <v>2312</v>
      </c>
      <c r="J764" s="1" t="s">
        <v>2316</v>
      </c>
      <c r="K764" s="1" t="s">
        <v>27</v>
      </c>
      <c r="L764" s="1" t="s">
        <v>2991</v>
      </c>
      <c r="M764" s="1" t="s">
        <v>5</v>
      </c>
      <c r="N764" s="1" t="s">
        <v>25</v>
      </c>
      <c r="O764" s="1" t="s">
        <v>38</v>
      </c>
      <c r="P764" s="5" t="s">
        <v>31119</v>
      </c>
    </row>
    <row r="765" spans="1:16" x14ac:dyDescent="0.2">
      <c r="A765" s="1" t="s">
        <v>66</v>
      </c>
      <c r="B765" s="1" t="s">
        <v>574</v>
      </c>
      <c r="C765" s="1" t="s">
        <v>2996</v>
      </c>
      <c r="D765" s="1" t="s">
        <v>2997</v>
      </c>
      <c r="E765" s="1"/>
      <c r="F765" s="1" t="s">
        <v>10</v>
      </c>
      <c r="G765" s="1" t="s">
        <v>10</v>
      </c>
      <c r="H765" s="1" t="s">
        <v>10</v>
      </c>
      <c r="I765" s="1" t="s">
        <v>2312</v>
      </c>
      <c r="J765" s="1" t="s">
        <v>19</v>
      </c>
      <c r="K765" s="1" t="s">
        <v>27</v>
      </c>
      <c r="L765" s="1" t="s">
        <v>2995</v>
      </c>
      <c r="M765" s="1" t="s">
        <v>5</v>
      </c>
      <c r="N765" s="1" t="s">
        <v>25</v>
      </c>
      <c r="O765" s="1" t="s">
        <v>38</v>
      </c>
      <c r="P765" s="5" t="s">
        <v>31120</v>
      </c>
    </row>
    <row r="766" spans="1:16" x14ac:dyDescent="0.2">
      <c r="A766" s="1" t="s">
        <v>329</v>
      </c>
      <c r="B766" s="1" t="s">
        <v>2622</v>
      </c>
      <c r="C766" s="1" t="s">
        <v>2999</v>
      </c>
      <c r="D766" s="1" t="s">
        <v>3000</v>
      </c>
      <c r="E766" s="1"/>
      <c r="F766" s="1" t="s">
        <v>10</v>
      </c>
      <c r="G766" s="1" t="s">
        <v>10</v>
      </c>
      <c r="H766" s="1" t="s">
        <v>10</v>
      </c>
      <c r="I766" s="1" t="s">
        <v>2312</v>
      </c>
      <c r="J766" s="1" t="s">
        <v>2348</v>
      </c>
      <c r="K766" s="1" t="s">
        <v>27</v>
      </c>
      <c r="L766" s="1" t="s">
        <v>2998</v>
      </c>
      <c r="M766" s="1" t="s">
        <v>5</v>
      </c>
      <c r="N766" s="1" t="s">
        <v>25</v>
      </c>
      <c r="O766" s="1" t="s">
        <v>38</v>
      </c>
      <c r="P766" s="5" t="s">
        <v>31121</v>
      </c>
    </row>
    <row r="767" spans="1:16" x14ac:dyDescent="0.2">
      <c r="A767" s="1" t="s">
        <v>42</v>
      </c>
      <c r="B767" s="1" t="s">
        <v>966</v>
      </c>
      <c r="C767" s="1" t="s">
        <v>3002</v>
      </c>
      <c r="D767" s="1" t="s">
        <v>3003</v>
      </c>
      <c r="E767" s="1"/>
      <c r="F767" s="1" t="s">
        <v>27</v>
      </c>
      <c r="G767" s="1" t="s">
        <v>10</v>
      </c>
      <c r="H767" s="1" t="s">
        <v>3005</v>
      </c>
      <c r="I767" s="1" t="s">
        <v>2312</v>
      </c>
      <c r="J767" s="1" t="s">
        <v>19</v>
      </c>
      <c r="K767" s="1" t="s">
        <v>3004</v>
      </c>
      <c r="L767" s="1" t="s">
        <v>3001</v>
      </c>
      <c r="M767" s="1" t="s">
        <v>5</v>
      </c>
      <c r="N767" s="1" t="s">
        <v>25</v>
      </c>
      <c r="O767" s="1" t="s">
        <v>8</v>
      </c>
      <c r="P767" s="5" t="s">
        <v>29908</v>
      </c>
    </row>
    <row r="768" spans="1:16" x14ac:dyDescent="0.2">
      <c r="A768" s="1" t="s">
        <v>1385</v>
      </c>
      <c r="B768" s="1" t="s">
        <v>1687</v>
      </c>
      <c r="C768" s="1" t="s">
        <v>3007</v>
      </c>
      <c r="D768" s="1" t="s">
        <v>3008</v>
      </c>
      <c r="E768" s="1"/>
      <c r="F768" s="1" t="s">
        <v>10</v>
      </c>
      <c r="G768" s="1" t="s">
        <v>10</v>
      </c>
      <c r="H768" s="1" t="s">
        <v>10</v>
      </c>
      <c r="I768" s="1" t="s">
        <v>2312</v>
      </c>
      <c r="J768" s="1" t="s">
        <v>2316</v>
      </c>
      <c r="K768" s="1" t="s">
        <v>27</v>
      </c>
      <c r="L768" s="1" t="s">
        <v>3006</v>
      </c>
      <c r="M768" s="1" t="s">
        <v>5</v>
      </c>
      <c r="N768" s="1" t="s">
        <v>960</v>
      </c>
      <c r="O768" s="1" t="s">
        <v>38</v>
      </c>
      <c r="P768" s="5" t="s">
        <v>31099</v>
      </c>
    </row>
    <row r="769" spans="1:16" x14ac:dyDescent="0.2">
      <c r="A769" s="1" t="s">
        <v>1385</v>
      </c>
      <c r="B769" s="1" t="s">
        <v>1687</v>
      </c>
      <c r="C769" s="1" t="s">
        <v>3010</v>
      </c>
      <c r="D769" s="1" t="s">
        <v>3011</v>
      </c>
      <c r="E769" s="1"/>
      <c r="F769" s="1" t="s">
        <v>10</v>
      </c>
      <c r="G769" s="1" t="s">
        <v>10</v>
      </c>
      <c r="H769" s="1" t="s">
        <v>10</v>
      </c>
      <c r="I769" s="1" t="s">
        <v>2312</v>
      </c>
      <c r="J769" s="1" t="s">
        <v>2316</v>
      </c>
      <c r="K769" s="1" t="s">
        <v>27</v>
      </c>
      <c r="L769" s="1" t="s">
        <v>3009</v>
      </c>
      <c r="M769" s="1" t="s">
        <v>5</v>
      </c>
      <c r="N769" s="1" t="s">
        <v>960</v>
      </c>
      <c r="O769" s="1" t="s">
        <v>38</v>
      </c>
      <c r="P769" s="5" t="s">
        <v>31099</v>
      </c>
    </row>
    <row r="770" spans="1:16" x14ac:dyDescent="0.2">
      <c r="A770" s="1" t="s">
        <v>20</v>
      </c>
      <c r="B770" s="1" t="s">
        <v>253</v>
      </c>
      <c r="C770" s="1" t="s">
        <v>3013</v>
      </c>
      <c r="D770" s="1" t="s">
        <v>3014</v>
      </c>
      <c r="E770" s="1"/>
      <c r="F770" s="1" t="s">
        <v>10</v>
      </c>
      <c r="G770" s="1" t="s">
        <v>10</v>
      </c>
      <c r="H770" s="1" t="s">
        <v>10</v>
      </c>
      <c r="I770" s="1" t="s">
        <v>2312</v>
      </c>
      <c r="J770" s="1" t="s">
        <v>2438</v>
      </c>
      <c r="K770" s="1" t="s">
        <v>27</v>
      </c>
      <c r="L770" s="1" t="s">
        <v>3012</v>
      </c>
      <c r="M770" s="1" t="s">
        <v>5</v>
      </c>
      <c r="N770" s="1" t="s">
        <v>960</v>
      </c>
      <c r="O770" s="1" t="s">
        <v>38</v>
      </c>
      <c r="P770" s="5" t="s">
        <v>1184</v>
      </c>
    </row>
    <row r="771" spans="1:16" x14ac:dyDescent="0.2">
      <c r="A771" s="1" t="s">
        <v>20</v>
      </c>
      <c r="B771" s="1" t="s">
        <v>99</v>
      </c>
      <c r="C771" s="1" t="s">
        <v>3016</v>
      </c>
      <c r="D771" s="1" t="s">
        <v>3017</v>
      </c>
      <c r="E771" s="1"/>
      <c r="F771" s="1" t="s">
        <v>10</v>
      </c>
      <c r="G771" s="1" t="s">
        <v>10</v>
      </c>
      <c r="H771" s="1" t="s">
        <v>10</v>
      </c>
      <c r="I771" s="1" t="s">
        <v>2312</v>
      </c>
      <c r="J771" s="1" t="s">
        <v>2316</v>
      </c>
      <c r="K771" s="1" t="s">
        <v>7</v>
      </c>
      <c r="L771" s="1" t="s">
        <v>3015</v>
      </c>
      <c r="M771" s="1" t="s">
        <v>5</v>
      </c>
      <c r="N771" s="1" t="s">
        <v>960</v>
      </c>
      <c r="O771" s="1" t="s">
        <v>38</v>
      </c>
      <c r="P771" s="5" t="s">
        <v>1184</v>
      </c>
    </row>
    <row r="772" spans="1:16" x14ac:dyDescent="0.2">
      <c r="A772" s="1" t="s">
        <v>329</v>
      </c>
      <c r="B772" s="1" t="s">
        <v>1168</v>
      </c>
      <c r="C772" s="1" t="s">
        <v>3019</v>
      </c>
      <c r="D772" s="1" t="s">
        <v>3020</v>
      </c>
      <c r="E772" s="1"/>
      <c r="F772" s="1" t="s">
        <v>10</v>
      </c>
      <c r="G772" s="1" t="s">
        <v>10</v>
      </c>
      <c r="H772" s="1" t="s">
        <v>10</v>
      </c>
      <c r="I772" s="1" t="s">
        <v>2312</v>
      </c>
      <c r="J772" s="1" t="s">
        <v>2316</v>
      </c>
      <c r="K772" s="1" t="s">
        <v>27</v>
      </c>
      <c r="L772" s="1" t="s">
        <v>3018</v>
      </c>
      <c r="M772" s="1" t="s">
        <v>5</v>
      </c>
      <c r="N772" s="1" t="s">
        <v>960</v>
      </c>
      <c r="O772" s="1" t="s">
        <v>38</v>
      </c>
      <c r="P772" s="5" t="s">
        <v>31099</v>
      </c>
    </row>
    <row r="773" spans="1:16" x14ac:dyDescent="0.2">
      <c r="A773" s="1" t="s">
        <v>1385</v>
      </c>
      <c r="B773" s="1" t="s">
        <v>1687</v>
      </c>
      <c r="C773" s="1" t="s">
        <v>3022</v>
      </c>
      <c r="D773" s="1" t="s">
        <v>3023</v>
      </c>
      <c r="E773" s="1"/>
      <c r="F773" s="1" t="s">
        <v>10</v>
      </c>
      <c r="G773" s="1" t="s">
        <v>10</v>
      </c>
      <c r="H773" s="1" t="s">
        <v>10</v>
      </c>
      <c r="I773" s="1" t="s">
        <v>2312</v>
      </c>
      <c r="J773" s="1" t="s">
        <v>2316</v>
      </c>
      <c r="K773" s="1" t="s">
        <v>27</v>
      </c>
      <c r="L773" s="1" t="s">
        <v>3021</v>
      </c>
      <c r="M773" s="1" t="s">
        <v>5</v>
      </c>
      <c r="N773" s="1" t="s">
        <v>960</v>
      </c>
      <c r="O773" s="1" t="s">
        <v>38</v>
      </c>
      <c r="P773" s="5" t="s">
        <v>31081</v>
      </c>
    </row>
    <row r="774" spans="1:16" x14ac:dyDescent="0.2">
      <c r="A774" s="1" t="s">
        <v>1385</v>
      </c>
      <c r="B774" s="1" t="s">
        <v>1687</v>
      </c>
      <c r="C774" s="1" t="s">
        <v>3025</v>
      </c>
      <c r="D774" s="1" t="s">
        <v>3026</v>
      </c>
      <c r="E774" s="1"/>
      <c r="F774" s="1" t="s">
        <v>10</v>
      </c>
      <c r="G774" s="1" t="s">
        <v>10</v>
      </c>
      <c r="H774" s="1" t="s">
        <v>10</v>
      </c>
      <c r="I774" s="1" t="s">
        <v>2312</v>
      </c>
      <c r="J774" s="1" t="s">
        <v>2316</v>
      </c>
      <c r="K774" s="1" t="s">
        <v>27</v>
      </c>
      <c r="L774" s="1" t="s">
        <v>3024</v>
      </c>
      <c r="M774" s="1" t="s">
        <v>5</v>
      </c>
      <c r="N774" s="1" t="s">
        <v>960</v>
      </c>
      <c r="O774" s="1" t="s">
        <v>38</v>
      </c>
      <c r="P774" s="5" t="s">
        <v>31099</v>
      </c>
    </row>
    <row r="775" spans="1:16" x14ac:dyDescent="0.2">
      <c r="A775" s="1" t="s">
        <v>66</v>
      </c>
      <c r="B775" s="1" t="s">
        <v>67</v>
      </c>
      <c r="C775" s="1" t="s">
        <v>3028</v>
      </c>
      <c r="D775" s="1" t="s">
        <v>3029</v>
      </c>
      <c r="E775" s="1"/>
      <c r="F775" s="1" t="s">
        <v>10</v>
      </c>
      <c r="G775" s="1" t="s">
        <v>10</v>
      </c>
      <c r="H775" s="1" t="s">
        <v>10</v>
      </c>
      <c r="I775" s="1" t="s">
        <v>2312</v>
      </c>
      <c r="J775" s="1" t="s">
        <v>19</v>
      </c>
      <c r="K775" s="1" t="s">
        <v>7</v>
      </c>
      <c r="L775" s="1" t="s">
        <v>3027</v>
      </c>
      <c r="M775" s="1" t="s">
        <v>5</v>
      </c>
      <c r="N775" s="1" t="s">
        <v>960</v>
      </c>
      <c r="O775" s="1" t="s">
        <v>38</v>
      </c>
      <c r="P775" s="5" t="s">
        <v>31122</v>
      </c>
    </row>
    <row r="776" spans="1:16" x14ac:dyDescent="0.2">
      <c r="A776" s="1" t="s">
        <v>20</v>
      </c>
      <c r="B776" s="1" t="s">
        <v>445</v>
      </c>
      <c r="C776" s="1" t="s">
        <v>3031</v>
      </c>
      <c r="D776" s="1" t="s">
        <v>3032</v>
      </c>
      <c r="E776" s="1"/>
      <c r="F776" s="1" t="s">
        <v>10</v>
      </c>
      <c r="G776" s="1" t="s">
        <v>10</v>
      </c>
      <c r="H776" s="1" t="s">
        <v>10</v>
      </c>
      <c r="I776" s="1" t="s">
        <v>2312</v>
      </c>
      <c r="J776" s="1" t="s">
        <v>2316</v>
      </c>
      <c r="K776" s="1" t="s">
        <v>27</v>
      </c>
      <c r="L776" s="1" t="s">
        <v>3030</v>
      </c>
      <c r="M776" s="1" t="s">
        <v>5</v>
      </c>
      <c r="N776" s="1" t="s">
        <v>960</v>
      </c>
      <c r="O776" s="1" t="s">
        <v>38</v>
      </c>
      <c r="P776" s="5" t="s">
        <v>1184</v>
      </c>
    </row>
    <row r="777" spans="1:16" x14ac:dyDescent="0.2">
      <c r="A777" s="1" t="s">
        <v>1385</v>
      </c>
      <c r="B777" s="1" t="s">
        <v>1687</v>
      </c>
      <c r="C777" s="1" t="s">
        <v>3034</v>
      </c>
      <c r="D777" s="1" t="s">
        <v>3035</v>
      </c>
      <c r="E777" s="1"/>
      <c r="F777" s="1" t="s">
        <v>10</v>
      </c>
      <c r="G777" s="1" t="s">
        <v>10</v>
      </c>
      <c r="H777" s="1" t="s">
        <v>10</v>
      </c>
      <c r="I777" s="1" t="s">
        <v>2312</v>
      </c>
      <c r="J777" s="1" t="s">
        <v>2316</v>
      </c>
      <c r="K777" s="1" t="s">
        <v>27</v>
      </c>
      <c r="L777" s="1" t="s">
        <v>3033</v>
      </c>
      <c r="M777" s="1" t="s">
        <v>5</v>
      </c>
      <c r="N777" s="1" t="s">
        <v>960</v>
      </c>
      <c r="O777" s="1" t="s">
        <v>38</v>
      </c>
      <c r="P777" s="5" t="s">
        <v>31099</v>
      </c>
    </row>
    <row r="778" spans="1:16" x14ac:dyDescent="0.2">
      <c r="A778" s="1" t="s">
        <v>20</v>
      </c>
      <c r="B778" s="1" t="s">
        <v>445</v>
      </c>
      <c r="C778" s="1" t="s">
        <v>3037</v>
      </c>
      <c r="D778" s="1" t="s">
        <v>3038</v>
      </c>
      <c r="E778" s="1"/>
      <c r="F778" s="1" t="s">
        <v>10</v>
      </c>
      <c r="G778" s="1" t="s">
        <v>10</v>
      </c>
      <c r="H778" s="1" t="s">
        <v>10</v>
      </c>
      <c r="I778" s="1" t="s">
        <v>2312</v>
      </c>
      <c r="J778" s="1" t="s">
        <v>2316</v>
      </c>
      <c r="K778" s="1" t="s">
        <v>27</v>
      </c>
      <c r="L778" s="1" t="s">
        <v>3036</v>
      </c>
      <c r="M778" s="1" t="s">
        <v>5</v>
      </c>
      <c r="N778" s="1" t="s">
        <v>960</v>
      </c>
      <c r="O778" s="1" t="s">
        <v>38</v>
      </c>
      <c r="P778" s="5" t="s">
        <v>1184</v>
      </c>
    </row>
    <row r="779" spans="1:16" x14ac:dyDescent="0.2">
      <c r="A779" s="1" t="s">
        <v>329</v>
      </c>
      <c r="B779" s="1" t="s">
        <v>1168</v>
      </c>
      <c r="C779" s="1" t="s">
        <v>3040</v>
      </c>
      <c r="D779" s="1" t="s">
        <v>3041</v>
      </c>
      <c r="E779" s="1"/>
      <c r="F779" s="1" t="s">
        <v>10</v>
      </c>
      <c r="G779" s="1" t="s">
        <v>10</v>
      </c>
      <c r="H779" s="1" t="s">
        <v>10</v>
      </c>
      <c r="I779" s="1" t="s">
        <v>2312</v>
      </c>
      <c r="J779" s="1" t="s">
        <v>2316</v>
      </c>
      <c r="K779" s="1" t="s">
        <v>27</v>
      </c>
      <c r="L779" s="1" t="s">
        <v>3039</v>
      </c>
      <c r="M779" s="1" t="s">
        <v>5</v>
      </c>
      <c r="N779" s="1" t="s">
        <v>960</v>
      </c>
      <c r="O779" s="1" t="s">
        <v>38</v>
      </c>
      <c r="P779" s="5" t="s">
        <v>1184</v>
      </c>
    </row>
    <row r="780" spans="1:16" x14ac:dyDescent="0.2">
      <c r="A780" s="1" t="s">
        <v>329</v>
      </c>
      <c r="B780" s="1" t="s">
        <v>1168</v>
      </c>
      <c r="C780" s="1" t="s">
        <v>3043</v>
      </c>
      <c r="D780" s="1" t="s">
        <v>3044</v>
      </c>
      <c r="E780" s="1"/>
      <c r="F780" s="1" t="s">
        <v>10</v>
      </c>
      <c r="G780" s="1" t="s">
        <v>10</v>
      </c>
      <c r="H780" s="1" t="s">
        <v>10</v>
      </c>
      <c r="I780" s="1" t="s">
        <v>2312</v>
      </c>
      <c r="J780" s="1" t="s">
        <v>2316</v>
      </c>
      <c r="K780" s="1" t="s">
        <v>27</v>
      </c>
      <c r="L780" s="1" t="s">
        <v>3042</v>
      </c>
      <c r="M780" s="1" t="s">
        <v>5</v>
      </c>
      <c r="N780" s="1" t="s">
        <v>960</v>
      </c>
      <c r="O780" s="1" t="s">
        <v>38</v>
      </c>
      <c r="P780" s="5" t="s">
        <v>1184</v>
      </c>
    </row>
    <row r="781" spans="1:16" x14ac:dyDescent="0.2">
      <c r="A781" s="1" t="s">
        <v>329</v>
      </c>
      <c r="B781" s="1" t="s">
        <v>1168</v>
      </c>
      <c r="C781" s="1" t="s">
        <v>3046</v>
      </c>
      <c r="D781" s="1" t="s">
        <v>3047</v>
      </c>
      <c r="E781" s="1"/>
      <c r="F781" s="1" t="s">
        <v>10</v>
      </c>
      <c r="G781" s="1" t="s">
        <v>10</v>
      </c>
      <c r="H781" s="1" t="s">
        <v>10</v>
      </c>
      <c r="I781" s="1" t="s">
        <v>2312</v>
      </c>
      <c r="J781" s="1" t="s">
        <v>2316</v>
      </c>
      <c r="K781" s="1" t="s">
        <v>27</v>
      </c>
      <c r="L781" s="1" t="s">
        <v>3045</v>
      </c>
      <c r="M781" s="1" t="s">
        <v>5</v>
      </c>
      <c r="N781" s="1" t="s">
        <v>960</v>
      </c>
      <c r="O781" s="1" t="s">
        <v>38</v>
      </c>
      <c r="P781" s="5" t="s">
        <v>1184</v>
      </c>
    </row>
    <row r="782" spans="1:16" x14ac:dyDescent="0.2">
      <c r="A782" s="1" t="s">
        <v>329</v>
      </c>
      <c r="B782" s="1" t="s">
        <v>1168</v>
      </c>
      <c r="C782" s="1" t="s">
        <v>3049</v>
      </c>
      <c r="D782" s="1" t="s">
        <v>3050</v>
      </c>
      <c r="E782" s="1"/>
      <c r="F782" s="1" t="s">
        <v>10</v>
      </c>
      <c r="G782" s="1" t="s">
        <v>10</v>
      </c>
      <c r="H782" s="1" t="s">
        <v>10</v>
      </c>
      <c r="I782" s="1" t="s">
        <v>2312</v>
      </c>
      <c r="J782" s="1" t="s">
        <v>2316</v>
      </c>
      <c r="K782" s="1" t="s">
        <v>27</v>
      </c>
      <c r="L782" s="1" t="s">
        <v>3048</v>
      </c>
      <c r="M782" s="1" t="s">
        <v>5</v>
      </c>
      <c r="N782" s="1" t="s">
        <v>960</v>
      </c>
      <c r="O782" s="1" t="s">
        <v>38</v>
      </c>
      <c r="P782" s="5" t="s">
        <v>31099</v>
      </c>
    </row>
    <row r="783" spans="1:16" x14ac:dyDescent="0.2">
      <c r="A783" s="1" t="s">
        <v>20</v>
      </c>
      <c r="B783" s="1" t="s">
        <v>172</v>
      </c>
      <c r="C783" s="1" t="s">
        <v>3052</v>
      </c>
      <c r="D783" s="1" t="s">
        <v>3053</v>
      </c>
      <c r="E783" s="1"/>
      <c r="F783" s="1" t="s">
        <v>10</v>
      </c>
      <c r="G783" s="1" t="s">
        <v>10</v>
      </c>
      <c r="H783" s="1" t="s">
        <v>10</v>
      </c>
      <c r="I783" s="1" t="s">
        <v>2312</v>
      </c>
      <c r="J783" s="1" t="s">
        <v>2316</v>
      </c>
      <c r="K783" s="1" t="s">
        <v>7</v>
      </c>
      <c r="L783" s="1" t="s">
        <v>3051</v>
      </c>
      <c r="M783" s="1" t="s">
        <v>5</v>
      </c>
      <c r="N783" s="1" t="s">
        <v>960</v>
      </c>
      <c r="O783" s="1" t="s">
        <v>38</v>
      </c>
      <c r="P783" s="5" t="s">
        <v>31099</v>
      </c>
    </row>
    <row r="784" spans="1:16" x14ac:dyDescent="0.2">
      <c r="A784" s="1" t="s">
        <v>329</v>
      </c>
      <c r="B784" s="1" t="s">
        <v>1168</v>
      </c>
      <c r="C784" s="1" t="s">
        <v>3055</v>
      </c>
      <c r="D784" s="1" t="s">
        <v>3056</v>
      </c>
      <c r="E784" s="1"/>
      <c r="F784" s="1" t="s">
        <v>10</v>
      </c>
      <c r="G784" s="1" t="s">
        <v>10</v>
      </c>
      <c r="H784" s="1" t="s">
        <v>10</v>
      </c>
      <c r="I784" s="1" t="s">
        <v>2312</v>
      </c>
      <c r="J784" s="1" t="s">
        <v>2316</v>
      </c>
      <c r="K784" s="1" t="s">
        <v>27</v>
      </c>
      <c r="L784" s="1" t="s">
        <v>3054</v>
      </c>
      <c r="M784" s="1" t="s">
        <v>5</v>
      </c>
      <c r="N784" s="1" t="s">
        <v>960</v>
      </c>
      <c r="O784" s="1" t="s">
        <v>38</v>
      </c>
      <c r="P784" s="5" t="s">
        <v>1184</v>
      </c>
    </row>
    <row r="785" spans="1:16" x14ac:dyDescent="0.2">
      <c r="A785" s="1" t="s">
        <v>20</v>
      </c>
      <c r="B785" s="1" t="s">
        <v>253</v>
      </c>
      <c r="C785" s="1" t="s">
        <v>3058</v>
      </c>
      <c r="D785" s="1" t="s">
        <v>3059</v>
      </c>
      <c r="E785" s="1"/>
      <c r="F785" s="1" t="s">
        <v>10</v>
      </c>
      <c r="G785" s="1" t="s">
        <v>10</v>
      </c>
      <c r="H785" s="1" t="s">
        <v>10</v>
      </c>
      <c r="I785" s="1" t="s">
        <v>2312</v>
      </c>
      <c r="J785" s="1" t="s">
        <v>2363</v>
      </c>
      <c r="K785" s="1" t="s">
        <v>64</v>
      </c>
      <c r="L785" s="1" t="s">
        <v>3057</v>
      </c>
      <c r="M785" s="1" t="s">
        <v>5</v>
      </c>
      <c r="N785" s="1" t="s">
        <v>960</v>
      </c>
      <c r="O785" s="1" t="s">
        <v>38</v>
      </c>
      <c r="P785" s="5" t="s">
        <v>31099</v>
      </c>
    </row>
    <row r="786" spans="1:16" x14ac:dyDescent="0.2">
      <c r="A786" s="1" t="s">
        <v>1385</v>
      </c>
      <c r="B786" s="1" t="s">
        <v>1687</v>
      </c>
      <c r="C786" s="1" t="s">
        <v>3061</v>
      </c>
      <c r="D786" s="1" t="s">
        <v>3062</v>
      </c>
      <c r="E786" s="1"/>
      <c r="F786" s="1" t="s">
        <v>10</v>
      </c>
      <c r="G786" s="1" t="s">
        <v>10</v>
      </c>
      <c r="H786" s="1" t="s">
        <v>10</v>
      </c>
      <c r="I786" s="1" t="s">
        <v>2312</v>
      </c>
      <c r="J786" s="1" t="s">
        <v>2316</v>
      </c>
      <c r="K786" s="1" t="s">
        <v>27</v>
      </c>
      <c r="L786" s="1" t="s">
        <v>3060</v>
      </c>
      <c r="M786" s="1" t="s">
        <v>5</v>
      </c>
      <c r="N786" s="1" t="s">
        <v>960</v>
      </c>
      <c r="O786" s="1" t="s">
        <v>38</v>
      </c>
      <c r="P786" s="5" t="s">
        <v>31099</v>
      </c>
    </row>
    <row r="787" spans="1:16" x14ac:dyDescent="0.2">
      <c r="A787" s="1" t="s">
        <v>329</v>
      </c>
      <c r="B787" s="1" t="s">
        <v>1168</v>
      </c>
      <c r="C787" s="1" t="s">
        <v>3064</v>
      </c>
      <c r="D787" s="1" t="s">
        <v>3065</v>
      </c>
      <c r="E787" s="1"/>
      <c r="F787" s="1" t="s">
        <v>10</v>
      </c>
      <c r="G787" s="1" t="s">
        <v>10</v>
      </c>
      <c r="H787" s="1" t="s">
        <v>10</v>
      </c>
      <c r="I787" s="1" t="s">
        <v>2312</v>
      </c>
      <c r="J787" s="1" t="s">
        <v>2316</v>
      </c>
      <c r="K787" s="1" t="s">
        <v>27</v>
      </c>
      <c r="L787" s="1" t="s">
        <v>3063</v>
      </c>
      <c r="M787" s="1" t="s">
        <v>5</v>
      </c>
      <c r="N787" s="1" t="s">
        <v>960</v>
      </c>
      <c r="O787" s="1" t="s">
        <v>38</v>
      </c>
      <c r="P787" s="5" t="s">
        <v>31099</v>
      </c>
    </row>
    <row r="788" spans="1:16" x14ac:dyDescent="0.2">
      <c r="A788" s="1" t="s">
        <v>329</v>
      </c>
      <c r="B788" s="1" t="s">
        <v>1168</v>
      </c>
      <c r="C788" s="1" t="s">
        <v>3067</v>
      </c>
      <c r="D788" s="1" t="s">
        <v>3068</v>
      </c>
      <c r="E788" s="1"/>
      <c r="F788" s="1" t="s">
        <v>10</v>
      </c>
      <c r="G788" s="1" t="s">
        <v>10</v>
      </c>
      <c r="H788" s="1" t="s">
        <v>10</v>
      </c>
      <c r="I788" s="1" t="s">
        <v>2312</v>
      </c>
      <c r="J788" s="1" t="s">
        <v>2316</v>
      </c>
      <c r="K788" s="1" t="s">
        <v>27</v>
      </c>
      <c r="L788" s="1" t="s">
        <v>3066</v>
      </c>
      <c r="M788" s="1" t="s">
        <v>5</v>
      </c>
      <c r="N788" s="1" t="s">
        <v>960</v>
      </c>
      <c r="O788" s="1" t="s">
        <v>38</v>
      </c>
      <c r="P788" s="5" t="s">
        <v>31099</v>
      </c>
    </row>
    <row r="789" spans="1:16" x14ac:dyDescent="0.2">
      <c r="A789" s="1" t="s">
        <v>20</v>
      </c>
      <c r="B789" s="1" t="s">
        <v>132</v>
      </c>
      <c r="C789" s="1" t="s">
        <v>3070</v>
      </c>
      <c r="D789" s="1" t="s">
        <v>3071</v>
      </c>
      <c r="E789" s="1"/>
      <c r="F789" s="1" t="s">
        <v>10</v>
      </c>
      <c r="G789" s="1" t="s">
        <v>10</v>
      </c>
      <c r="H789" s="1" t="s">
        <v>10</v>
      </c>
      <c r="I789" s="1" t="s">
        <v>2312</v>
      </c>
      <c r="J789" s="1" t="s">
        <v>2316</v>
      </c>
      <c r="K789" s="1" t="s">
        <v>27</v>
      </c>
      <c r="L789" s="1" t="s">
        <v>3069</v>
      </c>
      <c r="M789" s="1" t="s">
        <v>5</v>
      </c>
      <c r="N789" s="1" t="s">
        <v>960</v>
      </c>
      <c r="O789" s="1" t="s">
        <v>38</v>
      </c>
      <c r="P789" s="5" t="s">
        <v>1184</v>
      </c>
    </row>
    <row r="790" spans="1:16" x14ac:dyDescent="0.2">
      <c r="A790" s="1" t="s">
        <v>329</v>
      </c>
      <c r="B790" s="1" t="s">
        <v>1168</v>
      </c>
      <c r="C790" s="1" t="s">
        <v>3073</v>
      </c>
      <c r="D790" s="1" t="s">
        <v>3074</v>
      </c>
      <c r="E790" s="1"/>
      <c r="F790" s="1" t="s">
        <v>10</v>
      </c>
      <c r="G790" s="1" t="s">
        <v>10</v>
      </c>
      <c r="H790" s="1" t="s">
        <v>10</v>
      </c>
      <c r="I790" s="1" t="s">
        <v>2312</v>
      </c>
      <c r="J790" s="1" t="s">
        <v>2316</v>
      </c>
      <c r="K790" s="1" t="s">
        <v>27</v>
      </c>
      <c r="L790" s="1" t="s">
        <v>3072</v>
      </c>
      <c r="M790" s="1" t="s">
        <v>5</v>
      </c>
      <c r="N790" s="1" t="s">
        <v>960</v>
      </c>
      <c r="O790" s="1" t="s">
        <v>38</v>
      </c>
      <c r="P790" s="5" t="s">
        <v>31099</v>
      </c>
    </row>
    <row r="791" spans="1:16" x14ac:dyDescent="0.2">
      <c r="A791" s="1" t="s">
        <v>329</v>
      </c>
      <c r="B791" s="1" t="s">
        <v>1168</v>
      </c>
      <c r="C791" s="1" t="s">
        <v>3076</v>
      </c>
      <c r="D791" s="1" t="s">
        <v>3077</v>
      </c>
      <c r="E791" s="1"/>
      <c r="F791" s="1" t="s">
        <v>10</v>
      </c>
      <c r="G791" s="1" t="s">
        <v>10</v>
      </c>
      <c r="H791" s="1" t="s">
        <v>10</v>
      </c>
      <c r="I791" s="1" t="s">
        <v>2312</v>
      </c>
      <c r="J791" s="1" t="s">
        <v>2316</v>
      </c>
      <c r="K791" s="1" t="s">
        <v>64</v>
      </c>
      <c r="L791" s="1" t="s">
        <v>3075</v>
      </c>
      <c r="M791" s="1" t="s">
        <v>5</v>
      </c>
      <c r="N791" s="1" t="s">
        <v>960</v>
      </c>
      <c r="O791" s="1" t="s">
        <v>38</v>
      </c>
      <c r="P791" s="5" t="s">
        <v>31099</v>
      </c>
    </row>
    <row r="792" spans="1:16" x14ac:dyDescent="0.2">
      <c r="A792" s="1" t="s">
        <v>329</v>
      </c>
      <c r="B792" s="1" t="s">
        <v>1168</v>
      </c>
      <c r="C792" s="1" t="s">
        <v>3079</v>
      </c>
      <c r="D792" s="1" t="s">
        <v>3080</v>
      </c>
      <c r="E792" s="1"/>
      <c r="F792" s="1" t="s">
        <v>10</v>
      </c>
      <c r="G792" s="1" t="s">
        <v>10</v>
      </c>
      <c r="H792" s="1" t="s">
        <v>10</v>
      </c>
      <c r="I792" s="1" t="s">
        <v>2312</v>
      </c>
      <c r="J792" s="1" t="s">
        <v>2316</v>
      </c>
      <c r="K792" s="1" t="s">
        <v>27</v>
      </c>
      <c r="L792" s="1" t="s">
        <v>3078</v>
      </c>
      <c r="M792" s="1" t="s">
        <v>5</v>
      </c>
      <c r="N792" s="1" t="s">
        <v>960</v>
      </c>
      <c r="O792" s="1" t="s">
        <v>38</v>
      </c>
      <c r="P792" s="5" t="s">
        <v>1184</v>
      </c>
    </row>
    <row r="793" spans="1:16" x14ac:dyDescent="0.2">
      <c r="A793" s="1" t="s">
        <v>329</v>
      </c>
      <c r="B793" s="1" t="s">
        <v>1168</v>
      </c>
      <c r="C793" s="1" t="s">
        <v>3082</v>
      </c>
      <c r="D793" s="1" t="s">
        <v>3083</v>
      </c>
      <c r="E793" s="1"/>
      <c r="F793" s="1" t="s">
        <v>10</v>
      </c>
      <c r="G793" s="1" t="s">
        <v>10</v>
      </c>
      <c r="H793" s="1" t="s">
        <v>10</v>
      </c>
      <c r="I793" s="1" t="s">
        <v>2312</v>
      </c>
      <c r="J793" s="1" t="s">
        <v>2316</v>
      </c>
      <c r="K793" s="1" t="s">
        <v>64</v>
      </c>
      <c r="L793" s="1" t="s">
        <v>3081</v>
      </c>
      <c r="M793" s="1" t="s">
        <v>5</v>
      </c>
      <c r="N793" s="1" t="s">
        <v>960</v>
      </c>
      <c r="O793" s="1" t="s">
        <v>38</v>
      </c>
      <c r="P793" s="5" t="s">
        <v>31099</v>
      </c>
    </row>
    <row r="794" spans="1:16" x14ac:dyDescent="0.2">
      <c r="A794" s="1" t="s">
        <v>1385</v>
      </c>
      <c r="B794" s="1" t="s">
        <v>1687</v>
      </c>
      <c r="C794" s="1" t="s">
        <v>3085</v>
      </c>
      <c r="D794" s="1" t="s">
        <v>3086</v>
      </c>
      <c r="E794" s="1"/>
      <c r="F794" s="1" t="s">
        <v>10</v>
      </c>
      <c r="G794" s="1" t="s">
        <v>10</v>
      </c>
      <c r="H794" s="1" t="s">
        <v>10</v>
      </c>
      <c r="I794" s="1" t="s">
        <v>2312</v>
      </c>
      <c r="J794" s="1" t="s">
        <v>2316</v>
      </c>
      <c r="K794" s="1" t="s">
        <v>27</v>
      </c>
      <c r="L794" s="1" t="s">
        <v>3084</v>
      </c>
      <c r="M794" s="1" t="s">
        <v>5</v>
      </c>
      <c r="N794" s="1" t="s">
        <v>960</v>
      </c>
      <c r="O794" s="1" t="s">
        <v>38</v>
      </c>
      <c r="P794" s="5" t="s">
        <v>31099</v>
      </c>
    </row>
    <row r="795" spans="1:16" x14ac:dyDescent="0.2">
      <c r="A795" s="1" t="s">
        <v>20</v>
      </c>
      <c r="B795" s="1" t="s">
        <v>445</v>
      </c>
      <c r="C795" s="1" t="s">
        <v>3088</v>
      </c>
      <c r="D795" s="1" t="s">
        <v>3089</v>
      </c>
      <c r="E795" s="1"/>
      <c r="F795" s="1" t="s">
        <v>10</v>
      </c>
      <c r="G795" s="1" t="s">
        <v>10</v>
      </c>
      <c r="H795" s="1" t="s">
        <v>10</v>
      </c>
      <c r="I795" s="1" t="s">
        <v>2312</v>
      </c>
      <c r="J795" s="1" t="s">
        <v>2316</v>
      </c>
      <c r="K795" s="1" t="s">
        <v>7</v>
      </c>
      <c r="L795" s="1" t="s">
        <v>3087</v>
      </c>
      <c r="M795" s="1" t="s">
        <v>5</v>
      </c>
      <c r="N795" s="1" t="s">
        <v>25</v>
      </c>
      <c r="O795" s="1" t="s">
        <v>38</v>
      </c>
      <c r="P795" s="5" t="s">
        <v>32706</v>
      </c>
    </row>
    <row r="796" spans="1:16" x14ac:dyDescent="0.2">
      <c r="A796" s="1" t="s">
        <v>66</v>
      </c>
      <c r="B796" s="1" t="s">
        <v>212</v>
      </c>
      <c r="C796" s="1" t="s">
        <v>3091</v>
      </c>
      <c r="D796" s="1" t="s">
        <v>3092</v>
      </c>
      <c r="E796" s="1"/>
      <c r="F796" s="1" t="s">
        <v>10</v>
      </c>
      <c r="G796" s="1" t="s">
        <v>10</v>
      </c>
      <c r="H796" s="1" t="s">
        <v>10</v>
      </c>
      <c r="I796" s="1" t="s">
        <v>2312</v>
      </c>
      <c r="J796" s="1" t="s">
        <v>2316</v>
      </c>
      <c r="K796" s="1" t="s">
        <v>27</v>
      </c>
      <c r="L796" s="1" t="s">
        <v>3090</v>
      </c>
      <c r="M796" s="1" t="s">
        <v>5</v>
      </c>
      <c r="N796" s="1" t="s">
        <v>960</v>
      </c>
      <c r="O796" s="1" t="s">
        <v>38</v>
      </c>
      <c r="P796" s="5" t="s">
        <v>1184</v>
      </c>
    </row>
    <row r="797" spans="1:16" x14ac:dyDescent="0.2">
      <c r="A797" s="1" t="s">
        <v>329</v>
      </c>
      <c r="B797" s="1" t="s">
        <v>1168</v>
      </c>
      <c r="C797" s="1" t="s">
        <v>3094</v>
      </c>
      <c r="D797" s="1" t="s">
        <v>3095</v>
      </c>
      <c r="E797" s="1"/>
      <c r="F797" s="1" t="s">
        <v>10</v>
      </c>
      <c r="G797" s="1" t="s">
        <v>10</v>
      </c>
      <c r="H797" s="1" t="s">
        <v>10</v>
      </c>
      <c r="I797" s="1" t="s">
        <v>2312</v>
      </c>
      <c r="J797" s="1" t="s">
        <v>2316</v>
      </c>
      <c r="K797" s="1" t="s">
        <v>27</v>
      </c>
      <c r="L797" s="1" t="s">
        <v>3093</v>
      </c>
      <c r="M797" s="1" t="s">
        <v>5</v>
      </c>
      <c r="N797" s="1" t="s">
        <v>960</v>
      </c>
      <c r="O797" s="1" t="s">
        <v>38</v>
      </c>
      <c r="P797" s="5" t="s">
        <v>31099</v>
      </c>
    </row>
    <row r="798" spans="1:16" x14ac:dyDescent="0.2">
      <c r="A798" s="1" t="s">
        <v>20</v>
      </c>
      <c r="B798" s="1" t="s">
        <v>101</v>
      </c>
      <c r="C798" s="1" t="s">
        <v>3097</v>
      </c>
      <c r="D798" s="1" t="s">
        <v>3098</v>
      </c>
      <c r="E798" s="1"/>
      <c r="F798" s="1" t="s">
        <v>10</v>
      </c>
      <c r="G798" s="1" t="s">
        <v>10</v>
      </c>
      <c r="H798" s="1" t="s">
        <v>10</v>
      </c>
      <c r="I798" s="1" t="s">
        <v>2312</v>
      </c>
      <c r="J798" s="1" t="s">
        <v>2348</v>
      </c>
      <c r="K798" s="1" t="s">
        <v>27</v>
      </c>
      <c r="L798" s="1" t="s">
        <v>3096</v>
      </c>
      <c r="M798" s="1" t="s">
        <v>5</v>
      </c>
      <c r="N798" s="1" t="s">
        <v>960</v>
      </c>
      <c r="O798" s="1" t="s">
        <v>38</v>
      </c>
      <c r="P798" s="5" t="s">
        <v>31123</v>
      </c>
    </row>
    <row r="799" spans="1:16" x14ac:dyDescent="0.2">
      <c r="A799" s="1" t="s">
        <v>20</v>
      </c>
      <c r="B799" s="1" t="s">
        <v>172</v>
      </c>
      <c r="C799" s="1" t="s">
        <v>3100</v>
      </c>
      <c r="D799" s="1" t="s">
        <v>3101</v>
      </c>
      <c r="E799" s="1"/>
      <c r="F799" s="1" t="s">
        <v>10</v>
      </c>
      <c r="G799" s="1" t="s">
        <v>10</v>
      </c>
      <c r="H799" s="1" t="s">
        <v>10</v>
      </c>
      <c r="I799" s="1" t="s">
        <v>2312</v>
      </c>
      <c r="J799" s="1" t="s">
        <v>2316</v>
      </c>
      <c r="K799" s="1" t="s">
        <v>27</v>
      </c>
      <c r="L799" s="1" t="s">
        <v>3099</v>
      </c>
      <c r="M799" s="1" t="s">
        <v>5</v>
      </c>
      <c r="N799" s="1" t="s">
        <v>960</v>
      </c>
      <c r="O799" s="1" t="s">
        <v>38</v>
      </c>
      <c r="P799" s="5" t="s">
        <v>1184</v>
      </c>
    </row>
    <row r="800" spans="1:16" x14ac:dyDescent="0.2">
      <c r="A800" s="1" t="s">
        <v>20</v>
      </c>
      <c r="B800" s="1" t="s">
        <v>93</v>
      </c>
      <c r="C800" s="1" t="s">
        <v>3103</v>
      </c>
      <c r="D800" s="1" t="s">
        <v>3104</v>
      </c>
      <c r="E800" s="1" t="s">
        <v>3105</v>
      </c>
      <c r="F800" s="1" t="s">
        <v>10</v>
      </c>
      <c r="G800" s="1" t="s">
        <v>10</v>
      </c>
      <c r="H800" s="1" t="s">
        <v>10</v>
      </c>
      <c r="I800" s="1" t="s">
        <v>2312</v>
      </c>
      <c r="J800" s="1" t="s">
        <v>2316</v>
      </c>
      <c r="K800" s="1" t="s">
        <v>1468</v>
      </c>
      <c r="L800" s="1" t="s">
        <v>3102</v>
      </c>
      <c r="M800" s="1" t="s">
        <v>5</v>
      </c>
      <c r="N800" s="1" t="s">
        <v>960</v>
      </c>
      <c r="O800" s="1" t="s">
        <v>38</v>
      </c>
      <c r="P800" s="5" t="s">
        <v>1184</v>
      </c>
    </row>
    <row r="801" spans="1:16" x14ac:dyDescent="0.2">
      <c r="A801" s="1" t="s">
        <v>20</v>
      </c>
      <c r="B801" s="1" t="s">
        <v>93</v>
      </c>
      <c r="C801" s="1" t="s">
        <v>3107</v>
      </c>
      <c r="D801" s="1" t="s">
        <v>3108</v>
      </c>
      <c r="E801" s="1"/>
      <c r="F801" s="1" t="s">
        <v>10</v>
      </c>
      <c r="G801" s="1" t="s">
        <v>10</v>
      </c>
      <c r="H801" s="1" t="s">
        <v>10</v>
      </c>
      <c r="I801" s="1" t="s">
        <v>2312</v>
      </c>
      <c r="J801" s="1" t="s">
        <v>2316</v>
      </c>
      <c r="K801" s="1" t="s">
        <v>1468</v>
      </c>
      <c r="L801" s="1" t="s">
        <v>3106</v>
      </c>
      <c r="M801" s="1" t="s">
        <v>5</v>
      </c>
      <c r="N801" s="1" t="s">
        <v>960</v>
      </c>
      <c r="O801" s="1" t="s">
        <v>38</v>
      </c>
      <c r="P801" s="5" t="s">
        <v>1184</v>
      </c>
    </row>
    <row r="802" spans="1:16" x14ac:dyDescent="0.2">
      <c r="A802" s="1" t="s">
        <v>20</v>
      </c>
      <c r="B802" s="1" t="s">
        <v>93</v>
      </c>
      <c r="C802" s="1" t="s">
        <v>3110</v>
      </c>
      <c r="D802" s="1" t="s">
        <v>3111</v>
      </c>
      <c r="E802" s="1"/>
      <c r="F802" s="1" t="s">
        <v>10</v>
      </c>
      <c r="G802" s="1" t="s">
        <v>10</v>
      </c>
      <c r="H802" s="1" t="s">
        <v>10</v>
      </c>
      <c r="I802" s="1" t="s">
        <v>2312</v>
      </c>
      <c r="J802" s="1" t="s">
        <v>2316</v>
      </c>
      <c r="K802" s="1" t="s">
        <v>1468</v>
      </c>
      <c r="L802" s="1" t="s">
        <v>3109</v>
      </c>
      <c r="M802" s="1" t="s">
        <v>5</v>
      </c>
      <c r="N802" s="1" t="s">
        <v>960</v>
      </c>
      <c r="O802" s="1" t="s">
        <v>38</v>
      </c>
      <c r="P802" s="5" t="s">
        <v>1184</v>
      </c>
    </row>
    <row r="803" spans="1:16" x14ac:dyDescent="0.2">
      <c r="A803" s="1" t="s">
        <v>66</v>
      </c>
      <c r="B803" s="1" t="s">
        <v>574</v>
      </c>
      <c r="C803" s="1" t="s">
        <v>3113</v>
      </c>
      <c r="D803" s="1" t="s">
        <v>3114</v>
      </c>
      <c r="E803" s="1"/>
      <c r="F803" s="1" t="s">
        <v>10</v>
      </c>
      <c r="G803" s="1" t="s">
        <v>10</v>
      </c>
      <c r="H803" s="1" t="s">
        <v>10</v>
      </c>
      <c r="I803" s="1" t="s">
        <v>2312</v>
      </c>
      <c r="J803" s="1" t="s">
        <v>2316</v>
      </c>
      <c r="K803" s="1" t="s">
        <v>7</v>
      </c>
      <c r="L803" s="1" t="s">
        <v>3112</v>
      </c>
      <c r="M803" s="1" t="s">
        <v>5</v>
      </c>
      <c r="N803" s="1" t="s">
        <v>960</v>
      </c>
      <c r="O803" s="1" t="s">
        <v>38</v>
      </c>
      <c r="P803" s="5" t="s">
        <v>31099</v>
      </c>
    </row>
    <row r="804" spans="1:16" x14ac:dyDescent="0.2">
      <c r="A804" s="1" t="s">
        <v>487</v>
      </c>
      <c r="B804" s="1" t="s">
        <v>765</v>
      </c>
      <c r="C804" s="1" t="s">
        <v>3116</v>
      </c>
      <c r="D804" s="1" t="s">
        <v>3117</v>
      </c>
      <c r="E804" s="1"/>
      <c r="F804" s="1" t="s">
        <v>10</v>
      </c>
      <c r="G804" s="1" t="s">
        <v>10</v>
      </c>
      <c r="H804" s="1" t="s">
        <v>10</v>
      </c>
      <c r="I804" s="1" t="s">
        <v>2312</v>
      </c>
      <c r="J804" s="1" t="s">
        <v>2316</v>
      </c>
      <c r="K804" s="1" t="s">
        <v>64</v>
      </c>
      <c r="L804" s="1" t="s">
        <v>3115</v>
      </c>
      <c r="M804" s="1" t="s">
        <v>5</v>
      </c>
      <c r="N804" s="1" t="s">
        <v>960</v>
      </c>
      <c r="O804" s="1" t="s">
        <v>38</v>
      </c>
      <c r="P804" s="5" t="s">
        <v>31081</v>
      </c>
    </row>
    <row r="805" spans="1:16" x14ac:dyDescent="0.2">
      <c r="A805" s="1" t="s">
        <v>66</v>
      </c>
      <c r="B805" s="1" t="s">
        <v>212</v>
      </c>
      <c r="C805" s="1" t="s">
        <v>3119</v>
      </c>
      <c r="D805" s="1" t="s">
        <v>3120</v>
      </c>
      <c r="E805" s="1"/>
      <c r="F805" s="1" t="s">
        <v>10</v>
      </c>
      <c r="G805" s="1" t="s">
        <v>10</v>
      </c>
      <c r="H805" s="1" t="s">
        <v>10</v>
      </c>
      <c r="I805" s="1" t="s">
        <v>2312</v>
      </c>
      <c r="J805" s="1" t="s">
        <v>2375</v>
      </c>
      <c r="K805" s="1" t="s">
        <v>27</v>
      </c>
      <c r="L805" s="1" t="s">
        <v>3118</v>
      </c>
      <c r="M805" s="1" t="s">
        <v>5</v>
      </c>
      <c r="N805" s="1" t="s">
        <v>960</v>
      </c>
      <c r="O805" s="1" t="s">
        <v>38</v>
      </c>
      <c r="P805" s="5" t="s">
        <v>32713</v>
      </c>
    </row>
    <row r="806" spans="1:16" x14ac:dyDescent="0.2">
      <c r="A806" s="1" t="s">
        <v>66</v>
      </c>
      <c r="B806" s="1" t="s">
        <v>212</v>
      </c>
      <c r="C806" s="1" t="s">
        <v>3122</v>
      </c>
      <c r="D806" s="1" t="s">
        <v>3123</v>
      </c>
      <c r="E806" s="1" t="s">
        <v>3124</v>
      </c>
      <c r="F806" s="1" t="s">
        <v>10</v>
      </c>
      <c r="G806" s="1" t="s">
        <v>10</v>
      </c>
      <c r="H806" s="1" t="s">
        <v>10</v>
      </c>
      <c r="I806" s="1" t="s">
        <v>2312</v>
      </c>
      <c r="J806" s="1" t="s">
        <v>2375</v>
      </c>
      <c r="K806" s="1" t="s">
        <v>1548</v>
      </c>
      <c r="L806" s="1" t="s">
        <v>3121</v>
      </c>
      <c r="M806" s="1" t="s">
        <v>5</v>
      </c>
      <c r="N806" s="1" t="s">
        <v>960</v>
      </c>
      <c r="O806" s="1" t="s">
        <v>38</v>
      </c>
      <c r="P806" s="5" t="s">
        <v>32713</v>
      </c>
    </row>
    <row r="807" spans="1:16" x14ac:dyDescent="0.2">
      <c r="A807" s="1" t="s">
        <v>32</v>
      </c>
      <c r="B807" s="1" t="s">
        <v>140</v>
      </c>
      <c r="C807" s="1" t="s">
        <v>3126</v>
      </c>
      <c r="D807" s="1" t="s">
        <v>3126</v>
      </c>
      <c r="E807" s="1" t="s">
        <v>3127</v>
      </c>
      <c r="F807" s="1" t="s">
        <v>27</v>
      </c>
      <c r="G807" s="1" t="s">
        <v>10</v>
      </c>
      <c r="H807" s="1" t="s">
        <v>3128</v>
      </c>
      <c r="I807" s="1" t="s">
        <v>2312</v>
      </c>
      <c r="J807" s="1" t="s">
        <v>19</v>
      </c>
      <c r="K807" s="1" t="s">
        <v>64</v>
      </c>
      <c r="L807" s="1" t="s">
        <v>3125</v>
      </c>
      <c r="M807" s="1" t="s">
        <v>5</v>
      </c>
      <c r="N807" s="1" t="s">
        <v>1009</v>
      </c>
      <c r="O807" s="1" t="s">
        <v>8</v>
      </c>
      <c r="P807" s="5" t="s">
        <v>32714</v>
      </c>
    </row>
    <row r="808" spans="1:16" x14ac:dyDescent="0.2">
      <c r="A808" s="1" t="s">
        <v>20</v>
      </c>
      <c r="B808" s="1" t="s">
        <v>253</v>
      </c>
      <c r="C808" s="1" t="s">
        <v>3130</v>
      </c>
      <c r="D808" s="1" t="s">
        <v>3131</v>
      </c>
      <c r="E808" s="1"/>
      <c r="F808" s="1" t="s">
        <v>10</v>
      </c>
      <c r="G808" s="1" t="s">
        <v>10</v>
      </c>
      <c r="H808" s="1" t="s">
        <v>10</v>
      </c>
      <c r="I808" s="1" t="s">
        <v>2312</v>
      </c>
      <c r="J808" s="1" t="s">
        <v>2438</v>
      </c>
      <c r="K808" s="1" t="s">
        <v>27</v>
      </c>
      <c r="L808" s="1" t="s">
        <v>3129</v>
      </c>
      <c r="M808" s="1" t="s">
        <v>5</v>
      </c>
      <c r="N808" s="1" t="s">
        <v>960</v>
      </c>
      <c r="O808" s="1" t="s">
        <v>38</v>
      </c>
      <c r="P808" s="5" t="s">
        <v>31081</v>
      </c>
    </row>
    <row r="809" spans="1:16" x14ac:dyDescent="0.2">
      <c r="A809" s="1" t="s">
        <v>20</v>
      </c>
      <c r="B809" s="1" t="s">
        <v>253</v>
      </c>
      <c r="C809" s="1" t="s">
        <v>3133</v>
      </c>
      <c r="D809" s="1" t="s">
        <v>3134</v>
      </c>
      <c r="E809" s="1"/>
      <c r="F809" s="1" t="s">
        <v>10</v>
      </c>
      <c r="G809" s="1" t="s">
        <v>10</v>
      </c>
      <c r="H809" s="1" t="s">
        <v>10</v>
      </c>
      <c r="I809" s="1" t="s">
        <v>2312</v>
      </c>
      <c r="J809" s="1" t="s">
        <v>2438</v>
      </c>
      <c r="K809" s="1" t="s">
        <v>27</v>
      </c>
      <c r="L809" s="1" t="s">
        <v>3132</v>
      </c>
      <c r="M809" s="1" t="s">
        <v>5</v>
      </c>
      <c r="N809" s="1" t="s">
        <v>960</v>
      </c>
      <c r="O809" s="1" t="s">
        <v>38</v>
      </c>
      <c r="P809" s="5" t="s">
        <v>31099</v>
      </c>
    </row>
    <row r="810" spans="1:16" x14ac:dyDescent="0.2">
      <c r="A810" s="1" t="s">
        <v>329</v>
      </c>
      <c r="B810" s="1" t="s">
        <v>2622</v>
      </c>
      <c r="C810" s="1" t="s">
        <v>3136</v>
      </c>
      <c r="D810" s="1" t="s">
        <v>3137</v>
      </c>
      <c r="E810" s="1"/>
      <c r="F810" s="1" t="s">
        <v>10</v>
      </c>
      <c r="G810" s="1" t="s">
        <v>10</v>
      </c>
      <c r="H810" s="1" t="s">
        <v>10</v>
      </c>
      <c r="I810" s="1" t="s">
        <v>2312</v>
      </c>
      <c r="J810" s="1" t="s">
        <v>19</v>
      </c>
      <c r="K810" s="1" t="s">
        <v>27</v>
      </c>
      <c r="L810" s="1" t="s">
        <v>3135</v>
      </c>
      <c r="M810" s="1" t="s">
        <v>5</v>
      </c>
      <c r="N810" s="1" t="s">
        <v>25</v>
      </c>
      <c r="O810" s="1" t="s">
        <v>38</v>
      </c>
      <c r="P810" s="5" t="s">
        <v>31121</v>
      </c>
    </row>
    <row r="811" spans="1:16" x14ac:dyDescent="0.2">
      <c r="A811" s="1" t="s">
        <v>32</v>
      </c>
      <c r="B811" s="1" t="s">
        <v>140</v>
      </c>
      <c r="C811" s="1" t="s">
        <v>3139</v>
      </c>
      <c r="D811" s="1" t="s">
        <v>3140</v>
      </c>
      <c r="E811" s="1"/>
      <c r="F811" s="1" t="s">
        <v>10</v>
      </c>
      <c r="G811" s="1" t="s">
        <v>10</v>
      </c>
      <c r="H811" s="1" t="s">
        <v>10</v>
      </c>
      <c r="I811" s="1" t="s">
        <v>2312</v>
      </c>
      <c r="J811" s="1" t="s">
        <v>2438</v>
      </c>
      <c r="K811" s="1" t="s">
        <v>27</v>
      </c>
      <c r="L811" s="1" t="s">
        <v>3138</v>
      </c>
      <c r="M811" s="1" t="s">
        <v>5</v>
      </c>
      <c r="N811" s="1" t="s">
        <v>1009</v>
      </c>
      <c r="O811" s="1" t="s">
        <v>38</v>
      </c>
      <c r="P811" s="5" t="s">
        <v>32702</v>
      </c>
    </row>
    <row r="812" spans="1:16" x14ac:dyDescent="0.2">
      <c r="A812" s="1" t="s">
        <v>20</v>
      </c>
      <c r="B812" s="1" t="s">
        <v>253</v>
      </c>
      <c r="C812" s="1" t="s">
        <v>3142</v>
      </c>
      <c r="D812" s="1" t="s">
        <v>3143</v>
      </c>
      <c r="E812" s="1"/>
      <c r="F812" s="1" t="s">
        <v>10</v>
      </c>
      <c r="G812" s="1" t="s">
        <v>10</v>
      </c>
      <c r="H812" s="1" t="s">
        <v>10</v>
      </c>
      <c r="I812" s="1" t="s">
        <v>2312</v>
      </c>
      <c r="J812" s="1" t="s">
        <v>2438</v>
      </c>
      <c r="K812" s="1" t="s">
        <v>27</v>
      </c>
      <c r="L812" s="1" t="s">
        <v>3141</v>
      </c>
      <c r="M812" s="1" t="s">
        <v>5</v>
      </c>
      <c r="N812" s="1" t="s">
        <v>1009</v>
      </c>
      <c r="O812" s="1" t="s">
        <v>38</v>
      </c>
      <c r="P812" s="5" t="s">
        <v>29846</v>
      </c>
    </row>
    <row r="813" spans="1:16" x14ac:dyDescent="0.2">
      <c r="A813" s="1" t="s">
        <v>20</v>
      </c>
      <c r="B813" s="1" t="s">
        <v>101</v>
      </c>
      <c r="C813" s="1" t="s">
        <v>3145</v>
      </c>
      <c r="D813" s="1" t="s">
        <v>3146</v>
      </c>
      <c r="E813" s="1"/>
      <c r="F813" s="1" t="s">
        <v>10</v>
      </c>
      <c r="G813" s="1" t="s">
        <v>10</v>
      </c>
      <c r="H813" s="1" t="s">
        <v>10</v>
      </c>
      <c r="I813" s="1" t="s">
        <v>2312</v>
      </c>
      <c r="J813" s="1" t="s">
        <v>2348</v>
      </c>
      <c r="K813" s="1" t="s">
        <v>27</v>
      </c>
      <c r="L813" s="1" t="s">
        <v>3144</v>
      </c>
      <c r="M813" s="1" t="s">
        <v>5</v>
      </c>
      <c r="N813" s="1" t="s">
        <v>25</v>
      </c>
      <c r="O813" s="1" t="s">
        <v>38</v>
      </c>
      <c r="P813" s="5" t="s">
        <v>31124</v>
      </c>
    </row>
    <row r="814" spans="1:16" x14ac:dyDescent="0.2">
      <c r="A814" s="1" t="s">
        <v>20</v>
      </c>
      <c r="B814" s="1" t="s">
        <v>309</v>
      </c>
      <c r="C814" s="1" t="s">
        <v>3148</v>
      </c>
      <c r="D814" s="1" t="s">
        <v>3149</v>
      </c>
      <c r="E814" s="1" t="s">
        <v>3150</v>
      </c>
      <c r="F814" s="1" t="s">
        <v>10</v>
      </c>
      <c r="G814" s="1" t="s">
        <v>10</v>
      </c>
      <c r="H814" s="1" t="s">
        <v>10</v>
      </c>
      <c r="I814" s="1" t="s">
        <v>2312</v>
      </c>
      <c r="J814" s="1" t="s">
        <v>2363</v>
      </c>
      <c r="K814" s="1" t="s">
        <v>27</v>
      </c>
      <c r="L814" s="1" t="s">
        <v>3147</v>
      </c>
      <c r="M814" s="1" t="s">
        <v>5</v>
      </c>
      <c r="N814" s="1" t="s">
        <v>960</v>
      </c>
      <c r="O814" s="1" t="s">
        <v>38</v>
      </c>
      <c r="P814" s="5" t="s">
        <v>31095</v>
      </c>
    </row>
    <row r="815" spans="1:16" x14ac:dyDescent="0.2">
      <c r="A815" s="1" t="s">
        <v>1385</v>
      </c>
      <c r="B815" s="1" t="s">
        <v>1687</v>
      </c>
      <c r="C815" s="1" t="s">
        <v>3152</v>
      </c>
      <c r="D815" s="1" t="s">
        <v>3153</v>
      </c>
      <c r="E815" s="1"/>
      <c r="F815" s="1" t="s">
        <v>10</v>
      </c>
      <c r="G815" s="1" t="s">
        <v>10</v>
      </c>
      <c r="H815" s="1" t="s">
        <v>10</v>
      </c>
      <c r="I815" s="1" t="s">
        <v>2312</v>
      </c>
      <c r="J815" s="1" t="s">
        <v>2316</v>
      </c>
      <c r="K815" s="1" t="s">
        <v>27</v>
      </c>
      <c r="L815" s="1" t="s">
        <v>3151</v>
      </c>
      <c r="M815" s="1" t="s">
        <v>5</v>
      </c>
      <c r="N815" s="1" t="s">
        <v>960</v>
      </c>
      <c r="O815" s="1" t="s">
        <v>38</v>
      </c>
      <c r="P815" s="5" t="s">
        <v>31081</v>
      </c>
    </row>
    <row r="816" spans="1:16" x14ac:dyDescent="0.2">
      <c r="A816" s="1" t="s">
        <v>42</v>
      </c>
      <c r="B816" s="1" t="s">
        <v>43</v>
      </c>
      <c r="C816" s="1" t="s">
        <v>1358</v>
      </c>
      <c r="D816" s="1" t="s">
        <v>3155</v>
      </c>
      <c r="E816" s="1"/>
      <c r="F816" s="1" t="s">
        <v>27</v>
      </c>
      <c r="G816" s="1" t="s">
        <v>10</v>
      </c>
      <c r="H816" s="1" t="s">
        <v>2505</v>
      </c>
      <c r="I816" s="1" t="s">
        <v>2312</v>
      </c>
      <c r="J816" s="1" t="s">
        <v>2316</v>
      </c>
      <c r="K816" s="1" t="s">
        <v>27</v>
      </c>
      <c r="L816" s="1" t="s">
        <v>3154</v>
      </c>
      <c r="M816" s="1" t="s">
        <v>5</v>
      </c>
      <c r="N816" s="1" t="s">
        <v>1009</v>
      </c>
      <c r="O816" s="1" t="s">
        <v>8</v>
      </c>
      <c r="P816" s="5" t="s">
        <v>31125</v>
      </c>
    </row>
    <row r="817" spans="1:16" x14ac:dyDescent="0.2">
      <c r="A817" s="1" t="s">
        <v>1385</v>
      </c>
      <c r="B817" s="1" t="s">
        <v>2028</v>
      </c>
      <c r="C817" s="1" t="s">
        <v>3157</v>
      </c>
      <c r="D817" s="1" t="s">
        <v>3158</v>
      </c>
      <c r="E817" s="1"/>
      <c r="F817" s="1" t="s">
        <v>10</v>
      </c>
      <c r="G817" s="1" t="s">
        <v>10</v>
      </c>
      <c r="H817" s="1" t="s">
        <v>10</v>
      </c>
      <c r="I817" s="1" t="s">
        <v>2312</v>
      </c>
      <c r="J817" s="1" t="s">
        <v>2348</v>
      </c>
      <c r="K817" s="1" t="s">
        <v>27</v>
      </c>
      <c r="L817" s="1" t="s">
        <v>3156</v>
      </c>
      <c r="M817" s="1" t="s">
        <v>5</v>
      </c>
      <c r="N817" s="1" t="s">
        <v>960</v>
      </c>
      <c r="O817" s="1" t="s">
        <v>38</v>
      </c>
      <c r="P817" s="5" t="s">
        <v>31099</v>
      </c>
    </row>
    <row r="818" spans="1:16" x14ac:dyDescent="0.2">
      <c r="A818" s="1" t="s">
        <v>66</v>
      </c>
      <c r="B818" s="1" t="s">
        <v>212</v>
      </c>
      <c r="C818" s="1" t="s">
        <v>3161</v>
      </c>
      <c r="D818" s="1" t="s">
        <v>3162</v>
      </c>
      <c r="E818" s="1"/>
      <c r="F818" s="1" t="s">
        <v>10</v>
      </c>
      <c r="G818" s="1" t="s">
        <v>10</v>
      </c>
      <c r="H818" s="1" t="s">
        <v>10</v>
      </c>
      <c r="I818" s="1" t="s">
        <v>2312</v>
      </c>
      <c r="J818" s="1" t="s">
        <v>2316</v>
      </c>
      <c r="K818" s="1" t="s">
        <v>27</v>
      </c>
      <c r="L818" s="1" t="s">
        <v>3160</v>
      </c>
      <c r="M818" s="1" t="s">
        <v>5</v>
      </c>
      <c r="N818" s="1" t="s">
        <v>960</v>
      </c>
      <c r="O818" s="1" t="s">
        <v>38</v>
      </c>
      <c r="P818" s="5" t="s">
        <v>31110</v>
      </c>
    </row>
    <row r="819" spans="1:16" x14ac:dyDescent="0.2">
      <c r="A819" s="1" t="s">
        <v>20</v>
      </c>
      <c r="B819" s="1" t="s">
        <v>253</v>
      </c>
      <c r="C819" s="1" t="s">
        <v>3164</v>
      </c>
      <c r="D819" s="1" t="s">
        <v>3165</v>
      </c>
      <c r="E819" s="1"/>
      <c r="F819" s="1" t="s">
        <v>10</v>
      </c>
      <c r="G819" s="1" t="s">
        <v>10</v>
      </c>
      <c r="H819" s="1" t="s">
        <v>10</v>
      </c>
      <c r="I819" s="1" t="s">
        <v>2312</v>
      </c>
      <c r="J819" s="1" t="s">
        <v>2348</v>
      </c>
      <c r="K819" s="1" t="s">
        <v>27</v>
      </c>
      <c r="L819" s="1" t="s">
        <v>3163</v>
      </c>
      <c r="M819" s="1" t="s">
        <v>5</v>
      </c>
      <c r="N819" s="1" t="s">
        <v>1009</v>
      </c>
      <c r="O819" s="1" t="s">
        <v>38</v>
      </c>
      <c r="P819" s="5" t="s">
        <v>31126</v>
      </c>
    </row>
    <row r="820" spans="1:16" x14ac:dyDescent="0.2">
      <c r="A820" s="1" t="s">
        <v>66</v>
      </c>
      <c r="B820" s="1" t="s">
        <v>574</v>
      </c>
      <c r="C820" s="1" t="s">
        <v>3167</v>
      </c>
      <c r="D820" s="1" t="s">
        <v>3168</v>
      </c>
      <c r="E820" s="1"/>
      <c r="F820" s="1" t="s">
        <v>27</v>
      </c>
      <c r="G820" s="1" t="s">
        <v>10</v>
      </c>
      <c r="H820" s="1" t="s">
        <v>2492</v>
      </c>
      <c r="I820" s="1" t="s">
        <v>2312</v>
      </c>
      <c r="J820" s="1" t="s">
        <v>2348</v>
      </c>
      <c r="K820" s="1" t="s">
        <v>27</v>
      </c>
      <c r="L820" s="1" t="s">
        <v>3166</v>
      </c>
      <c r="M820" s="1" t="s">
        <v>5</v>
      </c>
      <c r="N820" s="1" t="s">
        <v>1009</v>
      </c>
      <c r="O820" s="1" t="s">
        <v>8</v>
      </c>
      <c r="P820" s="5" t="s">
        <v>31127</v>
      </c>
    </row>
    <row r="821" spans="1:16" x14ac:dyDescent="0.2">
      <c r="A821" s="1" t="s">
        <v>487</v>
      </c>
      <c r="B821" s="1" t="s">
        <v>765</v>
      </c>
      <c r="C821" s="1" t="s">
        <v>3170</v>
      </c>
      <c r="D821" s="1" t="s">
        <v>2019</v>
      </c>
      <c r="E821" s="1"/>
      <c r="F821" s="1" t="s">
        <v>10</v>
      </c>
      <c r="G821" s="1" t="s">
        <v>10</v>
      </c>
      <c r="H821" s="1" t="s">
        <v>10</v>
      </c>
      <c r="I821" s="1" t="s">
        <v>2312</v>
      </c>
      <c r="J821" s="1" t="s">
        <v>2316</v>
      </c>
      <c r="K821" s="1" t="s">
        <v>64</v>
      </c>
      <c r="L821" s="1" t="s">
        <v>3169</v>
      </c>
      <c r="M821" s="1" t="s">
        <v>5</v>
      </c>
      <c r="N821" s="1" t="s">
        <v>960</v>
      </c>
      <c r="O821" s="1" t="s">
        <v>38</v>
      </c>
      <c r="P821" s="5" t="s">
        <v>31081</v>
      </c>
    </row>
    <row r="822" spans="1:16" x14ac:dyDescent="0.2">
      <c r="A822" s="1" t="s">
        <v>1385</v>
      </c>
      <c r="B822" s="1" t="s">
        <v>1687</v>
      </c>
      <c r="C822" s="1" t="s">
        <v>3172</v>
      </c>
      <c r="D822" s="1" t="s">
        <v>3173</v>
      </c>
      <c r="E822" s="1"/>
      <c r="F822" s="1" t="s">
        <v>10</v>
      </c>
      <c r="G822" s="1" t="s">
        <v>10</v>
      </c>
      <c r="H822" s="1" t="s">
        <v>10</v>
      </c>
      <c r="I822" s="1" t="s">
        <v>2312</v>
      </c>
      <c r="J822" s="1" t="s">
        <v>2316</v>
      </c>
      <c r="K822" s="1" t="s">
        <v>27</v>
      </c>
      <c r="L822" s="1" t="s">
        <v>3171</v>
      </c>
      <c r="M822" s="1" t="s">
        <v>5</v>
      </c>
      <c r="N822" s="1" t="s">
        <v>960</v>
      </c>
      <c r="O822" s="1" t="s">
        <v>38</v>
      </c>
      <c r="P822" s="5" t="s">
        <v>31099</v>
      </c>
    </row>
    <row r="823" spans="1:16" x14ac:dyDescent="0.2">
      <c r="A823" s="1" t="s">
        <v>329</v>
      </c>
      <c r="B823" s="1" t="s">
        <v>1168</v>
      </c>
      <c r="C823" s="1" t="s">
        <v>3175</v>
      </c>
      <c r="D823" s="1" t="s">
        <v>3176</v>
      </c>
      <c r="E823" s="1"/>
      <c r="F823" s="1" t="s">
        <v>10</v>
      </c>
      <c r="G823" s="1" t="s">
        <v>10</v>
      </c>
      <c r="H823" s="1" t="s">
        <v>10</v>
      </c>
      <c r="I823" s="1" t="s">
        <v>2312</v>
      </c>
      <c r="J823" s="1" t="s">
        <v>2316</v>
      </c>
      <c r="K823" s="1" t="s">
        <v>27</v>
      </c>
      <c r="L823" s="1" t="s">
        <v>3174</v>
      </c>
      <c r="M823" s="1" t="s">
        <v>5</v>
      </c>
      <c r="N823" s="1" t="s">
        <v>25</v>
      </c>
      <c r="O823" s="1" t="s">
        <v>38</v>
      </c>
      <c r="P823" s="5" t="s">
        <v>31117</v>
      </c>
    </row>
    <row r="824" spans="1:16" x14ac:dyDescent="0.2">
      <c r="A824" s="1" t="s">
        <v>1385</v>
      </c>
      <c r="B824" s="1" t="s">
        <v>1687</v>
      </c>
      <c r="C824" s="1" t="s">
        <v>3178</v>
      </c>
      <c r="D824" s="1" t="s">
        <v>3179</v>
      </c>
      <c r="E824" s="1"/>
      <c r="F824" s="1" t="s">
        <v>10</v>
      </c>
      <c r="G824" s="1" t="s">
        <v>10</v>
      </c>
      <c r="H824" s="1" t="s">
        <v>10</v>
      </c>
      <c r="I824" s="1" t="s">
        <v>2312</v>
      </c>
      <c r="J824" s="1" t="s">
        <v>2316</v>
      </c>
      <c r="K824" s="1" t="s">
        <v>27</v>
      </c>
      <c r="L824" s="1" t="s">
        <v>3177</v>
      </c>
      <c r="M824" s="1" t="s">
        <v>5</v>
      </c>
      <c r="N824" s="1" t="s">
        <v>960</v>
      </c>
      <c r="O824" s="1" t="s">
        <v>38</v>
      </c>
      <c r="P824" s="5" t="s">
        <v>31099</v>
      </c>
    </row>
    <row r="825" spans="1:16" x14ac:dyDescent="0.2">
      <c r="A825" s="1" t="s">
        <v>66</v>
      </c>
      <c r="B825" s="1" t="s">
        <v>212</v>
      </c>
      <c r="C825" s="1" t="s">
        <v>3181</v>
      </c>
      <c r="D825" s="1" t="s">
        <v>1071</v>
      </c>
      <c r="E825" s="1"/>
      <c r="F825" s="1" t="s">
        <v>10</v>
      </c>
      <c r="G825" s="1" t="s">
        <v>10</v>
      </c>
      <c r="H825" s="1" t="s">
        <v>10</v>
      </c>
      <c r="I825" s="1" t="s">
        <v>2312</v>
      </c>
      <c r="J825" s="1" t="s">
        <v>2316</v>
      </c>
      <c r="K825" s="1" t="s">
        <v>27</v>
      </c>
      <c r="L825" s="1" t="s">
        <v>3180</v>
      </c>
      <c r="M825" s="1" t="s">
        <v>5</v>
      </c>
      <c r="N825" s="1" t="s">
        <v>25</v>
      </c>
      <c r="O825" s="1" t="s">
        <v>38</v>
      </c>
      <c r="P825" s="5" t="s">
        <v>31081</v>
      </c>
    </row>
    <row r="826" spans="1:16" x14ac:dyDescent="0.2">
      <c r="A826" s="1" t="s">
        <v>20</v>
      </c>
      <c r="B826" s="1" t="s">
        <v>253</v>
      </c>
      <c r="C826" s="1" t="s">
        <v>3183</v>
      </c>
      <c r="D826" s="1" t="s">
        <v>3184</v>
      </c>
      <c r="E826" s="1"/>
      <c r="F826" s="1" t="s">
        <v>10</v>
      </c>
      <c r="G826" s="1" t="s">
        <v>10</v>
      </c>
      <c r="H826" s="1" t="s">
        <v>10</v>
      </c>
      <c r="I826" s="1" t="s">
        <v>2312</v>
      </c>
      <c r="J826" s="1" t="s">
        <v>2348</v>
      </c>
      <c r="K826" s="1" t="s">
        <v>27</v>
      </c>
      <c r="L826" s="1" t="s">
        <v>3182</v>
      </c>
      <c r="M826" s="1" t="s">
        <v>5</v>
      </c>
      <c r="N826" s="1" t="s">
        <v>960</v>
      </c>
      <c r="O826" s="1" t="s">
        <v>38</v>
      </c>
      <c r="P826" s="5" t="s">
        <v>31099</v>
      </c>
    </row>
    <row r="827" spans="1:16" x14ac:dyDescent="0.2">
      <c r="A827" s="1" t="s">
        <v>423</v>
      </c>
      <c r="B827" s="1" t="s">
        <v>2587</v>
      </c>
      <c r="C827" s="1" t="s">
        <v>3186</v>
      </c>
      <c r="D827" s="1" t="s">
        <v>3187</v>
      </c>
      <c r="E827" s="1"/>
      <c r="F827" s="1" t="s">
        <v>10</v>
      </c>
      <c r="G827" s="1" t="s">
        <v>10</v>
      </c>
      <c r="H827" s="1" t="s">
        <v>10</v>
      </c>
      <c r="I827" s="1" t="s">
        <v>2312</v>
      </c>
      <c r="J827" s="1" t="s">
        <v>2586</v>
      </c>
      <c r="K827" s="1" t="s">
        <v>27</v>
      </c>
      <c r="L827" s="1" t="s">
        <v>3185</v>
      </c>
      <c r="M827" s="1" t="s">
        <v>5</v>
      </c>
      <c r="N827" s="1" t="s">
        <v>960</v>
      </c>
      <c r="O827" s="1" t="s">
        <v>38</v>
      </c>
      <c r="P827" s="5" t="s">
        <v>1183</v>
      </c>
    </row>
    <row r="828" spans="1:16" x14ac:dyDescent="0.2">
      <c r="A828" s="1" t="s">
        <v>1385</v>
      </c>
      <c r="B828" s="1" t="s">
        <v>1687</v>
      </c>
      <c r="C828" s="1" t="s">
        <v>3189</v>
      </c>
      <c r="D828" s="1" t="s">
        <v>3190</v>
      </c>
      <c r="E828" s="1"/>
      <c r="F828" s="1" t="s">
        <v>10</v>
      </c>
      <c r="G828" s="1" t="s">
        <v>10</v>
      </c>
      <c r="H828" s="1" t="s">
        <v>10</v>
      </c>
      <c r="I828" s="1" t="s">
        <v>2312</v>
      </c>
      <c r="J828" s="1" t="s">
        <v>2316</v>
      </c>
      <c r="K828" s="1" t="s">
        <v>27</v>
      </c>
      <c r="L828" s="1" t="s">
        <v>3188</v>
      </c>
      <c r="M828" s="1" t="s">
        <v>5</v>
      </c>
      <c r="N828" s="1" t="s">
        <v>960</v>
      </c>
      <c r="O828" s="1" t="s">
        <v>38</v>
      </c>
      <c r="P828" s="5" t="s">
        <v>31099</v>
      </c>
    </row>
    <row r="829" spans="1:16" x14ac:dyDescent="0.2">
      <c r="A829" s="1" t="s">
        <v>66</v>
      </c>
      <c r="B829" s="1" t="s">
        <v>574</v>
      </c>
      <c r="C829" s="1" t="s">
        <v>3192</v>
      </c>
      <c r="D829" s="1" t="s">
        <v>3193</v>
      </c>
      <c r="E829" s="1"/>
      <c r="F829" s="1" t="s">
        <v>10</v>
      </c>
      <c r="G829" s="1" t="s">
        <v>10</v>
      </c>
      <c r="H829" s="1" t="s">
        <v>10</v>
      </c>
      <c r="I829" s="1" t="s">
        <v>2312</v>
      </c>
      <c r="J829" s="1" t="s">
        <v>2438</v>
      </c>
      <c r="K829" s="1" t="s">
        <v>3194</v>
      </c>
      <c r="L829" s="1" t="s">
        <v>3191</v>
      </c>
      <c r="M829" s="1" t="s">
        <v>5</v>
      </c>
      <c r="N829" s="1" t="s">
        <v>960</v>
      </c>
      <c r="O829" s="1" t="s">
        <v>38</v>
      </c>
      <c r="P829" s="5" t="s">
        <v>31128</v>
      </c>
    </row>
    <row r="830" spans="1:16" x14ac:dyDescent="0.2">
      <c r="A830" s="1" t="s">
        <v>423</v>
      </c>
      <c r="B830" s="1" t="s">
        <v>2587</v>
      </c>
      <c r="C830" s="1" t="s">
        <v>3196</v>
      </c>
      <c r="D830" s="1" t="s">
        <v>3197</v>
      </c>
      <c r="E830" s="1" t="s">
        <v>3198</v>
      </c>
      <c r="F830" s="1" t="s">
        <v>10</v>
      </c>
      <c r="G830" s="1" t="s">
        <v>10</v>
      </c>
      <c r="H830" s="1" t="s">
        <v>10</v>
      </c>
      <c r="I830" s="1" t="s">
        <v>2312</v>
      </c>
      <c r="J830" s="1" t="s">
        <v>2586</v>
      </c>
      <c r="K830" s="1" t="s">
        <v>27</v>
      </c>
      <c r="L830" s="1" t="s">
        <v>3195</v>
      </c>
      <c r="M830" s="1" t="s">
        <v>5</v>
      </c>
      <c r="N830" s="1" t="s">
        <v>25</v>
      </c>
      <c r="O830" s="1" t="s">
        <v>38</v>
      </c>
      <c r="P830" s="5" t="s">
        <v>31129</v>
      </c>
    </row>
    <row r="831" spans="1:16" x14ac:dyDescent="0.2">
      <c r="A831" s="1" t="s">
        <v>1086</v>
      </c>
      <c r="B831" s="1" t="s">
        <v>1400</v>
      </c>
      <c r="C831" s="1" t="s">
        <v>3200</v>
      </c>
      <c r="D831" s="1" t="s">
        <v>3201</v>
      </c>
      <c r="E831" s="1"/>
      <c r="F831" s="1" t="s">
        <v>10</v>
      </c>
      <c r="G831" s="1" t="s">
        <v>10</v>
      </c>
      <c r="H831" s="1" t="s">
        <v>10</v>
      </c>
      <c r="I831" s="1" t="s">
        <v>2312</v>
      </c>
      <c r="J831" s="1" t="s">
        <v>19</v>
      </c>
      <c r="K831" s="1" t="s">
        <v>64</v>
      </c>
      <c r="L831" s="1" t="s">
        <v>3199</v>
      </c>
      <c r="M831" s="1" t="s">
        <v>5</v>
      </c>
      <c r="N831" s="1" t="s">
        <v>1009</v>
      </c>
      <c r="O831" s="1" t="s">
        <v>38</v>
      </c>
      <c r="P831" s="5" t="s">
        <v>31130</v>
      </c>
    </row>
    <row r="832" spans="1:16" x14ac:dyDescent="0.2">
      <c r="A832" s="1" t="s">
        <v>10</v>
      </c>
      <c r="B832" s="1" t="s">
        <v>10</v>
      </c>
      <c r="C832" s="1" t="s">
        <v>3203</v>
      </c>
      <c r="D832" s="1" t="s">
        <v>3204</v>
      </c>
      <c r="E832" s="1"/>
      <c r="F832" s="1" t="s">
        <v>10</v>
      </c>
      <c r="G832" s="1" t="s">
        <v>10</v>
      </c>
      <c r="H832" s="1" t="s">
        <v>10</v>
      </c>
      <c r="I832" s="1" t="s">
        <v>2312</v>
      </c>
      <c r="J832" s="1" t="s">
        <v>2316</v>
      </c>
      <c r="K832" s="1" t="s">
        <v>64</v>
      </c>
      <c r="L832" s="1" t="s">
        <v>3202</v>
      </c>
      <c r="M832" s="1" t="s">
        <v>5</v>
      </c>
      <c r="N832" s="1" t="s">
        <v>25</v>
      </c>
      <c r="O832" s="1" t="s">
        <v>38</v>
      </c>
      <c r="P832" s="5" t="s">
        <v>29927</v>
      </c>
    </row>
    <row r="833" spans="1:16" x14ac:dyDescent="0.2">
      <c r="A833" s="1" t="s">
        <v>66</v>
      </c>
      <c r="B833" s="1" t="s">
        <v>498</v>
      </c>
      <c r="C833" s="1" t="s">
        <v>3206</v>
      </c>
      <c r="D833" s="1" t="s">
        <v>3207</v>
      </c>
      <c r="E833" s="1"/>
      <c r="F833" s="1" t="s">
        <v>10</v>
      </c>
      <c r="G833" s="1" t="s">
        <v>10</v>
      </c>
      <c r="H833" s="1" t="s">
        <v>10</v>
      </c>
      <c r="I833" s="1" t="s">
        <v>2312</v>
      </c>
      <c r="J833" s="1" t="s">
        <v>2363</v>
      </c>
      <c r="K833" s="1" t="s">
        <v>1398</v>
      </c>
      <c r="L833" s="1" t="s">
        <v>3205</v>
      </c>
      <c r="M833" s="1" t="s">
        <v>5</v>
      </c>
      <c r="N833" s="1" t="s">
        <v>960</v>
      </c>
      <c r="O833" s="1" t="s">
        <v>38</v>
      </c>
      <c r="P833" s="5" t="s">
        <v>31081</v>
      </c>
    </row>
    <row r="834" spans="1:16" x14ac:dyDescent="0.2">
      <c r="A834" s="1" t="s">
        <v>66</v>
      </c>
      <c r="B834" s="1" t="s">
        <v>574</v>
      </c>
      <c r="C834" s="1" t="s">
        <v>3210</v>
      </c>
      <c r="D834" s="1" t="s">
        <v>3211</v>
      </c>
      <c r="E834" s="1" t="s">
        <v>3208</v>
      </c>
      <c r="F834" s="1" t="s">
        <v>10</v>
      </c>
      <c r="G834" s="1" t="s">
        <v>10</v>
      </c>
      <c r="H834" s="1" t="s">
        <v>10</v>
      </c>
      <c r="I834" s="1" t="s">
        <v>2312</v>
      </c>
      <c r="J834" s="1" t="s">
        <v>2363</v>
      </c>
      <c r="K834" s="1" t="s">
        <v>3194</v>
      </c>
      <c r="L834" s="1" t="s">
        <v>3209</v>
      </c>
      <c r="M834" s="1" t="s">
        <v>5</v>
      </c>
      <c r="N834" s="1" t="s">
        <v>960</v>
      </c>
      <c r="O834" s="1" t="s">
        <v>38</v>
      </c>
      <c r="P834" s="5" t="s">
        <v>29928</v>
      </c>
    </row>
    <row r="835" spans="1:16" x14ac:dyDescent="0.2">
      <c r="A835" s="1" t="s">
        <v>329</v>
      </c>
      <c r="B835" s="1" t="s">
        <v>1168</v>
      </c>
      <c r="C835" s="1" t="s">
        <v>3213</v>
      </c>
      <c r="D835" s="1" t="s">
        <v>3214</v>
      </c>
      <c r="E835" s="1"/>
      <c r="F835" s="1" t="s">
        <v>10</v>
      </c>
      <c r="G835" s="1" t="s">
        <v>10</v>
      </c>
      <c r="H835" s="1" t="s">
        <v>10</v>
      </c>
      <c r="I835" s="1" t="s">
        <v>2312</v>
      </c>
      <c r="J835" s="1" t="s">
        <v>2316</v>
      </c>
      <c r="K835" s="1" t="s">
        <v>27</v>
      </c>
      <c r="L835" s="1" t="s">
        <v>3212</v>
      </c>
      <c r="M835" s="1" t="s">
        <v>5</v>
      </c>
      <c r="N835" s="1" t="s">
        <v>960</v>
      </c>
      <c r="O835" s="1" t="s">
        <v>38</v>
      </c>
      <c r="P835" s="5" t="s">
        <v>31099</v>
      </c>
    </row>
    <row r="836" spans="1:16" x14ac:dyDescent="0.2">
      <c r="A836" s="1" t="s">
        <v>20</v>
      </c>
      <c r="B836" s="1" t="s">
        <v>253</v>
      </c>
      <c r="C836" s="1" t="s">
        <v>3216</v>
      </c>
      <c r="D836" s="1" t="s">
        <v>3217</v>
      </c>
      <c r="E836" s="1"/>
      <c r="F836" s="1" t="s">
        <v>10</v>
      </c>
      <c r="G836" s="1" t="s">
        <v>10</v>
      </c>
      <c r="H836" s="1" t="s">
        <v>10</v>
      </c>
      <c r="I836" s="1" t="s">
        <v>2312</v>
      </c>
      <c r="J836" s="1" t="s">
        <v>2438</v>
      </c>
      <c r="K836" s="1" t="s">
        <v>27</v>
      </c>
      <c r="L836" s="1" t="s">
        <v>3215</v>
      </c>
      <c r="M836" s="1" t="s">
        <v>5</v>
      </c>
      <c r="N836" s="1" t="s">
        <v>960</v>
      </c>
      <c r="O836" s="1" t="s">
        <v>38</v>
      </c>
      <c r="P836" s="5" t="s">
        <v>31081</v>
      </c>
    </row>
    <row r="837" spans="1:16" x14ac:dyDescent="0.2">
      <c r="A837" s="1" t="s">
        <v>66</v>
      </c>
      <c r="B837" s="1" t="s">
        <v>1812</v>
      </c>
      <c r="C837" s="1" t="s">
        <v>3219</v>
      </c>
      <c r="D837" s="1" t="s">
        <v>3220</v>
      </c>
      <c r="E837" s="1"/>
      <c r="F837" s="1" t="s">
        <v>10</v>
      </c>
      <c r="G837" s="1" t="s">
        <v>10</v>
      </c>
      <c r="H837" s="1" t="s">
        <v>10</v>
      </c>
      <c r="I837" s="1" t="s">
        <v>2312</v>
      </c>
      <c r="J837" s="1" t="s">
        <v>2438</v>
      </c>
      <c r="K837" s="1" t="s">
        <v>27</v>
      </c>
      <c r="L837" s="1" t="s">
        <v>3218</v>
      </c>
      <c r="M837" s="1" t="s">
        <v>5</v>
      </c>
      <c r="N837" s="1" t="s">
        <v>960</v>
      </c>
      <c r="O837" s="1" t="s">
        <v>38</v>
      </c>
      <c r="P837" s="5" t="s">
        <v>31099</v>
      </c>
    </row>
    <row r="838" spans="1:16" x14ac:dyDescent="0.2">
      <c r="A838" s="1" t="s">
        <v>329</v>
      </c>
      <c r="B838" s="1" t="s">
        <v>1168</v>
      </c>
      <c r="C838" s="1" t="s">
        <v>3222</v>
      </c>
      <c r="D838" s="1" t="s">
        <v>3223</v>
      </c>
      <c r="E838" s="1"/>
      <c r="F838" s="1" t="s">
        <v>10</v>
      </c>
      <c r="G838" s="1" t="s">
        <v>10</v>
      </c>
      <c r="H838" s="1" t="s">
        <v>10</v>
      </c>
      <c r="I838" s="1" t="s">
        <v>2312</v>
      </c>
      <c r="J838" s="1" t="s">
        <v>2316</v>
      </c>
      <c r="K838" s="1" t="s">
        <v>27</v>
      </c>
      <c r="L838" s="1" t="s">
        <v>3221</v>
      </c>
      <c r="M838" s="1" t="s">
        <v>5</v>
      </c>
      <c r="N838" s="1" t="s">
        <v>960</v>
      </c>
      <c r="O838" s="1" t="s">
        <v>38</v>
      </c>
      <c r="P838" s="5" t="s">
        <v>31099</v>
      </c>
    </row>
    <row r="839" spans="1:16" x14ac:dyDescent="0.2">
      <c r="A839" s="1" t="s">
        <v>20</v>
      </c>
      <c r="B839" s="1" t="s">
        <v>172</v>
      </c>
      <c r="C839" s="1" t="s">
        <v>3225</v>
      </c>
      <c r="D839" s="1" t="s">
        <v>3226</v>
      </c>
      <c r="E839" s="1"/>
      <c r="F839" s="1" t="s">
        <v>10</v>
      </c>
      <c r="G839" s="1" t="s">
        <v>10</v>
      </c>
      <c r="H839" s="1" t="s">
        <v>10</v>
      </c>
      <c r="I839" s="1" t="s">
        <v>2312</v>
      </c>
      <c r="J839" s="1" t="s">
        <v>2316</v>
      </c>
      <c r="K839" s="1" t="s">
        <v>27</v>
      </c>
      <c r="L839" s="1" t="s">
        <v>3224</v>
      </c>
      <c r="M839" s="1" t="s">
        <v>5</v>
      </c>
      <c r="N839" s="1" t="s">
        <v>960</v>
      </c>
      <c r="O839" s="1" t="s">
        <v>38</v>
      </c>
      <c r="P839" s="5" t="s">
        <v>1184</v>
      </c>
    </row>
    <row r="840" spans="1:16" x14ac:dyDescent="0.2">
      <c r="A840" s="1" t="s">
        <v>66</v>
      </c>
      <c r="B840" s="1" t="s">
        <v>574</v>
      </c>
      <c r="C840" s="1" t="s">
        <v>3228</v>
      </c>
      <c r="D840" s="1" t="s">
        <v>3229</v>
      </c>
      <c r="E840" s="1"/>
      <c r="F840" s="1" t="s">
        <v>10</v>
      </c>
      <c r="G840" s="1" t="s">
        <v>10</v>
      </c>
      <c r="H840" s="1" t="s">
        <v>10</v>
      </c>
      <c r="I840" s="1" t="s">
        <v>2312</v>
      </c>
      <c r="J840" s="1" t="s">
        <v>2363</v>
      </c>
      <c r="K840" s="1" t="s">
        <v>7</v>
      </c>
      <c r="L840" s="1" t="s">
        <v>3227</v>
      </c>
      <c r="M840" s="1" t="s">
        <v>5</v>
      </c>
      <c r="N840" s="1" t="s">
        <v>1009</v>
      </c>
      <c r="O840" s="1" t="s">
        <v>38</v>
      </c>
      <c r="P840" s="5" t="s">
        <v>32715</v>
      </c>
    </row>
    <row r="841" spans="1:16" x14ac:dyDescent="0.2">
      <c r="A841" s="1" t="s">
        <v>66</v>
      </c>
      <c r="B841" s="1" t="s">
        <v>1812</v>
      </c>
      <c r="C841" s="1" t="s">
        <v>3231</v>
      </c>
      <c r="D841" s="1" t="s">
        <v>3232</v>
      </c>
      <c r="E841" s="1"/>
      <c r="F841" s="1" t="s">
        <v>10</v>
      </c>
      <c r="G841" s="1" t="s">
        <v>10</v>
      </c>
      <c r="H841" s="1" t="s">
        <v>10</v>
      </c>
      <c r="I841" s="1" t="s">
        <v>2312</v>
      </c>
      <c r="J841" s="1" t="s">
        <v>2316</v>
      </c>
      <c r="K841" s="1" t="s">
        <v>27</v>
      </c>
      <c r="L841" s="1" t="s">
        <v>3230</v>
      </c>
      <c r="M841" s="1" t="s">
        <v>5</v>
      </c>
      <c r="N841" s="1" t="s">
        <v>960</v>
      </c>
      <c r="O841" s="1" t="s">
        <v>38</v>
      </c>
      <c r="P841" s="5" t="s">
        <v>1184</v>
      </c>
    </row>
    <row r="842" spans="1:16" x14ac:dyDescent="0.2">
      <c r="A842" s="1" t="s">
        <v>20</v>
      </c>
      <c r="B842" s="1" t="s">
        <v>445</v>
      </c>
      <c r="C842" s="1" t="s">
        <v>3234</v>
      </c>
      <c r="D842" s="1" t="s">
        <v>3235</v>
      </c>
      <c r="E842" s="1"/>
      <c r="F842" s="1" t="s">
        <v>10</v>
      </c>
      <c r="G842" s="1" t="s">
        <v>10</v>
      </c>
      <c r="H842" s="1" t="s">
        <v>10</v>
      </c>
      <c r="I842" s="1" t="s">
        <v>2312</v>
      </c>
      <c r="J842" s="1" t="s">
        <v>2316</v>
      </c>
      <c r="K842" s="1" t="s">
        <v>27</v>
      </c>
      <c r="L842" s="1" t="s">
        <v>3233</v>
      </c>
      <c r="M842" s="1" t="s">
        <v>5</v>
      </c>
      <c r="N842" s="1" t="s">
        <v>960</v>
      </c>
      <c r="O842" s="1" t="s">
        <v>38</v>
      </c>
      <c r="P842" s="5" t="s">
        <v>1184</v>
      </c>
    </row>
    <row r="843" spans="1:16" x14ac:dyDescent="0.2">
      <c r="A843" s="1" t="s">
        <v>66</v>
      </c>
      <c r="B843" s="1" t="s">
        <v>212</v>
      </c>
      <c r="C843" s="1" t="s">
        <v>3237</v>
      </c>
      <c r="D843" s="1" t="s">
        <v>3238</v>
      </c>
      <c r="E843" s="1"/>
      <c r="F843" s="1" t="s">
        <v>10</v>
      </c>
      <c r="G843" s="1" t="s">
        <v>10</v>
      </c>
      <c r="H843" s="1" t="s">
        <v>10</v>
      </c>
      <c r="I843" s="1" t="s">
        <v>2312</v>
      </c>
      <c r="J843" s="1" t="s">
        <v>2316</v>
      </c>
      <c r="K843" s="1" t="s">
        <v>27</v>
      </c>
      <c r="L843" s="1" t="s">
        <v>3236</v>
      </c>
      <c r="M843" s="1" t="s">
        <v>5</v>
      </c>
      <c r="N843" s="1" t="s">
        <v>25</v>
      </c>
      <c r="O843" s="1" t="s">
        <v>38</v>
      </c>
      <c r="P843" s="5" t="s">
        <v>31131</v>
      </c>
    </row>
    <row r="844" spans="1:16" x14ac:dyDescent="0.2">
      <c r="A844" s="1" t="s">
        <v>66</v>
      </c>
      <c r="B844" s="1" t="s">
        <v>212</v>
      </c>
      <c r="C844" s="1" t="s">
        <v>3240</v>
      </c>
      <c r="D844" s="1" t="s">
        <v>3241</v>
      </c>
      <c r="E844" s="1"/>
      <c r="F844" s="1" t="s">
        <v>10</v>
      </c>
      <c r="G844" s="1" t="s">
        <v>10</v>
      </c>
      <c r="H844" s="1" t="s">
        <v>10</v>
      </c>
      <c r="I844" s="1" t="s">
        <v>2312</v>
      </c>
      <c r="J844" s="1" t="s">
        <v>2316</v>
      </c>
      <c r="K844" s="1" t="s">
        <v>27</v>
      </c>
      <c r="L844" s="1" t="s">
        <v>3239</v>
      </c>
      <c r="M844" s="1" t="s">
        <v>5</v>
      </c>
      <c r="N844" s="1" t="s">
        <v>25</v>
      </c>
      <c r="O844" s="1" t="s">
        <v>38</v>
      </c>
      <c r="P844" s="5" t="s">
        <v>32703</v>
      </c>
    </row>
    <row r="845" spans="1:16" x14ac:dyDescent="0.2">
      <c r="A845" s="1" t="s">
        <v>20</v>
      </c>
      <c r="B845" s="1" t="s">
        <v>132</v>
      </c>
      <c r="C845" s="1" t="s">
        <v>3243</v>
      </c>
      <c r="D845" s="1" t="s">
        <v>3244</v>
      </c>
      <c r="E845" s="1"/>
      <c r="F845" s="1" t="s">
        <v>10</v>
      </c>
      <c r="G845" s="1" t="s">
        <v>10</v>
      </c>
      <c r="H845" s="1" t="s">
        <v>10</v>
      </c>
      <c r="I845" s="1" t="s">
        <v>2312</v>
      </c>
      <c r="J845" s="1" t="s">
        <v>2316</v>
      </c>
      <c r="K845" s="1" t="s">
        <v>27</v>
      </c>
      <c r="L845" s="1" t="s">
        <v>3242</v>
      </c>
      <c r="M845" s="1" t="s">
        <v>5</v>
      </c>
      <c r="N845" s="1" t="s">
        <v>960</v>
      </c>
      <c r="O845" s="1" t="s">
        <v>38</v>
      </c>
      <c r="P845" s="5" t="s">
        <v>1184</v>
      </c>
    </row>
    <row r="846" spans="1:16" x14ac:dyDescent="0.2">
      <c r="A846" s="1" t="s">
        <v>329</v>
      </c>
      <c r="B846" s="1" t="s">
        <v>1168</v>
      </c>
      <c r="C846" s="1" t="s">
        <v>3246</v>
      </c>
      <c r="D846" s="1" t="s">
        <v>3247</v>
      </c>
      <c r="E846" s="1"/>
      <c r="F846" s="1" t="s">
        <v>10</v>
      </c>
      <c r="G846" s="1" t="s">
        <v>10</v>
      </c>
      <c r="H846" s="1" t="s">
        <v>10</v>
      </c>
      <c r="I846" s="1" t="s">
        <v>2312</v>
      </c>
      <c r="J846" s="1" t="s">
        <v>2316</v>
      </c>
      <c r="K846" s="1" t="s">
        <v>27</v>
      </c>
      <c r="L846" s="1" t="s">
        <v>3245</v>
      </c>
      <c r="M846" s="1" t="s">
        <v>5</v>
      </c>
      <c r="N846" s="1" t="s">
        <v>960</v>
      </c>
      <c r="O846" s="1" t="s">
        <v>38</v>
      </c>
      <c r="P846" s="5" t="s">
        <v>31099</v>
      </c>
    </row>
    <row r="847" spans="1:16" x14ac:dyDescent="0.2">
      <c r="A847" s="1" t="s">
        <v>66</v>
      </c>
      <c r="B847" s="1" t="s">
        <v>212</v>
      </c>
      <c r="C847" s="1" t="s">
        <v>3249</v>
      </c>
      <c r="D847" s="1" t="s">
        <v>3250</v>
      </c>
      <c r="E847" s="1"/>
      <c r="F847" s="1" t="s">
        <v>10</v>
      </c>
      <c r="G847" s="1" t="s">
        <v>10</v>
      </c>
      <c r="H847" s="1" t="s">
        <v>10</v>
      </c>
      <c r="I847" s="1" t="s">
        <v>2312</v>
      </c>
      <c r="J847" s="1" t="s">
        <v>2316</v>
      </c>
      <c r="K847" s="1" t="s">
        <v>27</v>
      </c>
      <c r="L847" s="1" t="s">
        <v>3248</v>
      </c>
      <c r="M847" s="1" t="s">
        <v>5</v>
      </c>
      <c r="N847" s="1" t="s">
        <v>960</v>
      </c>
      <c r="O847" s="1" t="s">
        <v>38</v>
      </c>
      <c r="P847" s="5" t="s">
        <v>31110</v>
      </c>
    </row>
    <row r="848" spans="1:16" x14ac:dyDescent="0.2">
      <c r="A848" s="1" t="s">
        <v>66</v>
      </c>
      <c r="B848" s="1" t="s">
        <v>212</v>
      </c>
      <c r="C848" s="1" t="s">
        <v>3252</v>
      </c>
      <c r="D848" s="1" t="s">
        <v>3253</v>
      </c>
      <c r="E848" s="1"/>
      <c r="F848" s="1" t="s">
        <v>10</v>
      </c>
      <c r="G848" s="1" t="s">
        <v>10</v>
      </c>
      <c r="H848" s="1" t="s">
        <v>10</v>
      </c>
      <c r="I848" s="1" t="s">
        <v>2312</v>
      </c>
      <c r="J848" s="1" t="s">
        <v>2316</v>
      </c>
      <c r="K848" s="1" t="s">
        <v>27</v>
      </c>
      <c r="L848" s="1" t="s">
        <v>3251</v>
      </c>
      <c r="M848" s="1" t="s">
        <v>5</v>
      </c>
      <c r="N848" s="1" t="s">
        <v>25</v>
      </c>
      <c r="O848" s="1" t="s">
        <v>38</v>
      </c>
      <c r="P848" s="5" t="s">
        <v>31132</v>
      </c>
    </row>
    <row r="849" spans="1:16" x14ac:dyDescent="0.2">
      <c r="A849" s="1" t="s">
        <v>66</v>
      </c>
      <c r="B849" s="1" t="s">
        <v>212</v>
      </c>
      <c r="C849" s="1" t="s">
        <v>3255</v>
      </c>
      <c r="D849" s="1" t="s">
        <v>3256</v>
      </c>
      <c r="E849" s="1"/>
      <c r="F849" s="1" t="s">
        <v>10</v>
      </c>
      <c r="G849" s="1" t="s">
        <v>10</v>
      </c>
      <c r="H849" s="1" t="s">
        <v>10</v>
      </c>
      <c r="I849" s="1" t="s">
        <v>2312</v>
      </c>
      <c r="J849" s="1" t="s">
        <v>2316</v>
      </c>
      <c r="K849" s="1" t="s">
        <v>64</v>
      </c>
      <c r="L849" s="1" t="s">
        <v>3254</v>
      </c>
      <c r="M849" s="1" t="s">
        <v>5</v>
      </c>
      <c r="N849" s="1" t="s">
        <v>960</v>
      </c>
      <c r="O849" s="1" t="s">
        <v>38</v>
      </c>
      <c r="P849" s="5" t="s">
        <v>31133</v>
      </c>
    </row>
    <row r="850" spans="1:16" x14ac:dyDescent="0.2">
      <c r="A850" s="1" t="s">
        <v>329</v>
      </c>
      <c r="B850" s="1" t="s">
        <v>1168</v>
      </c>
      <c r="C850" s="1" t="s">
        <v>3258</v>
      </c>
      <c r="D850" s="1" t="s">
        <v>3259</v>
      </c>
      <c r="E850" s="1"/>
      <c r="F850" s="1" t="s">
        <v>10</v>
      </c>
      <c r="G850" s="1" t="s">
        <v>10</v>
      </c>
      <c r="H850" s="1" t="s">
        <v>10</v>
      </c>
      <c r="I850" s="1" t="s">
        <v>2312</v>
      </c>
      <c r="J850" s="1" t="s">
        <v>2348</v>
      </c>
      <c r="K850" s="1" t="s">
        <v>27</v>
      </c>
      <c r="L850" s="1" t="s">
        <v>3257</v>
      </c>
      <c r="M850" s="1" t="s">
        <v>5</v>
      </c>
      <c r="N850" s="1" t="s">
        <v>25</v>
      </c>
      <c r="O850" s="1" t="s">
        <v>38</v>
      </c>
      <c r="P850" s="5" t="s">
        <v>31104</v>
      </c>
    </row>
    <row r="851" spans="1:16" x14ac:dyDescent="0.2">
      <c r="A851" s="1" t="s">
        <v>66</v>
      </c>
      <c r="B851" s="1" t="s">
        <v>212</v>
      </c>
      <c r="C851" s="1" t="s">
        <v>3261</v>
      </c>
      <c r="D851" s="1" t="s">
        <v>3262</v>
      </c>
      <c r="E851" s="1"/>
      <c r="F851" s="1" t="s">
        <v>10</v>
      </c>
      <c r="G851" s="1" t="s">
        <v>10</v>
      </c>
      <c r="H851" s="1" t="s">
        <v>10</v>
      </c>
      <c r="I851" s="1" t="s">
        <v>2312</v>
      </c>
      <c r="J851" s="1" t="s">
        <v>2316</v>
      </c>
      <c r="K851" s="1" t="s">
        <v>27</v>
      </c>
      <c r="L851" s="1" t="s">
        <v>3260</v>
      </c>
      <c r="M851" s="1" t="s">
        <v>5</v>
      </c>
      <c r="N851" s="1" t="s">
        <v>960</v>
      </c>
      <c r="O851" s="1" t="s">
        <v>38</v>
      </c>
      <c r="P851" s="5" t="s">
        <v>1184</v>
      </c>
    </row>
    <row r="852" spans="1:16" x14ac:dyDescent="0.2">
      <c r="A852" s="1" t="s">
        <v>66</v>
      </c>
      <c r="B852" s="1" t="s">
        <v>212</v>
      </c>
      <c r="C852" s="1" t="s">
        <v>3264</v>
      </c>
      <c r="D852" s="1" t="s">
        <v>3265</v>
      </c>
      <c r="E852" s="1"/>
      <c r="F852" s="1" t="s">
        <v>10</v>
      </c>
      <c r="G852" s="1" t="s">
        <v>10</v>
      </c>
      <c r="H852" s="1" t="s">
        <v>10</v>
      </c>
      <c r="I852" s="1" t="s">
        <v>2312</v>
      </c>
      <c r="J852" s="1" t="s">
        <v>2316</v>
      </c>
      <c r="K852" s="1" t="s">
        <v>27</v>
      </c>
      <c r="L852" s="1" t="s">
        <v>3263</v>
      </c>
      <c r="M852" s="1" t="s">
        <v>5</v>
      </c>
      <c r="N852" s="1" t="s">
        <v>960</v>
      </c>
      <c r="O852" s="1" t="s">
        <v>38</v>
      </c>
      <c r="P852" s="5" t="s">
        <v>1184</v>
      </c>
    </row>
    <row r="853" spans="1:16" x14ac:dyDescent="0.2">
      <c r="A853" s="1" t="s">
        <v>66</v>
      </c>
      <c r="B853" s="1" t="s">
        <v>212</v>
      </c>
      <c r="C853" s="1" t="s">
        <v>3267</v>
      </c>
      <c r="D853" s="1" t="s">
        <v>3268</v>
      </c>
      <c r="E853" s="1"/>
      <c r="F853" s="1" t="s">
        <v>10</v>
      </c>
      <c r="G853" s="1" t="s">
        <v>10</v>
      </c>
      <c r="H853" s="1" t="s">
        <v>10</v>
      </c>
      <c r="I853" s="1" t="s">
        <v>2312</v>
      </c>
      <c r="J853" s="1" t="s">
        <v>2316</v>
      </c>
      <c r="K853" s="1" t="s">
        <v>27</v>
      </c>
      <c r="L853" s="1" t="s">
        <v>3266</v>
      </c>
      <c r="M853" s="1" t="s">
        <v>5</v>
      </c>
      <c r="N853" s="1" t="s">
        <v>960</v>
      </c>
      <c r="O853" s="1" t="s">
        <v>38</v>
      </c>
      <c r="P853" s="5" t="s">
        <v>31110</v>
      </c>
    </row>
    <row r="854" spans="1:16" x14ac:dyDescent="0.2">
      <c r="A854" s="1" t="s">
        <v>329</v>
      </c>
      <c r="B854" s="1" t="s">
        <v>1168</v>
      </c>
      <c r="C854" s="1" t="s">
        <v>3270</v>
      </c>
      <c r="D854" s="1" t="s">
        <v>3271</v>
      </c>
      <c r="E854" s="1"/>
      <c r="F854" s="1" t="s">
        <v>10</v>
      </c>
      <c r="G854" s="1" t="s">
        <v>10</v>
      </c>
      <c r="H854" s="1" t="s">
        <v>10</v>
      </c>
      <c r="I854" s="1" t="s">
        <v>2312</v>
      </c>
      <c r="J854" s="1" t="s">
        <v>2316</v>
      </c>
      <c r="K854" s="1" t="s">
        <v>27</v>
      </c>
      <c r="L854" s="1" t="s">
        <v>3269</v>
      </c>
      <c r="M854" s="1" t="s">
        <v>5</v>
      </c>
      <c r="N854" s="1" t="s">
        <v>960</v>
      </c>
      <c r="O854" s="1" t="s">
        <v>38</v>
      </c>
      <c r="P854" s="5" t="s">
        <v>31099</v>
      </c>
    </row>
    <row r="855" spans="1:16" x14ac:dyDescent="0.2">
      <c r="A855" s="1" t="s">
        <v>66</v>
      </c>
      <c r="B855" s="1" t="s">
        <v>212</v>
      </c>
      <c r="C855" s="1" t="s">
        <v>3273</v>
      </c>
      <c r="D855" s="1" t="s">
        <v>3274</v>
      </c>
      <c r="E855" s="1"/>
      <c r="F855" s="1" t="s">
        <v>10</v>
      </c>
      <c r="G855" s="1" t="s">
        <v>10</v>
      </c>
      <c r="H855" s="1" t="s">
        <v>10</v>
      </c>
      <c r="I855" s="1" t="s">
        <v>2312</v>
      </c>
      <c r="J855" s="1" t="s">
        <v>2316</v>
      </c>
      <c r="K855" s="1" t="s">
        <v>27</v>
      </c>
      <c r="L855" s="1" t="s">
        <v>3272</v>
      </c>
      <c r="M855" s="1" t="s">
        <v>5</v>
      </c>
      <c r="N855" s="1" t="s">
        <v>960</v>
      </c>
      <c r="O855" s="1" t="s">
        <v>38</v>
      </c>
      <c r="P855" s="5" t="s">
        <v>1184</v>
      </c>
    </row>
    <row r="856" spans="1:16" x14ac:dyDescent="0.2">
      <c r="A856" s="1" t="s">
        <v>66</v>
      </c>
      <c r="B856" s="1" t="s">
        <v>212</v>
      </c>
      <c r="C856" s="1" t="s">
        <v>3276</v>
      </c>
      <c r="D856" s="1" t="s">
        <v>3277</v>
      </c>
      <c r="E856" s="1"/>
      <c r="F856" s="1" t="s">
        <v>10</v>
      </c>
      <c r="G856" s="1" t="s">
        <v>10</v>
      </c>
      <c r="H856" s="1" t="s">
        <v>10</v>
      </c>
      <c r="I856" s="1" t="s">
        <v>2312</v>
      </c>
      <c r="J856" s="1" t="s">
        <v>2316</v>
      </c>
      <c r="K856" s="1" t="s">
        <v>27</v>
      </c>
      <c r="L856" s="1" t="s">
        <v>3275</v>
      </c>
      <c r="M856" s="1" t="s">
        <v>5</v>
      </c>
      <c r="N856" s="1" t="s">
        <v>960</v>
      </c>
      <c r="O856" s="1" t="s">
        <v>38</v>
      </c>
      <c r="P856" s="5" t="s">
        <v>1184</v>
      </c>
    </row>
    <row r="857" spans="1:16" x14ac:dyDescent="0.2">
      <c r="A857" s="1" t="s">
        <v>66</v>
      </c>
      <c r="B857" s="1" t="s">
        <v>212</v>
      </c>
      <c r="C857" s="1" t="s">
        <v>3279</v>
      </c>
      <c r="D857" s="1" t="s">
        <v>3280</v>
      </c>
      <c r="E857" s="1"/>
      <c r="F857" s="1" t="s">
        <v>10</v>
      </c>
      <c r="G857" s="1" t="s">
        <v>10</v>
      </c>
      <c r="H857" s="1" t="s">
        <v>10</v>
      </c>
      <c r="I857" s="1" t="s">
        <v>2312</v>
      </c>
      <c r="J857" s="1" t="s">
        <v>2316</v>
      </c>
      <c r="K857" s="1" t="s">
        <v>27</v>
      </c>
      <c r="L857" s="1" t="s">
        <v>3278</v>
      </c>
      <c r="M857" s="1" t="s">
        <v>5</v>
      </c>
      <c r="N857" s="1" t="s">
        <v>960</v>
      </c>
      <c r="O857" s="1" t="s">
        <v>38</v>
      </c>
      <c r="P857" s="5" t="s">
        <v>1184</v>
      </c>
    </row>
    <row r="858" spans="1:16" x14ac:dyDescent="0.2">
      <c r="A858" s="1" t="s">
        <v>66</v>
      </c>
      <c r="B858" s="1" t="s">
        <v>212</v>
      </c>
      <c r="C858" s="1" t="s">
        <v>3282</v>
      </c>
      <c r="D858" s="1" t="s">
        <v>3283</v>
      </c>
      <c r="E858" s="1"/>
      <c r="F858" s="1" t="s">
        <v>10</v>
      </c>
      <c r="G858" s="1" t="s">
        <v>10</v>
      </c>
      <c r="H858" s="1" t="s">
        <v>10</v>
      </c>
      <c r="I858" s="1" t="s">
        <v>2312</v>
      </c>
      <c r="J858" s="1" t="s">
        <v>2316</v>
      </c>
      <c r="K858" s="1" t="s">
        <v>27</v>
      </c>
      <c r="L858" s="1" t="s">
        <v>3281</v>
      </c>
      <c r="M858" s="1" t="s">
        <v>5</v>
      </c>
      <c r="N858" s="1" t="s">
        <v>960</v>
      </c>
      <c r="O858" s="1" t="s">
        <v>38</v>
      </c>
      <c r="P858" s="5" t="s">
        <v>31110</v>
      </c>
    </row>
    <row r="859" spans="1:16" x14ac:dyDescent="0.2">
      <c r="A859" s="1" t="s">
        <v>66</v>
      </c>
      <c r="B859" s="1" t="s">
        <v>212</v>
      </c>
      <c r="C859" s="1" t="s">
        <v>3285</v>
      </c>
      <c r="D859" s="1" t="s">
        <v>3286</v>
      </c>
      <c r="E859" s="1"/>
      <c r="F859" s="1" t="s">
        <v>10</v>
      </c>
      <c r="G859" s="1" t="s">
        <v>10</v>
      </c>
      <c r="H859" s="1" t="s">
        <v>10</v>
      </c>
      <c r="I859" s="1" t="s">
        <v>2312</v>
      </c>
      <c r="J859" s="1" t="s">
        <v>2316</v>
      </c>
      <c r="K859" s="1" t="s">
        <v>27</v>
      </c>
      <c r="L859" s="1" t="s">
        <v>3284</v>
      </c>
      <c r="M859" s="1" t="s">
        <v>5</v>
      </c>
      <c r="N859" s="1" t="s">
        <v>960</v>
      </c>
      <c r="O859" s="1" t="s">
        <v>38</v>
      </c>
      <c r="P859" s="5" t="s">
        <v>31110</v>
      </c>
    </row>
    <row r="860" spans="1:16" x14ac:dyDescent="0.2">
      <c r="A860" s="1" t="s">
        <v>66</v>
      </c>
      <c r="B860" s="1" t="s">
        <v>212</v>
      </c>
      <c r="C860" s="1" t="s">
        <v>3288</v>
      </c>
      <c r="D860" s="1" t="s">
        <v>3289</v>
      </c>
      <c r="E860" s="1"/>
      <c r="F860" s="1" t="s">
        <v>10</v>
      </c>
      <c r="G860" s="1" t="s">
        <v>10</v>
      </c>
      <c r="H860" s="1" t="s">
        <v>10</v>
      </c>
      <c r="I860" s="1" t="s">
        <v>2312</v>
      </c>
      <c r="J860" s="1" t="s">
        <v>2316</v>
      </c>
      <c r="K860" s="1" t="s">
        <v>27</v>
      </c>
      <c r="L860" s="1" t="s">
        <v>3287</v>
      </c>
      <c r="M860" s="1" t="s">
        <v>5</v>
      </c>
      <c r="N860" s="1" t="s">
        <v>960</v>
      </c>
      <c r="O860" s="1" t="s">
        <v>38</v>
      </c>
      <c r="P860" s="5" t="s">
        <v>1184</v>
      </c>
    </row>
    <row r="861" spans="1:16" x14ac:dyDescent="0.2">
      <c r="A861" s="1" t="s">
        <v>1385</v>
      </c>
      <c r="B861" s="1" t="s">
        <v>1687</v>
      </c>
      <c r="C861" s="1" t="s">
        <v>3291</v>
      </c>
      <c r="D861" s="1" t="s">
        <v>3292</v>
      </c>
      <c r="E861" s="1"/>
      <c r="F861" s="1" t="s">
        <v>10</v>
      </c>
      <c r="G861" s="1" t="s">
        <v>10</v>
      </c>
      <c r="H861" s="1" t="s">
        <v>10</v>
      </c>
      <c r="I861" s="1" t="s">
        <v>2312</v>
      </c>
      <c r="J861" s="1" t="s">
        <v>2316</v>
      </c>
      <c r="K861" s="1" t="s">
        <v>27</v>
      </c>
      <c r="L861" s="1" t="s">
        <v>3290</v>
      </c>
      <c r="M861" s="1" t="s">
        <v>5</v>
      </c>
      <c r="N861" s="1" t="s">
        <v>960</v>
      </c>
      <c r="O861" s="1" t="s">
        <v>38</v>
      </c>
      <c r="P861" s="5" t="s">
        <v>32702</v>
      </c>
    </row>
    <row r="862" spans="1:16" x14ac:dyDescent="0.2">
      <c r="A862" s="1" t="s">
        <v>66</v>
      </c>
      <c r="B862" s="1" t="s">
        <v>212</v>
      </c>
      <c r="C862" s="1" t="s">
        <v>3294</v>
      </c>
      <c r="D862" s="1" t="s">
        <v>3295</v>
      </c>
      <c r="E862" s="1"/>
      <c r="F862" s="1" t="s">
        <v>10</v>
      </c>
      <c r="G862" s="1" t="s">
        <v>10</v>
      </c>
      <c r="H862" s="1" t="s">
        <v>10</v>
      </c>
      <c r="I862" s="1" t="s">
        <v>2312</v>
      </c>
      <c r="J862" s="1" t="s">
        <v>2316</v>
      </c>
      <c r="K862" s="1" t="s">
        <v>27</v>
      </c>
      <c r="L862" s="1" t="s">
        <v>3293</v>
      </c>
      <c r="M862" s="1" t="s">
        <v>5</v>
      </c>
      <c r="N862" s="1" t="s">
        <v>960</v>
      </c>
      <c r="O862" s="1" t="s">
        <v>38</v>
      </c>
      <c r="P862" s="5" t="s">
        <v>1184</v>
      </c>
    </row>
    <row r="863" spans="1:16" x14ac:dyDescent="0.2">
      <c r="A863" s="1" t="s">
        <v>66</v>
      </c>
      <c r="B863" s="1" t="s">
        <v>212</v>
      </c>
      <c r="C863" s="1" t="s">
        <v>3297</v>
      </c>
      <c r="D863" s="1" t="s">
        <v>3298</v>
      </c>
      <c r="E863" s="1"/>
      <c r="F863" s="1" t="s">
        <v>10</v>
      </c>
      <c r="G863" s="1" t="s">
        <v>10</v>
      </c>
      <c r="H863" s="1" t="s">
        <v>10</v>
      </c>
      <c r="I863" s="1" t="s">
        <v>2312</v>
      </c>
      <c r="J863" s="1" t="s">
        <v>2316</v>
      </c>
      <c r="K863" s="1" t="s">
        <v>27</v>
      </c>
      <c r="L863" s="1" t="s">
        <v>3296</v>
      </c>
      <c r="M863" s="1" t="s">
        <v>5</v>
      </c>
      <c r="N863" s="1" t="s">
        <v>960</v>
      </c>
      <c r="O863" s="1" t="s">
        <v>38</v>
      </c>
      <c r="P863" s="5" t="s">
        <v>1184</v>
      </c>
    </row>
    <row r="864" spans="1:16" x14ac:dyDescent="0.2">
      <c r="A864" s="1" t="s">
        <v>66</v>
      </c>
      <c r="B864" s="1" t="s">
        <v>212</v>
      </c>
      <c r="C864" s="1" t="s">
        <v>3300</v>
      </c>
      <c r="D864" s="1" t="s">
        <v>3301</v>
      </c>
      <c r="E864" s="1"/>
      <c r="F864" s="1" t="s">
        <v>10</v>
      </c>
      <c r="G864" s="1" t="s">
        <v>10</v>
      </c>
      <c r="H864" s="1" t="s">
        <v>10</v>
      </c>
      <c r="I864" s="1" t="s">
        <v>2312</v>
      </c>
      <c r="J864" s="1" t="s">
        <v>2316</v>
      </c>
      <c r="K864" s="1" t="s">
        <v>27</v>
      </c>
      <c r="L864" s="1" t="s">
        <v>3299</v>
      </c>
      <c r="M864" s="1" t="s">
        <v>5</v>
      </c>
      <c r="N864" s="1" t="s">
        <v>960</v>
      </c>
      <c r="O864" s="1" t="s">
        <v>38</v>
      </c>
      <c r="P864" s="5" t="s">
        <v>1184</v>
      </c>
    </row>
    <row r="865" spans="1:16" x14ac:dyDescent="0.2">
      <c r="A865" s="1" t="s">
        <v>66</v>
      </c>
      <c r="B865" s="1" t="s">
        <v>212</v>
      </c>
      <c r="C865" s="1" t="s">
        <v>3303</v>
      </c>
      <c r="D865" s="1" t="s">
        <v>3304</v>
      </c>
      <c r="E865" s="1"/>
      <c r="F865" s="1" t="s">
        <v>10</v>
      </c>
      <c r="G865" s="1" t="s">
        <v>10</v>
      </c>
      <c r="H865" s="1" t="s">
        <v>10</v>
      </c>
      <c r="I865" s="1" t="s">
        <v>2312</v>
      </c>
      <c r="J865" s="1" t="s">
        <v>2316</v>
      </c>
      <c r="K865" s="1" t="s">
        <v>27</v>
      </c>
      <c r="L865" s="1" t="s">
        <v>3302</v>
      </c>
      <c r="M865" s="1" t="s">
        <v>5</v>
      </c>
      <c r="N865" s="1" t="s">
        <v>960</v>
      </c>
      <c r="O865" s="1" t="s">
        <v>38</v>
      </c>
      <c r="P865" s="5" t="s">
        <v>1184</v>
      </c>
    </row>
    <row r="866" spans="1:16" x14ac:dyDescent="0.2">
      <c r="A866" s="1" t="s">
        <v>66</v>
      </c>
      <c r="B866" s="1" t="s">
        <v>212</v>
      </c>
      <c r="C866" s="1" t="s">
        <v>3306</v>
      </c>
      <c r="D866" s="1" t="s">
        <v>3307</v>
      </c>
      <c r="E866" s="1"/>
      <c r="F866" s="1" t="s">
        <v>10</v>
      </c>
      <c r="G866" s="1" t="s">
        <v>10</v>
      </c>
      <c r="H866" s="1" t="s">
        <v>10</v>
      </c>
      <c r="I866" s="1" t="s">
        <v>2312</v>
      </c>
      <c r="J866" s="1" t="s">
        <v>2316</v>
      </c>
      <c r="K866" s="1" t="s">
        <v>27</v>
      </c>
      <c r="L866" s="1" t="s">
        <v>3305</v>
      </c>
      <c r="M866" s="1" t="s">
        <v>5</v>
      </c>
      <c r="N866" s="1" t="s">
        <v>960</v>
      </c>
      <c r="O866" s="1" t="s">
        <v>38</v>
      </c>
      <c r="P866" s="5" t="s">
        <v>1184</v>
      </c>
    </row>
    <row r="867" spans="1:16" x14ac:dyDescent="0.2">
      <c r="A867" s="1" t="s">
        <v>66</v>
      </c>
      <c r="B867" s="1" t="s">
        <v>212</v>
      </c>
      <c r="C867" s="1" t="s">
        <v>3309</v>
      </c>
      <c r="D867" s="1" t="s">
        <v>3310</v>
      </c>
      <c r="E867" s="1"/>
      <c r="F867" s="1" t="s">
        <v>10</v>
      </c>
      <c r="G867" s="1" t="s">
        <v>10</v>
      </c>
      <c r="H867" s="1" t="s">
        <v>10</v>
      </c>
      <c r="I867" s="1" t="s">
        <v>2312</v>
      </c>
      <c r="J867" s="1" t="s">
        <v>2316</v>
      </c>
      <c r="K867" s="1" t="s">
        <v>27</v>
      </c>
      <c r="L867" s="1" t="s">
        <v>3308</v>
      </c>
      <c r="M867" s="1" t="s">
        <v>5</v>
      </c>
      <c r="N867" s="1" t="s">
        <v>960</v>
      </c>
      <c r="O867" s="1" t="s">
        <v>38</v>
      </c>
      <c r="P867" s="5" t="s">
        <v>1184</v>
      </c>
    </row>
    <row r="868" spans="1:16" x14ac:dyDescent="0.2">
      <c r="A868" s="1" t="s">
        <v>66</v>
      </c>
      <c r="B868" s="1" t="s">
        <v>212</v>
      </c>
      <c r="C868" s="1" t="s">
        <v>3312</v>
      </c>
      <c r="D868" s="1" t="s">
        <v>3313</v>
      </c>
      <c r="E868" s="1"/>
      <c r="F868" s="1" t="s">
        <v>10</v>
      </c>
      <c r="G868" s="1" t="s">
        <v>10</v>
      </c>
      <c r="H868" s="1" t="s">
        <v>10</v>
      </c>
      <c r="I868" s="1" t="s">
        <v>2312</v>
      </c>
      <c r="J868" s="1" t="s">
        <v>2316</v>
      </c>
      <c r="K868" s="1" t="s">
        <v>27</v>
      </c>
      <c r="L868" s="1" t="s">
        <v>3311</v>
      </c>
      <c r="M868" s="1" t="s">
        <v>5</v>
      </c>
      <c r="N868" s="1" t="s">
        <v>960</v>
      </c>
      <c r="O868" s="1" t="s">
        <v>38</v>
      </c>
      <c r="P868" s="5" t="s">
        <v>1184</v>
      </c>
    </row>
    <row r="869" spans="1:16" x14ac:dyDescent="0.2">
      <c r="A869" s="1" t="s">
        <v>66</v>
      </c>
      <c r="B869" s="1" t="s">
        <v>212</v>
      </c>
      <c r="C869" s="1" t="s">
        <v>3315</v>
      </c>
      <c r="D869" s="1" t="s">
        <v>3316</v>
      </c>
      <c r="E869" s="1"/>
      <c r="F869" s="1" t="s">
        <v>10</v>
      </c>
      <c r="G869" s="1" t="s">
        <v>10</v>
      </c>
      <c r="H869" s="1" t="s">
        <v>10</v>
      </c>
      <c r="I869" s="1" t="s">
        <v>2312</v>
      </c>
      <c r="J869" s="1" t="s">
        <v>2316</v>
      </c>
      <c r="K869" s="1" t="s">
        <v>27</v>
      </c>
      <c r="L869" s="1" t="s">
        <v>3314</v>
      </c>
      <c r="M869" s="1" t="s">
        <v>5</v>
      </c>
      <c r="N869" s="1" t="s">
        <v>960</v>
      </c>
      <c r="O869" s="1" t="s">
        <v>38</v>
      </c>
      <c r="P869" s="5" t="s">
        <v>1184</v>
      </c>
    </row>
    <row r="870" spans="1:16" x14ac:dyDescent="0.2">
      <c r="A870" s="1" t="s">
        <v>66</v>
      </c>
      <c r="B870" s="1" t="s">
        <v>212</v>
      </c>
      <c r="C870" s="1" t="s">
        <v>3318</v>
      </c>
      <c r="D870" s="1" t="s">
        <v>3319</v>
      </c>
      <c r="E870" s="1"/>
      <c r="F870" s="1" t="s">
        <v>10</v>
      </c>
      <c r="G870" s="1" t="s">
        <v>10</v>
      </c>
      <c r="H870" s="1" t="s">
        <v>10</v>
      </c>
      <c r="I870" s="1" t="s">
        <v>2312</v>
      </c>
      <c r="J870" s="1" t="s">
        <v>2316</v>
      </c>
      <c r="K870" s="1" t="s">
        <v>27</v>
      </c>
      <c r="L870" s="1" t="s">
        <v>3317</v>
      </c>
      <c r="M870" s="1" t="s">
        <v>5</v>
      </c>
      <c r="N870" s="1" t="s">
        <v>960</v>
      </c>
      <c r="O870" s="1" t="s">
        <v>38</v>
      </c>
      <c r="P870" s="5" t="s">
        <v>1184</v>
      </c>
    </row>
    <row r="871" spans="1:16" x14ac:dyDescent="0.2">
      <c r="A871" s="1" t="s">
        <v>66</v>
      </c>
      <c r="B871" s="1" t="s">
        <v>212</v>
      </c>
      <c r="C871" s="1" t="s">
        <v>3321</v>
      </c>
      <c r="D871" s="1" t="s">
        <v>3322</v>
      </c>
      <c r="E871" s="1"/>
      <c r="F871" s="1" t="s">
        <v>10</v>
      </c>
      <c r="G871" s="1" t="s">
        <v>10</v>
      </c>
      <c r="H871" s="1" t="s">
        <v>10</v>
      </c>
      <c r="I871" s="1" t="s">
        <v>2312</v>
      </c>
      <c r="J871" s="1" t="s">
        <v>2316</v>
      </c>
      <c r="K871" s="1" t="s">
        <v>27</v>
      </c>
      <c r="L871" s="1" t="s">
        <v>3320</v>
      </c>
      <c r="M871" s="1" t="s">
        <v>5</v>
      </c>
      <c r="N871" s="1" t="s">
        <v>960</v>
      </c>
      <c r="O871" s="1" t="s">
        <v>38</v>
      </c>
      <c r="P871" s="5" t="s">
        <v>31110</v>
      </c>
    </row>
    <row r="872" spans="1:16" x14ac:dyDescent="0.2">
      <c r="A872" s="1" t="s">
        <v>66</v>
      </c>
      <c r="B872" s="1" t="s">
        <v>212</v>
      </c>
      <c r="C872" s="1" t="s">
        <v>3324</v>
      </c>
      <c r="D872" s="1" t="s">
        <v>3325</v>
      </c>
      <c r="E872" s="1"/>
      <c r="F872" s="1" t="s">
        <v>10</v>
      </c>
      <c r="G872" s="1" t="s">
        <v>10</v>
      </c>
      <c r="H872" s="1" t="s">
        <v>10</v>
      </c>
      <c r="I872" s="1" t="s">
        <v>2312</v>
      </c>
      <c r="J872" s="1" t="s">
        <v>2316</v>
      </c>
      <c r="K872" s="1" t="s">
        <v>27</v>
      </c>
      <c r="L872" s="1" t="s">
        <v>3323</v>
      </c>
      <c r="M872" s="1" t="s">
        <v>5</v>
      </c>
      <c r="N872" s="1" t="s">
        <v>960</v>
      </c>
      <c r="O872" s="1" t="s">
        <v>38</v>
      </c>
      <c r="P872" s="5" t="s">
        <v>1184</v>
      </c>
    </row>
    <row r="873" spans="1:16" x14ac:dyDescent="0.2">
      <c r="A873" s="1" t="s">
        <v>329</v>
      </c>
      <c r="B873" s="1" t="s">
        <v>1168</v>
      </c>
      <c r="C873" s="1" t="s">
        <v>3327</v>
      </c>
      <c r="D873" s="1" t="s">
        <v>3328</v>
      </c>
      <c r="E873" s="1"/>
      <c r="F873" s="1" t="s">
        <v>10</v>
      </c>
      <c r="G873" s="1" t="s">
        <v>10</v>
      </c>
      <c r="H873" s="1" t="s">
        <v>10</v>
      </c>
      <c r="I873" s="1" t="s">
        <v>2312</v>
      </c>
      <c r="J873" s="1" t="s">
        <v>2348</v>
      </c>
      <c r="K873" s="1" t="s">
        <v>27</v>
      </c>
      <c r="L873" s="1" t="s">
        <v>3326</v>
      </c>
      <c r="M873" s="1" t="s">
        <v>5</v>
      </c>
      <c r="N873" s="1" t="s">
        <v>25</v>
      </c>
      <c r="O873" s="1" t="s">
        <v>38</v>
      </c>
      <c r="P873" s="5" t="s">
        <v>31099</v>
      </c>
    </row>
    <row r="874" spans="1:16" x14ac:dyDescent="0.2">
      <c r="A874" s="1" t="s">
        <v>329</v>
      </c>
      <c r="B874" s="1" t="s">
        <v>1168</v>
      </c>
      <c r="C874" s="1" t="s">
        <v>3330</v>
      </c>
      <c r="D874" s="1" t="s">
        <v>3331</v>
      </c>
      <c r="E874" s="1"/>
      <c r="F874" s="1" t="s">
        <v>10</v>
      </c>
      <c r="G874" s="1" t="s">
        <v>10</v>
      </c>
      <c r="H874" s="1" t="s">
        <v>10</v>
      </c>
      <c r="I874" s="1" t="s">
        <v>2312</v>
      </c>
      <c r="J874" s="1" t="s">
        <v>2316</v>
      </c>
      <c r="K874" s="1" t="s">
        <v>27</v>
      </c>
      <c r="L874" s="1" t="s">
        <v>3329</v>
      </c>
      <c r="M874" s="1" t="s">
        <v>5</v>
      </c>
      <c r="N874" s="1" t="s">
        <v>960</v>
      </c>
      <c r="O874" s="1" t="s">
        <v>38</v>
      </c>
      <c r="P874" s="5" t="s">
        <v>31099</v>
      </c>
    </row>
    <row r="875" spans="1:16" x14ac:dyDescent="0.2">
      <c r="A875" s="1" t="s">
        <v>1385</v>
      </c>
      <c r="B875" s="1" t="s">
        <v>1687</v>
      </c>
      <c r="C875" s="1" t="s">
        <v>3333</v>
      </c>
      <c r="D875" s="1" t="s">
        <v>3334</v>
      </c>
      <c r="E875" s="1"/>
      <c r="F875" s="1" t="s">
        <v>10</v>
      </c>
      <c r="G875" s="1" t="s">
        <v>10</v>
      </c>
      <c r="H875" s="1" t="s">
        <v>10</v>
      </c>
      <c r="I875" s="1" t="s">
        <v>2312</v>
      </c>
      <c r="J875" s="1" t="s">
        <v>2316</v>
      </c>
      <c r="K875" s="1" t="s">
        <v>27</v>
      </c>
      <c r="L875" s="1" t="s">
        <v>3332</v>
      </c>
      <c r="M875" s="1" t="s">
        <v>5</v>
      </c>
      <c r="N875" s="1" t="s">
        <v>960</v>
      </c>
      <c r="O875" s="1" t="s">
        <v>38</v>
      </c>
      <c r="P875" s="5" t="s">
        <v>31099</v>
      </c>
    </row>
    <row r="876" spans="1:16" x14ac:dyDescent="0.2">
      <c r="A876" s="1" t="s">
        <v>329</v>
      </c>
      <c r="B876" s="1" t="s">
        <v>1168</v>
      </c>
      <c r="C876" s="1" t="s">
        <v>3336</v>
      </c>
      <c r="D876" s="1" t="s">
        <v>3337</v>
      </c>
      <c r="E876" s="1"/>
      <c r="F876" s="1" t="s">
        <v>10</v>
      </c>
      <c r="G876" s="1" t="s">
        <v>10</v>
      </c>
      <c r="H876" s="1" t="s">
        <v>10</v>
      </c>
      <c r="I876" s="1" t="s">
        <v>2312</v>
      </c>
      <c r="J876" s="1" t="s">
        <v>2316</v>
      </c>
      <c r="K876" s="1" t="s">
        <v>27</v>
      </c>
      <c r="L876" s="1" t="s">
        <v>3335</v>
      </c>
      <c r="M876" s="1" t="s">
        <v>5</v>
      </c>
      <c r="N876" s="1" t="s">
        <v>960</v>
      </c>
      <c r="O876" s="1" t="s">
        <v>38</v>
      </c>
      <c r="P876" s="5" t="s">
        <v>31099</v>
      </c>
    </row>
    <row r="877" spans="1:16" x14ac:dyDescent="0.2">
      <c r="A877" s="1" t="s">
        <v>329</v>
      </c>
      <c r="B877" s="1" t="s">
        <v>1168</v>
      </c>
      <c r="C877" s="1" t="s">
        <v>3339</v>
      </c>
      <c r="D877" s="1" t="s">
        <v>3340</v>
      </c>
      <c r="E877" s="1"/>
      <c r="F877" s="1" t="s">
        <v>10</v>
      </c>
      <c r="G877" s="1" t="s">
        <v>10</v>
      </c>
      <c r="H877" s="1" t="s">
        <v>10</v>
      </c>
      <c r="I877" s="1" t="s">
        <v>2312</v>
      </c>
      <c r="J877" s="1" t="s">
        <v>2316</v>
      </c>
      <c r="K877" s="1" t="s">
        <v>27</v>
      </c>
      <c r="L877" s="1" t="s">
        <v>3338</v>
      </c>
      <c r="M877" s="1" t="s">
        <v>5</v>
      </c>
      <c r="N877" s="1" t="s">
        <v>960</v>
      </c>
      <c r="O877" s="1" t="s">
        <v>38</v>
      </c>
      <c r="P877" s="5" t="s">
        <v>31099</v>
      </c>
    </row>
    <row r="878" spans="1:16" x14ac:dyDescent="0.2">
      <c r="A878" s="1" t="s">
        <v>329</v>
      </c>
      <c r="B878" s="1" t="s">
        <v>1168</v>
      </c>
      <c r="C878" s="1" t="s">
        <v>3342</v>
      </c>
      <c r="D878" s="1" t="s">
        <v>3343</v>
      </c>
      <c r="E878" s="1"/>
      <c r="F878" s="1" t="s">
        <v>10</v>
      </c>
      <c r="G878" s="1" t="s">
        <v>10</v>
      </c>
      <c r="H878" s="1" t="s">
        <v>10</v>
      </c>
      <c r="I878" s="1" t="s">
        <v>2312</v>
      </c>
      <c r="J878" s="1" t="s">
        <v>2316</v>
      </c>
      <c r="K878" s="1" t="s">
        <v>27</v>
      </c>
      <c r="L878" s="1" t="s">
        <v>3341</v>
      </c>
      <c r="M878" s="1" t="s">
        <v>5</v>
      </c>
      <c r="N878" s="1" t="s">
        <v>960</v>
      </c>
      <c r="O878" s="1" t="s">
        <v>38</v>
      </c>
      <c r="P878" s="5" t="s">
        <v>31099</v>
      </c>
    </row>
    <row r="879" spans="1:16" x14ac:dyDescent="0.2">
      <c r="A879" s="1" t="s">
        <v>329</v>
      </c>
      <c r="B879" s="1" t="s">
        <v>1168</v>
      </c>
      <c r="C879" s="1" t="s">
        <v>3345</v>
      </c>
      <c r="D879" s="1" t="s">
        <v>3346</v>
      </c>
      <c r="E879" s="1"/>
      <c r="F879" s="1" t="s">
        <v>10</v>
      </c>
      <c r="G879" s="1" t="s">
        <v>10</v>
      </c>
      <c r="H879" s="1" t="s">
        <v>10</v>
      </c>
      <c r="I879" s="1" t="s">
        <v>2312</v>
      </c>
      <c r="J879" s="1" t="s">
        <v>2316</v>
      </c>
      <c r="K879" s="1" t="s">
        <v>27</v>
      </c>
      <c r="L879" s="1" t="s">
        <v>3344</v>
      </c>
      <c r="M879" s="1" t="s">
        <v>5</v>
      </c>
      <c r="N879" s="1" t="s">
        <v>960</v>
      </c>
      <c r="O879" s="1" t="s">
        <v>38</v>
      </c>
      <c r="P879" s="5" t="s">
        <v>31099</v>
      </c>
    </row>
    <row r="880" spans="1:16" x14ac:dyDescent="0.2">
      <c r="A880" s="1" t="s">
        <v>66</v>
      </c>
      <c r="B880" s="1" t="s">
        <v>212</v>
      </c>
      <c r="C880" s="1" t="s">
        <v>3348</v>
      </c>
      <c r="D880" s="1" t="s">
        <v>3349</v>
      </c>
      <c r="E880" s="1"/>
      <c r="F880" s="1" t="s">
        <v>10</v>
      </c>
      <c r="G880" s="1" t="s">
        <v>10</v>
      </c>
      <c r="H880" s="1" t="s">
        <v>10</v>
      </c>
      <c r="I880" s="1" t="s">
        <v>2312</v>
      </c>
      <c r="J880" s="1" t="s">
        <v>2316</v>
      </c>
      <c r="K880" s="1" t="s">
        <v>27</v>
      </c>
      <c r="L880" s="1" t="s">
        <v>3347</v>
      </c>
      <c r="M880" s="1" t="s">
        <v>5</v>
      </c>
      <c r="N880" s="1" t="s">
        <v>960</v>
      </c>
      <c r="O880" s="1" t="s">
        <v>38</v>
      </c>
      <c r="P880" s="5" t="s">
        <v>1184</v>
      </c>
    </row>
    <row r="881" spans="1:16" x14ac:dyDescent="0.2">
      <c r="A881" s="1" t="s">
        <v>66</v>
      </c>
      <c r="B881" s="1" t="s">
        <v>212</v>
      </c>
      <c r="C881" s="1" t="s">
        <v>3351</v>
      </c>
      <c r="D881" s="1" t="s">
        <v>3352</v>
      </c>
      <c r="E881" s="1"/>
      <c r="F881" s="1" t="s">
        <v>10</v>
      </c>
      <c r="G881" s="1" t="s">
        <v>10</v>
      </c>
      <c r="H881" s="1" t="s">
        <v>10</v>
      </c>
      <c r="I881" s="1" t="s">
        <v>2312</v>
      </c>
      <c r="J881" s="1" t="s">
        <v>2316</v>
      </c>
      <c r="K881" s="1" t="s">
        <v>27</v>
      </c>
      <c r="L881" s="1" t="s">
        <v>3350</v>
      </c>
      <c r="M881" s="1" t="s">
        <v>5</v>
      </c>
      <c r="N881" s="1" t="s">
        <v>960</v>
      </c>
      <c r="O881" s="1" t="s">
        <v>38</v>
      </c>
      <c r="P881" s="5" t="s">
        <v>1184</v>
      </c>
    </row>
    <row r="882" spans="1:16" x14ac:dyDescent="0.2">
      <c r="A882" s="1" t="s">
        <v>66</v>
      </c>
      <c r="B882" s="1" t="s">
        <v>212</v>
      </c>
      <c r="C882" s="1" t="s">
        <v>3354</v>
      </c>
      <c r="D882" s="1" t="s">
        <v>3355</v>
      </c>
      <c r="E882" s="1"/>
      <c r="F882" s="1" t="s">
        <v>10</v>
      </c>
      <c r="G882" s="1" t="s">
        <v>10</v>
      </c>
      <c r="H882" s="1" t="s">
        <v>10</v>
      </c>
      <c r="I882" s="1" t="s">
        <v>2312</v>
      </c>
      <c r="J882" s="1" t="s">
        <v>2316</v>
      </c>
      <c r="K882" s="1" t="s">
        <v>64</v>
      </c>
      <c r="L882" s="1" t="s">
        <v>3353</v>
      </c>
      <c r="M882" s="1" t="s">
        <v>5</v>
      </c>
      <c r="N882" s="1" t="s">
        <v>960</v>
      </c>
      <c r="O882" s="1" t="s">
        <v>38</v>
      </c>
      <c r="P882" s="5" t="s">
        <v>31133</v>
      </c>
    </row>
    <row r="883" spans="1:16" x14ac:dyDescent="0.2">
      <c r="A883" s="1" t="s">
        <v>20</v>
      </c>
      <c r="B883" s="1" t="s">
        <v>99</v>
      </c>
      <c r="C883" s="1" t="s">
        <v>3357</v>
      </c>
      <c r="D883" s="1" t="s">
        <v>3358</v>
      </c>
      <c r="E883" s="1"/>
      <c r="F883" s="1" t="s">
        <v>10</v>
      </c>
      <c r="G883" s="1" t="s">
        <v>10</v>
      </c>
      <c r="H883" s="1" t="s">
        <v>10</v>
      </c>
      <c r="I883" s="1" t="s">
        <v>2312</v>
      </c>
      <c r="J883" s="1" t="s">
        <v>2586</v>
      </c>
      <c r="K883" s="1" t="s">
        <v>7</v>
      </c>
      <c r="L883" s="1" t="s">
        <v>3356</v>
      </c>
      <c r="M883" s="1" t="s">
        <v>5</v>
      </c>
      <c r="N883" s="1" t="s">
        <v>960</v>
      </c>
      <c r="O883" s="1" t="s">
        <v>38</v>
      </c>
      <c r="P883" s="5" t="s">
        <v>1184</v>
      </c>
    </row>
    <row r="884" spans="1:16" x14ac:dyDescent="0.2">
      <c r="A884" s="1" t="s">
        <v>20</v>
      </c>
      <c r="B884" s="1" t="s">
        <v>99</v>
      </c>
      <c r="C884" s="1" t="s">
        <v>3360</v>
      </c>
      <c r="D884" s="1" t="s">
        <v>3361</v>
      </c>
      <c r="E884" s="1"/>
      <c r="F884" s="1" t="s">
        <v>10</v>
      </c>
      <c r="G884" s="1" t="s">
        <v>10</v>
      </c>
      <c r="H884" s="1" t="s">
        <v>10</v>
      </c>
      <c r="I884" s="1" t="s">
        <v>2312</v>
      </c>
      <c r="J884" s="1" t="s">
        <v>2316</v>
      </c>
      <c r="K884" s="1" t="s">
        <v>27</v>
      </c>
      <c r="L884" s="1" t="s">
        <v>3359</v>
      </c>
      <c r="M884" s="1" t="s">
        <v>5</v>
      </c>
      <c r="N884" s="1" t="s">
        <v>25</v>
      </c>
      <c r="O884" s="1" t="s">
        <v>38</v>
      </c>
      <c r="P884" s="5" t="s">
        <v>31134</v>
      </c>
    </row>
    <row r="885" spans="1:16" x14ac:dyDescent="0.2">
      <c r="A885" s="1" t="s">
        <v>329</v>
      </c>
      <c r="B885" s="1" t="s">
        <v>1168</v>
      </c>
      <c r="C885" s="1" t="s">
        <v>3363</v>
      </c>
      <c r="D885" s="1" t="s">
        <v>3364</v>
      </c>
      <c r="E885" s="1"/>
      <c r="F885" s="1" t="s">
        <v>10</v>
      </c>
      <c r="G885" s="1" t="s">
        <v>10</v>
      </c>
      <c r="H885" s="1" t="s">
        <v>10</v>
      </c>
      <c r="I885" s="1" t="s">
        <v>2312</v>
      </c>
      <c r="J885" s="1" t="s">
        <v>2316</v>
      </c>
      <c r="K885" s="1" t="s">
        <v>27</v>
      </c>
      <c r="L885" s="1" t="s">
        <v>3362</v>
      </c>
      <c r="M885" s="1" t="s">
        <v>5</v>
      </c>
      <c r="N885" s="1" t="s">
        <v>960</v>
      </c>
      <c r="O885" s="1" t="s">
        <v>38</v>
      </c>
      <c r="P885" s="5" t="s">
        <v>31099</v>
      </c>
    </row>
    <row r="886" spans="1:16" x14ac:dyDescent="0.2">
      <c r="A886" s="1" t="s">
        <v>20</v>
      </c>
      <c r="B886" s="1" t="s">
        <v>253</v>
      </c>
      <c r="C886" s="1" t="s">
        <v>3366</v>
      </c>
      <c r="D886" s="1" t="s">
        <v>3367</v>
      </c>
      <c r="E886" s="1"/>
      <c r="F886" s="1" t="s">
        <v>10</v>
      </c>
      <c r="G886" s="1" t="s">
        <v>10</v>
      </c>
      <c r="H886" s="1" t="s">
        <v>10</v>
      </c>
      <c r="I886" s="1" t="s">
        <v>2312</v>
      </c>
      <c r="J886" s="1" t="s">
        <v>2438</v>
      </c>
      <c r="K886" s="1" t="s">
        <v>27</v>
      </c>
      <c r="L886" s="1" t="s">
        <v>3365</v>
      </c>
      <c r="M886" s="1" t="s">
        <v>5</v>
      </c>
      <c r="N886" s="1" t="s">
        <v>960</v>
      </c>
      <c r="O886" s="1" t="s">
        <v>38</v>
      </c>
      <c r="P886" s="5" t="s">
        <v>32702</v>
      </c>
    </row>
    <row r="887" spans="1:16" x14ac:dyDescent="0.2">
      <c r="A887" s="1" t="s">
        <v>20</v>
      </c>
      <c r="B887" s="1" t="s">
        <v>445</v>
      </c>
      <c r="C887" s="1" t="s">
        <v>3369</v>
      </c>
      <c r="D887" s="1" t="s">
        <v>3369</v>
      </c>
      <c r="E887" s="1"/>
      <c r="F887" s="1" t="s">
        <v>10</v>
      </c>
      <c r="G887" s="1" t="s">
        <v>10</v>
      </c>
      <c r="H887" s="1" t="s">
        <v>10</v>
      </c>
      <c r="I887" s="1" t="s">
        <v>2312</v>
      </c>
      <c r="J887" s="1" t="s">
        <v>2316</v>
      </c>
      <c r="K887" s="1" t="s">
        <v>27</v>
      </c>
      <c r="L887" s="1" t="s">
        <v>3368</v>
      </c>
      <c r="M887" s="1" t="s">
        <v>5</v>
      </c>
      <c r="N887" s="1" t="s">
        <v>1009</v>
      </c>
      <c r="O887" s="1" t="s">
        <v>38</v>
      </c>
      <c r="P887" s="5" t="s">
        <v>1184</v>
      </c>
    </row>
    <row r="888" spans="1:16" x14ac:dyDescent="0.2">
      <c r="A888" s="1" t="s">
        <v>329</v>
      </c>
      <c r="B888" s="1" t="s">
        <v>1168</v>
      </c>
      <c r="C888" s="1" t="s">
        <v>3371</v>
      </c>
      <c r="D888" s="1" t="s">
        <v>3372</v>
      </c>
      <c r="E888" s="1"/>
      <c r="F888" s="1" t="s">
        <v>10</v>
      </c>
      <c r="G888" s="1" t="s">
        <v>10</v>
      </c>
      <c r="H888" s="1" t="s">
        <v>10</v>
      </c>
      <c r="I888" s="1" t="s">
        <v>2312</v>
      </c>
      <c r="J888" s="1" t="s">
        <v>2316</v>
      </c>
      <c r="K888" s="1" t="s">
        <v>27</v>
      </c>
      <c r="L888" s="1" t="s">
        <v>3370</v>
      </c>
      <c r="M888" s="1" t="s">
        <v>5</v>
      </c>
      <c r="N888" s="1" t="s">
        <v>960</v>
      </c>
      <c r="O888" s="1" t="s">
        <v>38</v>
      </c>
      <c r="P888" s="5" t="s">
        <v>31099</v>
      </c>
    </row>
    <row r="889" spans="1:16" x14ac:dyDescent="0.2">
      <c r="A889" s="1" t="s">
        <v>329</v>
      </c>
      <c r="B889" s="1" t="s">
        <v>1168</v>
      </c>
      <c r="C889" s="1" t="s">
        <v>3374</v>
      </c>
      <c r="D889" s="1" t="s">
        <v>3375</v>
      </c>
      <c r="E889" s="1"/>
      <c r="F889" s="1" t="s">
        <v>10</v>
      </c>
      <c r="G889" s="1" t="s">
        <v>10</v>
      </c>
      <c r="H889" s="1" t="s">
        <v>10</v>
      </c>
      <c r="I889" s="1" t="s">
        <v>2312</v>
      </c>
      <c r="J889" s="1" t="s">
        <v>2348</v>
      </c>
      <c r="K889" s="1" t="s">
        <v>27</v>
      </c>
      <c r="L889" s="1" t="s">
        <v>3373</v>
      </c>
      <c r="M889" s="1" t="s">
        <v>5</v>
      </c>
      <c r="N889" s="1" t="s">
        <v>960</v>
      </c>
      <c r="O889" s="1" t="s">
        <v>38</v>
      </c>
      <c r="P889" s="5" t="s">
        <v>31099</v>
      </c>
    </row>
    <row r="890" spans="1:16" x14ac:dyDescent="0.2">
      <c r="A890" s="1" t="s">
        <v>329</v>
      </c>
      <c r="B890" s="1" t="s">
        <v>1168</v>
      </c>
      <c r="C890" s="1" t="s">
        <v>3377</v>
      </c>
      <c r="D890" s="1" t="s">
        <v>3378</v>
      </c>
      <c r="E890" s="1"/>
      <c r="F890" s="1" t="s">
        <v>10</v>
      </c>
      <c r="G890" s="1" t="s">
        <v>10</v>
      </c>
      <c r="H890" s="1" t="s">
        <v>10</v>
      </c>
      <c r="I890" s="1" t="s">
        <v>2312</v>
      </c>
      <c r="J890" s="1" t="s">
        <v>2316</v>
      </c>
      <c r="K890" s="1" t="s">
        <v>27</v>
      </c>
      <c r="L890" s="1" t="s">
        <v>3376</v>
      </c>
      <c r="M890" s="1" t="s">
        <v>5</v>
      </c>
      <c r="N890" s="1" t="s">
        <v>960</v>
      </c>
      <c r="O890" s="1" t="s">
        <v>38</v>
      </c>
      <c r="P890" s="5" t="s">
        <v>31099</v>
      </c>
    </row>
    <row r="891" spans="1:16" x14ac:dyDescent="0.2">
      <c r="A891" s="1" t="s">
        <v>1385</v>
      </c>
      <c r="B891" s="1" t="s">
        <v>1687</v>
      </c>
      <c r="C891" s="1" t="s">
        <v>3380</v>
      </c>
      <c r="D891" s="1" t="s">
        <v>3381</v>
      </c>
      <c r="E891" s="1"/>
      <c r="F891" s="1" t="s">
        <v>10</v>
      </c>
      <c r="G891" s="1" t="s">
        <v>10</v>
      </c>
      <c r="H891" s="1" t="s">
        <v>10</v>
      </c>
      <c r="I891" s="1" t="s">
        <v>2312</v>
      </c>
      <c r="J891" s="1" t="s">
        <v>2316</v>
      </c>
      <c r="K891" s="1" t="s">
        <v>27</v>
      </c>
      <c r="L891" s="1" t="s">
        <v>3379</v>
      </c>
      <c r="M891" s="1" t="s">
        <v>5</v>
      </c>
      <c r="N891" s="1" t="s">
        <v>25</v>
      </c>
      <c r="O891" s="1" t="s">
        <v>38</v>
      </c>
      <c r="P891" s="5" t="s">
        <v>31135</v>
      </c>
    </row>
    <row r="892" spans="1:16" x14ac:dyDescent="0.2">
      <c r="A892" s="1" t="s">
        <v>66</v>
      </c>
      <c r="B892" s="1" t="s">
        <v>574</v>
      </c>
      <c r="C892" s="1" t="s">
        <v>3383</v>
      </c>
      <c r="D892" s="1" t="s">
        <v>3384</v>
      </c>
      <c r="E892" s="1"/>
      <c r="F892" s="1" t="s">
        <v>10</v>
      </c>
      <c r="G892" s="1" t="s">
        <v>10</v>
      </c>
      <c r="H892" s="1" t="s">
        <v>10</v>
      </c>
      <c r="I892" s="1" t="s">
        <v>2312</v>
      </c>
      <c r="J892" s="1" t="s">
        <v>2348</v>
      </c>
      <c r="K892" s="1" t="s">
        <v>443</v>
      </c>
      <c r="L892" s="1" t="s">
        <v>3382</v>
      </c>
      <c r="M892" s="1" t="s">
        <v>5</v>
      </c>
      <c r="N892" s="1" t="s">
        <v>1009</v>
      </c>
      <c r="O892" s="1" t="s">
        <v>38</v>
      </c>
      <c r="P892" s="5" t="s">
        <v>32703</v>
      </c>
    </row>
    <row r="893" spans="1:16" x14ac:dyDescent="0.2">
      <c r="A893" s="1" t="s">
        <v>66</v>
      </c>
      <c r="B893" s="1" t="s">
        <v>574</v>
      </c>
      <c r="C893" s="1" t="s">
        <v>3386</v>
      </c>
      <c r="D893" s="1" t="s">
        <v>3387</v>
      </c>
      <c r="E893" s="1"/>
      <c r="F893" s="1" t="s">
        <v>10</v>
      </c>
      <c r="G893" s="1" t="s">
        <v>10</v>
      </c>
      <c r="H893" s="1" t="s">
        <v>10</v>
      </c>
      <c r="I893" s="1" t="s">
        <v>2312</v>
      </c>
      <c r="J893" s="1" t="s">
        <v>2348</v>
      </c>
      <c r="K893" s="1" t="s">
        <v>443</v>
      </c>
      <c r="L893" s="1" t="s">
        <v>3385</v>
      </c>
      <c r="M893" s="1" t="s">
        <v>5</v>
      </c>
      <c r="N893" s="1" t="s">
        <v>1009</v>
      </c>
      <c r="O893" s="1" t="s">
        <v>38</v>
      </c>
      <c r="P893" s="5" t="s">
        <v>32703</v>
      </c>
    </row>
    <row r="894" spans="1:16" x14ac:dyDescent="0.2">
      <c r="A894" s="1" t="s">
        <v>20</v>
      </c>
      <c r="B894" s="1" t="s">
        <v>99</v>
      </c>
      <c r="C894" s="1" t="s">
        <v>3389</v>
      </c>
      <c r="D894" s="1" t="s">
        <v>3390</v>
      </c>
      <c r="E894" s="1"/>
      <c r="F894" s="1" t="s">
        <v>10</v>
      </c>
      <c r="G894" s="1" t="s">
        <v>10</v>
      </c>
      <c r="H894" s="1" t="s">
        <v>10</v>
      </c>
      <c r="I894" s="1" t="s">
        <v>2312</v>
      </c>
      <c r="J894" s="1" t="s">
        <v>2316</v>
      </c>
      <c r="K894" s="1" t="s">
        <v>27</v>
      </c>
      <c r="L894" s="1" t="s">
        <v>3388</v>
      </c>
      <c r="M894" s="1" t="s">
        <v>5</v>
      </c>
      <c r="N894" s="1" t="s">
        <v>25</v>
      </c>
      <c r="O894" s="1" t="s">
        <v>38</v>
      </c>
      <c r="P894" s="5" t="s">
        <v>31136</v>
      </c>
    </row>
    <row r="895" spans="1:16" x14ac:dyDescent="0.2">
      <c r="A895" s="1" t="s">
        <v>20</v>
      </c>
      <c r="B895" s="1" t="s">
        <v>101</v>
      </c>
      <c r="C895" s="1" t="s">
        <v>3392</v>
      </c>
      <c r="D895" s="1" t="s">
        <v>3393</v>
      </c>
      <c r="E895" s="1"/>
      <c r="F895" s="1" t="s">
        <v>10</v>
      </c>
      <c r="G895" s="1" t="s">
        <v>10</v>
      </c>
      <c r="H895" s="1" t="s">
        <v>10</v>
      </c>
      <c r="I895" s="1" t="s">
        <v>2312</v>
      </c>
      <c r="J895" s="1" t="s">
        <v>2316</v>
      </c>
      <c r="K895" s="1" t="s">
        <v>64</v>
      </c>
      <c r="L895" s="1" t="s">
        <v>3391</v>
      </c>
      <c r="M895" s="1" t="s">
        <v>5</v>
      </c>
      <c r="N895" s="1" t="s">
        <v>25</v>
      </c>
      <c r="O895" s="1" t="s">
        <v>38</v>
      </c>
      <c r="P895" s="5" t="s">
        <v>32708</v>
      </c>
    </row>
    <row r="896" spans="1:16" x14ac:dyDescent="0.2">
      <c r="A896" s="1" t="s">
        <v>423</v>
      </c>
      <c r="B896" s="1" t="s">
        <v>2587</v>
      </c>
      <c r="C896" s="1" t="s">
        <v>3395</v>
      </c>
      <c r="D896" s="1" t="s">
        <v>3396</v>
      </c>
      <c r="E896" s="1"/>
      <c r="F896" s="1" t="s">
        <v>10</v>
      </c>
      <c r="G896" s="1" t="s">
        <v>10</v>
      </c>
      <c r="H896" s="1" t="s">
        <v>10</v>
      </c>
      <c r="I896" s="1" t="s">
        <v>2312</v>
      </c>
      <c r="J896" s="1" t="s">
        <v>2586</v>
      </c>
      <c r="K896" s="1" t="s">
        <v>27</v>
      </c>
      <c r="L896" s="1" t="s">
        <v>3394</v>
      </c>
      <c r="M896" s="1" t="s">
        <v>5</v>
      </c>
      <c r="N896" s="1" t="s">
        <v>960</v>
      </c>
      <c r="O896" s="1" t="s">
        <v>38</v>
      </c>
      <c r="P896" s="5" t="s">
        <v>1184</v>
      </c>
    </row>
    <row r="897" spans="1:16" x14ac:dyDescent="0.2">
      <c r="A897" s="1" t="s">
        <v>20</v>
      </c>
      <c r="B897" s="1" t="s">
        <v>93</v>
      </c>
      <c r="C897" s="1" t="s">
        <v>3398</v>
      </c>
      <c r="D897" s="1" t="s">
        <v>3399</v>
      </c>
      <c r="E897" s="1"/>
      <c r="F897" s="1" t="s">
        <v>10</v>
      </c>
      <c r="G897" s="1" t="s">
        <v>10</v>
      </c>
      <c r="H897" s="1" t="s">
        <v>10</v>
      </c>
      <c r="I897" s="1" t="s">
        <v>2312</v>
      </c>
      <c r="J897" s="1" t="s">
        <v>2316</v>
      </c>
      <c r="K897" s="1" t="s">
        <v>1468</v>
      </c>
      <c r="L897" s="1" t="s">
        <v>3397</v>
      </c>
      <c r="M897" s="1" t="s">
        <v>5</v>
      </c>
      <c r="N897" s="1" t="s">
        <v>25</v>
      </c>
      <c r="O897" s="1" t="s">
        <v>38</v>
      </c>
      <c r="P897" s="5" t="s">
        <v>31137</v>
      </c>
    </row>
    <row r="898" spans="1:16" x14ac:dyDescent="0.2">
      <c r="A898" s="1" t="s">
        <v>20</v>
      </c>
      <c r="B898" s="1" t="s">
        <v>93</v>
      </c>
      <c r="C898" s="1" t="s">
        <v>3401</v>
      </c>
      <c r="D898" s="1" t="s">
        <v>3402</v>
      </c>
      <c r="E898" s="1" t="s">
        <v>3403</v>
      </c>
      <c r="F898" s="1" t="s">
        <v>10</v>
      </c>
      <c r="G898" s="1" t="s">
        <v>10</v>
      </c>
      <c r="H898" s="1" t="s">
        <v>10</v>
      </c>
      <c r="I898" s="1" t="s">
        <v>2312</v>
      </c>
      <c r="J898" s="1" t="s">
        <v>2316</v>
      </c>
      <c r="K898" s="1" t="s">
        <v>1468</v>
      </c>
      <c r="L898" s="1" t="s">
        <v>3400</v>
      </c>
      <c r="M898" s="1" t="s">
        <v>5</v>
      </c>
      <c r="N898" s="1" t="s">
        <v>1009</v>
      </c>
      <c r="O898" s="1" t="s">
        <v>38</v>
      </c>
      <c r="P898" s="5" t="s">
        <v>32703</v>
      </c>
    </row>
    <row r="899" spans="1:16" x14ac:dyDescent="0.2">
      <c r="A899" s="1" t="s">
        <v>66</v>
      </c>
      <c r="B899" s="1" t="s">
        <v>1812</v>
      </c>
      <c r="C899" s="1" t="s">
        <v>3405</v>
      </c>
      <c r="D899" s="1" t="s">
        <v>3406</v>
      </c>
      <c r="E899" s="1"/>
      <c r="F899" s="1" t="s">
        <v>10</v>
      </c>
      <c r="G899" s="1" t="s">
        <v>10</v>
      </c>
      <c r="H899" s="1" t="s">
        <v>10</v>
      </c>
      <c r="I899" s="1" t="s">
        <v>2312</v>
      </c>
      <c r="J899" s="1" t="s">
        <v>2316</v>
      </c>
      <c r="K899" s="1" t="s">
        <v>27</v>
      </c>
      <c r="L899" s="1" t="s">
        <v>3404</v>
      </c>
      <c r="M899" s="1" t="s">
        <v>5</v>
      </c>
      <c r="N899" s="1" t="s">
        <v>960</v>
      </c>
      <c r="O899" s="1" t="s">
        <v>38</v>
      </c>
      <c r="P899" s="5" t="s">
        <v>31110</v>
      </c>
    </row>
    <row r="900" spans="1:16" x14ac:dyDescent="0.2">
      <c r="A900" s="1" t="s">
        <v>20</v>
      </c>
      <c r="B900" s="1" t="s">
        <v>93</v>
      </c>
      <c r="C900" s="1" t="s">
        <v>1861</v>
      </c>
      <c r="D900" s="1" t="s">
        <v>1861</v>
      </c>
      <c r="E900" s="1"/>
      <c r="F900" s="1" t="s">
        <v>27</v>
      </c>
      <c r="G900" s="1" t="s">
        <v>1863</v>
      </c>
      <c r="H900" s="1" t="s">
        <v>3408</v>
      </c>
      <c r="I900" s="1" t="s">
        <v>2312</v>
      </c>
      <c r="J900" s="1" t="s">
        <v>19</v>
      </c>
      <c r="K900" s="1" t="s">
        <v>100</v>
      </c>
      <c r="L900" s="1" t="s">
        <v>3407</v>
      </c>
      <c r="M900" s="1" t="s">
        <v>5</v>
      </c>
      <c r="N900" s="1" t="s">
        <v>1009</v>
      </c>
      <c r="O900" s="1" t="s">
        <v>8</v>
      </c>
      <c r="P900" s="5" t="s">
        <v>29920</v>
      </c>
    </row>
    <row r="901" spans="1:16" x14ac:dyDescent="0.2">
      <c r="A901" s="1" t="s">
        <v>42</v>
      </c>
      <c r="B901" s="1" t="s">
        <v>351</v>
      </c>
      <c r="C901" s="1" t="s">
        <v>3410</v>
      </c>
      <c r="D901" s="1" t="s">
        <v>3411</v>
      </c>
      <c r="E901" s="1"/>
      <c r="F901" s="1" t="s">
        <v>10</v>
      </c>
      <c r="G901" s="1" t="s">
        <v>10</v>
      </c>
      <c r="H901" s="1" t="s">
        <v>10</v>
      </c>
      <c r="I901" s="1" t="s">
        <v>2312</v>
      </c>
      <c r="J901" s="1" t="s">
        <v>2363</v>
      </c>
      <c r="K901" s="1" t="s">
        <v>64</v>
      </c>
      <c r="L901" s="1" t="s">
        <v>3409</v>
      </c>
      <c r="M901" s="1" t="s">
        <v>5</v>
      </c>
      <c r="N901" s="1" t="s">
        <v>1009</v>
      </c>
      <c r="O901" s="1" t="s">
        <v>38</v>
      </c>
      <c r="P901" s="5" t="s">
        <v>14</v>
      </c>
    </row>
    <row r="902" spans="1:16" x14ac:dyDescent="0.2">
      <c r="A902" s="1" t="s">
        <v>66</v>
      </c>
      <c r="B902" s="1" t="s">
        <v>212</v>
      </c>
      <c r="C902" s="1" t="s">
        <v>3413</v>
      </c>
      <c r="D902" s="1" t="s">
        <v>3414</v>
      </c>
      <c r="E902" s="1"/>
      <c r="F902" s="1" t="s">
        <v>10</v>
      </c>
      <c r="G902" s="1" t="s">
        <v>10</v>
      </c>
      <c r="H902" s="1" t="s">
        <v>10</v>
      </c>
      <c r="I902" s="1" t="s">
        <v>2312</v>
      </c>
      <c r="J902" s="1" t="s">
        <v>2316</v>
      </c>
      <c r="K902" s="1" t="s">
        <v>27</v>
      </c>
      <c r="L902" s="1" t="s">
        <v>3412</v>
      </c>
      <c r="M902" s="1" t="s">
        <v>5</v>
      </c>
      <c r="N902" s="1" t="s">
        <v>960</v>
      </c>
      <c r="O902" s="1" t="s">
        <v>38</v>
      </c>
      <c r="P902" s="5" t="s">
        <v>1184</v>
      </c>
    </row>
    <row r="903" spans="1:16" x14ac:dyDescent="0.2">
      <c r="A903" s="1" t="s">
        <v>20</v>
      </c>
      <c r="B903" s="1" t="s">
        <v>253</v>
      </c>
      <c r="C903" s="1" t="s">
        <v>3416</v>
      </c>
      <c r="D903" s="1" t="s">
        <v>3417</v>
      </c>
      <c r="E903" s="1"/>
      <c r="F903" s="1" t="s">
        <v>10</v>
      </c>
      <c r="G903" s="1" t="s">
        <v>10</v>
      </c>
      <c r="H903" s="1" t="s">
        <v>10</v>
      </c>
      <c r="I903" s="1" t="s">
        <v>2312</v>
      </c>
      <c r="J903" s="1" t="s">
        <v>19</v>
      </c>
      <c r="K903" s="1" t="s">
        <v>27</v>
      </c>
      <c r="L903" s="1" t="s">
        <v>3415</v>
      </c>
      <c r="M903" s="1" t="s">
        <v>5</v>
      </c>
      <c r="N903" s="1" t="s">
        <v>960</v>
      </c>
      <c r="O903" s="1" t="s">
        <v>38</v>
      </c>
      <c r="P903" s="5" t="s">
        <v>31099</v>
      </c>
    </row>
    <row r="904" spans="1:16" x14ac:dyDescent="0.2">
      <c r="A904" s="1" t="s">
        <v>20</v>
      </c>
      <c r="B904" s="1" t="s">
        <v>93</v>
      </c>
      <c r="C904" s="1" t="s">
        <v>3419</v>
      </c>
      <c r="D904" s="1" t="s">
        <v>3420</v>
      </c>
      <c r="E904" s="1"/>
      <c r="F904" s="1" t="s">
        <v>10</v>
      </c>
      <c r="G904" s="1" t="s">
        <v>10</v>
      </c>
      <c r="H904" s="1" t="s">
        <v>10</v>
      </c>
      <c r="I904" s="1" t="s">
        <v>2312</v>
      </c>
      <c r="J904" s="1" t="s">
        <v>2316</v>
      </c>
      <c r="K904" s="1" t="s">
        <v>1468</v>
      </c>
      <c r="L904" s="1" t="s">
        <v>3418</v>
      </c>
      <c r="M904" s="1" t="s">
        <v>5</v>
      </c>
      <c r="N904" s="1" t="s">
        <v>960</v>
      </c>
      <c r="O904" s="1" t="s">
        <v>38</v>
      </c>
      <c r="P904" s="5" t="s">
        <v>31099</v>
      </c>
    </row>
    <row r="905" spans="1:16" x14ac:dyDescent="0.2">
      <c r="A905" s="1" t="s">
        <v>329</v>
      </c>
      <c r="B905" s="1" t="s">
        <v>1168</v>
      </c>
      <c r="C905" s="1" t="s">
        <v>3422</v>
      </c>
      <c r="D905" s="1" t="s">
        <v>3423</v>
      </c>
      <c r="E905" s="1"/>
      <c r="F905" s="1" t="s">
        <v>10</v>
      </c>
      <c r="G905" s="1" t="s">
        <v>10</v>
      </c>
      <c r="H905" s="1" t="s">
        <v>10</v>
      </c>
      <c r="I905" s="1" t="s">
        <v>2312</v>
      </c>
      <c r="J905" s="1" t="s">
        <v>2316</v>
      </c>
      <c r="K905" s="1" t="s">
        <v>27</v>
      </c>
      <c r="L905" s="1" t="s">
        <v>3421</v>
      </c>
      <c r="M905" s="1" t="s">
        <v>5</v>
      </c>
      <c r="N905" s="1" t="s">
        <v>960</v>
      </c>
      <c r="O905" s="1" t="s">
        <v>38</v>
      </c>
      <c r="P905" s="5" t="s">
        <v>31099</v>
      </c>
    </row>
    <row r="906" spans="1:16" x14ac:dyDescent="0.2">
      <c r="A906" s="1" t="s">
        <v>423</v>
      </c>
      <c r="B906" s="1" t="s">
        <v>2587</v>
      </c>
      <c r="C906" s="1" t="s">
        <v>3425</v>
      </c>
      <c r="D906" s="1" t="s">
        <v>3426</v>
      </c>
      <c r="E906" s="1"/>
      <c r="F906" s="1" t="s">
        <v>10</v>
      </c>
      <c r="G906" s="1" t="s">
        <v>10</v>
      </c>
      <c r="H906" s="1" t="s">
        <v>10</v>
      </c>
      <c r="I906" s="1" t="s">
        <v>2312</v>
      </c>
      <c r="J906" s="1" t="s">
        <v>2586</v>
      </c>
      <c r="K906" s="1" t="s">
        <v>27</v>
      </c>
      <c r="L906" s="1" t="s">
        <v>3424</v>
      </c>
      <c r="M906" s="1" t="s">
        <v>5</v>
      </c>
      <c r="N906" s="1" t="s">
        <v>960</v>
      </c>
      <c r="O906" s="1" t="s">
        <v>38</v>
      </c>
      <c r="P906" s="5" t="s">
        <v>31108</v>
      </c>
    </row>
    <row r="907" spans="1:16" x14ac:dyDescent="0.2">
      <c r="A907" s="1" t="s">
        <v>423</v>
      </c>
      <c r="B907" s="1" t="s">
        <v>2587</v>
      </c>
      <c r="C907" s="1" t="s">
        <v>3428</v>
      </c>
      <c r="D907" s="1" t="s">
        <v>3429</v>
      </c>
      <c r="E907" s="1"/>
      <c r="F907" s="1" t="s">
        <v>10</v>
      </c>
      <c r="G907" s="1" t="s">
        <v>10</v>
      </c>
      <c r="H907" s="1" t="s">
        <v>10</v>
      </c>
      <c r="I907" s="1" t="s">
        <v>2312</v>
      </c>
      <c r="J907" s="1" t="s">
        <v>2586</v>
      </c>
      <c r="K907" s="1" t="s">
        <v>27</v>
      </c>
      <c r="L907" s="1" t="s">
        <v>3427</v>
      </c>
      <c r="M907" s="1" t="s">
        <v>5</v>
      </c>
      <c r="N907" s="1" t="s">
        <v>960</v>
      </c>
      <c r="O907" s="1" t="s">
        <v>38</v>
      </c>
      <c r="P907" s="5" t="s">
        <v>31108</v>
      </c>
    </row>
    <row r="908" spans="1:16" x14ac:dyDescent="0.2">
      <c r="A908" s="1" t="s">
        <v>423</v>
      </c>
      <c r="B908" s="1" t="s">
        <v>2587</v>
      </c>
      <c r="C908" s="1" t="s">
        <v>3431</v>
      </c>
      <c r="D908" s="1" t="s">
        <v>3432</v>
      </c>
      <c r="E908" s="1"/>
      <c r="F908" s="1" t="s">
        <v>10</v>
      </c>
      <c r="G908" s="1" t="s">
        <v>10</v>
      </c>
      <c r="H908" s="1" t="s">
        <v>10</v>
      </c>
      <c r="I908" s="1" t="s">
        <v>2312</v>
      </c>
      <c r="J908" s="1" t="s">
        <v>2586</v>
      </c>
      <c r="K908" s="1" t="s">
        <v>27</v>
      </c>
      <c r="L908" s="1" t="s">
        <v>3430</v>
      </c>
      <c r="M908" s="1" t="s">
        <v>5</v>
      </c>
      <c r="N908" s="1" t="s">
        <v>960</v>
      </c>
      <c r="O908" s="1" t="s">
        <v>38</v>
      </c>
      <c r="P908" s="5" t="s">
        <v>31108</v>
      </c>
    </row>
    <row r="909" spans="1:16" x14ac:dyDescent="0.2">
      <c r="A909" s="1" t="s">
        <v>423</v>
      </c>
      <c r="B909" s="1" t="s">
        <v>2587</v>
      </c>
      <c r="C909" s="1" t="s">
        <v>3434</v>
      </c>
      <c r="D909" s="1" t="s">
        <v>3435</v>
      </c>
      <c r="E909" s="1"/>
      <c r="F909" s="1" t="s">
        <v>10</v>
      </c>
      <c r="G909" s="1" t="s">
        <v>10</v>
      </c>
      <c r="H909" s="1" t="s">
        <v>10</v>
      </c>
      <c r="I909" s="1" t="s">
        <v>2312</v>
      </c>
      <c r="J909" s="1" t="s">
        <v>2586</v>
      </c>
      <c r="K909" s="1" t="s">
        <v>27</v>
      </c>
      <c r="L909" s="1" t="s">
        <v>3433</v>
      </c>
      <c r="M909" s="1" t="s">
        <v>5</v>
      </c>
      <c r="N909" s="1" t="s">
        <v>960</v>
      </c>
      <c r="O909" s="1" t="s">
        <v>38</v>
      </c>
      <c r="P909" s="5" t="s">
        <v>31109</v>
      </c>
    </row>
    <row r="910" spans="1:16" x14ac:dyDescent="0.2">
      <c r="A910" s="1" t="s">
        <v>20</v>
      </c>
      <c r="B910" s="1" t="s">
        <v>93</v>
      </c>
      <c r="C910" s="1" t="s">
        <v>3437</v>
      </c>
      <c r="D910" s="1" t="s">
        <v>3438</v>
      </c>
      <c r="E910" s="1"/>
      <c r="F910" s="1" t="s">
        <v>10</v>
      </c>
      <c r="G910" s="1" t="s">
        <v>10</v>
      </c>
      <c r="H910" s="1" t="s">
        <v>10</v>
      </c>
      <c r="I910" s="1" t="s">
        <v>2312</v>
      </c>
      <c r="J910" s="1" t="s">
        <v>2316</v>
      </c>
      <c r="K910" s="1" t="s">
        <v>1468</v>
      </c>
      <c r="L910" s="1" t="s">
        <v>3436</v>
      </c>
      <c r="M910" s="1" t="s">
        <v>5</v>
      </c>
      <c r="N910" s="1" t="s">
        <v>960</v>
      </c>
      <c r="O910" s="1" t="s">
        <v>38</v>
      </c>
      <c r="P910" s="5" t="s">
        <v>31099</v>
      </c>
    </row>
    <row r="911" spans="1:16" x14ac:dyDescent="0.2">
      <c r="A911" s="1" t="s">
        <v>423</v>
      </c>
      <c r="B911" s="1" t="s">
        <v>2587</v>
      </c>
      <c r="C911" s="1" t="s">
        <v>3440</v>
      </c>
      <c r="D911" s="1" t="s">
        <v>3441</v>
      </c>
      <c r="E911" s="1"/>
      <c r="F911" s="1" t="s">
        <v>10</v>
      </c>
      <c r="G911" s="1" t="s">
        <v>10</v>
      </c>
      <c r="H911" s="1" t="s">
        <v>10</v>
      </c>
      <c r="I911" s="1" t="s">
        <v>2312</v>
      </c>
      <c r="J911" s="1" t="s">
        <v>2586</v>
      </c>
      <c r="K911" s="1" t="s">
        <v>27</v>
      </c>
      <c r="L911" s="1" t="s">
        <v>3439</v>
      </c>
      <c r="M911" s="1" t="s">
        <v>5</v>
      </c>
      <c r="N911" s="1" t="s">
        <v>960</v>
      </c>
      <c r="O911" s="1" t="s">
        <v>38</v>
      </c>
      <c r="P911" s="5" t="s">
        <v>31114</v>
      </c>
    </row>
    <row r="912" spans="1:16" x14ac:dyDescent="0.2">
      <c r="A912" s="1" t="s">
        <v>423</v>
      </c>
      <c r="B912" s="1" t="s">
        <v>2587</v>
      </c>
      <c r="C912" s="1" t="s">
        <v>3443</v>
      </c>
      <c r="D912" s="1" t="s">
        <v>3444</v>
      </c>
      <c r="E912" s="1"/>
      <c r="F912" s="1" t="s">
        <v>10</v>
      </c>
      <c r="G912" s="1" t="s">
        <v>10</v>
      </c>
      <c r="H912" s="1" t="s">
        <v>10</v>
      </c>
      <c r="I912" s="1" t="s">
        <v>2312</v>
      </c>
      <c r="J912" s="1" t="s">
        <v>2586</v>
      </c>
      <c r="K912" s="1" t="s">
        <v>27</v>
      </c>
      <c r="L912" s="1" t="s">
        <v>3442</v>
      </c>
      <c r="M912" s="1" t="s">
        <v>5</v>
      </c>
      <c r="N912" s="1" t="s">
        <v>960</v>
      </c>
      <c r="O912" s="1" t="s">
        <v>38</v>
      </c>
      <c r="P912" s="5" t="s">
        <v>31082</v>
      </c>
    </row>
    <row r="913" spans="1:16" x14ac:dyDescent="0.2">
      <c r="A913" s="1" t="s">
        <v>423</v>
      </c>
      <c r="B913" s="1" t="s">
        <v>2587</v>
      </c>
      <c r="C913" s="1" t="s">
        <v>3446</v>
      </c>
      <c r="D913" s="1" t="s">
        <v>3447</v>
      </c>
      <c r="E913" s="1"/>
      <c r="F913" s="1" t="s">
        <v>10</v>
      </c>
      <c r="G913" s="1" t="s">
        <v>10</v>
      </c>
      <c r="H913" s="1" t="s">
        <v>10</v>
      </c>
      <c r="I913" s="1" t="s">
        <v>2312</v>
      </c>
      <c r="J913" s="1" t="s">
        <v>2586</v>
      </c>
      <c r="K913" s="1" t="s">
        <v>27</v>
      </c>
      <c r="L913" s="1" t="s">
        <v>3445</v>
      </c>
      <c r="M913" s="1" t="s">
        <v>5</v>
      </c>
      <c r="N913" s="1" t="s">
        <v>960</v>
      </c>
      <c r="O913" s="1" t="s">
        <v>38</v>
      </c>
      <c r="P913" s="5" t="s">
        <v>32711</v>
      </c>
    </row>
    <row r="914" spans="1:16" x14ac:dyDescent="0.2">
      <c r="A914" s="1" t="s">
        <v>20</v>
      </c>
      <c r="B914" s="1" t="s">
        <v>253</v>
      </c>
      <c r="C914" s="1" t="s">
        <v>3450</v>
      </c>
      <c r="D914" s="1" t="s">
        <v>3451</v>
      </c>
      <c r="E914" s="1"/>
      <c r="F914" s="1" t="s">
        <v>10</v>
      </c>
      <c r="G914" s="1" t="s">
        <v>10</v>
      </c>
      <c r="H914" s="1" t="s">
        <v>10</v>
      </c>
      <c r="I914" s="1" t="s">
        <v>2312</v>
      </c>
      <c r="J914" s="1" t="s">
        <v>19</v>
      </c>
      <c r="K914" s="1" t="s">
        <v>27</v>
      </c>
      <c r="L914" s="1" t="s">
        <v>3449</v>
      </c>
      <c r="M914" s="1" t="s">
        <v>5</v>
      </c>
      <c r="N914" s="1" t="s">
        <v>960</v>
      </c>
      <c r="O914" s="1" t="s">
        <v>38</v>
      </c>
      <c r="P914" s="5" t="s">
        <v>32716</v>
      </c>
    </row>
    <row r="915" spans="1:16" x14ac:dyDescent="0.2">
      <c r="A915" s="1" t="s">
        <v>20</v>
      </c>
      <c r="B915" s="1" t="s">
        <v>99</v>
      </c>
      <c r="C915" s="1" t="s">
        <v>3453</v>
      </c>
      <c r="D915" s="1" t="s">
        <v>3454</v>
      </c>
      <c r="E915" s="1"/>
      <c r="F915" s="1" t="s">
        <v>10</v>
      </c>
      <c r="G915" s="1" t="s">
        <v>10</v>
      </c>
      <c r="H915" s="1" t="s">
        <v>10</v>
      </c>
      <c r="I915" s="1" t="s">
        <v>2312</v>
      </c>
      <c r="J915" s="1" t="s">
        <v>2316</v>
      </c>
      <c r="K915" s="1" t="s">
        <v>7</v>
      </c>
      <c r="L915" s="1" t="s">
        <v>3452</v>
      </c>
      <c r="M915" s="1" t="s">
        <v>5</v>
      </c>
      <c r="N915" s="1" t="s">
        <v>960</v>
      </c>
      <c r="O915" s="1" t="s">
        <v>38</v>
      </c>
      <c r="P915" s="5" t="s">
        <v>1184</v>
      </c>
    </row>
    <row r="916" spans="1:16" x14ac:dyDescent="0.2">
      <c r="A916" s="1" t="s">
        <v>66</v>
      </c>
      <c r="B916" s="1" t="s">
        <v>574</v>
      </c>
      <c r="C916" s="1" t="s">
        <v>3456</v>
      </c>
      <c r="D916" s="1" t="s">
        <v>3457</v>
      </c>
      <c r="E916" s="1"/>
      <c r="F916" s="1" t="s">
        <v>10</v>
      </c>
      <c r="G916" s="1" t="s">
        <v>10</v>
      </c>
      <c r="H916" s="1" t="s">
        <v>10</v>
      </c>
      <c r="I916" s="1" t="s">
        <v>2312</v>
      </c>
      <c r="J916" s="1" t="s">
        <v>2438</v>
      </c>
      <c r="K916" s="1" t="s">
        <v>27</v>
      </c>
      <c r="L916" s="1" t="s">
        <v>3455</v>
      </c>
      <c r="M916" s="1" t="s">
        <v>5</v>
      </c>
      <c r="N916" s="1" t="s">
        <v>1009</v>
      </c>
      <c r="O916" s="1" t="s">
        <v>38</v>
      </c>
      <c r="P916" s="5" t="s">
        <v>31105</v>
      </c>
    </row>
    <row r="917" spans="1:16" x14ac:dyDescent="0.2">
      <c r="A917" s="1" t="s">
        <v>329</v>
      </c>
      <c r="B917" s="1" t="s">
        <v>2622</v>
      </c>
      <c r="C917" s="1" t="s">
        <v>3459</v>
      </c>
      <c r="D917" s="1" t="s">
        <v>3460</v>
      </c>
      <c r="E917" s="1"/>
      <c r="F917" s="1" t="s">
        <v>10</v>
      </c>
      <c r="G917" s="1" t="s">
        <v>10</v>
      </c>
      <c r="H917" s="1" t="s">
        <v>10</v>
      </c>
      <c r="I917" s="1" t="s">
        <v>2312</v>
      </c>
      <c r="J917" s="1" t="s">
        <v>2316</v>
      </c>
      <c r="K917" s="1" t="s">
        <v>27</v>
      </c>
      <c r="L917" s="1" t="s">
        <v>3458</v>
      </c>
      <c r="M917" s="1" t="s">
        <v>5</v>
      </c>
      <c r="N917" s="1" t="s">
        <v>960</v>
      </c>
      <c r="O917" s="1" t="s">
        <v>38</v>
      </c>
      <c r="P917" s="5" t="s">
        <v>31081</v>
      </c>
    </row>
    <row r="918" spans="1:16" x14ac:dyDescent="0.2">
      <c r="A918" s="1" t="s">
        <v>423</v>
      </c>
      <c r="B918" s="1" t="s">
        <v>2587</v>
      </c>
      <c r="C918" s="1" t="s">
        <v>3462</v>
      </c>
      <c r="D918" s="1" t="s">
        <v>3463</v>
      </c>
      <c r="E918" s="1"/>
      <c r="F918" s="1" t="s">
        <v>10</v>
      </c>
      <c r="G918" s="1" t="s">
        <v>10</v>
      </c>
      <c r="H918" s="1" t="s">
        <v>10</v>
      </c>
      <c r="I918" s="1" t="s">
        <v>2312</v>
      </c>
      <c r="J918" s="1" t="s">
        <v>2586</v>
      </c>
      <c r="K918" s="1" t="s">
        <v>27</v>
      </c>
      <c r="L918" s="1" t="s">
        <v>3461</v>
      </c>
      <c r="M918" s="1" t="s">
        <v>5</v>
      </c>
      <c r="N918" s="1" t="s">
        <v>960</v>
      </c>
      <c r="O918" s="1" t="s">
        <v>38</v>
      </c>
      <c r="P918" s="5" t="s">
        <v>32717</v>
      </c>
    </row>
    <row r="919" spans="1:16" x14ac:dyDescent="0.2">
      <c r="A919" s="1" t="s">
        <v>423</v>
      </c>
      <c r="B919" s="1" t="s">
        <v>2587</v>
      </c>
      <c r="C919" s="1" t="s">
        <v>3465</v>
      </c>
      <c r="D919" s="1" t="s">
        <v>3466</v>
      </c>
      <c r="E919" s="1"/>
      <c r="F919" s="1" t="s">
        <v>10</v>
      </c>
      <c r="G919" s="1" t="s">
        <v>10</v>
      </c>
      <c r="H919" s="1" t="s">
        <v>10</v>
      </c>
      <c r="I919" s="1" t="s">
        <v>2312</v>
      </c>
      <c r="J919" s="1" t="s">
        <v>2586</v>
      </c>
      <c r="K919" s="1" t="s">
        <v>27</v>
      </c>
      <c r="L919" s="1" t="s">
        <v>3464</v>
      </c>
      <c r="M919" s="1" t="s">
        <v>5</v>
      </c>
      <c r="N919" s="1" t="s">
        <v>960</v>
      </c>
      <c r="O919" s="1" t="s">
        <v>38</v>
      </c>
      <c r="P919" s="5" t="s">
        <v>31108</v>
      </c>
    </row>
    <row r="920" spans="1:16" x14ac:dyDescent="0.2">
      <c r="A920" s="1" t="s">
        <v>66</v>
      </c>
      <c r="B920" s="1" t="s">
        <v>574</v>
      </c>
      <c r="C920" s="1" t="s">
        <v>3468</v>
      </c>
      <c r="D920" s="1" t="s">
        <v>3469</v>
      </c>
      <c r="E920" s="1"/>
      <c r="F920" s="1" t="s">
        <v>10</v>
      </c>
      <c r="G920" s="1" t="s">
        <v>10</v>
      </c>
      <c r="H920" s="1" t="s">
        <v>10</v>
      </c>
      <c r="I920" s="1" t="s">
        <v>2312</v>
      </c>
      <c r="J920" s="1" t="s">
        <v>2375</v>
      </c>
      <c r="K920" s="1" t="s">
        <v>27</v>
      </c>
      <c r="L920" s="1" t="s">
        <v>3467</v>
      </c>
      <c r="M920" s="1" t="s">
        <v>5</v>
      </c>
      <c r="N920" s="1" t="s">
        <v>1009</v>
      </c>
      <c r="O920" s="1" t="s">
        <v>38</v>
      </c>
      <c r="P920" s="5" t="s">
        <v>31105</v>
      </c>
    </row>
    <row r="921" spans="1:16" x14ac:dyDescent="0.2">
      <c r="A921" s="1" t="s">
        <v>20</v>
      </c>
      <c r="B921" s="1" t="s">
        <v>101</v>
      </c>
      <c r="C921" s="1" t="s">
        <v>3471</v>
      </c>
      <c r="D921" s="1" t="s">
        <v>3472</v>
      </c>
      <c r="E921" s="1"/>
      <c r="F921" s="1" t="s">
        <v>10</v>
      </c>
      <c r="G921" s="1" t="s">
        <v>10</v>
      </c>
      <c r="H921" s="1" t="s">
        <v>10</v>
      </c>
      <c r="I921" s="1" t="s">
        <v>2312</v>
      </c>
      <c r="J921" s="1" t="s">
        <v>2316</v>
      </c>
      <c r="K921" s="1" t="s">
        <v>27</v>
      </c>
      <c r="L921" s="1" t="s">
        <v>3470</v>
      </c>
      <c r="M921" s="1" t="s">
        <v>5</v>
      </c>
      <c r="N921" s="1" t="s">
        <v>960</v>
      </c>
      <c r="O921" s="1" t="s">
        <v>38</v>
      </c>
      <c r="P921" s="5" t="s">
        <v>31099</v>
      </c>
    </row>
    <row r="922" spans="1:16" x14ac:dyDescent="0.2">
      <c r="A922" s="1" t="s">
        <v>329</v>
      </c>
      <c r="B922" s="1" t="s">
        <v>1168</v>
      </c>
      <c r="C922" s="1" t="s">
        <v>3474</v>
      </c>
      <c r="D922" s="1" t="s">
        <v>3475</v>
      </c>
      <c r="E922" s="1"/>
      <c r="F922" s="1" t="s">
        <v>10</v>
      </c>
      <c r="G922" s="1" t="s">
        <v>10</v>
      </c>
      <c r="H922" s="1" t="s">
        <v>10</v>
      </c>
      <c r="I922" s="1" t="s">
        <v>2312</v>
      </c>
      <c r="J922" s="1" t="s">
        <v>2316</v>
      </c>
      <c r="K922" s="1" t="s">
        <v>27</v>
      </c>
      <c r="L922" s="1" t="s">
        <v>3473</v>
      </c>
      <c r="M922" s="1" t="s">
        <v>5</v>
      </c>
      <c r="N922" s="1" t="s">
        <v>25</v>
      </c>
      <c r="O922" s="1" t="s">
        <v>38</v>
      </c>
      <c r="P922" s="5" t="s">
        <v>31099</v>
      </c>
    </row>
    <row r="923" spans="1:16" x14ac:dyDescent="0.2">
      <c r="A923" s="1" t="s">
        <v>32</v>
      </c>
      <c r="B923" s="1" t="s">
        <v>33</v>
      </c>
      <c r="C923" s="1" t="s">
        <v>3477</v>
      </c>
      <c r="D923" s="1" t="s">
        <v>3478</v>
      </c>
      <c r="E923" s="1" t="s">
        <v>3479</v>
      </c>
      <c r="F923" s="1" t="s">
        <v>27</v>
      </c>
      <c r="G923" s="1" t="s">
        <v>10</v>
      </c>
      <c r="H923" s="1" t="s">
        <v>3128</v>
      </c>
      <c r="I923" s="1" t="s">
        <v>2312</v>
      </c>
      <c r="J923" s="1" t="s">
        <v>19</v>
      </c>
      <c r="K923" s="1" t="s">
        <v>64</v>
      </c>
      <c r="L923" s="1" t="s">
        <v>3476</v>
      </c>
      <c r="M923" s="1" t="s">
        <v>5</v>
      </c>
      <c r="N923" s="1" t="s">
        <v>1009</v>
      </c>
      <c r="O923" s="1" t="s">
        <v>8</v>
      </c>
      <c r="P923" s="5" t="s">
        <v>32709</v>
      </c>
    </row>
    <row r="924" spans="1:16" x14ac:dyDescent="0.2">
      <c r="A924" s="1" t="s">
        <v>20</v>
      </c>
      <c r="B924" s="1" t="s">
        <v>445</v>
      </c>
      <c r="C924" s="1" t="s">
        <v>3481</v>
      </c>
      <c r="D924" s="1" t="s">
        <v>3482</v>
      </c>
      <c r="E924" s="1"/>
      <c r="F924" s="1" t="s">
        <v>10</v>
      </c>
      <c r="G924" s="1" t="s">
        <v>10</v>
      </c>
      <c r="H924" s="1" t="s">
        <v>10</v>
      </c>
      <c r="I924" s="1" t="s">
        <v>2312</v>
      </c>
      <c r="J924" s="1" t="s">
        <v>2316</v>
      </c>
      <c r="K924" s="1" t="s">
        <v>27</v>
      </c>
      <c r="L924" s="1" t="s">
        <v>3480</v>
      </c>
      <c r="M924" s="1" t="s">
        <v>5</v>
      </c>
      <c r="N924" s="1" t="s">
        <v>960</v>
      </c>
      <c r="O924" s="1" t="s">
        <v>38</v>
      </c>
      <c r="P924" s="5" t="s">
        <v>1184</v>
      </c>
    </row>
    <row r="925" spans="1:16" x14ac:dyDescent="0.2">
      <c r="A925" s="1" t="s">
        <v>423</v>
      </c>
      <c r="B925" s="1" t="s">
        <v>2587</v>
      </c>
      <c r="C925" s="1" t="s">
        <v>3484</v>
      </c>
      <c r="D925" s="1" t="s">
        <v>3485</v>
      </c>
      <c r="E925" s="1"/>
      <c r="F925" s="1" t="s">
        <v>10</v>
      </c>
      <c r="G925" s="1" t="s">
        <v>10</v>
      </c>
      <c r="H925" s="1" t="s">
        <v>10</v>
      </c>
      <c r="I925" s="1" t="s">
        <v>2312</v>
      </c>
      <c r="J925" s="1" t="s">
        <v>2586</v>
      </c>
      <c r="K925" s="1" t="s">
        <v>27</v>
      </c>
      <c r="L925" s="1" t="s">
        <v>3483</v>
      </c>
      <c r="M925" s="1" t="s">
        <v>5</v>
      </c>
      <c r="N925" s="1" t="s">
        <v>960</v>
      </c>
      <c r="O925" s="1" t="s">
        <v>38</v>
      </c>
      <c r="P925" s="5" t="s">
        <v>32707</v>
      </c>
    </row>
    <row r="926" spans="1:16" x14ac:dyDescent="0.2">
      <c r="A926" s="1" t="s">
        <v>66</v>
      </c>
      <c r="B926" s="1" t="s">
        <v>498</v>
      </c>
      <c r="C926" s="1" t="s">
        <v>3487</v>
      </c>
      <c r="D926" s="1" t="s">
        <v>3488</v>
      </c>
      <c r="E926" s="1"/>
      <c r="F926" s="1" t="s">
        <v>10</v>
      </c>
      <c r="G926" s="1" t="s">
        <v>10</v>
      </c>
      <c r="H926" s="1" t="s">
        <v>10</v>
      </c>
      <c r="I926" s="1" t="s">
        <v>2312</v>
      </c>
      <c r="J926" s="1" t="s">
        <v>2348</v>
      </c>
      <c r="K926" s="1" t="s">
        <v>3194</v>
      </c>
      <c r="L926" s="1" t="s">
        <v>3486</v>
      </c>
      <c r="M926" s="1" t="s">
        <v>5</v>
      </c>
      <c r="N926" s="1" t="s">
        <v>1009</v>
      </c>
      <c r="O926" s="1" t="s">
        <v>38</v>
      </c>
      <c r="P926" s="5" t="s">
        <v>32718</v>
      </c>
    </row>
    <row r="927" spans="1:16" x14ac:dyDescent="0.2">
      <c r="A927" s="1" t="s">
        <v>487</v>
      </c>
      <c r="B927" s="1" t="s">
        <v>765</v>
      </c>
      <c r="C927" s="1" t="s">
        <v>3490</v>
      </c>
      <c r="D927" s="1" t="s">
        <v>3491</v>
      </c>
      <c r="E927" s="1"/>
      <c r="F927" s="1" t="s">
        <v>10</v>
      </c>
      <c r="G927" s="1" t="s">
        <v>10</v>
      </c>
      <c r="H927" s="1" t="s">
        <v>10</v>
      </c>
      <c r="I927" s="1" t="s">
        <v>2312</v>
      </c>
      <c r="J927" s="1" t="s">
        <v>2316</v>
      </c>
      <c r="K927" s="1" t="s">
        <v>64</v>
      </c>
      <c r="L927" s="1" t="s">
        <v>3489</v>
      </c>
      <c r="M927" s="1" t="s">
        <v>5</v>
      </c>
      <c r="N927" s="1" t="s">
        <v>25</v>
      </c>
      <c r="O927" s="1" t="s">
        <v>38</v>
      </c>
      <c r="P927" s="5" t="s">
        <v>29929</v>
      </c>
    </row>
    <row r="928" spans="1:16" x14ac:dyDescent="0.2">
      <c r="A928" s="1" t="s">
        <v>20</v>
      </c>
      <c r="B928" s="1" t="s">
        <v>445</v>
      </c>
      <c r="C928" s="1" t="s">
        <v>3493</v>
      </c>
      <c r="D928" s="1" t="s">
        <v>3494</v>
      </c>
      <c r="E928" s="1" t="s">
        <v>3495</v>
      </c>
      <c r="F928" s="1" t="s">
        <v>10</v>
      </c>
      <c r="G928" s="1" t="s">
        <v>10</v>
      </c>
      <c r="H928" s="1" t="s">
        <v>10</v>
      </c>
      <c r="I928" s="1" t="s">
        <v>2312</v>
      </c>
      <c r="J928" s="1" t="s">
        <v>19</v>
      </c>
      <c r="K928" s="1" t="s">
        <v>7</v>
      </c>
      <c r="L928" s="1" t="s">
        <v>3492</v>
      </c>
      <c r="M928" s="1" t="s">
        <v>5</v>
      </c>
      <c r="N928" s="1" t="s">
        <v>25</v>
      </c>
      <c r="O928" s="1" t="s">
        <v>38</v>
      </c>
      <c r="P928" s="5" t="s">
        <v>31138</v>
      </c>
    </row>
    <row r="929" spans="1:16" x14ac:dyDescent="0.2">
      <c r="A929" s="1" t="s">
        <v>32</v>
      </c>
      <c r="B929" s="1" t="s">
        <v>33</v>
      </c>
      <c r="C929" s="1" t="s">
        <v>3497</v>
      </c>
      <c r="D929" s="1" t="s">
        <v>3498</v>
      </c>
      <c r="E929" s="1" t="s">
        <v>3499</v>
      </c>
      <c r="F929" s="1" t="s">
        <v>10</v>
      </c>
      <c r="G929" s="1" t="s">
        <v>10</v>
      </c>
      <c r="H929" s="1" t="s">
        <v>10</v>
      </c>
      <c r="I929" s="1" t="s">
        <v>2312</v>
      </c>
      <c r="J929" s="1" t="s">
        <v>19</v>
      </c>
      <c r="K929" s="1" t="s">
        <v>64</v>
      </c>
      <c r="L929" s="1" t="s">
        <v>3496</v>
      </c>
      <c r="M929" s="1" t="s">
        <v>5</v>
      </c>
      <c r="N929" s="1" t="s">
        <v>25</v>
      </c>
      <c r="O929" s="1" t="s">
        <v>38</v>
      </c>
      <c r="P929" s="5" t="s">
        <v>29930</v>
      </c>
    </row>
    <row r="930" spans="1:16" x14ac:dyDescent="0.2">
      <c r="A930" s="1" t="s">
        <v>20</v>
      </c>
      <c r="B930" s="1" t="s">
        <v>445</v>
      </c>
      <c r="C930" s="1" t="s">
        <v>3501</v>
      </c>
      <c r="D930" s="1" t="s">
        <v>3502</v>
      </c>
      <c r="E930" s="1" t="s">
        <v>3503</v>
      </c>
      <c r="F930" s="1" t="s">
        <v>10</v>
      </c>
      <c r="G930" s="1" t="s">
        <v>10</v>
      </c>
      <c r="H930" s="1" t="s">
        <v>10</v>
      </c>
      <c r="I930" s="1" t="s">
        <v>2312</v>
      </c>
      <c r="J930" s="1" t="s">
        <v>19</v>
      </c>
      <c r="K930" s="1" t="s">
        <v>100</v>
      </c>
      <c r="L930" s="1" t="s">
        <v>3500</v>
      </c>
      <c r="M930" s="1" t="s">
        <v>5</v>
      </c>
      <c r="N930" s="1" t="s">
        <v>25</v>
      </c>
      <c r="O930" s="1" t="s">
        <v>38</v>
      </c>
      <c r="P930" s="5" t="s">
        <v>32719</v>
      </c>
    </row>
    <row r="931" spans="1:16" x14ac:dyDescent="0.2">
      <c r="A931" s="1" t="s">
        <v>66</v>
      </c>
      <c r="B931" s="1" t="s">
        <v>574</v>
      </c>
      <c r="C931" s="1" t="s">
        <v>3505</v>
      </c>
      <c r="D931" s="1" t="s">
        <v>3506</v>
      </c>
      <c r="E931" s="1"/>
      <c r="F931" s="1" t="s">
        <v>10</v>
      </c>
      <c r="G931" s="1" t="s">
        <v>10</v>
      </c>
      <c r="H931" s="1" t="s">
        <v>10</v>
      </c>
      <c r="I931" s="1" t="s">
        <v>2312</v>
      </c>
      <c r="J931" s="1" t="s">
        <v>2348</v>
      </c>
      <c r="K931" s="1" t="s">
        <v>27</v>
      </c>
      <c r="L931" s="1" t="s">
        <v>3504</v>
      </c>
      <c r="M931" s="1" t="s">
        <v>5</v>
      </c>
      <c r="N931" s="1" t="s">
        <v>960</v>
      </c>
      <c r="O931" s="1" t="s">
        <v>38</v>
      </c>
      <c r="P931" s="5" t="s">
        <v>31099</v>
      </c>
    </row>
    <row r="932" spans="1:16" x14ac:dyDescent="0.2">
      <c r="A932" s="1" t="s">
        <v>66</v>
      </c>
      <c r="B932" s="1" t="s">
        <v>212</v>
      </c>
      <c r="C932" s="1" t="s">
        <v>3508</v>
      </c>
      <c r="D932" s="1" t="s">
        <v>3509</v>
      </c>
      <c r="E932" s="1" t="s">
        <v>3510</v>
      </c>
      <c r="F932" s="1" t="s">
        <v>10</v>
      </c>
      <c r="G932" s="1" t="s">
        <v>10</v>
      </c>
      <c r="H932" s="1" t="s">
        <v>10</v>
      </c>
      <c r="I932" s="1" t="s">
        <v>2312</v>
      </c>
      <c r="J932" s="1" t="s">
        <v>2438</v>
      </c>
      <c r="K932" s="1" t="s">
        <v>27</v>
      </c>
      <c r="L932" s="1" t="s">
        <v>3507</v>
      </c>
      <c r="M932" s="1" t="s">
        <v>5</v>
      </c>
      <c r="N932" s="1" t="s">
        <v>25</v>
      </c>
      <c r="O932" s="1" t="s">
        <v>38</v>
      </c>
      <c r="P932" s="5" t="s">
        <v>29911</v>
      </c>
    </row>
    <row r="933" spans="1:16" x14ac:dyDescent="0.2">
      <c r="A933" s="1" t="s">
        <v>66</v>
      </c>
      <c r="B933" s="1" t="s">
        <v>574</v>
      </c>
      <c r="C933" s="1" t="s">
        <v>3512</v>
      </c>
      <c r="D933" s="1" t="s">
        <v>3513</v>
      </c>
      <c r="E933" s="1"/>
      <c r="F933" s="1" t="s">
        <v>27</v>
      </c>
      <c r="G933" s="1" t="s">
        <v>10</v>
      </c>
      <c r="H933" s="1" t="s">
        <v>2335</v>
      </c>
      <c r="I933" s="1" t="s">
        <v>2312</v>
      </c>
      <c r="J933" s="1" t="s">
        <v>2438</v>
      </c>
      <c r="K933" s="1" t="s">
        <v>64</v>
      </c>
      <c r="L933" s="1" t="s">
        <v>3511</v>
      </c>
      <c r="M933" s="1" t="s">
        <v>5</v>
      </c>
      <c r="N933" s="1" t="s">
        <v>1009</v>
      </c>
      <c r="O933" s="1" t="s">
        <v>8</v>
      </c>
      <c r="P933" s="5" t="s">
        <v>31098</v>
      </c>
    </row>
    <row r="934" spans="1:16" x14ac:dyDescent="0.2">
      <c r="A934" s="1" t="s">
        <v>1086</v>
      </c>
      <c r="B934" s="1" t="s">
        <v>1400</v>
      </c>
      <c r="C934" s="1" t="s">
        <v>3515</v>
      </c>
      <c r="D934" s="1" t="s">
        <v>3516</v>
      </c>
      <c r="E934" s="1" t="s">
        <v>3517</v>
      </c>
      <c r="F934" s="1" t="s">
        <v>10</v>
      </c>
      <c r="G934" s="1" t="s">
        <v>10</v>
      </c>
      <c r="H934" s="1" t="s">
        <v>10</v>
      </c>
      <c r="I934" s="1" t="s">
        <v>2312</v>
      </c>
      <c r="J934" s="1" t="s">
        <v>19</v>
      </c>
      <c r="K934" s="1" t="s">
        <v>64</v>
      </c>
      <c r="L934" s="1" t="s">
        <v>3514</v>
      </c>
      <c r="M934" s="1" t="s">
        <v>5</v>
      </c>
      <c r="N934" s="1" t="s">
        <v>25</v>
      </c>
      <c r="O934" s="1" t="s">
        <v>38</v>
      </c>
      <c r="P934" s="5" t="s">
        <v>32719</v>
      </c>
    </row>
    <row r="935" spans="1:16" x14ac:dyDescent="0.2">
      <c r="A935" s="1" t="s">
        <v>20</v>
      </c>
      <c r="B935" s="1" t="s">
        <v>93</v>
      </c>
      <c r="C935" s="1" t="s">
        <v>3519</v>
      </c>
      <c r="D935" s="1" t="s">
        <v>3520</v>
      </c>
      <c r="E935" s="1"/>
      <c r="F935" s="1" t="s">
        <v>10</v>
      </c>
      <c r="G935" s="1" t="s">
        <v>10</v>
      </c>
      <c r="H935" s="1" t="s">
        <v>10</v>
      </c>
      <c r="I935" s="1" t="s">
        <v>2312</v>
      </c>
      <c r="J935" s="1" t="s">
        <v>2316</v>
      </c>
      <c r="K935" s="1" t="s">
        <v>1468</v>
      </c>
      <c r="L935" s="1" t="s">
        <v>3518</v>
      </c>
      <c r="M935" s="1" t="s">
        <v>5</v>
      </c>
      <c r="N935" s="1" t="s">
        <v>960</v>
      </c>
      <c r="O935" s="1" t="s">
        <v>38</v>
      </c>
      <c r="P935" s="5" t="s">
        <v>31099</v>
      </c>
    </row>
    <row r="936" spans="1:16" x14ac:dyDescent="0.2">
      <c r="A936" s="1" t="s">
        <v>20</v>
      </c>
      <c r="B936" s="1" t="s">
        <v>93</v>
      </c>
      <c r="C936" s="1" t="s">
        <v>3522</v>
      </c>
      <c r="D936" s="1" t="s">
        <v>3523</v>
      </c>
      <c r="E936" s="1"/>
      <c r="F936" s="1" t="s">
        <v>10</v>
      </c>
      <c r="G936" s="1" t="s">
        <v>10</v>
      </c>
      <c r="H936" s="1" t="s">
        <v>10</v>
      </c>
      <c r="I936" s="1" t="s">
        <v>2312</v>
      </c>
      <c r="J936" s="1" t="s">
        <v>2316</v>
      </c>
      <c r="K936" s="1" t="s">
        <v>1468</v>
      </c>
      <c r="L936" s="1" t="s">
        <v>3521</v>
      </c>
      <c r="M936" s="1" t="s">
        <v>5</v>
      </c>
      <c r="N936" s="1" t="s">
        <v>1009</v>
      </c>
      <c r="O936" s="1" t="s">
        <v>38</v>
      </c>
      <c r="P936" s="5" t="s">
        <v>32703</v>
      </c>
    </row>
    <row r="937" spans="1:16" x14ac:dyDescent="0.2">
      <c r="A937" s="1" t="s">
        <v>20</v>
      </c>
      <c r="B937" s="1" t="s">
        <v>99</v>
      </c>
      <c r="C937" s="1" t="s">
        <v>3525</v>
      </c>
      <c r="D937" s="1" t="s">
        <v>3526</v>
      </c>
      <c r="E937" s="1"/>
      <c r="F937" s="1" t="s">
        <v>10</v>
      </c>
      <c r="G937" s="1" t="s">
        <v>10</v>
      </c>
      <c r="H937" s="1" t="s">
        <v>10</v>
      </c>
      <c r="I937" s="1" t="s">
        <v>2312</v>
      </c>
      <c r="J937" s="1" t="s">
        <v>2316</v>
      </c>
      <c r="K937" s="1" t="s">
        <v>1468</v>
      </c>
      <c r="L937" s="1" t="s">
        <v>3524</v>
      </c>
      <c r="M937" s="1" t="s">
        <v>5</v>
      </c>
      <c r="N937" s="1" t="s">
        <v>1009</v>
      </c>
      <c r="O937" s="1" t="s">
        <v>38</v>
      </c>
      <c r="P937" s="5" t="s">
        <v>29931</v>
      </c>
    </row>
    <row r="938" spans="1:16" x14ac:dyDescent="0.2">
      <c r="A938" s="1" t="s">
        <v>20</v>
      </c>
      <c r="B938" s="1" t="s">
        <v>3530</v>
      </c>
      <c r="C938" s="1" t="s">
        <v>3528</v>
      </c>
      <c r="D938" s="1" t="s">
        <v>3528</v>
      </c>
      <c r="E938" s="1"/>
      <c r="F938" s="1" t="s">
        <v>27</v>
      </c>
      <c r="G938" s="1" t="s">
        <v>10</v>
      </c>
      <c r="H938" s="1" t="s">
        <v>3529</v>
      </c>
      <c r="I938" s="1" t="s">
        <v>2312</v>
      </c>
      <c r="J938" s="1" t="s">
        <v>19</v>
      </c>
      <c r="K938" s="1" t="s">
        <v>7</v>
      </c>
      <c r="L938" s="1" t="s">
        <v>3527</v>
      </c>
      <c r="M938" s="1" t="s">
        <v>5</v>
      </c>
      <c r="N938" s="1" t="s">
        <v>1009</v>
      </c>
      <c r="O938" s="1" t="s">
        <v>8</v>
      </c>
      <c r="P938" s="5" t="s">
        <v>31139</v>
      </c>
    </row>
    <row r="939" spans="1:16" x14ac:dyDescent="0.2">
      <c r="A939" s="1" t="s">
        <v>20</v>
      </c>
      <c r="B939" s="1" t="s">
        <v>99</v>
      </c>
      <c r="C939" s="1" t="s">
        <v>3532</v>
      </c>
      <c r="D939" s="1" t="s">
        <v>3533</v>
      </c>
      <c r="E939" s="1" t="s">
        <v>3534</v>
      </c>
      <c r="F939" s="1" t="s">
        <v>10</v>
      </c>
      <c r="G939" s="1" t="s">
        <v>10</v>
      </c>
      <c r="H939" s="1" t="s">
        <v>10</v>
      </c>
      <c r="I939" s="1" t="s">
        <v>2312</v>
      </c>
      <c r="J939" s="1" t="s">
        <v>2316</v>
      </c>
      <c r="K939" s="1" t="s">
        <v>1468</v>
      </c>
      <c r="L939" s="1" t="s">
        <v>3531</v>
      </c>
      <c r="M939" s="1" t="s">
        <v>5</v>
      </c>
      <c r="N939" s="1" t="s">
        <v>1009</v>
      </c>
      <c r="O939" s="1" t="s">
        <v>38</v>
      </c>
      <c r="P939" s="5" t="s">
        <v>32703</v>
      </c>
    </row>
    <row r="940" spans="1:16" x14ac:dyDescent="0.2">
      <c r="A940" s="1" t="s">
        <v>329</v>
      </c>
      <c r="B940" s="1" t="s">
        <v>1168</v>
      </c>
      <c r="C940" s="1" t="s">
        <v>3536</v>
      </c>
      <c r="D940" s="1" t="s">
        <v>3537</v>
      </c>
      <c r="E940" s="1"/>
      <c r="F940" s="1" t="s">
        <v>10</v>
      </c>
      <c r="G940" s="1" t="s">
        <v>10</v>
      </c>
      <c r="H940" s="1" t="s">
        <v>10</v>
      </c>
      <c r="I940" s="1" t="s">
        <v>2312</v>
      </c>
      <c r="J940" s="1" t="s">
        <v>2316</v>
      </c>
      <c r="K940" s="1" t="s">
        <v>27</v>
      </c>
      <c r="L940" s="1" t="s">
        <v>3535</v>
      </c>
      <c r="M940" s="1" t="s">
        <v>5</v>
      </c>
      <c r="N940" s="1" t="s">
        <v>1009</v>
      </c>
      <c r="O940" s="1" t="s">
        <v>38</v>
      </c>
      <c r="P940" s="5" t="s">
        <v>32702</v>
      </c>
    </row>
    <row r="941" spans="1:16" x14ac:dyDescent="0.2">
      <c r="A941" s="1" t="s">
        <v>1385</v>
      </c>
      <c r="B941" s="1" t="s">
        <v>1687</v>
      </c>
      <c r="C941" s="1" t="s">
        <v>3539</v>
      </c>
      <c r="D941" s="1" t="s">
        <v>3540</v>
      </c>
      <c r="E941" s="1"/>
      <c r="F941" s="1" t="s">
        <v>10</v>
      </c>
      <c r="G941" s="1" t="s">
        <v>10</v>
      </c>
      <c r="H941" s="1" t="s">
        <v>10</v>
      </c>
      <c r="I941" s="1" t="s">
        <v>2312</v>
      </c>
      <c r="J941" s="1" t="s">
        <v>2316</v>
      </c>
      <c r="K941" s="1" t="s">
        <v>27</v>
      </c>
      <c r="L941" s="1" t="s">
        <v>3538</v>
      </c>
      <c r="M941" s="1" t="s">
        <v>5</v>
      </c>
      <c r="N941" s="1" t="s">
        <v>960</v>
      </c>
      <c r="O941" s="1" t="s">
        <v>38</v>
      </c>
      <c r="P941" s="5" t="s">
        <v>31099</v>
      </c>
    </row>
    <row r="942" spans="1:16" x14ac:dyDescent="0.2">
      <c r="A942" s="1" t="s">
        <v>1385</v>
      </c>
      <c r="B942" s="1" t="s">
        <v>1687</v>
      </c>
      <c r="C942" s="1" t="s">
        <v>3542</v>
      </c>
      <c r="D942" s="1" t="s">
        <v>3543</v>
      </c>
      <c r="E942" s="1"/>
      <c r="F942" s="1" t="s">
        <v>10</v>
      </c>
      <c r="G942" s="1" t="s">
        <v>10</v>
      </c>
      <c r="H942" s="1" t="s">
        <v>10</v>
      </c>
      <c r="I942" s="1" t="s">
        <v>2312</v>
      </c>
      <c r="J942" s="1" t="s">
        <v>2316</v>
      </c>
      <c r="K942" s="1" t="s">
        <v>27</v>
      </c>
      <c r="L942" s="1" t="s">
        <v>3541</v>
      </c>
      <c r="M942" s="1" t="s">
        <v>5</v>
      </c>
      <c r="N942" s="1" t="s">
        <v>960</v>
      </c>
      <c r="O942" s="1" t="s">
        <v>38</v>
      </c>
      <c r="P942" s="5" t="s">
        <v>31099</v>
      </c>
    </row>
    <row r="943" spans="1:16" x14ac:dyDescent="0.2">
      <c r="A943" s="1" t="s">
        <v>1385</v>
      </c>
      <c r="B943" s="1" t="s">
        <v>1687</v>
      </c>
      <c r="C943" s="1" t="s">
        <v>3545</v>
      </c>
      <c r="D943" s="1" t="s">
        <v>3546</v>
      </c>
      <c r="E943" s="1"/>
      <c r="F943" s="1" t="s">
        <v>10</v>
      </c>
      <c r="G943" s="1" t="s">
        <v>10</v>
      </c>
      <c r="H943" s="1" t="s">
        <v>10</v>
      </c>
      <c r="I943" s="1" t="s">
        <v>2312</v>
      </c>
      <c r="J943" s="1" t="s">
        <v>2316</v>
      </c>
      <c r="K943" s="1" t="s">
        <v>27</v>
      </c>
      <c r="L943" s="1" t="s">
        <v>3544</v>
      </c>
      <c r="M943" s="1" t="s">
        <v>5</v>
      </c>
      <c r="N943" s="1" t="s">
        <v>960</v>
      </c>
      <c r="O943" s="1" t="s">
        <v>38</v>
      </c>
      <c r="P943" s="5" t="s">
        <v>31099</v>
      </c>
    </row>
    <row r="944" spans="1:16" x14ac:dyDescent="0.2">
      <c r="A944" s="1" t="s">
        <v>1385</v>
      </c>
      <c r="B944" s="1" t="s">
        <v>1687</v>
      </c>
      <c r="C944" s="1" t="s">
        <v>3548</v>
      </c>
      <c r="D944" s="1" t="s">
        <v>3549</v>
      </c>
      <c r="E944" s="1"/>
      <c r="F944" s="1" t="s">
        <v>10</v>
      </c>
      <c r="G944" s="1" t="s">
        <v>10</v>
      </c>
      <c r="H944" s="1" t="s">
        <v>10</v>
      </c>
      <c r="I944" s="1" t="s">
        <v>2312</v>
      </c>
      <c r="J944" s="1" t="s">
        <v>2316</v>
      </c>
      <c r="K944" s="1" t="s">
        <v>27</v>
      </c>
      <c r="L944" s="1" t="s">
        <v>3547</v>
      </c>
      <c r="M944" s="1" t="s">
        <v>5</v>
      </c>
      <c r="N944" s="1" t="s">
        <v>960</v>
      </c>
      <c r="O944" s="1" t="s">
        <v>38</v>
      </c>
      <c r="P944" s="5" t="s">
        <v>31099</v>
      </c>
    </row>
    <row r="945" spans="1:16" x14ac:dyDescent="0.2">
      <c r="A945" s="1" t="s">
        <v>1385</v>
      </c>
      <c r="B945" s="1" t="s">
        <v>1687</v>
      </c>
      <c r="C945" s="1" t="s">
        <v>3551</v>
      </c>
      <c r="D945" s="1" t="s">
        <v>3552</v>
      </c>
      <c r="E945" s="1"/>
      <c r="F945" s="1" t="s">
        <v>10</v>
      </c>
      <c r="G945" s="1" t="s">
        <v>10</v>
      </c>
      <c r="H945" s="1" t="s">
        <v>10</v>
      </c>
      <c r="I945" s="1" t="s">
        <v>2312</v>
      </c>
      <c r="J945" s="1" t="s">
        <v>2316</v>
      </c>
      <c r="K945" s="1" t="s">
        <v>27</v>
      </c>
      <c r="L945" s="1" t="s">
        <v>3550</v>
      </c>
      <c r="M945" s="1" t="s">
        <v>5</v>
      </c>
      <c r="N945" s="1" t="s">
        <v>960</v>
      </c>
      <c r="O945" s="1" t="s">
        <v>38</v>
      </c>
      <c r="P945" s="5" t="s">
        <v>31099</v>
      </c>
    </row>
    <row r="946" spans="1:16" x14ac:dyDescent="0.2">
      <c r="A946" s="1" t="s">
        <v>1385</v>
      </c>
      <c r="B946" s="1" t="s">
        <v>1687</v>
      </c>
      <c r="C946" s="1" t="s">
        <v>3554</v>
      </c>
      <c r="D946" s="1" t="s">
        <v>3555</v>
      </c>
      <c r="E946" s="1"/>
      <c r="F946" s="1" t="s">
        <v>10</v>
      </c>
      <c r="G946" s="1" t="s">
        <v>10</v>
      </c>
      <c r="H946" s="1" t="s">
        <v>10</v>
      </c>
      <c r="I946" s="1" t="s">
        <v>2312</v>
      </c>
      <c r="J946" s="1" t="s">
        <v>2316</v>
      </c>
      <c r="K946" s="1" t="s">
        <v>27</v>
      </c>
      <c r="L946" s="1" t="s">
        <v>3553</v>
      </c>
      <c r="M946" s="1" t="s">
        <v>5</v>
      </c>
      <c r="N946" s="1" t="s">
        <v>960</v>
      </c>
      <c r="O946" s="1" t="s">
        <v>38</v>
      </c>
      <c r="P946" s="5" t="s">
        <v>31099</v>
      </c>
    </row>
    <row r="947" spans="1:16" x14ac:dyDescent="0.2">
      <c r="A947" s="1" t="s">
        <v>1385</v>
      </c>
      <c r="B947" s="1" t="s">
        <v>1687</v>
      </c>
      <c r="C947" s="1" t="s">
        <v>3557</v>
      </c>
      <c r="D947" s="1" t="s">
        <v>3558</v>
      </c>
      <c r="E947" s="1"/>
      <c r="F947" s="1" t="s">
        <v>10</v>
      </c>
      <c r="G947" s="1" t="s">
        <v>10</v>
      </c>
      <c r="H947" s="1" t="s">
        <v>10</v>
      </c>
      <c r="I947" s="1" t="s">
        <v>2312</v>
      </c>
      <c r="J947" s="1" t="s">
        <v>2316</v>
      </c>
      <c r="K947" s="1" t="s">
        <v>27</v>
      </c>
      <c r="L947" s="1" t="s">
        <v>3556</v>
      </c>
      <c r="M947" s="1" t="s">
        <v>5</v>
      </c>
      <c r="N947" s="1" t="s">
        <v>960</v>
      </c>
      <c r="O947" s="1" t="s">
        <v>38</v>
      </c>
      <c r="P947" s="5" t="s">
        <v>31099</v>
      </c>
    </row>
    <row r="948" spans="1:16" x14ac:dyDescent="0.2">
      <c r="A948" s="1" t="s">
        <v>1385</v>
      </c>
      <c r="B948" s="1" t="s">
        <v>1687</v>
      </c>
      <c r="C948" s="1" t="s">
        <v>3560</v>
      </c>
      <c r="D948" s="1" t="s">
        <v>3561</v>
      </c>
      <c r="E948" s="1"/>
      <c r="F948" s="1" t="s">
        <v>10</v>
      </c>
      <c r="G948" s="1" t="s">
        <v>10</v>
      </c>
      <c r="H948" s="1" t="s">
        <v>10</v>
      </c>
      <c r="I948" s="1" t="s">
        <v>2312</v>
      </c>
      <c r="J948" s="1" t="s">
        <v>2316</v>
      </c>
      <c r="K948" s="1" t="s">
        <v>27</v>
      </c>
      <c r="L948" s="1" t="s">
        <v>3559</v>
      </c>
      <c r="M948" s="1" t="s">
        <v>5</v>
      </c>
      <c r="N948" s="1" t="s">
        <v>960</v>
      </c>
      <c r="O948" s="1" t="s">
        <v>38</v>
      </c>
      <c r="P948" s="5" t="s">
        <v>31099</v>
      </c>
    </row>
    <row r="949" spans="1:16" x14ac:dyDescent="0.2">
      <c r="A949" s="1" t="s">
        <v>1385</v>
      </c>
      <c r="B949" s="1" t="s">
        <v>1687</v>
      </c>
      <c r="C949" s="1" t="s">
        <v>3563</v>
      </c>
      <c r="D949" s="1" t="s">
        <v>3564</v>
      </c>
      <c r="E949" s="1"/>
      <c r="F949" s="1" t="s">
        <v>10</v>
      </c>
      <c r="G949" s="1" t="s">
        <v>10</v>
      </c>
      <c r="H949" s="1" t="s">
        <v>10</v>
      </c>
      <c r="I949" s="1" t="s">
        <v>2312</v>
      </c>
      <c r="J949" s="1" t="s">
        <v>2316</v>
      </c>
      <c r="K949" s="1" t="s">
        <v>27</v>
      </c>
      <c r="L949" s="1" t="s">
        <v>3562</v>
      </c>
      <c r="M949" s="1" t="s">
        <v>5</v>
      </c>
      <c r="N949" s="1" t="s">
        <v>960</v>
      </c>
      <c r="O949" s="1" t="s">
        <v>38</v>
      </c>
      <c r="P949" s="5" t="s">
        <v>31099</v>
      </c>
    </row>
    <row r="950" spans="1:16" x14ac:dyDescent="0.2">
      <c r="A950" s="1" t="s">
        <v>1385</v>
      </c>
      <c r="B950" s="1" t="s">
        <v>1687</v>
      </c>
      <c r="C950" s="1" t="s">
        <v>3566</v>
      </c>
      <c r="D950" s="1" t="s">
        <v>3567</v>
      </c>
      <c r="E950" s="1"/>
      <c r="F950" s="1" t="s">
        <v>10</v>
      </c>
      <c r="G950" s="1" t="s">
        <v>10</v>
      </c>
      <c r="H950" s="1" t="s">
        <v>10</v>
      </c>
      <c r="I950" s="1" t="s">
        <v>2312</v>
      </c>
      <c r="J950" s="1" t="s">
        <v>2316</v>
      </c>
      <c r="K950" s="1" t="s">
        <v>27</v>
      </c>
      <c r="L950" s="1" t="s">
        <v>3565</v>
      </c>
      <c r="M950" s="1" t="s">
        <v>5</v>
      </c>
      <c r="N950" s="1" t="s">
        <v>960</v>
      </c>
      <c r="O950" s="1" t="s">
        <v>38</v>
      </c>
      <c r="P950" s="5" t="s">
        <v>31099</v>
      </c>
    </row>
    <row r="951" spans="1:16" x14ac:dyDescent="0.2">
      <c r="A951" s="1" t="s">
        <v>1385</v>
      </c>
      <c r="B951" s="1" t="s">
        <v>1687</v>
      </c>
      <c r="C951" s="1" t="s">
        <v>3569</v>
      </c>
      <c r="D951" s="1" t="s">
        <v>3570</v>
      </c>
      <c r="E951" s="1"/>
      <c r="F951" s="1" t="s">
        <v>10</v>
      </c>
      <c r="G951" s="1" t="s">
        <v>10</v>
      </c>
      <c r="H951" s="1" t="s">
        <v>10</v>
      </c>
      <c r="I951" s="1" t="s">
        <v>2312</v>
      </c>
      <c r="J951" s="1" t="s">
        <v>2316</v>
      </c>
      <c r="K951" s="1" t="s">
        <v>27</v>
      </c>
      <c r="L951" s="1" t="s">
        <v>3568</v>
      </c>
      <c r="M951" s="1" t="s">
        <v>5</v>
      </c>
      <c r="N951" s="1" t="s">
        <v>960</v>
      </c>
      <c r="O951" s="1" t="s">
        <v>38</v>
      </c>
      <c r="P951" s="5" t="s">
        <v>31099</v>
      </c>
    </row>
    <row r="952" spans="1:16" x14ac:dyDescent="0.2">
      <c r="A952" s="1" t="s">
        <v>1385</v>
      </c>
      <c r="B952" s="1" t="s">
        <v>1687</v>
      </c>
      <c r="C952" s="1" t="s">
        <v>3572</v>
      </c>
      <c r="D952" s="1" t="s">
        <v>3573</v>
      </c>
      <c r="E952" s="1"/>
      <c r="F952" s="1" t="s">
        <v>10</v>
      </c>
      <c r="G952" s="1" t="s">
        <v>10</v>
      </c>
      <c r="H952" s="1" t="s">
        <v>10</v>
      </c>
      <c r="I952" s="1" t="s">
        <v>2312</v>
      </c>
      <c r="J952" s="1" t="s">
        <v>2316</v>
      </c>
      <c r="K952" s="1" t="s">
        <v>27</v>
      </c>
      <c r="L952" s="1" t="s">
        <v>3571</v>
      </c>
      <c r="M952" s="1" t="s">
        <v>5</v>
      </c>
      <c r="N952" s="1" t="s">
        <v>960</v>
      </c>
      <c r="O952" s="1" t="s">
        <v>38</v>
      </c>
      <c r="P952" s="5" t="s">
        <v>31099</v>
      </c>
    </row>
    <row r="953" spans="1:16" x14ac:dyDescent="0.2">
      <c r="A953" s="1" t="s">
        <v>1385</v>
      </c>
      <c r="B953" s="1" t="s">
        <v>1687</v>
      </c>
      <c r="C953" s="1" t="s">
        <v>3575</v>
      </c>
      <c r="D953" s="1" t="s">
        <v>3576</v>
      </c>
      <c r="E953" s="1"/>
      <c r="F953" s="1" t="s">
        <v>10</v>
      </c>
      <c r="G953" s="1" t="s">
        <v>10</v>
      </c>
      <c r="H953" s="1" t="s">
        <v>10</v>
      </c>
      <c r="I953" s="1" t="s">
        <v>2312</v>
      </c>
      <c r="J953" s="1" t="s">
        <v>2316</v>
      </c>
      <c r="K953" s="1" t="s">
        <v>27</v>
      </c>
      <c r="L953" s="1" t="s">
        <v>3574</v>
      </c>
      <c r="M953" s="1" t="s">
        <v>5</v>
      </c>
      <c r="N953" s="1" t="s">
        <v>960</v>
      </c>
      <c r="O953" s="1" t="s">
        <v>38</v>
      </c>
      <c r="P953" s="5" t="s">
        <v>31099</v>
      </c>
    </row>
    <row r="954" spans="1:16" x14ac:dyDescent="0.2">
      <c r="A954" s="1" t="s">
        <v>1385</v>
      </c>
      <c r="B954" s="1" t="s">
        <v>1687</v>
      </c>
      <c r="C954" s="1" t="s">
        <v>3578</v>
      </c>
      <c r="D954" s="1" t="s">
        <v>3579</v>
      </c>
      <c r="E954" s="1"/>
      <c r="F954" s="1" t="s">
        <v>10</v>
      </c>
      <c r="G954" s="1" t="s">
        <v>10</v>
      </c>
      <c r="H954" s="1" t="s">
        <v>10</v>
      </c>
      <c r="I954" s="1" t="s">
        <v>2312</v>
      </c>
      <c r="J954" s="1" t="s">
        <v>2316</v>
      </c>
      <c r="K954" s="1" t="s">
        <v>27</v>
      </c>
      <c r="L954" s="1" t="s">
        <v>3577</v>
      </c>
      <c r="M954" s="1" t="s">
        <v>5</v>
      </c>
      <c r="N954" s="1" t="s">
        <v>960</v>
      </c>
      <c r="O954" s="1" t="s">
        <v>38</v>
      </c>
      <c r="P954" s="5" t="s">
        <v>31099</v>
      </c>
    </row>
    <row r="955" spans="1:16" x14ac:dyDescent="0.2">
      <c r="A955" s="1" t="s">
        <v>1385</v>
      </c>
      <c r="B955" s="1" t="s">
        <v>1687</v>
      </c>
      <c r="C955" s="1" t="s">
        <v>3581</v>
      </c>
      <c r="D955" s="1" t="s">
        <v>3582</v>
      </c>
      <c r="E955" s="1"/>
      <c r="F955" s="1" t="s">
        <v>10</v>
      </c>
      <c r="G955" s="1" t="s">
        <v>10</v>
      </c>
      <c r="H955" s="1" t="s">
        <v>10</v>
      </c>
      <c r="I955" s="1" t="s">
        <v>2312</v>
      </c>
      <c r="J955" s="1" t="s">
        <v>2316</v>
      </c>
      <c r="K955" s="1" t="s">
        <v>27</v>
      </c>
      <c r="L955" s="1" t="s">
        <v>3580</v>
      </c>
      <c r="M955" s="1" t="s">
        <v>5</v>
      </c>
      <c r="N955" s="1" t="s">
        <v>960</v>
      </c>
      <c r="O955" s="1" t="s">
        <v>38</v>
      </c>
      <c r="P955" s="5" t="s">
        <v>31099</v>
      </c>
    </row>
    <row r="956" spans="1:16" x14ac:dyDescent="0.2">
      <c r="A956" s="1" t="s">
        <v>1385</v>
      </c>
      <c r="B956" s="1" t="s">
        <v>1687</v>
      </c>
      <c r="C956" s="1" t="s">
        <v>3584</v>
      </c>
      <c r="D956" s="1" t="s">
        <v>3585</v>
      </c>
      <c r="E956" s="1"/>
      <c r="F956" s="1" t="s">
        <v>10</v>
      </c>
      <c r="G956" s="1" t="s">
        <v>10</v>
      </c>
      <c r="H956" s="1" t="s">
        <v>10</v>
      </c>
      <c r="I956" s="1" t="s">
        <v>2312</v>
      </c>
      <c r="J956" s="1" t="s">
        <v>2316</v>
      </c>
      <c r="K956" s="1" t="s">
        <v>27</v>
      </c>
      <c r="L956" s="1" t="s">
        <v>3583</v>
      </c>
      <c r="M956" s="1" t="s">
        <v>5</v>
      </c>
      <c r="N956" s="1" t="s">
        <v>960</v>
      </c>
      <c r="O956" s="1" t="s">
        <v>38</v>
      </c>
      <c r="P956" s="5" t="s">
        <v>31099</v>
      </c>
    </row>
    <row r="957" spans="1:16" x14ac:dyDescent="0.2">
      <c r="A957" s="1" t="s">
        <v>329</v>
      </c>
      <c r="B957" s="1" t="s">
        <v>2622</v>
      </c>
      <c r="C957" s="1" t="s">
        <v>3587</v>
      </c>
      <c r="D957" s="1" t="s">
        <v>3588</v>
      </c>
      <c r="E957" s="1"/>
      <c r="F957" s="1" t="s">
        <v>10</v>
      </c>
      <c r="G957" s="1" t="s">
        <v>10</v>
      </c>
      <c r="H957" s="1" t="s">
        <v>10</v>
      </c>
      <c r="I957" s="1" t="s">
        <v>2312</v>
      </c>
      <c r="J957" s="1" t="s">
        <v>2348</v>
      </c>
      <c r="K957" s="1" t="s">
        <v>27</v>
      </c>
      <c r="L957" s="1" t="s">
        <v>3586</v>
      </c>
      <c r="M957" s="1" t="s">
        <v>5</v>
      </c>
      <c r="N957" s="1" t="s">
        <v>25</v>
      </c>
      <c r="O957" s="1" t="s">
        <v>38</v>
      </c>
      <c r="P957" s="5" t="s">
        <v>31121</v>
      </c>
    </row>
    <row r="958" spans="1:16" x14ac:dyDescent="0.2">
      <c r="A958" s="1" t="s">
        <v>20</v>
      </c>
      <c r="B958" s="1" t="s">
        <v>101</v>
      </c>
      <c r="C958" s="1" t="s">
        <v>3590</v>
      </c>
      <c r="D958" s="1" t="s">
        <v>3591</v>
      </c>
      <c r="E958" s="1"/>
      <c r="F958" s="1" t="s">
        <v>10</v>
      </c>
      <c r="G958" s="1" t="s">
        <v>10</v>
      </c>
      <c r="H958" s="1" t="s">
        <v>10</v>
      </c>
      <c r="I958" s="1" t="s">
        <v>2312</v>
      </c>
      <c r="J958" s="1" t="s">
        <v>2316</v>
      </c>
      <c r="K958" s="1" t="s">
        <v>27</v>
      </c>
      <c r="L958" s="1" t="s">
        <v>3589</v>
      </c>
      <c r="M958" s="1" t="s">
        <v>5</v>
      </c>
      <c r="N958" s="1" t="s">
        <v>25</v>
      </c>
      <c r="O958" s="1" t="s">
        <v>38</v>
      </c>
      <c r="P958" s="5" t="s">
        <v>31096</v>
      </c>
    </row>
    <row r="959" spans="1:16" x14ac:dyDescent="0.2">
      <c r="A959" s="1" t="s">
        <v>1385</v>
      </c>
      <c r="B959" s="1" t="s">
        <v>1687</v>
      </c>
      <c r="C959" s="1" t="s">
        <v>3593</v>
      </c>
      <c r="D959" s="1" t="s">
        <v>3594</v>
      </c>
      <c r="E959" s="1"/>
      <c r="F959" s="1" t="s">
        <v>10</v>
      </c>
      <c r="G959" s="1" t="s">
        <v>10</v>
      </c>
      <c r="H959" s="1" t="s">
        <v>10</v>
      </c>
      <c r="I959" s="1" t="s">
        <v>2312</v>
      </c>
      <c r="J959" s="1" t="s">
        <v>2316</v>
      </c>
      <c r="K959" s="1" t="s">
        <v>27</v>
      </c>
      <c r="L959" s="1" t="s">
        <v>3592</v>
      </c>
      <c r="M959" s="1" t="s">
        <v>5</v>
      </c>
      <c r="N959" s="1" t="s">
        <v>960</v>
      </c>
      <c r="O959" s="1" t="s">
        <v>38</v>
      </c>
      <c r="P959" s="5" t="s">
        <v>31099</v>
      </c>
    </row>
    <row r="960" spans="1:16" x14ac:dyDescent="0.2">
      <c r="A960" s="1" t="s">
        <v>66</v>
      </c>
      <c r="B960" s="1" t="s">
        <v>212</v>
      </c>
      <c r="C960" s="1" t="s">
        <v>3596</v>
      </c>
      <c r="D960" s="1" t="s">
        <v>3597</v>
      </c>
      <c r="E960" s="1"/>
      <c r="F960" s="1" t="s">
        <v>10</v>
      </c>
      <c r="G960" s="1" t="s">
        <v>10</v>
      </c>
      <c r="H960" s="1" t="s">
        <v>10</v>
      </c>
      <c r="I960" s="1" t="s">
        <v>2312</v>
      </c>
      <c r="J960" s="1" t="s">
        <v>2316</v>
      </c>
      <c r="K960" s="1" t="s">
        <v>27</v>
      </c>
      <c r="L960" s="1" t="s">
        <v>3595</v>
      </c>
      <c r="M960" s="1" t="s">
        <v>5</v>
      </c>
      <c r="N960" s="1" t="s">
        <v>960</v>
      </c>
      <c r="O960" s="1" t="s">
        <v>38</v>
      </c>
      <c r="P960" s="5" t="s">
        <v>1184</v>
      </c>
    </row>
    <row r="961" spans="1:16" x14ac:dyDescent="0.2">
      <c r="A961" s="1" t="s">
        <v>1385</v>
      </c>
      <c r="B961" s="1" t="s">
        <v>1687</v>
      </c>
      <c r="C961" s="1" t="s">
        <v>3599</v>
      </c>
      <c r="D961" s="1" t="s">
        <v>3600</v>
      </c>
      <c r="E961" s="1"/>
      <c r="F961" s="1" t="s">
        <v>10</v>
      </c>
      <c r="G961" s="1" t="s">
        <v>10</v>
      </c>
      <c r="H961" s="1" t="s">
        <v>10</v>
      </c>
      <c r="I961" s="1" t="s">
        <v>2312</v>
      </c>
      <c r="J961" s="1" t="s">
        <v>2316</v>
      </c>
      <c r="K961" s="1" t="s">
        <v>27</v>
      </c>
      <c r="L961" s="1" t="s">
        <v>3598</v>
      </c>
      <c r="M961" s="1" t="s">
        <v>5</v>
      </c>
      <c r="N961" s="1" t="s">
        <v>960</v>
      </c>
      <c r="O961" s="1" t="s">
        <v>38</v>
      </c>
      <c r="P961" s="5" t="s">
        <v>31099</v>
      </c>
    </row>
    <row r="962" spans="1:16" x14ac:dyDescent="0.2">
      <c r="A962" s="1" t="s">
        <v>66</v>
      </c>
      <c r="B962" s="1" t="s">
        <v>212</v>
      </c>
      <c r="C962" s="1" t="s">
        <v>3602</v>
      </c>
      <c r="D962" s="1" t="s">
        <v>3603</v>
      </c>
      <c r="E962" s="1"/>
      <c r="F962" s="1" t="s">
        <v>10</v>
      </c>
      <c r="G962" s="1" t="s">
        <v>10</v>
      </c>
      <c r="H962" s="1" t="s">
        <v>10</v>
      </c>
      <c r="I962" s="1" t="s">
        <v>2312</v>
      </c>
      <c r="J962" s="1" t="s">
        <v>2316</v>
      </c>
      <c r="K962" s="1" t="s">
        <v>27</v>
      </c>
      <c r="L962" s="1" t="s">
        <v>3601</v>
      </c>
      <c r="M962" s="1" t="s">
        <v>5</v>
      </c>
      <c r="N962" s="1" t="s">
        <v>960</v>
      </c>
      <c r="O962" s="1" t="s">
        <v>38</v>
      </c>
      <c r="P962" s="5" t="s">
        <v>1184</v>
      </c>
    </row>
    <row r="963" spans="1:16" x14ac:dyDescent="0.2">
      <c r="A963" s="1" t="s">
        <v>423</v>
      </c>
      <c r="B963" s="1" t="s">
        <v>2587</v>
      </c>
      <c r="C963" s="1" t="s">
        <v>3605</v>
      </c>
      <c r="D963" s="1" t="s">
        <v>3606</v>
      </c>
      <c r="E963" s="1"/>
      <c r="F963" s="1" t="s">
        <v>10</v>
      </c>
      <c r="G963" s="1" t="s">
        <v>10</v>
      </c>
      <c r="H963" s="1" t="s">
        <v>10</v>
      </c>
      <c r="I963" s="1" t="s">
        <v>2312</v>
      </c>
      <c r="J963" s="1" t="s">
        <v>2586</v>
      </c>
      <c r="K963" s="1" t="s">
        <v>27</v>
      </c>
      <c r="L963" s="1" t="s">
        <v>3604</v>
      </c>
      <c r="M963" s="1" t="s">
        <v>5</v>
      </c>
      <c r="N963" s="1" t="s">
        <v>25</v>
      </c>
      <c r="O963" s="1" t="s">
        <v>38</v>
      </c>
      <c r="P963" s="5" t="s">
        <v>32720</v>
      </c>
    </row>
    <row r="964" spans="1:16" x14ac:dyDescent="0.2">
      <c r="A964" s="1" t="s">
        <v>66</v>
      </c>
      <c r="B964" s="1" t="s">
        <v>574</v>
      </c>
      <c r="C964" s="1" t="s">
        <v>3608</v>
      </c>
      <c r="D964" s="1" t="s">
        <v>3609</v>
      </c>
      <c r="E964" s="1"/>
      <c r="F964" s="1" t="s">
        <v>10</v>
      </c>
      <c r="G964" s="1" t="s">
        <v>10</v>
      </c>
      <c r="H964" s="1" t="s">
        <v>10</v>
      </c>
      <c r="I964" s="1" t="s">
        <v>2312</v>
      </c>
      <c r="J964" s="1" t="s">
        <v>2586</v>
      </c>
      <c r="K964" s="1" t="s">
        <v>7</v>
      </c>
      <c r="L964" s="1" t="s">
        <v>3607</v>
      </c>
      <c r="M964" s="1" t="s">
        <v>5</v>
      </c>
      <c r="N964" s="1" t="s">
        <v>25</v>
      </c>
      <c r="O964" s="1" t="s">
        <v>38</v>
      </c>
      <c r="P964" s="5" t="s">
        <v>32721</v>
      </c>
    </row>
    <row r="965" spans="1:16" x14ac:dyDescent="0.2">
      <c r="A965" s="1" t="s">
        <v>20</v>
      </c>
      <c r="B965" s="1" t="s">
        <v>302</v>
      </c>
      <c r="C965" s="1" t="s">
        <v>3611</v>
      </c>
      <c r="D965" s="1" t="s">
        <v>3612</v>
      </c>
      <c r="E965" s="1"/>
      <c r="F965" s="1" t="s">
        <v>10</v>
      </c>
      <c r="G965" s="1" t="s">
        <v>10</v>
      </c>
      <c r="H965" s="1" t="s">
        <v>10</v>
      </c>
      <c r="I965" s="1" t="s">
        <v>2312</v>
      </c>
      <c r="J965" s="1" t="s">
        <v>2348</v>
      </c>
      <c r="K965" s="1" t="s">
        <v>100</v>
      </c>
      <c r="L965" s="1" t="s">
        <v>3610</v>
      </c>
      <c r="M965" s="1" t="s">
        <v>5</v>
      </c>
      <c r="N965" s="1" t="s">
        <v>25</v>
      </c>
      <c r="O965" s="1" t="s">
        <v>38</v>
      </c>
      <c r="P965" s="5" t="s">
        <v>29932</v>
      </c>
    </row>
    <row r="966" spans="1:16" x14ac:dyDescent="0.2">
      <c r="A966" s="1" t="s">
        <v>329</v>
      </c>
      <c r="B966" s="1" t="s">
        <v>1659</v>
      </c>
      <c r="C966" s="1" t="s">
        <v>3614</v>
      </c>
      <c r="D966" s="1" t="s">
        <v>3615</v>
      </c>
      <c r="E966" s="1"/>
      <c r="F966" s="1" t="s">
        <v>10</v>
      </c>
      <c r="G966" s="1" t="s">
        <v>10</v>
      </c>
      <c r="H966" s="1" t="s">
        <v>10</v>
      </c>
      <c r="I966" s="1" t="s">
        <v>2312</v>
      </c>
      <c r="J966" s="1" t="s">
        <v>2348</v>
      </c>
      <c r="K966" s="1" t="s">
        <v>27</v>
      </c>
      <c r="L966" s="1" t="s">
        <v>3613</v>
      </c>
      <c r="M966" s="1" t="s">
        <v>5</v>
      </c>
      <c r="N966" s="1" t="s">
        <v>25</v>
      </c>
      <c r="O966" s="1" t="s">
        <v>38</v>
      </c>
      <c r="P966" s="5" t="s">
        <v>32719</v>
      </c>
    </row>
    <row r="967" spans="1:16" x14ac:dyDescent="0.2">
      <c r="A967" s="1" t="s">
        <v>1086</v>
      </c>
      <c r="B967" s="1" t="s">
        <v>2276</v>
      </c>
      <c r="C967" s="1" t="s">
        <v>3617</v>
      </c>
      <c r="D967" s="1" t="s">
        <v>3618</v>
      </c>
      <c r="E967" s="1"/>
      <c r="F967" s="1" t="s">
        <v>10</v>
      </c>
      <c r="G967" s="1" t="s">
        <v>10</v>
      </c>
      <c r="H967" s="1" t="s">
        <v>10</v>
      </c>
      <c r="I967" s="1" t="s">
        <v>2312</v>
      </c>
      <c r="J967" s="1" t="s">
        <v>19</v>
      </c>
      <c r="K967" s="1" t="s">
        <v>64</v>
      </c>
      <c r="L967" s="1" t="s">
        <v>3616</v>
      </c>
      <c r="M967" s="1" t="s">
        <v>5</v>
      </c>
      <c r="N967" s="1" t="s">
        <v>25</v>
      </c>
      <c r="O967" s="1" t="s">
        <v>38</v>
      </c>
      <c r="P967" s="5" t="s">
        <v>32722</v>
      </c>
    </row>
    <row r="968" spans="1:16" x14ac:dyDescent="0.2">
      <c r="A968" s="1" t="s">
        <v>423</v>
      </c>
      <c r="B968" s="1" t="s">
        <v>2587</v>
      </c>
      <c r="C968" s="1" t="s">
        <v>3620</v>
      </c>
      <c r="D968" s="1" t="s">
        <v>3621</v>
      </c>
      <c r="E968" s="1"/>
      <c r="F968" s="1" t="s">
        <v>10</v>
      </c>
      <c r="G968" s="1" t="s">
        <v>10</v>
      </c>
      <c r="H968" s="1" t="s">
        <v>10</v>
      </c>
      <c r="I968" s="1" t="s">
        <v>2312</v>
      </c>
      <c r="J968" s="1" t="s">
        <v>2586</v>
      </c>
      <c r="K968" s="1" t="s">
        <v>27</v>
      </c>
      <c r="L968" s="1" t="s">
        <v>3619</v>
      </c>
      <c r="M968" s="1" t="s">
        <v>5</v>
      </c>
      <c r="N968" s="1" t="s">
        <v>25</v>
      </c>
      <c r="O968" s="1" t="s">
        <v>38</v>
      </c>
      <c r="P968" s="5" t="s">
        <v>31140</v>
      </c>
    </row>
    <row r="969" spans="1:16" x14ac:dyDescent="0.2">
      <c r="A969" s="1" t="s">
        <v>329</v>
      </c>
      <c r="B969" s="1" t="s">
        <v>1168</v>
      </c>
      <c r="C969" s="1" t="s">
        <v>3623</v>
      </c>
      <c r="D969" s="1" t="s">
        <v>3624</v>
      </c>
      <c r="E969" s="1"/>
      <c r="F969" s="1" t="s">
        <v>10</v>
      </c>
      <c r="G969" s="1" t="s">
        <v>10</v>
      </c>
      <c r="H969" s="1" t="s">
        <v>10</v>
      </c>
      <c r="I969" s="1" t="s">
        <v>2312</v>
      </c>
      <c r="J969" s="1" t="s">
        <v>2586</v>
      </c>
      <c r="K969" s="1" t="s">
        <v>27</v>
      </c>
      <c r="L969" s="1" t="s">
        <v>3622</v>
      </c>
      <c r="M969" s="1" t="s">
        <v>5</v>
      </c>
      <c r="N969" s="1" t="s">
        <v>1009</v>
      </c>
      <c r="O969" s="1" t="s">
        <v>38</v>
      </c>
      <c r="P969" s="5" t="s">
        <v>32702</v>
      </c>
    </row>
    <row r="970" spans="1:16" x14ac:dyDescent="0.2">
      <c r="A970" s="1" t="s">
        <v>329</v>
      </c>
      <c r="B970" s="1" t="s">
        <v>1168</v>
      </c>
      <c r="C970" s="1" t="s">
        <v>3626</v>
      </c>
      <c r="D970" s="1" t="s">
        <v>3627</v>
      </c>
      <c r="E970" s="1" t="s">
        <v>3628</v>
      </c>
      <c r="F970" s="1" t="s">
        <v>10</v>
      </c>
      <c r="G970" s="1" t="s">
        <v>10</v>
      </c>
      <c r="H970" s="1" t="s">
        <v>10</v>
      </c>
      <c r="I970" s="1" t="s">
        <v>2312</v>
      </c>
      <c r="J970" s="1" t="s">
        <v>2438</v>
      </c>
      <c r="K970" s="1" t="s">
        <v>27</v>
      </c>
      <c r="L970" s="1" t="s">
        <v>3625</v>
      </c>
      <c r="M970" s="1" t="s">
        <v>5</v>
      </c>
      <c r="N970" s="1" t="s">
        <v>25</v>
      </c>
      <c r="O970" s="1" t="s">
        <v>38</v>
      </c>
      <c r="P970" s="5" t="s">
        <v>29933</v>
      </c>
    </row>
    <row r="971" spans="1:16" x14ac:dyDescent="0.2">
      <c r="A971" s="1" t="s">
        <v>20</v>
      </c>
      <c r="B971" s="1" t="s">
        <v>99</v>
      </c>
      <c r="C971" s="1" t="s">
        <v>3630</v>
      </c>
      <c r="D971" s="1" t="s">
        <v>3631</v>
      </c>
      <c r="E971" s="1"/>
      <c r="F971" s="1" t="s">
        <v>10</v>
      </c>
      <c r="G971" s="1" t="s">
        <v>10</v>
      </c>
      <c r="H971" s="1" t="s">
        <v>10</v>
      </c>
      <c r="I971" s="1" t="s">
        <v>2312</v>
      </c>
      <c r="J971" s="1" t="s">
        <v>2316</v>
      </c>
      <c r="K971" s="1" t="s">
        <v>7</v>
      </c>
      <c r="L971" s="1" t="s">
        <v>3629</v>
      </c>
      <c r="M971" s="1" t="s">
        <v>5</v>
      </c>
      <c r="N971" s="1" t="s">
        <v>960</v>
      </c>
      <c r="O971" s="1" t="s">
        <v>38</v>
      </c>
      <c r="P971" s="5" t="s">
        <v>31099</v>
      </c>
    </row>
    <row r="972" spans="1:16" x14ac:dyDescent="0.2">
      <c r="A972" s="1" t="s">
        <v>329</v>
      </c>
      <c r="B972" s="1" t="s">
        <v>2622</v>
      </c>
      <c r="C972" s="1" t="s">
        <v>3633</v>
      </c>
      <c r="D972" s="1" t="s">
        <v>3634</v>
      </c>
      <c r="E972" s="1"/>
      <c r="F972" s="1" t="s">
        <v>10</v>
      </c>
      <c r="G972" s="1" t="s">
        <v>10</v>
      </c>
      <c r="H972" s="1" t="s">
        <v>10</v>
      </c>
      <c r="I972" s="1" t="s">
        <v>2312</v>
      </c>
      <c r="J972" s="1" t="s">
        <v>19</v>
      </c>
      <c r="K972" s="1" t="s">
        <v>27</v>
      </c>
      <c r="L972" s="1" t="s">
        <v>3632</v>
      </c>
      <c r="M972" s="1" t="s">
        <v>5</v>
      </c>
      <c r="N972" s="1" t="s">
        <v>25</v>
      </c>
      <c r="O972" s="1" t="s">
        <v>38</v>
      </c>
      <c r="P972" s="5" t="s">
        <v>32703</v>
      </c>
    </row>
    <row r="973" spans="1:16" x14ac:dyDescent="0.2">
      <c r="A973" s="1" t="s">
        <v>1385</v>
      </c>
      <c r="B973" s="1" t="s">
        <v>1687</v>
      </c>
      <c r="C973" s="1" t="s">
        <v>3636</v>
      </c>
      <c r="D973" s="1" t="s">
        <v>3637</v>
      </c>
      <c r="E973" s="1"/>
      <c r="F973" s="1" t="s">
        <v>10</v>
      </c>
      <c r="G973" s="1" t="s">
        <v>10</v>
      </c>
      <c r="H973" s="1" t="s">
        <v>10</v>
      </c>
      <c r="I973" s="1" t="s">
        <v>2312</v>
      </c>
      <c r="J973" s="1" t="s">
        <v>2586</v>
      </c>
      <c r="K973" s="1" t="s">
        <v>27</v>
      </c>
      <c r="L973" s="1" t="s">
        <v>3635</v>
      </c>
      <c r="M973" s="1" t="s">
        <v>5</v>
      </c>
      <c r="N973" s="1" t="s">
        <v>25</v>
      </c>
      <c r="O973" s="1" t="s">
        <v>38</v>
      </c>
      <c r="P973" s="5" t="s">
        <v>31099</v>
      </c>
    </row>
    <row r="974" spans="1:16" x14ac:dyDescent="0.2">
      <c r="A974" s="1" t="s">
        <v>329</v>
      </c>
      <c r="B974" s="1" t="s">
        <v>2622</v>
      </c>
      <c r="C974" s="1" t="s">
        <v>3639</v>
      </c>
      <c r="D974" s="1" t="s">
        <v>3640</v>
      </c>
      <c r="E974" s="1"/>
      <c r="F974" s="1" t="s">
        <v>10</v>
      </c>
      <c r="G974" s="1" t="s">
        <v>10</v>
      </c>
      <c r="H974" s="1" t="s">
        <v>10</v>
      </c>
      <c r="I974" s="1" t="s">
        <v>2312</v>
      </c>
      <c r="J974" s="1" t="s">
        <v>2316</v>
      </c>
      <c r="K974" s="1" t="s">
        <v>27</v>
      </c>
      <c r="L974" s="1" t="s">
        <v>3638</v>
      </c>
      <c r="M974" s="1" t="s">
        <v>5</v>
      </c>
      <c r="N974" s="1" t="s">
        <v>25</v>
      </c>
      <c r="O974" s="1" t="s">
        <v>38</v>
      </c>
      <c r="P974" s="5" t="s">
        <v>29934</v>
      </c>
    </row>
    <row r="975" spans="1:16" x14ac:dyDescent="0.2">
      <c r="A975" s="1" t="s">
        <v>42</v>
      </c>
      <c r="B975" s="1" t="s">
        <v>335</v>
      </c>
      <c r="C975" s="1" t="s">
        <v>3642</v>
      </c>
      <c r="D975" s="1" t="s">
        <v>3643</v>
      </c>
      <c r="E975" s="1"/>
      <c r="F975" s="1" t="s">
        <v>10</v>
      </c>
      <c r="G975" s="1" t="s">
        <v>10</v>
      </c>
      <c r="H975" s="1" t="s">
        <v>10</v>
      </c>
      <c r="I975" s="1" t="s">
        <v>2312</v>
      </c>
      <c r="J975" s="1" t="s">
        <v>19</v>
      </c>
      <c r="K975" s="1" t="s">
        <v>47</v>
      </c>
      <c r="L975" s="1" t="s">
        <v>3641</v>
      </c>
      <c r="M975" s="1" t="s">
        <v>5</v>
      </c>
      <c r="N975" s="1" t="s">
        <v>25</v>
      </c>
      <c r="O975" s="1" t="s">
        <v>38</v>
      </c>
      <c r="P975" s="5" t="s">
        <v>32723</v>
      </c>
    </row>
    <row r="976" spans="1:16" x14ac:dyDescent="0.2">
      <c r="A976" s="1" t="s">
        <v>329</v>
      </c>
      <c r="B976" s="1" t="s">
        <v>2622</v>
      </c>
      <c r="C976" s="1" t="s">
        <v>3645</v>
      </c>
      <c r="D976" s="1" t="s">
        <v>3646</v>
      </c>
      <c r="E976" s="1"/>
      <c r="F976" s="1" t="s">
        <v>10</v>
      </c>
      <c r="G976" s="1" t="s">
        <v>10</v>
      </c>
      <c r="H976" s="1" t="s">
        <v>10</v>
      </c>
      <c r="I976" s="1" t="s">
        <v>2312</v>
      </c>
      <c r="J976" s="1" t="s">
        <v>2348</v>
      </c>
      <c r="K976" s="1" t="s">
        <v>27</v>
      </c>
      <c r="L976" s="1" t="s">
        <v>3644</v>
      </c>
      <c r="M976" s="1" t="s">
        <v>5</v>
      </c>
      <c r="N976" s="1" t="s">
        <v>25</v>
      </c>
      <c r="O976" s="1" t="s">
        <v>38</v>
      </c>
      <c r="P976" s="5" t="s">
        <v>31121</v>
      </c>
    </row>
    <row r="977" spans="1:16" x14ac:dyDescent="0.2">
      <c r="A977" s="1" t="s">
        <v>20</v>
      </c>
      <c r="B977" s="1" t="s">
        <v>99</v>
      </c>
      <c r="C977" s="1" t="s">
        <v>3648</v>
      </c>
      <c r="D977" s="1" t="s">
        <v>3649</v>
      </c>
      <c r="E977" s="1"/>
      <c r="F977" s="1" t="s">
        <v>10</v>
      </c>
      <c r="G977" s="1" t="s">
        <v>10</v>
      </c>
      <c r="H977" s="1" t="s">
        <v>10</v>
      </c>
      <c r="I977" s="1" t="s">
        <v>2312</v>
      </c>
      <c r="J977" s="1" t="s">
        <v>2316</v>
      </c>
      <c r="K977" s="1" t="s">
        <v>27</v>
      </c>
      <c r="L977" s="1" t="s">
        <v>3647</v>
      </c>
      <c r="M977" s="1" t="s">
        <v>5</v>
      </c>
      <c r="N977" s="1" t="s">
        <v>25</v>
      </c>
      <c r="O977" s="1" t="s">
        <v>38</v>
      </c>
      <c r="P977" s="5" t="s">
        <v>32698</v>
      </c>
    </row>
    <row r="978" spans="1:16" x14ac:dyDescent="0.2">
      <c r="A978" s="1" t="s">
        <v>42</v>
      </c>
      <c r="B978" s="1" t="s">
        <v>335</v>
      </c>
      <c r="C978" s="1" t="s">
        <v>3651</v>
      </c>
      <c r="D978" s="1" t="s">
        <v>3652</v>
      </c>
      <c r="E978" s="1"/>
      <c r="F978" s="1" t="s">
        <v>10</v>
      </c>
      <c r="G978" s="1" t="s">
        <v>10</v>
      </c>
      <c r="H978" s="1" t="s">
        <v>10</v>
      </c>
      <c r="I978" s="1" t="s">
        <v>2312</v>
      </c>
      <c r="J978" s="1" t="s">
        <v>19</v>
      </c>
      <c r="K978" s="1" t="s">
        <v>47</v>
      </c>
      <c r="L978" s="1" t="s">
        <v>3650</v>
      </c>
      <c r="M978" s="1" t="s">
        <v>5</v>
      </c>
      <c r="N978" s="1" t="s">
        <v>25</v>
      </c>
      <c r="O978" s="1" t="s">
        <v>38</v>
      </c>
      <c r="P978" s="5" t="s">
        <v>32719</v>
      </c>
    </row>
    <row r="979" spans="1:16" x14ac:dyDescent="0.2">
      <c r="A979" s="1" t="s">
        <v>1385</v>
      </c>
      <c r="B979" s="1" t="s">
        <v>1687</v>
      </c>
      <c r="C979" s="1" t="s">
        <v>3654</v>
      </c>
      <c r="D979" s="1" t="s">
        <v>3655</v>
      </c>
      <c r="E979" s="1"/>
      <c r="F979" s="1" t="s">
        <v>10</v>
      </c>
      <c r="G979" s="1" t="s">
        <v>10</v>
      </c>
      <c r="H979" s="1" t="s">
        <v>10</v>
      </c>
      <c r="I979" s="1" t="s">
        <v>2312</v>
      </c>
      <c r="J979" s="1" t="s">
        <v>2316</v>
      </c>
      <c r="K979" s="1" t="s">
        <v>27</v>
      </c>
      <c r="L979" s="1" t="s">
        <v>3653</v>
      </c>
      <c r="M979" s="1" t="s">
        <v>5</v>
      </c>
      <c r="N979" s="1" t="s">
        <v>25</v>
      </c>
      <c r="O979" s="1" t="s">
        <v>38</v>
      </c>
      <c r="P979" s="5" t="s">
        <v>32715</v>
      </c>
    </row>
    <row r="980" spans="1:16" x14ac:dyDescent="0.2">
      <c r="A980" s="1" t="s">
        <v>1385</v>
      </c>
      <c r="B980" s="1" t="s">
        <v>1687</v>
      </c>
      <c r="C980" s="1" t="s">
        <v>3657</v>
      </c>
      <c r="D980" s="1" t="s">
        <v>3658</v>
      </c>
      <c r="E980" s="1"/>
      <c r="F980" s="1" t="s">
        <v>10</v>
      </c>
      <c r="G980" s="1" t="s">
        <v>10</v>
      </c>
      <c r="H980" s="1" t="s">
        <v>10</v>
      </c>
      <c r="I980" s="1" t="s">
        <v>2312</v>
      </c>
      <c r="J980" s="1" t="s">
        <v>2348</v>
      </c>
      <c r="K980" s="1" t="s">
        <v>64</v>
      </c>
      <c r="L980" s="1" t="s">
        <v>3656</v>
      </c>
      <c r="M980" s="1" t="s">
        <v>5</v>
      </c>
      <c r="N980" s="1" t="s">
        <v>25</v>
      </c>
      <c r="O980" s="1" t="s">
        <v>38</v>
      </c>
      <c r="P980" s="5" t="s">
        <v>29927</v>
      </c>
    </row>
    <row r="981" spans="1:16" x14ac:dyDescent="0.2">
      <c r="A981" s="1" t="s">
        <v>20</v>
      </c>
      <c r="B981" s="1" t="s">
        <v>99</v>
      </c>
      <c r="C981" s="1" t="s">
        <v>3660</v>
      </c>
      <c r="D981" s="1" t="s">
        <v>3661</v>
      </c>
      <c r="E981" s="1"/>
      <c r="F981" s="1" t="s">
        <v>10</v>
      </c>
      <c r="G981" s="1" t="s">
        <v>10</v>
      </c>
      <c r="H981" s="1" t="s">
        <v>10</v>
      </c>
      <c r="I981" s="1" t="s">
        <v>2312</v>
      </c>
      <c r="J981" s="1" t="s">
        <v>19</v>
      </c>
      <c r="K981" s="1" t="s">
        <v>1468</v>
      </c>
      <c r="L981" s="1" t="s">
        <v>3659</v>
      </c>
      <c r="M981" s="1" t="s">
        <v>5</v>
      </c>
      <c r="N981" s="1" t="s">
        <v>1009</v>
      </c>
      <c r="O981" s="1" t="s">
        <v>38</v>
      </c>
      <c r="P981" s="5" t="s">
        <v>32702</v>
      </c>
    </row>
    <row r="982" spans="1:16" x14ac:dyDescent="0.2">
      <c r="A982" s="1" t="s">
        <v>20</v>
      </c>
      <c r="B982" s="1" t="s">
        <v>93</v>
      </c>
      <c r="C982" s="1" t="s">
        <v>3663</v>
      </c>
      <c r="D982" s="1" t="s">
        <v>3664</v>
      </c>
      <c r="E982" s="1"/>
      <c r="F982" s="1" t="s">
        <v>10</v>
      </c>
      <c r="G982" s="1" t="s">
        <v>10</v>
      </c>
      <c r="H982" s="1" t="s">
        <v>10</v>
      </c>
      <c r="I982" s="1" t="s">
        <v>2312</v>
      </c>
      <c r="J982" s="1" t="s">
        <v>2348</v>
      </c>
      <c r="K982" s="1" t="s">
        <v>27</v>
      </c>
      <c r="L982" s="1" t="s">
        <v>3662</v>
      </c>
      <c r="M982" s="1" t="s">
        <v>5</v>
      </c>
      <c r="N982" s="1" t="s">
        <v>25</v>
      </c>
      <c r="O982" s="1" t="s">
        <v>38</v>
      </c>
      <c r="P982" s="5" t="s">
        <v>31141</v>
      </c>
    </row>
    <row r="983" spans="1:16" x14ac:dyDescent="0.2">
      <c r="A983" s="1" t="s">
        <v>66</v>
      </c>
      <c r="B983" s="1" t="s">
        <v>574</v>
      </c>
      <c r="C983" s="1" t="s">
        <v>3666</v>
      </c>
      <c r="D983" s="1" t="s">
        <v>3667</v>
      </c>
      <c r="E983" s="1"/>
      <c r="F983" s="1" t="s">
        <v>10</v>
      </c>
      <c r="G983" s="1" t="s">
        <v>10</v>
      </c>
      <c r="H983" s="1" t="s">
        <v>10</v>
      </c>
      <c r="I983" s="1" t="s">
        <v>2312</v>
      </c>
      <c r="J983" s="1" t="s">
        <v>2438</v>
      </c>
      <c r="K983" s="1" t="s">
        <v>3194</v>
      </c>
      <c r="L983" s="1" t="s">
        <v>3665</v>
      </c>
      <c r="M983" s="1" t="s">
        <v>5</v>
      </c>
      <c r="N983" s="1" t="s">
        <v>960</v>
      </c>
      <c r="O983" s="1" t="s">
        <v>38</v>
      </c>
      <c r="P983" s="5" t="s">
        <v>32724</v>
      </c>
    </row>
    <row r="984" spans="1:16" x14ac:dyDescent="0.2">
      <c r="A984" s="1" t="s">
        <v>66</v>
      </c>
      <c r="B984" s="1" t="s">
        <v>574</v>
      </c>
      <c r="C984" s="1" t="s">
        <v>3669</v>
      </c>
      <c r="D984" s="1" t="s">
        <v>3670</v>
      </c>
      <c r="E984" s="1"/>
      <c r="F984" s="1" t="s">
        <v>10</v>
      </c>
      <c r="G984" s="1" t="s">
        <v>10</v>
      </c>
      <c r="H984" s="1" t="s">
        <v>10</v>
      </c>
      <c r="I984" s="1" t="s">
        <v>2312</v>
      </c>
      <c r="J984" s="1" t="s">
        <v>2438</v>
      </c>
      <c r="K984" s="1" t="s">
        <v>3194</v>
      </c>
      <c r="L984" s="1" t="s">
        <v>3668</v>
      </c>
      <c r="M984" s="1" t="s">
        <v>5</v>
      </c>
      <c r="N984" s="1" t="s">
        <v>960</v>
      </c>
      <c r="O984" s="1" t="s">
        <v>38</v>
      </c>
      <c r="P984" s="5" t="s">
        <v>32725</v>
      </c>
    </row>
    <row r="985" spans="1:16" x14ac:dyDescent="0.2">
      <c r="A985" s="1" t="s">
        <v>20</v>
      </c>
      <c r="B985" s="1" t="s">
        <v>101</v>
      </c>
      <c r="C985" s="1" t="s">
        <v>3672</v>
      </c>
      <c r="D985" s="1" t="s">
        <v>3673</v>
      </c>
      <c r="E985" s="1" t="s">
        <v>3674</v>
      </c>
      <c r="F985" s="1" t="s">
        <v>10</v>
      </c>
      <c r="G985" s="1" t="s">
        <v>10</v>
      </c>
      <c r="H985" s="1" t="s">
        <v>10</v>
      </c>
      <c r="I985" s="1" t="s">
        <v>2312</v>
      </c>
      <c r="J985" s="1" t="s">
        <v>2363</v>
      </c>
      <c r="K985" s="1" t="s">
        <v>27</v>
      </c>
      <c r="L985" s="1" t="s">
        <v>3671</v>
      </c>
      <c r="M985" s="1" t="s">
        <v>5</v>
      </c>
      <c r="N985" s="1" t="s">
        <v>1009</v>
      </c>
      <c r="O985" s="1" t="s">
        <v>38</v>
      </c>
      <c r="P985" s="5" t="s">
        <v>31142</v>
      </c>
    </row>
    <row r="986" spans="1:16" x14ac:dyDescent="0.2">
      <c r="A986" s="1" t="s">
        <v>66</v>
      </c>
      <c r="B986" s="1" t="s">
        <v>574</v>
      </c>
      <c r="C986" s="1" t="s">
        <v>3676</v>
      </c>
      <c r="D986" s="1" t="s">
        <v>3677</v>
      </c>
      <c r="E986" s="1"/>
      <c r="F986" s="1" t="s">
        <v>10</v>
      </c>
      <c r="G986" s="1" t="s">
        <v>10</v>
      </c>
      <c r="H986" s="1" t="s">
        <v>10</v>
      </c>
      <c r="I986" s="1" t="s">
        <v>2312</v>
      </c>
      <c r="J986" s="1" t="s">
        <v>2438</v>
      </c>
      <c r="K986" s="1" t="s">
        <v>2866</v>
      </c>
      <c r="L986" s="1" t="s">
        <v>3675</v>
      </c>
      <c r="M986" s="1" t="s">
        <v>5</v>
      </c>
      <c r="N986" s="1" t="s">
        <v>1009</v>
      </c>
      <c r="O986" s="1" t="s">
        <v>38</v>
      </c>
      <c r="P986" s="5" t="s">
        <v>32719</v>
      </c>
    </row>
    <row r="987" spans="1:16" x14ac:dyDescent="0.2">
      <c r="A987" s="1" t="s">
        <v>194</v>
      </c>
      <c r="B987" s="1" t="s">
        <v>396</v>
      </c>
      <c r="C987" s="1" t="s">
        <v>3679</v>
      </c>
      <c r="D987" s="1" t="s">
        <v>3680</v>
      </c>
      <c r="E987" s="1"/>
      <c r="F987" s="1" t="s">
        <v>10</v>
      </c>
      <c r="G987" s="1" t="s">
        <v>10</v>
      </c>
      <c r="H987" s="1" t="s">
        <v>10</v>
      </c>
      <c r="I987" s="1" t="s">
        <v>2312</v>
      </c>
      <c r="J987" s="1" t="s">
        <v>2348</v>
      </c>
      <c r="K987" s="1" t="s">
        <v>3681</v>
      </c>
      <c r="L987" s="1" t="s">
        <v>3678</v>
      </c>
      <c r="M987" s="1" t="s">
        <v>5</v>
      </c>
      <c r="N987" s="1" t="s">
        <v>960</v>
      </c>
      <c r="O987" s="1" t="s">
        <v>38</v>
      </c>
      <c r="P987" s="5" t="s">
        <v>29928</v>
      </c>
    </row>
    <row r="988" spans="1:16" x14ac:dyDescent="0.2">
      <c r="A988" s="1" t="s">
        <v>10</v>
      </c>
      <c r="B988" s="1" t="s">
        <v>10</v>
      </c>
      <c r="C988" s="1" t="s">
        <v>3683</v>
      </c>
      <c r="D988" s="1" t="s">
        <v>3684</v>
      </c>
      <c r="E988" s="1" t="s">
        <v>3685</v>
      </c>
      <c r="F988" s="1" t="s">
        <v>10</v>
      </c>
      <c r="G988" s="1" t="s">
        <v>10</v>
      </c>
      <c r="H988" s="1" t="s">
        <v>10</v>
      </c>
      <c r="I988" s="1" t="s">
        <v>2312</v>
      </c>
      <c r="J988" s="1" t="s">
        <v>2348</v>
      </c>
      <c r="K988" s="1" t="s">
        <v>64</v>
      </c>
      <c r="L988" s="1" t="s">
        <v>3682</v>
      </c>
      <c r="M988" s="1" t="s">
        <v>5</v>
      </c>
      <c r="N988" s="1" t="s">
        <v>1009</v>
      </c>
      <c r="O988" s="1" t="s">
        <v>38</v>
      </c>
      <c r="P988" s="5" t="s">
        <v>31092</v>
      </c>
    </row>
    <row r="989" spans="1:16" x14ac:dyDescent="0.2">
      <c r="A989" s="1" t="s">
        <v>20</v>
      </c>
      <c r="B989" s="1" t="s">
        <v>93</v>
      </c>
      <c r="C989" s="1" t="s">
        <v>3687</v>
      </c>
      <c r="D989" s="1" t="s">
        <v>3688</v>
      </c>
      <c r="E989" s="1"/>
      <c r="F989" s="1" t="s">
        <v>10</v>
      </c>
      <c r="G989" s="1" t="s">
        <v>10</v>
      </c>
      <c r="H989" s="1" t="s">
        <v>10</v>
      </c>
      <c r="I989" s="1" t="s">
        <v>2312</v>
      </c>
      <c r="J989" s="1" t="s">
        <v>2348</v>
      </c>
      <c r="K989" s="1" t="s">
        <v>27</v>
      </c>
      <c r="L989" s="1" t="s">
        <v>3686</v>
      </c>
      <c r="M989" s="1" t="s">
        <v>5</v>
      </c>
      <c r="N989" s="1" t="s">
        <v>1009</v>
      </c>
      <c r="O989" s="1" t="s">
        <v>38</v>
      </c>
      <c r="P989" s="5" t="s">
        <v>31143</v>
      </c>
    </row>
    <row r="990" spans="1:16" x14ac:dyDescent="0.2">
      <c r="A990" s="1" t="s">
        <v>10</v>
      </c>
      <c r="B990" s="1" t="s">
        <v>10</v>
      </c>
      <c r="C990" s="1" t="s">
        <v>3690</v>
      </c>
      <c r="D990" s="1" t="s">
        <v>3691</v>
      </c>
      <c r="E990" s="1"/>
      <c r="F990" s="1" t="s">
        <v>10</v>
      </c>
      <c r="G990" s="1" t="s">
        <v>10</v>
      </c>
      <c r="H990" s="1" t="s">
        <v>10</v>
      </c>
      <c r="I990" s="1" t="s">
        <v>2312</v>
      </c>
      <c r="J990" s="1" t="s">
        <v>2316</v>
      </c>
      <c r="K990" s="1" t="s">
        <v>27</v>
      </c>
      <c r="L990" s="1" t="s">
        <v>3689</v>
      </c>
      <c r="M990" s="1" t="s">
        <v>5</v>
      </c>
      <c r="N990" s="1" t="s">
        <v>960</v>
      </c>
      <c r="O990" s="1" t="s">
        <v>38</v>
      </c>
      <c r="P990" s="5" t="s">
        <v>1184</v>
      </c>
    </row>
    <row r="991" spans="1:16" x14ac:dyDescent="0.2">
      <c r="A991" s="1" t="s">
        <v>20</v>
      </c>
      <c r="B991" s="1" t="s">
        <v>101</v>
      </c>
      <c r="C991" s="1" t="s">
        <v>3693</v>
      </c>
      <c r="D991" s="1" t="s">
        <v>3694</v>
      </c>
      <c r="E991" s="1"/>
      <c r="F991" s="1" t="s">
        <v>10</v>
      </c>
      <c r="G991" s="1" t="s">
        <v>10</v>
      </c>
      <c r="H991" s="1" t="s">
        <v>10</v>
      </c>
      <c r="I991" s="1" t="s">
        <v>2312</v>
      </c>
      <c r="J991" s="1" t="s">
        <v>2316</v>
      </c>
      <c r="K991" s="1" t="s">
        <v>64</v>
      </c>
      <c r="L991" s="1" t="s">
        <v>3692</v>
      </c>
      <c r="M991" s="1" t="s">
        <v>5</v>
      </c>
      <c r="N991" s="1" t="s">
        <v>960</v>
      </c>
      <c r="O991" s="1" t="s">
        <v>38</v>
      </c>
      <c r="P991" s="5" t="s">
        <v>32698</v>
      </c>
    </row>
    <row r="992" spans="1:16" x14ac:dyDescent="0.2">
      <c r="A992" s="1" t="s">
        <v>20</v>
      </c>
      <c r="B992" s="1" t="s">
        <v>302</v>
      </c>
      <c r="C992" s="1" t="s">
        <v>3696</v>
      </c>
      <c r="D992" s="1" t="s">
        <v>3697</v>
      </c>
      <c r="E992" s="1" t="s">
        <v>3698</v>
      </c>
      <c r="F992" s="1" t="s">
        <v>10</v>
      </c>
      <c r="G992" s="1" t="s">
        <v>10</v>
      </c>
      <c r="H992" s="1" t="s">
        <v>10</v>
      </c>
      <c r="I992" s="1" t="s">
        <v>2312</v>
      </c>
      <c r="J992" s="1" t="s">
        <v>2348</v>
      </c>
      <c r="K992" s="1" t="s">
        <v>27</v>
      </c>
      <c r="L992" s="1" t="s">
        <v>3695</v>
      </c>
      <c r="M992" s="1" t="s">
        <v>5</v>
      </c>
      <c r="N992" s="1" t="s">
        <v>25</v>
      </c>
      <c r="O992" s="1" t="s">
        <v>38</v>
      </c>
      <c r="P992" s="5" t="s">
        <v>32704</v>
      </c>
    </row>
    <row r="993" spans="1:16" x14ac:dyDescent="0.2">
      <c r="A993" s="1" t="s">
        <v>329</v>
      </c>
      <c r="B993" s="1" t="s">
        <v>1168</v>
      </c>
      <c r="C993" s="1" t="s">
        <v>3700</v>
      </c>
      <c r="D993" s="1" t="s">
        <v>3701</v>
      </c>
      <c r="E993" s="1"/>
      <c r="F993" s="1" t="s">
        <v>10</v>
      </c>
      <c r="G993" s="1" t="s">
        <v>10</v>
      </c>
      <c r="H993" s="1" t="s">
        <v>10</v>
      </c>
      <c r="I993" s="1" t="s">
        <v>2312</v>
      </c>
      <c r="J993" s="1" t="s">
        <v>2586</v>
      </c>
      <c r="K993" s="1" t="s">
        <v>27</v>
      </c>
      <c r="L993" s="1" t="s">
        <v>3699</v>
      </c>
      <c r="M993" s="1" t="s">
        <v>5</v>
      </c>
      <c r="N993" s="1" t="s">
        <v>25</v>
      </c>
      <c r="O993" s="1" t="s">
        <v>38</v>
      </c>
      <c r="P993" s="5" t="s">
        <v>32702</v>
      </c>
    </row>
    <row r="994" spans="1:16" x14ac:dyDescent="0.2">
      <c r="A994" s="1" t="s">
        <v>32</v>
      </c>
      <c r="B994" s="1" t="s">
        <v>140</v>
      </c>
      <c r="C994" s="1" t="s">
        <v>3703</v>
      </c>
      <c r="D994" s="1" t="s">
        <v>3703</v>
      </c>
      <c r="E994" s="1" t="s">
        <v>3704</v>
      </c>
      <c r="F994" s="1" t="s">
        <v>10</v>
      </c>
      <c r="G994" s="1" t="s">
        <v>10</v>
      </c>
      <c r="H994" s="1" t="s">
        <v>10</v>
      </c>
      <c r="I994" s="1" t="s">
        <v>2312</v>
      </c>
      <c r="J994" s="1" t="s">
        <v>19</v>
      </c>
      <c r="K994" s="1" t="s">
        <v>47</v>
      </c>
      <c r="L994" s="1" t="s">
        <v>3702</v>
      </c>
      <c r="M994" s="1" t="s">
        <v>5</v>
      </c>
      <c r="N994" s="1" t="s">
        <v>25</v>
      </c>
      <c r="O994" s="1" t="s">
        <v>38</v>
      </c>
      <c r="P994" s="5" t="s">
        <v>31144</v>
      </c>
    </row>
    <row r="995" spans="1:16" x14ac:dyDescent="0.2">
      <c r="A995" s="1" t="s">
        <v>32</v>
      </c>
      <c r="B995" s="1" t="s">
        <v>140</v>
      </c>
      <c r="C995" s="1" t="s">
        <v>3706</v>
      </c>
      <c r="D995" s="1" t="s">
        <v>3707</v>
      </c>
      <c r="E995" s="1"/>
      <c r="F995" s="1" t="s">
        <v>10</v>
      </c>
      <c r="G995" s="1" t="s">
        <v>10</v>
      </c>
      <c r="H995" s="1" t="s">
        <v>10</v>
      </c>
      <c r="I995" s="1" t="s">
        <v>2312</v>
      </c>
      <c r="J995" s="1" t="s">
        <v>19</v>
      </c>
      <c r="K995" s="1" t="s">
        <v>7</v>
      </c>
      <c r="L995" s="1" t="s">
        <v>3705</v>
      </c>
      <c r="M995" s="1" t="s">
        <v>5</v>
      </c>
      <c r="N995" s="1" t="s">
        <v>25</v>
      </c>
      <c r="O995" s="1" t="s">
        <v>38</v>
      </c>
      <c r="P995" s="5" t="s">
        <v>31145</v>
      </c>
    </row>
    <row r="996" spans="1:16" x14ac:dyDescent="0.2">
      <c r="A996" s="1" t="s">
        <v>10</v>
      </c>
      <c r="B996" s="1" t="s">
        <v>10</v>
      </c>
      <c r="C996" s="1" t="s">
        <v>3709</v>
      </c>
      <c r="D996" s="1" t="s">
        <v>2877</v>
      </c>
      <c r="E996" s="1" t="s">
        <v>3710</v>
      </c>
      <c r="F996" s="1" t="s">
        <v>10</v>
      </c>
      <c r="G996" s="1" t="s">
        <v>10</v>
      </c>
      <c r="H996" s="1" t="s">
        <v>10</v>
      </c>
      <c r="I996" s="1" t="s">
        <v>2312</v>
      </c>
      <c r="J996" s="1" t="s">
        <v>19</v>
      </c>
      <c r="K996" s="1" t="s">
        <v>47</v>
      </c>
      <c r="L996" s="1" t="s">
        <v>3708</v>
      </c>
      <c r="M996" s="1" t="s">
        <v>5</v>
      </c>
      <c r="N996" s="1" t="s">
        <v>25</v>
      </c>
      <c r="O996" s="1" t="s">
        <v>38</v>
      </c>
      <c r="P996" s="5" t="s">
        <v>29935</v>
      </c>
    </row>
    <row r="997" spans="1:16" x14ac:dyDescent="0.2">
      <c r="A997" s="1" t="s">
        <v>20</v>
      </c>
      <c r="B997" s="1" t="s">
        <v>253</v>
      </c>
      <c r="C997" s="1" t="s">
        <v>3712</v>
      </c>
      <c r="D997" s="1" t="s">
        <v>3713</v>
      </c>
      <c r="E997" s="1"/>
      <c r="F997" s="1" t="s">
        <v>10</v>
      </c>
      <c r="G997" s="1" t="s">
        <v>10</v>
      </c>
      <c r="H997" s="1" t="s">
        <v>10</v>
      </c>
      <c r="I997" s="1" t="s">
        <v>2312</v>
      </c>
      <c r="J997" s="1" t="s">
        <v>2363</v>
      </c>
      <c r="K997" s="1" t="s">
        <v>64</v>
      </c>
      <c r="L997" s="1" t="s">
        <v>3711</v>
      </c>
      <c r="M997" s="1" t="s">
        <v>5</v>
      </c>
      <c r="N997" s="1" t="s">
        <v>25</v>
      </c>
      <c r="O997" s="1" t="s">
        <v>38</v>
      </c>
      <c r="P997" s="5" t="s">
        <v>32703</v>
      </c>
    </row>
    <row r="998" spans="1:16" x14ac:dyDescent="0.2">
      <c r="A998" s="1" t="s">
        <v>20</v>
      </c>
      <c r="B998" s="1" t="s">
        <v>93</v>
      </c>
      <c r="C998" s="1" t="s">
        <v>3715</v>
      </c>
      <c r="D998" s="1" t="s">
        <v>3716</v>
      </c>
      <c r="E998" s="1"/>
      <c r="F998" s="1" t="s">
        <v>10</v>
      </c>
      <c r="G998" s="1" t="s">
        <v>10</v>
      </c>
      <c r="H998" s="1" t="s">
        <v>10</v>
      </c>
      <c r="I998" s="1" t="s">
        <v>2312</v>
      </c>
      <c r="J998" s="1" t="s">
        <v>2316</v>
      </c>
      <c r="K998" s="1" t="s">
        <v>1468</v>
      </c>
      <c r="L998" s="1" t="s">
        <v>3714</v>
      </c>
      <c r="M998" s="1" t="s">
        <v>5</v>
      </c>
      <c r="N998" s="1" t="s">
        <v>960</v>
      </c>
      <c r="O998" s="1" t="s">
        <v>38</v>
      </c>
      <c r="P998" s="5" t="s">
        <v>31099</v>
      </c>
    </row>
    <row r="999" spans="1:16" x14ac:dyDescent="0.2">
      <c r="A999" s="1" t="s">
        <v>20</v>
      </c>
      <c r="B999" s="1" t="s">
        <v>99</v>
      </c>
      <c r="C999" s="1" t="s">
        <v>3718</v>
      </c>
      <c r="D999" s="1" t="s">
        <v>3719</v>
      </c>
      <c r="E999" s="1"/>
      <c r="F999" s="1" t="s">
        <v>10</v>
      </c>
      <c r="G999" s="1" t="s">
        <v>10</v>
      </c>
      <c r="H999" s="1" t="s">
        <v>10</v>
      </c>
      <c r="I999" s="1" t="s">
        <v>2312</v>
      </c>
      <c r="J999" s="1" t="s">
        <v>19</v>
      </c>
      <c r="K999" s="1" t="s">
        <v>1468</v>
      </c>
      <c r="L999" s="1" t="s">
        <v>3717</v>
      </c>
      <c r="M999" s="1" t="s">
        <v>5</v>
      </c>
      <c r="N999" s="1" t="s">
        <v>1009</v>
      </c>
      <c r="O999" s="1" t="s">
        <v>38</v>
      </c>
      <c r="P999" s="5" t="s">
        <v>31146</v>
      </c>
    </row>
    <row r="1000" spans="1:16" x14ac:dyDescent="0.2">
      <c r="A1000" s="1" t="s">
        <v>10</v>
      </c>
      <c r="B1000" s="1" t="s">
        <v>10</v>
      </c>
      <c r="C1000" s="1" t="s">
        <v>3721</v>
      </c>
      <c r="D1000" s="1" t="s">
        <v>3722</v>
      </c>
      <c r="E1000" s="1"/>
      <c r="F1000" s="1" t="s">
        <v>10</v>
      </c>
      <c r="G1000" s="1" t="s">
        <v>10</v>
      </c>
      <c r="H1000" s="1" t="s">
        <v>10</v>
      </c>
      <c r="I1000" s="1" t="s">
        <v>2312</v>
      </c>
      <c r="J1000" s="1" t="s">
        <v>2316</v>
      </c>
      <c r="K1000" s="1" t="s">
        <v>27</v>
      </c>
      <c r="L1000" s="1" t="s">
        <v>3720</v>
      </c>
      <c r="M1000" s="1" t="s">
        <v>5</v>
      </c>
      <c r="N1000" s="1" t="s">
        <v>1009</v>
      </c>
      <c r="O1000" s="1" t="s">
        <v>38</v>
      </c>
      <c r="P1000" s="5" t="s">
        <v>31147</v>
      </c>
    </row>
    <row r="1001" spans="1:16" x14ac:dyDescent="0.2">
      <c r="A1001" s="1" t="s">
        <v>10</v>
      </c>
      <c r="B1001" s="1" t="s">
        <v>10</v>
      </c>
      <c r="C1001" s="1" t="s">
        <v>3724</v>
      </c>
      <c r="D1001" s="1" t="s">
        <v>3724</v>
      </c>
      <c r="E1001" s="1"/>
      <c r="F1001" s="1" t="s">
        <v>10</v>
      </c>
      <c r="G1001" s="1" t="s">
        <v>10</v>
      </c>
      <c r="H1001" s="1" t="s">
        <v>10</v>
      </c>
      <c r="I1001" s="1" t="s">
        <v>2312</v>
      </c>
      <c r="J1001" s="1" t="s">
        <v>2316</v>
      </c>
      <c r="K1001" s="1" t="s">
        <v>27</v>
      </c>
      <c r="L1001" s="1" t="s">
        <v>3723</v>
      </c>
      <c r="M1001" s="1" t="s">
        <v>5</v>
      </c>
      <c r="N1001" s="1" t="s">
        <v>1009</v>
      </c>
      <c r="O1001" s="1" t="s">
        <v>38</v>
      </c>
      <c r="P1001" s="5" t="s">
        <v>31090</v>
      </c>
    </row>
    <row r="1002" spans="1:16" x14ac:dyDescent="0.2">
      <c r="A1002" s="1" t="s">
        <v>66</v>
      </c>
      <c r="B1002" s="1" t="s">
        <v>212</v>
      </c>
      <c r="C1002" s="1" t="s">
        <v>3726</v>
      </c>
      <c r="D1002" s="1" t="s">
        <v>3727</v>
      </c>
      <c r="E1002" s="1"/>
      <c r="F1002" s="1" t="s">
        <v>10</v>
      </c>
      <c r="G1002" s="1" t="s">
        <v>10</v>
      </c>
      <c r="H1002" s="1" t="s">
        <v>10</v>
      </c>
      <c r="I1002" s="1" t="s">
        <v>2312</v>
      </c>
      <c r="J1002" s="1" t="s">
        <v>2316</v>
      </c>
      <c r="K1002" s="1" t="s">
        <v>27</v>
      </c>
      <c r="L1002" s="1" t="s">
        <v>3725</v>
      </c>
      <c r="M1002" s="1" t="s">
        <v>5</v>
      </c>
      <c r="N1002" s="1" t="s">
        <v>960</v>
      </c>
      <c r="O1002" s="1" t="s">
        <v>38</v>
      </c>
      <c r="P1002" s="5"/>
    </row>
    <row r="1003" spans="1:16" x14ac:dyDescent="0.2">
      <c r="A1003" s="1" t="s">
        <v>66</v>
      </c>
      <c r="B1003" s="1" t="s">
        <v>574</v>
      </c>
      <c r="C1003" s="1" t="s">
        <v>3729</v>
      </c>
      <c r="D1003" s="1" t="s">
        <v>3730</v>
      </c>
      <c r="E1003" s="1"/>
      <c r="F1003" s="1" t="s">
        <v>10</v>
      </c>
      <c r="G1003" s="1" t="s">
        <v>10</v>
      </c>
      <c r="H1003" s="1" t="s">
        <v>10</v>
      </c>
      <c r="I1003" s="1" t="s">
        <v>2312</v>
      </c>
      <c r="J1003" s="1" t="s">
        <v>2316</v>
      </c>
      <c r="K1003" s="1" t="s">
        <v>27</v>
      </c>
      <c r="L1003" s="1" t="s">
        <v>3728</v>
      </c>
      <c r="M1003" s="1" t="s">
        <v>5</v>
      </c>
      <c r="N1003" s="1" t="s">
        <v>1009</v>
      </c>
      <c r="O1003" s="1" t="s">
        <v>38</v>
      </c>
      <c r="P1003" s="5" t="s">
        <v>31148</v>
      </c>
    </row>
    <row r="1004" spans="1:16" x14ac:dyDescent="0.2">
      <c r="A1004" s="1" t="s">
        <v>66</v>
      </c>
      <c r="B1004" s="1" t="s">
        <v>574</v>
      </c>
      <c r="C1004" s="1" t="s">
        <v>3732</v>
      </c>
      <c r="D1004" s="1" t="s">
        <v>3733</v>
      </c>
      <c r="E1004" s="1"/>
      <c r="F1004" s="1" t="s">
        <v>27</v>
      </c>
      <c r="G1004" s="1" t="s">
        <v>10</v>
      </c>
      <c r="H1004" s="1" t="s">
        <v>3734</v>
      </c>
      <c r="I1004" s="1" t="s">
        <v>2312</v>
      </c>
      <c r="J1004" s="1" t="s">
        <v>2316</v>
      </c>
      <c r="K1004" s="1" t="s">
        <v>27</v>
      </c>
      <c r="L1004" s="1" t="s">
        <v>3731</v>
      </c>
      <c r="M1004" s="1" t="s">
        <v>5</v>
      </c>
      <c r="N1004" s="1" t="s">
        <v>1009</v>
      </c>
      <c r="O1004" s="1" t="s">
        <v>8</v>
      </c>
      <c r="P1004" s="5" t="s">
        <v>31149</v>
      </c>
    </row>
    <row r="1005" spans="1:16" x14ac:dyDescent="0.2">
      <c r="A1005" s="1" t="s">
        <v>66</v>
      </c>
      <c r="B1005" s="1" t="s">
        <v>574</v>
      </c>
      <c r="C1005" s="1" t="s">
        <v>3736</v>
      </c>
      <c r="D1005" s="1" t="s">
        <v>3737</v>
      </c>
      <c r="E1005" s="1"/>
      <c r="F1005" s="1" t="s">
        <v>27</v>
      </c>
      <c r="G1005" s="1" t="s">
        <v>10</v>
      </c>
      <c r="H1005" s="1" t="s">
        <v>2527</v>
      </c>
      <c r="I1005" s="1" t="s">
        <v>2312</v>
      </c>
      <c r="J1005" s="1" t="s">
        <v>2316</v>
      </c>
      <c r="K1005" s="1" t="s">
        <v>27</v>
      </c>
      <c r="L1005" s="1" t="s">
        <v>3735</v>
      </c>
      <c r="M1005" s="1" t="s">
        <v>5</v>
      </c>
      <c r="N1005" s="1" t="s">
        <v>1009</v>
      </c>
      <c r="O1005" s="1" t="s">
        <v>8</v>
      </c>
      <c r="P1005" s="5" t="s">
        <v>31097</v>
      </c>
    </row>
    <row r="1006" spans="1:16" x14ac:dyDescent="0.2">
      <c r="A1006" s="1" t="s">
        <v>20</v>
      </c>
      <c r="B1006" s="1" t="s">
        <v>93</v>
      </c>
      <c r="C1006" s="1" t="s">
        <v>3739</v>
      </c>
      <c r="D1006" s="1" t="s">
        <v>3739</v>
      </c>
      <c r="E1006" s="1"/>
      <c r="F1006" s="1" t="s">
        <v>27</v>
      </c>
      <c r="G1006" s="1" t="s">
        <v>10</v>
      </c>
      <c r="H1006" s="1" t="s">
        <v>3740</v>
      </c>
      <c r="I1006" s="1" t="s">
        <v>2312</v>
      </c>
      <c r="J1006" s="1" t="s">
        <v>19</v>
      </c>
      <c r="K1006" s="1" t="s">
        <v>443</v>
      </c>
      <c r="L1006" s="1" t="s">
        <v>3738</v>
      </c>
      <c r="M1006" s="1" t="s">
        <v>5</v>
      </c>
      <c r="N1006" s="1" t="s">
        <v>1009</v>
      </c>
      <c r="O1006" s="1" t="s">
        <v>8</v>
      </c>
      <c r="P1006" s="5" t="s">
        <v>32726</v>
      </c>
    </row>
    <row r="1007" spans="1:16" x14ac:dyDescent="0.2">
      <c r="A1007" s="1" t="s">
        <v>1385</v>
      </c>
      <c r="B1007" s="1" t="s">
        <v>1670</v>
      </c>
      <c r="C1007" s="1" t="s">
        <v>3742</v>
      </c>
      <c r="D1007" s="1" t="s">
        <v>3743</v>
      </c>
      <c r="E1007" s="1" t="s">
        <v>3744</v>
      </c>
      <c r="F1007" s="1" t="s">
        <v>10</v>
      </c>
      <c r="G1007" s="1" t="s">
        <v>10</v>
      </c>
      <c r="H1007" s="1" t="s">
        <v>10</v>
      </c>
      <c r="I1007" s="1" t="s">
        <v>2312</v>
      </c>
      <c r="J1007" s="1" t="s">
        <v>2348</v>
      </c>
      <c r="K1007" s="1" t="s">
        <v>27</v>
      </c>
      <c r="L1007" s="1" t="s">
        <v>3741</v>
      </c>
      <c r="M1007" s="1" t="s">
        <v>5</v>
      </c>
      <c r="N1007" s="1" t="s">
        <v>960</v>
      </c>
      <c r="O1007" s="1" t="s">
        <v>38</v>
      </c>
      <c r="P1007" s="5" t="s">
        <v>31099</v>
      </c>
    </row>
    <row r="1008" spans="1:16" x14ac:dyDescent="0.2">
      <c r="A1008" s="1" t="s">
        <v>10</v>
      </c>
      <c r="B1008" s="1" t="s">
        <v>10</v>
      </c>
      <c r="C1008" s="1" t="s">
        <v>3746</v>
      </c>
      <c r="D1008" s="1" t="s">
        <v>3747</v>
      </c>
      <c r="E1008" s="1" t="s">
        <v>3749</v>
      </c>
      <c r="F1008" s="1" t="s">
        <v>10</v>
      </c>
      <c r="G1008" s="1" t="s">
        <v>10</v>
      </c>
      <c r="H1008" s="1" t="s">
        <v>10</v>
      </c>
      <c r="I1008" s="1" t="s">
        <v>2312</v>
      </c>
      <c r="J1008" s="1" t="s">
        <v>2438</v>
      </c>
      <c r="K1008" s="1" t="s">
        <v>3748</v>
      </c>
      <c r="L1008" s="1" t="s">
        <v>3745</v>
      </c>
      <c r="M1008" s="1" t="s">
        <v>5</v>
      </c>
      <c r="N1008" s="1" t="s">
        <v>960</v>
      </c>
      <c r="O1008" s="1" t="s">
        <v>38</v>
      </c>
      <c r="P1008" s="5" t="s">
        <v>31099</v>
      </c>
    </row>
    <row r="1009" spans="1:16" x14ac:dyDescent="0.2">
      <c r="A1009" s="1" t="s">
        <v>10</v>
      </c>
      <c r="B1009" s="1" t="s">
        <v>10</v>
      </c>
      <c r="C1009" s="1" t="s">
        <v>3751</v>
      </c>
      <c r="D1009" s="1" t="s">
        <v>3751</v>
      </c>
      <c r="E1009" s="1"/>
      <c r="F1009" s="1" t="s">
        <v>10</v>
      </c>
      <c r="G1009" s="1" t="s">
        <v>10</v>
      </c>
      <c r="H1009" s="1" t="s">
        <v>10</v>
      </c>
      <c r="I1009" s="1" t="s">
        <v>2312</v>
      </c>
      <c r="J1009" s="1" t="s">
        <v>2316</v>
      </c>
      <c r="K1009" s="1" t="s">
        <v>7</v>
      </c>
      <c r="L1009" s="1" t="s">
        <v>3750</v>
      </c>
      <c r="M1009" s="1" t="s">
        <v>5</v>
      </c>
      <c r="N1009" s="1" t="s">
        <v>960</v>
      </c>
      <c r="O1009" s="1" t="s">
        <v>38</v>
      </c>
      <c r="P1009" s="5" t="s">
        <v>31150</v>
      </c>
    </row>
    <row r="1010" spans="1:16" x14ac:dyDescent="0.2">
      <c r="A1010" s="1" t="s">
        <v>20</v>
      </c>
      <c r="B1010" s="1" t="s">
        <v>93</v>
      </c>
      <c r="C1010" s="1" t="s">
        <v>3753</v>
      </c>
      <c r="D1010" s="1" t="s">
        <v>3754</v>
      </c>
      <c r="E1010" s="1"/>
      <c r="F1010" s="1" t="s">
        <v>10</v>
      </c>
      <c r="G1010" s="1" t="s">
        <v>10</v>
      </c>
      <c r="H1010" s="1" t="s">
        <v>10</v>
      </c>
      <c r="I1010" s="1" t="s">
        <v>2312</v>
      </c>
      <c r="J1010" s="1" t="s">
        <v>2348</v>
      </c>
      <c r="K1010" s="1" t="s">
        <v>64</v>
      </c>
      <c r="L1010" s="1" t="s">
        <v>3752</v>
      </c>
      <c r="M1010" s="1" t="s">
        <v>5</v>
      </c>
      <c r="N1010" s="1" t="s">
        <v>25</v>
      </c>
      <c r="O1010" s="1" t="s">
        <v>38</v>
      </c>
      <c r="P1010" s="5" t="s">
        <v>29936</v>
      </c>
    </row>
    <row r="1011" spans="1:16" x14ac:dyDescent="0.2">
      <c r="A1011" s="1" t="s">
        <v>10</v>
      </c>
      <c r="B1011" s="1" t="s">
        <v>10</v>
      </c>
      <c r="C1011" s="1" t="s">
        <v>762</v>
      </c>
      <c r="D1011" s="1" t="s">
        <v>762</v>
      </c>
      <c r="E1011" s="1" t="s">
        <v>3756</v>
      </c>
      <c r="F1011" s="1" t="s">
        <v>27</v>
      </c>
      <c r="G1011" s="1" t="s">
        <v>10</v>
      </c>
      <c r="H1011" s="1" t="s">
        <v>762</v>
      </c>
      <c r="I1011" s="1" t="s">
        <v>2312</v>
      </c>
      <c r="J1011" s="1" t="s">
        <v>19</v>
      </c>
      <c r="K1011" s="1" t="s">
        <v>7</v>
      </c>
      <c r="L1011" s="1" t="s">
        <v>3755</v>
      </c>
      <c r="M1011" s="1" t="s">
        <v>5</v>
      </c>
      <c r="N1011" s="1" t="s">
        <v>1009</v>
      </c>
      <c r="O1011" s="1" t="s">
        <v>8</v>
      </c>
      <c r="P1011" s="5" t="s">
        <v>31151</v>
      </c>
    </row>
    <row r="1012" spans="1:16" x14ac:dyDescent="0.2">
      <c r="A1012" s="1" t="s">
        <v>10</v>
      </c>
      <c r="B1012" s="1" t="s">
        <v>10</v>
      </c>
      <c r="C1012" s="1" t="s">
        <v>3758</v>
      </c>
      <c r="D1012" s="1" t="s">
        <v>3759</v>
      </c>
      <c r="E1012" s="1"/>
      <c r="F1012" s="1" t="s">
        <v>10</v>
      </c>
      <c r="G1012" s="1" t="s">
        <v>10</v>
      </c>
      <c r="H1012" s="1" t="s">
        <v>10</v>
      </c>
      <c r="I1012" s="1" t="s">
        <v>2312</v>
      </c>
      <c r="J1012" s="1" t="s">
        <v>2363</v>
      </c>
      <c r="K1012" s="1" t="s">
        <v>64</v>
      </c>
      <c r="L1012" s="1" t="s">
        <v>3757</v>
      </c>
      <c r="M1012" s="1" t="s">
        <v>5</v>
      </c>
      <c r="N1012" s="1" t="s">
        <v>1009</v>
      </c>
      <c r="O1012" s="1" t="s">
        <v>38</v>
      </c>
      <c r="P1012" s="5" t="s">
        <v>14</v>
      </c>
    </row>
    <row r="1013" spans="1:16" x14ac:dyDescent="0.2">
      <c r="A1013" s="1" t="s">
        <v>10</v>
      </c>
      <c r="B1013" s="1" t="s">
        <v>10</v>
      </c>
      <c r="C1013" s="1" t="s">
        <v>3761</v>
      </c>
      <c r="D1013" s="1" t="s">
        <v>3762</v>
      </c>
      <c r="E1013" s="1" t="s">
        <v>3763</v>
      </c>
      <c r="F1013" s="1" t="s">
        <v>10</v>
      </c>
      <c r="G1013" s="1" t="s">
        <v>10</v>
      </c>
      <c r="H1013" s="1" t="s">
        <v>10</v>
      </c>
      <c r="I1013" s="1" t="s">
        <v>2312</v>
      </c>
      <c r="J1013" s="1" t="s">
        <v>2348</v>
      </c>
      <c r="K1013" s="1" t="s">
        <v>27</v>
      </c>
      <c r="L1013" s="1" t="s">
        <v>3760</v>
      </c>
      <c r="M1013" s="1" t="s">
        <v>5</v>
      </c>
      <c r="N1013" s="1" t="s">
        <v>25</v>
      </c>
      <c r="O1013" s="1" t="s">
        <v>38</v>
      </c>
      <c r="P1013" s="5" t="s">
        <v>32705</v>
      </c>
    </row>
    <row r="1014" spans="1:16" x14ac:dyDescent="0.2">
      <c r="A1014" s="1" t="s">
        <v>10</v>
      </c>
      <c r="B1014" s="1" t="s">
        <v>10</v>
      </c>
      <c r="C1014" s="1" t="s">
        <v>3765</v>
      </c>
      <c r="D1014" s="1" t="s">
        <v>3766</v>
      </c>
      <c r="E1014" s="1"/>
      <c r="F1014" s="1" t="s">
        <v>10</v>
      </c>
      <c r="G1014" s="1" t="s">
        <v>10</v>
      </c>
      <c r="H1014" s="1" t="s">
        <v>10</v>
      </c>
      <c r="I1014" s="1" t="s">
        <v>2312</v>
      </c>
      <c r="J1014" s="1" t="s">
        <v>2316</v>
      </c>
      <c r="K1014" s="1" t="s">
        <v>244</v>
      </c>
      <c r="L1014" s="1" t="s">
        <v>3764</v>
      </c>
      <c r="M1014" s="1" t="s">
        <v>5</v>
      </c>
      <c r="N1014" s="1" t="s">
        <v>960</v>
      </c>
      <c r="O1014" s="1" t="s">
        <v>38</v>
      </c>
      <c r="P1014" s="5" t="s">
        <v>31081</v>
      </c>
    </row>
    <row r="1015" spans="1:16" x14ac:dyDescent="0.2">
      <c r="A1015" s="1" t="s">
        <v>10</v>
      </c>
      <c r="B1015" s="1" t="s">
        <v>10</v>
      </c>
      <c r="C1015" s="1" t="s">
        <v>3768</v>
      </c>
      <c r="D1015" s="1" t="s">
        <v>3769</v>
      </c>
      <c r="E1015" s="1" t="s">
        <v>3770</v>
      </c>
      <c r="F1015" s="1" t="s">
        <v>10</v>
      </c>
      <c r="G1015" s="1" t="s">
        <v>10</v>
      </c>
      <c r="H1015" s="1" t="s">
        <v>10</v>
      </c>
      <c r="I1015" s="1" t="s">
        <v>2312</v>
      </c>
      <c r="J1015" s="1" t="s">
        <v>19</v>
      </c>
      <c r="K1015" s="1" t="s">
        <v>64</v>
      </c>
      <c r="L1015" s="1" t="s">
        <v>3767</v>
      </c>
      <c r="M1015" s="1" t="s">
        <v>5</v>
      </c>
      <c r="N1015" s="1" t="s">
        <v>25</v>
      </c>
      <c r="O1015" s="1" t="s">
        <v>38</v>
      </c>
      <c r="P1015" s="5" t="s">
        <v>29937</v>
      </c>
    </row>
    <row r="1016" spans="1:16" x14ac:dyDescent="0.2">
      <c r="A1016" s="1" t="s">
        <v>10</v>
      </c>
      <c r="B1016" s="1" t="s">
        <v>10</v>
      </c>
      <c r="C1016" s="1" t="s">
        <v>3772</v>
      </c>
      <c r="D1016" s="1" t="s">
        <v>3773</v>
      </c>
      <c r="E1016" s="1" t="s">
        <v>3774</v>
      </c>
      <c r="F1016" s="1" t="s">
        <v>10</v>
      </c>
      <c r="G1016" s="1" t="s">
        <v>10</v>
      </c>
      <c r="H1016" s="1" t="s">
        <v>10</v>
      </c>
      <c r="I1016" s="1" t="s">
        <v>2312</v>
      </c>
      <c r="J1016" s="1" t="s">
        <v>2348</v>
      </c>
      <c r="K1016" s="1" t="s">
        <v>64</v>
      </c>
      <c r="L1016" s="1" t="s">
        <v>3771</v>
      </c>
      <c r="M1016" s="1" t="s">
        <v>5</v>
      </c>
      <c r="N1016" s="1" t="s">
        <v>25</v>
      </c>
      <c r="O1016" s="1" t="s">
        <v>38</v>
      </c>
      <c r="P1016" s="5" t="s">
        <v>32708</v>
      </c>
    </row>
    <row r="1017" spans="1:16" x14ac:dyDescent="0.2">
      <c r="A1017" s="1" t="s">
        <v>10</v>
      </c>
      <c r="B1017" s="1" t="s">
        <v>10</v>
      </c>
      <c r="C1017" s="1" t="s">
        <v>3776</v>
      </c>
      <c r="D1017" s="1" t="s">
        <v>3776</v>
      </c>
      <c r="E1017" s="1" t="s">
        <v>3777</v>
      </c>
      <c r="F1017" s="1" t="s">
        <v>10</v>
      </c>
      <c r="G1017" s="1" t="s">
        <v>10</v>
      </c>
      <c r="H1017" s="1" t="s">
        <v>10</v>
      </c>
      <c r="I1017" s="1" t="s">
        <v>2312</v>
      </c>
      <c r="J1017" s="1" t="s">
        <v>2348</v>
      </c>
      <c r="K1017" s="1" t="s">
        <v>100</v>
      </c>
      <c r="L1017" s="1" t="s">
        <v>3775</v>
      </c>
      <c r="M1017" s="1" t="s">
        <v>5</v>
      </c>
      <c r="N1017" s="1" t="s">
        <v>1009</v>
      </c>
      <c r="O1017" s="1" t="s">
        <v>38</v>
      </c>
      <c r="P1017" s="5" t="s">
        <v>30398</v>
      </c>
    </row>
    <row r="1018" spans="1:16" x14ac:dyDescent="0.2">
      <c r="A1018" s="1" t="s">
        <v>10</v>
      </c>
      <c r="B1018" s="1" t="s">
        <v>10</v>
      </c>
      <c r="C1018" s="1" t="s">
        <v>3779</v>
      </c>
      <c r="D1018" s="1" t="s">
        <v>3779</v>
      </c>
      <c r="E1018" s="1" t="s">
        <v>3780</v>
      </c>
      <c r="F1018" s="1" t="s">
        <v>10</v>
      </c>
      <c r="G1018" s="1" t="s">
        <v>10</v>
      </c>
      <c r="H1018" s="1" t="s">
        <v>10</v>
      </c>
      <c r="I1018" s="1" t="s">
        <v>2312</v>
      </c>
      <c r="J1018" s="1" t="s">
        <v>2348</v>
      </c>
      <c r="K1018" s="1" t="s">
        <v>47</v>
      </c>
      <c r="L1018" s="1" t="s">
        <v>3778</v>
      </c>
      <c r="M1018" s="1" t="s">
        <v>5</v>
      </c>
      <c r="N1018" s="1" t="s">
        <v>1009</v>
      </c>
      <c r="O1018" s="1" t="s">
        <v>38</v>
      </c>
      <c r="P1018" s="5" t="s">
        <v>32727</v>
      </c>
    </row>
    <row r="1019" spans="1:16" x14ac:dyDescent="0.2">
      <c r="A1019" s="1" t="s">
        <v>10</v>
      </c>
      <c r="B1019" s="1" t="s">
        <v>10</v>
      </c>
      <c r="C1019" s="1" t="s">
        <v>3782</v>
      </c>
      <c r="D1019" s="1" t="s">
        <v>3783</v>
      </c>
      <c r="E1019" s="1"/>
      <c r="F1019" s="1" t="s">
        <v>10</v>
      </c>
      <c r="G1019" s="1" t="s">
        <v>10</v>
      </c>
      <c r="H1019" s="1" t="s">
        <v>10</v>
      </c>
      <c r="I1019" s="1" t="s">
        <v>2312</v>
      </c>
      <c r="J1019" s="1" t="s">
        <v>2316</v>
      </c>
      <c r="K1019" s="1" t="s">
        <v>27</v>
      </c>
      <c r="L1019" s="1" t="s">
        <v>3781</v>
      </c>
      <c r="M1019" s="1" t="s">
        <v>5</v>
      </c>
      <c r="N1019" s="1" t="s">
        <v>25</v>
      </c>
      <c r="O1019" s="1" t="s">
        <v>38</v>
      </c>
      <c r="P1019" s="5" t="s">
        <v>31152</v>
      </c>
    </row>
    <row r="1020" spans="1:16" x14ac:dyDescent="0.2">
      <c r="A1020" s="1" t="s">
        <v>10</v>
      </c>
      <c r="B1020" s="1" t="s">
        <v>10</v>
      </c>
      <c r="C1020" s="1" t="s">
        <v>3785</v>
      </c>
      <c r="D1020" s="1" t="s">
        <v>3786</v>
      </c>
      <c r="E1020" s="1"/>
      <c r="F1020" s="1" t="s">
        <v>10</v>
      </c>
      <c r="G1020" s="1" t="s">
        <v>10</v>
      </c>
      <c r="H1020" s="1" t="s">
        <v>10</v>
      </c>
      <c r="I1020" s="1" t="s">
        <v>2312</v>
      </c>
      <c r="J1020" s="1" t="s">
        <v>2316</v>
      </c>
      <c r="K1020" s="1" t="s">
        <v>27</v>
      </c>
      <c r="L1020" s="1" t="s">
        <v>3784</v>
      </c>
      <c r="M1020" s="1" t="s">
        <v>5</v>
      </c>
      <c r="N1020" s="1" t="s">
        <v>25</v>
      </c>
      <c r="O1020" s="1" t="s">
        <v>38</v>
      </c>
      <c r="P1020" s="5" t="s">
        <v>31096</v>
      </c>
    </row>
    <row r="1021" spans="1:16" x14ac:dyDescent="0.2">
      <c r="A1021" s="1" t="s">
        <v>10</v>
      </c>
      <c r="B1021" s="1" t="s">
        <v>10</v>
      </c>
      <c r="C1021" s="1" t="s">
        <v>3788</v>
      </c>
      <c r="D1021" s="1" t="s">
        <v>3789</v>
      </c>
      <c r="E1021" s="1"/>
      <c r="F1021" s="1" t="s">
        <v>10</v>
      </c>
      <c r="G1021" s="1" t="s">
        <v>10</v>
      </c>
      <c r="H1021" s="1" t="s">
        <v>10</v>
      </c>
      <c r="I1021" s="1" t="s">
        <v>2312</v>
      </c>
      <c r="J1021" s="1" t="s">
        <v>2316</v>
      </c>
      <c r="K1021" s="1" t="s">
        <v>64</v>
      </c>
      <c r="L1021" s="1" t="s">
        <v>3787</v>
      </c>
      <c r="M1021" s="1" t="s">
        <v>5</v>
      </c>
      <c r="N1021" s="1" t="s">
        <v>25</v>
      </c>
      <c r="O1021" s="1" t="s">
        <v>38</v>
      </c>
      <c r="P1021" s="5" t="s">
        <v>31116</v>
      </c>
    </row>
    <row r="1022" spans="1:16" x14ac:dyDescent="0.2">
      <c r="A1022" s="1" t="s">
        <v>10</v>
      </c>
      <c r="B1022" s="1" t="s">
        <v>10</v>
      </c>
      <c r="C1022" s="1" t="s">
        <v>3791</v>
      </c>
      <c r="D1022" s="1" t="s">
        <v>3792</v>
      </c>
      <c r="E1022" s="1"/>
      <c r="F1022" s="1" t="s">
        <v>10</v>
      </c>
      <c r="G1022" s="1" t="s">
        <v>10</v>
      </c>
      <c r="H1022" s="1" t="s">
        <v>10</v>
      </c>
      <c r="I1022" s="1" t="s">
        <v>2312</v>
      </c>
      <c r="J1022" s="1" t="s">
        <v>2586</v>
      </c>
      <c r="K1022" s="1" t="s">
        <v>27</v>
      </c>
      <c r="L1022" s="1" t="s">
        <v>3790</v>
      </c>
      <c r="M1022" s="1" t="s">
        <v>5</v>
      </c>
      <c r="N1022" s="1" t="s">
        <v>25</v>
      </c>
      <c r="O1022" s="1" t="s">
        <v>38</v>
      </c>
      <c r="P1022" s="5" t="s">
        <v>31153</v>
      </c>
    </row>
    <row r="1023" spans="1:16" x14ac:dyDescent="0.2">
      <c r="A1023" s="1" t="s">
        <v>10</v>
      </c>
      <c r="B1023" s="1" t="s">
        <v>10</v>
      </c>
      <c r="C1023" s="1" t="s">
        <v>3794</v>
      </c>
      <c r="D1023" s="1" t="s">
        <v>3795</v>
      </c>
      <c r="E1023" s="1"/>
      <c r="F1023" s="1" t="s">
        <v>10</v>
      </c>
      <c r="G1023" s="1" t="s">
        <v>10</v>
      </c>
      <c r="H1023" s="1" t="s">
        <v>10</v>
      </c>
      <c r="I1023" s="1" t="s">
        <v>2312</v>
      </c>
      <c r="J1023" s="1" t="s">
        <v>19</v>
      </c>
      <c r="K1023" s="1" t="s">
        <v>64</v>
      </c>
      <c r="L1023" s="1" t="s">
        <v>3793</v>
      </c>
      <c r="M1023" s="1" t="s">
        <v>5</v>
      </c>
      <c r="N1023" s="1" t="s">
        <v>1009</v>
      </c>
      <c r="O1023" s="1" t="s">
        <v>38</v>
      </c>
      <c r="P1023" s="5" t="s">
        <v>31083</v>
      </c>
    </row>
    <row r="1024" spans="1:16" x14ac:dyDescent="0.2">
      <c r="A1024" s="1" t="s">
        <v>10</v>
      </c>
      <c r="B1024" s="1" t="s">
        <v>10</v>
      </c>
      <c r="C1024" s="1" t="s">
        <v>3797</v>
      </c>
      <c r="D1024" s="1" t="s">
        <v>3798</v>
      </c>
      <c r="E1024" s="1"/>
      <c r="F1024" s="1" t="s">
        <v>10</v>
      </c>
      <c r="G1024" s="1" t="s">
        <v>10</v>
      </c>
      <c r="H1024" s="1" t="s">
        <v>10</v>
      </c>
      <c r="I1024" s="1" t="s">
        <v>2312</v>
      </c>
      <c r="J1024" s="1" t="s">
        <v>2316</v>
      </c>
      <c r="K1024" s="1" t="s">
        <v>64</v>
      </c>
      <c r="L1024" s="1" t="s">
        <v>3796</v>
      </c>
      <c r="M1024" s="1" t="s">
        <v>5</v>
      </c>
      <c r="N1024" s="1" t="s">
        <v>1695</v>
      </c>
      <c r="O1024" s="1" t="s">
        <v>38</v>
      </c>
      <c r="P1024" s="5" t="s">
        <v>31154</v>
      </c>
    </row>
    <row r="1025" spans="1:16" x14ac:dyDescent="0.2">
      <c r="A1025" s="1" t="s">
        <v>10</v>
      </c>
      <c r="B1025" s="1" t="s">
        <v>10</v>
      </c>
      <c r="C1025" s="1" t="s">
        <v>3800</v>
      </c>
      <c r="D1025" s="1" t="s">
        <v>3801</v>
      </c>
      <c r="E1025" s="1"/>
      <c r="F1025" s="1" t="s">
        <v>10</v>
      </c>
      <c r="G1025" s="1" t="s">
        <v>10</v>
      </c>
      <c r="H1025" s="1" t="s">
        <v>10</v>
      </c>
      <c r="I1025" s="1" t="s">
        <v>2312</v>
      </c>
      <c r="J1025" s="1" t="s">
        <v>2363</v>
      </c>
      <c r="K1025" s="1" t="s">
        <v>64</v>
      </c>
      <c r="L1025" s="1" t="s">
        <v>3799</v>
      </c>
      <c r="M1025" s="1" t="s">
        <v>5</v>
      </c>
      <c r="N1025" s="1" t="s">
        <v>1009</v>
      </c>
      <c r="O1025" s="1" t="s">
        <v>38</v>
      </c>
      <c r="P1025" s="5" t="s">
        <v>31098</v>
      </c>
    </row>
    <row r="1026" spans="1:16" x14ac:dyDescent="0.2">
      <c r="A1026" s="1" t="s">
        <v>10</v>
      </c>
      <c r="B1026" s="1" t="s">
        <v>10</v>
      </c>
      <c r="C1026" s="1" t="s">
        <v>3803</v>
      </c>
      <c r="D1026" s="1" t="s">
        <v>3804</v>
      </c>
      <c r="E1026" s="1"/>
      <c r="F1026" s="1" t="s">
        <v>10</v>
      </c>
      <c r="G1026" s="1" t="s">
        <v>10</v>
      </c>
      <c r="H1026" s="1" t="s">
        <v>10</v>
      </c>
      <c r="I1026" s="1" t="s">
        <v>2312</v>
      </c>
      <c r="J1026" s="1" t="s">
        <v>2348</v>
      </c>
      <c r="K1026" s="1" t="s">
        <v>27</v>
      </c>
      <c r="L1026" s="1" t="s">
        <v>3802</v>
      </c>
      <c r="M1026" s="1" t="s">
        <v>5</v>
      </c>
      <c r="N1026" s="1" t="s">
        <v>25</v>
      </c>
      <c r="O1026" s="1" t="s">
        <v>38</v>
      </c>
      <c r="P1026" s="5" t="s">
        <v>32728</v>
      </c>
    </row>
    <row r="1027" spans="1:16" x14ac:dyDescent="0.2">
      <c r="A1027" s="1" t="s">
        <v>10</v>
      </c>
      <c r="B1027" s="1" t="s">
        <v>10</v>
      </c>
      <c r="C1027" s="1" t="s">
        <v>3806</v>
      </c>
      <c r="D1027" s="1" t="s">
        <v>3807</v>
      </c>
      <c r="E1027" s="1" t="s">
        <v>3808</v>
      </c>
      <c r="F1027" s="1" t="s">
        <v>10</v>
      </c>
      <c r="G1027" s="1" t="s">
        <v>10</v>
      </c>
      <c r="H1027" s="1" t="s">
        <v>10</v>
      </c>
      <c r="I1027" s="1" t="s">
        <v>2312</v>
      </c>
      <c r="J1027" s="1" t="s">
        <v>2348</v>
      </c>
      <c r="K1027" s="1" t="s">
        <v>64</v>
      </c>
      <c r="L1027" s="1" t="s">
        <v>3805</v>
      </c>
      <c r="M1027" s="1" t="s">
        <v>5</v>
      </c>
      <c r="N1027" s="1" t="s">
        <v>25</v>
      </c>
      <c r="O1027" s="1" t="s">
        <v>38</v>
      </c>
      <c r="P1027" s="5" t="s">
        <v>32708</v>
      </c>
    </row>
    <row r="1028" spans="1:16" x14ac:dyDescent="0.2">
      <c r="A1028" s="1" t="s">
        <v>10</v>
      </c>
      <c r="B1028" s="1" t="s">
        <v>10</v>
      </c>
      <c r="C1028" s="1" t="s">
        <v>3810</v>
      </c>
      <c r="D1028" s="1" t="s">
        <v>3811</v>
      </c>
      <c r="E1028" s="1"/>
      <c r="F1028" s="1" t="s">
        <v>10</v>
      </c>
      <c r="G1028" s="1" t="s">
        <v>10</v>
      </c>
      <c r="H1028" s="1" t="s">
        <v>10</v>
      </c>
      <c r="I1028" s="1" t="s">
        <v>2312</v>
      </c>
      <c r="J1028" s="1" t="s">
        <v>19</v>
      </c>
      <c r="K1028" s="1" t="s">
        <v>64</v>
      </c>
      <c r="L1028" s="1" t="s">
        <v>3809</v>
      </c>
      <c r="M1028" s="1" t="s">
        <v>5</v>
      </c>
      <c r="N1028" s="1" t="s">
        <v>1009</v>
      </c>
      <c r="O1028" s="1" t="s">
        <v>38</v>
      </c>
      <c r="P1028" s="5" t="s">
        <v>29938</v>
      </c>
    </row>
    <row r="1029" spans="1:16" x14ac:dyDescent="0.2">
      <c r="A1029" s="1" t="s">
        <v>10</v>
      </c>
      <c r="B1029" s="1" t="s">
        <v>10</v>
      </c>
      <c r="C1029" s="1" t="s">
        <v>3813</v>
      </c>
      <c r="D1029" s="1" t="s">
        <v>3814</v>
      </c>
      <c r="E1029" s="1" t="s">
        <v>3815</v>
      </c>
      <c r="F1029" s="1" t="s">
        <v>10</v>
      </c>
      <c r="G1029" s="1" t="s">
        <v>10</v>
      </c>
      <c r="H1029" s="1" t="s">
        <v>10</v>
      </c>
      <c r="I1029" s="1" t="s">
        <v>2312</v>
      </c>
      <c r="J1029" s="1" t="s">
        <v>2316</v>
      </c>
      <c r="K1029" s="1" t="s">
        <v>64</v>
      </c>
      <c r="L1029" s="1" t="s">
        <v>3812</v>
      </c>
      <c r="M1029" s="1" t="s">
        <v>5</v>
      </c>
      <c r="N1029" s="1" t="s">
        <v>25</v>
      </c>
      <c r="O1029" s="1" t="s">
        <v>38</v>
      </c>
      <c r="P1029" s="5" t="s">
        <v>32708</v>
      </c>
    </row>
    <row r="1030" spans="1:16" x14ac:dyDescent="0.2">
      <c r="A1030" s="1" t="s">
        <v>10</v>
      </c>
      <c r="B1030" s="1" t="s">
        <v>10</v>
      </c>
      <c r="C1030" s="1" t="s">
        <v>3817</v>
      </c>
      <c r="D1030" s="1" t="s">
        <v>3818</v>
      </c>
      <c r="E1030" s="1"/>
      <c r="F1030" s="1" t="s">
        <v>10</v>
      </c>
      <c r="G1030" s="1" t="s">
        <v>10</v>
      </c>
      <c r="H1030" s="1" t="s">
        <v>10</v>
      </c>
      <c r="I1030" s="1" t="s">
        <v>2312</v>
      </c>
      <c r="J1030" s="1" t="s">
        <v>2363</v>
      </c>
      <c r="K1030" s="1" t="s">
        <v>64</v>
      </c>
      <c r="L1030" s="1" t="s">
        <v>3816</v>
      </c>
      <c r="M1030" s="1" t="s">
        <v>5</v>
      </c>
      <c r="N1030" s="1" t="s">
        <v>1009</v>
      </c>
      <c r="O1030" s="1" t="s">
        <v>38</v>
      </c>
      <c r="P1030" s="5" t="s">
        <v>31155</v>
      </c>
    </row>
    <row r="1031" spans="1:16" x14ac:dyDescent="0.2">
      <c r="A1031" s="1" t="s">
        <v>20</v>
      </c>
      <c r="B1031" s="1" t="s">
        <v>101</v>
      </c>
      <c r="C1031" s="1" t="s">
        <v>3820</v>
      </c>
      <c r="D1031" s="1" t="s">
        <v>3821</v>
      </c>
      <c r="E1031" s="1"/>
      <c r="F1031" s="1" t="s">
        <v>10</v>
      </c>
      <c r="G1031" s="1" t="s">
        <v>10</v>
      </c>
      <c r="H1031" s="1" t="s">
        <v>10</v>
      </c>
      <c r="I1031" s="1" t="s">
        <v>2312</v>
      </c>
      <c r="J1031" s="1" t="s">
        <v>2316</v>
      </c>
      <c r="K1031" s="1" t="s">
        <v>64</v>
      </c>
      <c r="L1031" s="1" t="s">
        <v>3819</v>
      </c>
      <c r="M1031" s="1" t="s">
        <v>5</v>
      </c>
      <c r="N1031" s="1" t="s">
        <v>25</v>
      </c>
      <c r="O1031" s="1" t="s">
        <v>38</v>
      </c>
      <c r="P1031" s="5" t="s">
        <v>32708</v>
      </c>
    </row>
    <row r="1032" spans="1:16" x14ac:dyDescent="0.2">
      <c r="A1032" s="1" t="s">
        <v>10</v>
      </c>
      <c r="B1032" s="1" t="s">
        <v>10</v>
      </c>
      <c r="C1032" s="1" t="s">
        <v>3823</v>
      </c>
      <c r="D1032" s="1" t="s">
        <v>3824</v>
      </c>
      <c r="E1032" s="1"/>
      <c r="F1032" s="1" t="s">
        <v>10</v>
      </c>
      <c r="G1032" s="1" t="s">
        <v>10</v>
      </c>
      <c r="H1032" s="1" t="s">
        <v>10</v>
      </c>
      <c r="I1032" s="1" t="s">
        <v>2312</v>
      </c>
      <c r="J1032" s="1" t="s">
        <v>2316</v>
      </c>
      <c r="K1032" s="1" t="s">
        <v>64</v>
      </c>
      <c r="L1032" s="1" t="s">
        <v>3822</v>
      </c>
      <c r="M1032" s="1" t="s">
        <v>5</v>
      </c>
      <c r="N1032" s="1" t="s">
        <v>25</v>
      </c>
      <c r="O1032" s="1" t="s">
        <v>38</v>
      </c>
      <c r="P1032" s="5" t="s">
        <v>31116</v>
      </c>
    </row>
    <row r="1033" spans="1:16" x14ac:dyDescent="0.2">
      <c r="A1033" s="1" t="s">
        <v>10</v>
      </c>
      <c r="B1033" s="1" t="s">
        <v>10</v>
      </c>
      <c r="C1033" s="1" t="s">
        <v>3826</v>
      </c>
      <c r="D1033" s="1" t="s">
        <v>3827</v>
      </c>
      <c r="E1033" s="1" t="s">
        <v>3828</v>
      </c>
      <c r="F1033" s="1" t="s">
        <v>10</v>
      </c>
      <c r="G1033" s="1" t="s">
        <v>10</v>
      </c>
      <c r="H1033" s="1" t="s">
        <v>10</v>
      </c>
      <c r="I1033" s="1" t="s">
        <v>2312</v>
      </c>
      <c r="J1033" s="1" t="s">
        <v>19</v>
      </c>
      <c r="K1033" s="1" t="s">
        <v>7</v>
      </c>
      <c r="L1033" s="1" t="s">
        <v>3825</v>
      </c>
      <c r="M1033" s="1" t="s">
        <v>5</v>
      </c>
      <c r="N1033" s="1" t="s">
        <v>25</v>
      </c>
      <c r="O1033" s="1" t="s">
        <v>38</v>
      </c>
      <c r="P1033" s="5" t="s">
        <v>32723</v>
      </c>
    </row>
    <row r="1034" spans="1:16" x14ac:dyDescent="0.2">
      <c r="A1034" s="1" t="s">
        <v>10</v>
      </c>
      <c r="B1034" s="1" t="s">
        <v>10</v>
      </c>
      <c r="C1034" s="1" t="s">
        <v>3830</v>
      </c>
      <c r="D1034" s="1" t="s">
        <v>3831</v>
      </c>
      <c r="E1034" s="1"/>
      <c r="F1034" s="1" t="s">
        <v>27</v>
      </c>
      <c r="G1034" s="1" t="s">
        <v>10</v>
      </c>
      <c r="H1034" s="1" t="s">
        <v>3832</v>
      </c>
      <c r="I1034" s="1" t="s">
        <v>2312</v>
      </c>
      <c r="J1034" s="1" t="s">
        <v>2586</v>
      </c>
      <c r="K1034" s="1" t="s">
        <v>64</v>
      </c>
      <c r="L1034" s="1" t="s">
        <v>3829</v>
      </c>
      <c r="M1034" s="1" t="s">
        <v>5</v>
      </c>
      <c r="N1034" s="1" t="s">
        <v>1009</v>
      </c>
      <c r="O1034" s="1" t="s">
        <v>8</v>
      </c>
      <c r="P1034" s="5" t="s">
        <v>31098</v>
      </c>
    </row>
    <row r="1035" spans="1:16" x14ac:dyDescent="0.2">
      <c r="A1035" s="1" t="s">
        <v>10</v>
      </c>
      <c r="B1035" s="1" t="s">
        <v>10</v>
      </c>
      <c r="C1035" s="1" t="s">
        <v>3834</v>
      </c>
      <c r="D1035" s="1" t="s">
        <v>3835</v>
      </c>
      <c r="E1035" s="1"/>
      <c r="F1035" s="1" t="s">
        <v>10</v>
      </c>
      <c r="G1035" s="1" t="s">
        <v>10</v>
      </c>
      <c r="H1035" s="1" t="s">
        <v>10</v>
      </c>
      <c r="I1035" s="1" t="s">
        <v>2312</v>
      </c>
      <c r="J1035" s="1" t="s">
        <v>19</v>
      </c>
      <c r="K1035" s="1" t="s">
        <v>64</v>
      </c>
      <c r="L1035" s="1" t="s">
        <v>3833</v>
      </c>
      <c r="M1035" s="1" t="s">
        <v>5</v>
      </c>
      <c r="N1035" s="1" t="s">
        <v>1009</v>
      </c>
      <c r="O1035" s="1" t="s">
        <v>38</v>
      </c>
      <c r="P1035" s="5" t="s">
        <v>31098</v>
      </c>
    </row>
    <row r="1036" spans="1:16" x14ac:dyDescent="0.2">
      <c r="A1036" s="1" t="s">
        <v>10</v>
      </c>
      <c r="B1036" s="1" t="s">
        <v>10</v>
      </c>
      <c r="C1036" s="1" t="s">
        <v>3837</v>
      </c>
      <c r="D1036" s="1" t="s">
        <v>3838</v>
      </c>
      <c r="E1036" s="1"/>
      <c r="F1036" s="1" t="s">
        <v>10</v>
      </c>
      <c r="G1036" s="1" t="s">
        <v>10</v>
      </c>
      <c r="H1036" s="1" t="s">
        <v>10</v>
      </c>
      <c r="I1036" s="1" t="s">
        <v>2312</v>
      </c>
      <c r="J1036" s="1" t="s">
        <v>2438</v>
      </c>
      <c r="K1036" s="1" t="s">
        <v>64</v>
      </c>
      <c r="L1036" s="1" t="s">
        <v>3836</v>
      </c>
      <c r="M1036" s="1" t="s">
        <v>5</v>
      </c>
      <c r="N1036" s="1" t="s">
        <v>1009</v>
      </c>
      <c r="O1036" s="1" t="s">
        <v>38</v>
      </c>
      <c r="P1036" s="5" t="s">
        <v>31098</v>
      </c>
    </row>
    <row r="1037" spans="1:16" x14ac:dyDescent="0.2">
      <c r="A1037" s="1" t="s">
        <v>10</v>
      </c>
      <c r="B1037" s="1" t="s">
        <v>10</v>
      </c>
      <c r="C1037" s="1" t="s">
        <v>3840</v>
      </c>
      <c r="D1037" s="1" t="s">
        <v>3840</v>
      </c>
      <c r="E1037" s="1"/>
      <c r="F1037" s="1" t="s">
        <v>27</v>
      </c>
      <c r="G1037" s="1" t="s">
        <v>10</v>
      </c>
      <c r="H1037" s="1" t="s">
        <v>2331</v>
      </c>
      <c r="I1037" s="1" t="s">
        <v>2312</v>
      </c>
      <c r="J1037" s="1" t="s">
        <v>19</v>
      </c>
      <c r="K1037" s="1" t="s">
        <v>3841</v>
      </c>
      <c r="L1037" s="1" t="s">
        <v>3839</v>
      </c>
      <c r="M1037" s="1" t="s">
        <v>5</v>
      </c>
      <c r="N1037" s="1" t="s">
        <v>1009</v>
      </c>
      <c r="O1037" s="1" t="s">
        <v>8</v>
      </c>
      <c r="P1037" s="5" t="s">
        <v>29939</v>
      </c>
    </row>
    <row r="1038" spans="1:16" x14ac:dyDescent="0.2">
      <c r="A1038" s="1" t="s">
        <v>10</v>
      </c>
      <c r="B1038" s="1" t="s">
        <v>10</v>
      </c>
      <c r="C1038" s="1" t="s">
        <v>3843</v>
      </c>
      <c r="D1038" s="1" t="s">
        <v>3844</v>
      </c>
      <c r="E1038" s="1"/>
      <c r="F1038" s="1" t="s">
        <v>10</v>
      </c>
      <c r="G1038" s="1" t="s">
        <v>10</v>
      </c>
      <c r="H1038" s="1" t="s">
        <v>10</v>
      </c>
      <c r="I1038" s="1" t="s">
        <v>2312</v>
      </c>
      <c r="J1038" s="1" t="s">
        <v>2348</v>
      </c>
      <c r="K1038" s="1" t="s">
        <v>64</v>
      </c>
      <c r="L1038" s="1" t="s">
        <v>3842</v>
      </c>
      <c r="M1038" s="1" t="s">
        <v>5</v>
      </c>
      <c r="N1038" s="1" t="s">
        <v>25</v>
      </c>
      <c r="O1038" s="1" t="s">
        <v>38</v>
      </c>
      <c r="P1038" s="5" t="s">
        <v>31156</v>
      </c>
    </row>
    <row r="1039" spans="1:16" x14ac:dyDescent="0.2">
      <c r="A1039" s="1" t="s">
        <v>10</v>
      </c>
      <c r="B1039" s="1" t="s">
        <v>10</v>
      </c>
      <c r="C1039" s="1" t="s">
        <v>3846</v>
      </c>
      <c r="D1039" s="1" t="s">
        <v>3847</v>
      </c>
      <c r="E1039" s="1"/>
      <c r="F1039" s="1" t="s">
        <v>27</v>
      </c>
      <c r="G1039" s="1" t="s">
        <v>10</v>
      </c>
      <c r="H1039" s="1" t="s">
        <v>2819</v>
      </c>
      <c r="I1039" s="1" t="s">
        <v>2312</v>
      </c>
      <c r="J1039" s="1" t="s">
        <v>19</v>
      </c>
      <c r="K1039" s="1" t="s">
        <v>27</v>
      </c>
      <c r="L1039" s="1" t="s">
        <v>3845</v>
      </c>
      <c r="M1039" s="1" t="s">
        <v>5</v>
      </c>
      <c r="N1039" s="1" t="s">
        <v>1009</v>
      </c>
      <c r="O1039" s="1" t="s">
        <v>8</v>
      </c>
      <c r="P1039" s="5" t="s">
        <v>32721</v>
      </c>
    </row>
    <row r="1040" spans="1:16" x14ac:dyDescent="0.2">
      <c r="A1040" s="1" t="s">
        <v>329</v>
      </c>
      <c r="B1040" s="1" t="s">
        <v>1659</v>
      </c>
      <c r="C1040" s="1" t="s">
        <v>3850</v>
      </c>
      <c r="D1040" s="1" t="s">
        <v>3851</v>
      </c>
      <c r="E1040" s="1" t="s">
        <v>3853</v>
      </c>
      <c r="F1040" s="1" t="s">
        <v>1813</v>
      </c>
      <c r="G1040" s="1" t="s">
        <v>1042</v>
      </c>
      <c r="H1040" s="1" t="s">
        <v>3854</v>
      </c>
      <c r="I1040" s="1" t="s">
        <v>3848</v>
      </c>
      <c r="J1040" s="1" t="s">
        <v>3852</v>
      </c>
      <c r="K1040" s="1" t="s">
        <v>27</v>
      </c>
      <c r="L1040" s="1" t="s">
        <v>3849</v>
      </c>
      <c r="M1040" s="1" t="s">
        <v>5</v>
      </c>
      <c r="N1040" s="1" t="s">
        <v>25</v>
      </c>
      <c r="O1040" s="1" t="s">
        <v>8</v>
      </c>
      <c r="P1040" s="5" t="s">
        <v>29940</v>
      </c>
    </row>
    <row r="1041" spans="1:16" x14ac:dyDescent="0.2">
      <c r="A1041" s="1" t="s">
        <v>329</v>
      </c>
      <c r="B1041" s="1" t="s">
        <v>330</v>
      </c>
      <c r="C1041" s="1" t="s">
        <v>3856</v>
      </c>
      <c r="D1041" s="1" t="s">
        <v>3856</v>
      </c>
      <c r="E1041" s="1" t="s">
        <v>3858</v>
      </c>
      <c r="F1041" s="1" t="s">
        <v>27</v>
      </c>
      <c r="G1041" s="1" t="s">
        <v>1042</v>
      </c>
      <c r="H1041" s="1" t="s">
        <v>3859</v>
      </c>
      <c r="I1041" s="1" t="s">
        <v>3848</v>
      </c>
      <c r="J1041" s="1" t="s">
        <v>2123</v>
      </c>
      <c r="K1041" s="1" t="s">
        <v>3857</v>
      </c>
      <c r="L1041" s="1" t="s">
        <v>3855</v>
      </c>
      <c r="M1041" s="1" t="s">
        <v>5</v>
      </c>
      <c r="N1041" s="1" t="s">
        <v>25</v>
      </c>
      <c r="O1041" s="1" t="s">
        <v>8</v>
      </c>
      <c r="P1041" s="5" t="s">
        <v>31157</v>
      </c>
    </row>
    <row r="1042" spans="1:16" x14ac:dyDescent="0.2">
      <c r="A1042" s="1" t="s">
        <v>66</v>
      </c>
      <c r="B1042" s="1" t="s">
        <v>574</v>
      </c>
      <c r="C1042" s="1" t="s">
        <v>3861</v>
      </c>
      <c r="D1042" s="1" t="s">
        <v>3862</v>
      </c>
      <c r="E1042" s="1" t="s">
        <v>574</v>
      </c>
      <c r="F1042" s="1" t="s">
        <v>1813</v>
      </c>
      <c r="G1042" s="1" t="s">
        <v>1042</v>
      </c>
      <c r="H1042" s="1" t="s">
        <v>3864</v>
      </c>
      <c r="I1042" s="1" t="s">
        <v>3848</v>
      </c>
      <c r="J1042" s="1" t="s">
        <v>3863</v>
      </c>
      <c r="K1042" s="1" t="s">
        <v>10</v>
      </c>
      <c r="L1042" s="1" t="s">
        <v>3860</v>
      </c>
      <c r="M1042" s="1" t="s">
        <v>5</v>
      </c>
      <c r="N1042" s="1" t="s">
        <v>25</v>
      </c>
      <c r="O1042" s="1" t="s">
        <v>8</v>
      </c>
      <c r="P1042" s="5" t="s">
        <v>31079</v>
      </c>
    </row>
    <row r="1043" spans="1:16" x14ac:dyDescent="0.2">
      <c r="A1043" s="1" t="s">
        <v>329</v>
      </c>
      <c r="B1043" s="1" t="s">
        <v>1659</v>
      </c>
      <c r="C1043" s="1" t="s">
        <v>3866</v>
      </c>
      <c r="D1043" s="1" t="s">
        <v>3867</v>
      </c>
      <c r="E1043" s="1" t="s">
        <v>3869</v>
      </c>
      <c r="F1043" s="1" t="s">
        <v>10</v>
      </c>
      <c r="G1043" s="1" t="s">
        <v>10</v>
      </c>
      <c r="H1043" s="1" t="s">
        <v>10</v>
      </c>
      <c r="I1043" s="1" t="s">
        <v>3848</v>
      </c>
      <c r="J1043" s="1" t="s">
        <v>3868</v>
      </c>
      <c r="K1043" s="1" t="s">
        <v>10</v>
      </c>
      <c r="L1043" s="1" t="s">
        <v>3865</v>
      </c>
      <c r="M1043" s="1" t="s">
        <v>5</v>
      </c>
      <c r="N1043" s="1" t="s">
        <v>25</v>
      </c>
      <c r="O1043" s="1" t="s">
        <v>38</v>
      </c>
      <c r="P1043" s="5" t="s">
        <v>31158</v>
      </c>
    </row>
    <row r="1044" spans="1:16" x14ac:dyDescent="0.2">
      <c r="A1044" s="1" t="s">
        <v>42</v>
      </c>
      <c r="B1044" s="1" t="s">
        <v>966</v>
      </c>
      <c r="C1044" s="1" t="s">
        <v>3872</v>
      </c>
      <c r="D1044" s="1" t="s">
        <v>3873</v>
      </c>
      <c r="E1044" s="1" t="s">
        <v>3875</v>
      </c>
      <c r="F1044" s="1" t="s">
        <v>1813</v>
      </c>
      <c r="G1044" s="1" t="s">
        <v>1042</v>
      </c>
      <c r="H1044" s="1" t="s">
        <v>3876</v>
      </c>
      <c r="I1044" s="1" t="s">
        <v>3848</v>
      </c>
      <c r="J1044" s="1" t="s">
        <v>3874</v>
      </c>
      <c r="K1044" s="1" t="s">
        <v>10</v>
      </c>
      <c r="L1044" s="1" t="s">
        <v>3871</v>
      </c>
      <c r="M1044" s="1" t="s">
        <v>5</v>
      </c>
      <c r="N1044" s="1" t="s">
        <v>25</v>
      </c>
      <c r="O1044" s="1" t="s">
        <v>8</v>
      </c>
      <c r="P1044" s="5" t="s">
        <v>10</v>
      </c>
    </row>
    <row r="1045" spans="1:16" x14ac:dyDescent="0.2">
      <c r="A1045" s="1" t="s">
        <v>42</v>
      </c>
      <c r="B1045" s="1" t="s">
        <v>1377</v>
      </c>
      <c r="C1045" s="1" t="s">
        <v>3878</v>
      </c>
      <c r="D1045" s="1" t="s">
        <v>3879</v>
      </c>
      <c r="E1045" s="1" t="s">
        <v>3881</v>
      </c>
      <c r="F1045" s="1" t="s">
        <v>3880</v>
      </c>
      <c r="G1045" s="1" t="s">
        <v>1042</v>
      </c>
      <c r="H1045" s="1" t="s">
        <v>3878</v>
      </c>
      <c r="I1045" s="1" t="s">
        <v>3848</v>
      </c>
      <c r="J1045" s="1" t="s">
        <v>1260</v>
      </c>
      <c r="K1045" s="1" t="s">
        <v>10</v>
      </c>
      <c r="L1045" s="1" t="s">
        <v>3877</v>
      </c>
      <c r="M1045" s="1" t="s">
        <v>5</v>
      </c>
      <c r="N1045" s="1" t="s">
        <v>25</v>
      </c>
      <c r="O1045" s="1" t="s">
        <v>8</v>
      </c>
      <c r="P1045" s="5" t="s">
        <v>10</v>
      </c>
    </row>
    <row r="1046" spans="1:16" x14ac:dyDescent="0.2">
      <c r="A1046" s="1" t="s">
        <v>20</v>
      </c>
      <c r="B1046" s="1" t="s">
        <v>172</v>
      </c>
      <c r="C1046" s="1" t="s">
        <v>3883</v>
      </c>
      <c r="D1046" s="1" t="s">
        <v>3883</v>
      </c>
      <c r="E1046" s="1" t="s">
        <v>3885</v>
      </c>
      <c r="F1046" s="1" t="s">
        <v>10</v>
      </c>
      <c r="G1046" s="1" t="s">
        <v>3886</v>
      </c>
      <c r="H1046" s="1" t="s">
        <v>10</v>
      </c>
      <c r="I1046" s="1" t="s">
        <v>3848</v>
      </c>
      <c r="J1046" s="1" t="s">
        <v>3884</v>
      </c>
      <c r="K1046" s="1" t="s">
        <v>10</v>
      </c>
      <c r="L1046" s="1" t="s">
        <v>3882</v>
      </c>
      <c r="M1046" s="1" t="s">
        <v>5</v>
      </c>
      <c r="N1046" s="1" t="s">
        <v>25</v>
      </c>
      <c r="O1046" s="1" t="s">
        <v>8</v>
      </c>
      <c r="P1046" s="5" t="s">
        <v>10</v>
      </c>
    </row>
    <row r="1047" spans="1:16" x14ac:dyDescent="0.2">
      <c r="A1047" s="1" t="s">
        <v>10</v>
      </c>
      <c r="B1047" s="1" t="s">
        <v>376</v>
      </c>
      <c r="C1047" s="1" t="s">
        <v>3888</v>
      </c>
      <c r="D1047" s="1" t="s">
        <v>3888</v>
      </c>
      <c r="E1047" s="1" t="s">
        <v>3890</v>
      </c>
      <c r="F1047" s="1" t="s">
        <v>3888</v>
      </c>
      <c r="G1047" s="1" t="s">
        <v>1042</v>
      </c>
      <c r="H1047" s="1" t="s">
        <v>3888</v>
      </c>
      <c r="I1047" s="1" t="s">
        <v>3848</v>
      </c>
      <c r="J1047" s="1" t="s">
        <v>3889</v>
      </c>
      <c r="K1047" s="1" t="s">
        <v>130</v>
      </c>
      <c r="L1047" s="1" t="s">
        <v>3887</v>
      </c>
      <c r="M1047" s="1" t="s">
        <v>5</v>
      </c>
      <c r="N1047" s="1" t="s">
        <v>1597</v>
      </c>
      <c r="O1047" s="1" t="s">
        <v>8</v>
      </c>
      <c r="P1047" s="5" t="s">
        <v>10</v>
      </c>
    </row>
    <row r="1048" spans="1:16" x14ac:dyDescent="0.2">
      <c r="A1048" s="1" t="s">
        <v>32</v>
      </c>
      <c r="B1048" s="1" t="s">
        <v>3895</v>
      </c>
      <c r="C1048" s="1" t="s">
        <v>3892</v>
      </c>
      <c r="D1048" s="1" t="s">
        <v>3892</v>
      </c>
      <c r="E1048" s="1" t="s">
        <v>3894</v>
      </c>
      <c r="F1048" s="1" t="s">
        <v>10</v>
      </c>
      <c r="G1048" s="1" t="s">
        <v>10</v>
      </c>
      <c r="H1048" s="1" t="s">
        <v>10</v>
      </c>
      <c r="I1048" s="1" t="s">
        <v>3848</v>
      </c>
      <c r="J1048" s="1" t="s">
        <v>3893</v>
      </c>
      <c r="K1048" s="1" t="s">
        <v>10</v>
      </c>
      <c r="L1048" s="1" t="s">
        <v>3891</v>
      </c>
      <c r="M1048" s="1" t="s">
        <v>5</v>
      </c>
      <c r="N1048" s="1" t="s">
        <v>25</v>
      </c>
      <c r="O1048" s="1" t="s">
        <v>8</v>
      </c>
      <c r="P1048" s="5" t="s">
        <v>10</v>
      </c>
    </row>
    <row r="1049" spans="1:16" x14ac:dyDescent="0.2">
      <c r="A1049" s="1" t="s">
        <v>42</v>
      </c>
      <c r="B1049" s="1" t="s">
        <v>1341</v>
      </c>
      <c r="C1049" s="1" t="s">
        <v>3897</v>
      </c>
      <c r="D1049" s="1" t="s">
        <v>3898</v>
      </c>
      <c r="E1049" s="1" t="s">
        <v>3900</v>
      </c>
      <c r="F1049" s="1" t="s">
        <v>27</v>
      </c>
      <c r="G1049" s="1" t="s">
        <v>1042</v>
      </c>
      <c r="H1049" s="1" t="s">
        <v>3901</v>
      </c>
      <c r="I1049" s="1" t="s">
        <v>3848</v>
      </c>
      <c r="J1049" s="1" t="s">
        <v>3899</v>
      </c>
      <c r="K1049" s="1" t="s">
        <v>1468</v>
      </c>
      <c r="L1049" s="1" t="s">
        <v>3896</v>
      </c>
      <c r="M1049" s="1" t="s">
        <v>5</v>
      </c>
      <c r="N1049" s="1" t="s">
        <v>25</v>
      </c>
      <c r="O1049" s="1" t="s">
        <v>8</v>
      </c>
      <c r="P1049" s="5" t="s">
        <v>31159</v>
      </c>
    </row>
    <row r="1050" spans="1:16" x14ac:dyDescent="0.2">
      <c r="A1050" s="1" t="s">
        <v>329</v>
      </c>
      <c r="B1050" s="1" t="s">
        <v>1659</v>
      </c>
      <c r="C1050" s="1" t="s">
        <v>3903</v>
      </c>
      <c r="D1050" s="1" t="s">
        <v>3904</v>
      </c>
      <c r="E1050" s="1" t="s">
        <v>3906</v>
      </c>
      <c r="F1050" s="1" t="s">
        <v>10</v>
      </c>
      <c r="G1050" s="1" t="s">
        <v>10</v>
      </c>
      <c r="H1050" s="1" t="s">
        <v>10</v>
      </c>
      <c r="I1050" s="1" t="s">
        <v>3848</v>
      </c>
      <c r="J1050" s="1" t="s">
        <v>3904</v>
      </c>
      <c r="K1050" s="1" t="s">
        <v>130</v>
      </c>
      <c r="L1050" s="1" t="s">
        <v>3902</v>
      </c>
      <c r="M1050" s="1" t="s">
        <v>3905</v>
      </c>
      <c r="N1050" s="1" t="s">
        <v>25</v>
      </c>
      <c r="O1050" s="1" t="s">
        <v>38</v>
      </c>
      <c r="P1050" s="5" t="s">
        <v>3907</v>
      </c>
    </row>
    <row r="1051" spans="1:16" x14ac:dyDescent="0.2">
      <c r="A1051" s="1" t="s">
        <v>329</v>
      </c>
      <c r="B1051" s="1" t="s">
        <v>340</v>
      </c>
      <c r="C1051" s="1" t="s">
        <v>3909</v>
      </c>
      <c r="D1051" s="1" t="s">
        <v>3909</v>
      </c>
      <c r="E1051" s="1" t="s">
        <v>3911</v>
      </c>
      <c r="F1051" s="1" t="s">
        <v>3909</v>
      </c>
      <c r="G1051" s="1" t="s">
        <v>1042</v>
      </c>
      <c r="H1051" s="1" t="s">
        <v>3909</v>
      </c>
      <c r="I1051" s="1" t="s">
        <v>3848</v>
      </c>
      <c r="J1051" s="1" t="s">
        <v>3910</v>
      </c>
      <c r="K1051" s="1" t="s">
        <v>130</v>
      </c>
      <c r="L1051" s="1" t="s">
        <v>3908</v>
      </c>
      <c r="M1051" s="1" t="s">
        <v>5</v>
      </c>
      <c r="N1051" s="1" t="s">
        <v>1597</v>
      </c>
      <c r="O1051" s="1" t="s">
        <v>8</v>
      </c>
      <c r="P1051" s="5" t="s">
        <v>29941</v>
      </c>
    </row>
    <row r="1052" spans="1:16" x14ac:dyDescent="0.2">
      <c r="A1052" s="1" t="s">
        <v>42</v>
      </c>
      <c r="B1052" s="1" t="s">
        <v>1377</v>
      </c>
      <c r="C1052" s="1" t="s">
        <v>3913</v>
      </c>
      <c r="D1052" s="1" t="s">
        <v>3913</v>
      </c>
      <c r="E1052" s="1" t="s">
        <v>3917</v>
      </c>
      <c r="F1052" s="1" t="s">
        <v>3914</v>
      </c>
      <c r="G1052" s="1" t="s">
        <v>1042</v>
      </c>
      <c r="H1052" s="1" t="s">
        <v>3913</v>
      </c>
      <c r="I1052" s="1" t="s">
        <v>3848</v>
      </c>
      <c r="J1052" s="1" t="s">
        <v>3916</v>
      </c>
      <c r="K1052" s="1" t="s">
        <v>64</v>
      </c>
      <c r="L1052" s="1" t="s">
        <v>3912</v>
      </c>
      <c r="M1052" s="1" t="s">
        <v>5</v>
      </c>
      <c r="N1052" s="1" t="s">
        <v>25</v>
      </c>
      <c r="O1052" s="1" t="s">
        <v>8</v>
      </c>
      <c r="P1052" s="5" t="s">
        <v>29942</v>
      </c>
    </row>
    <row r="1053" spans="1:16" x14ac:dyDescent="0.2">
      <c r="A1053" s="1" t="s">
        <v>20</v>
      </c>
      <c r="B1053" s="1" t="s">
        <v>93</v>
      </c>
      <c r="C1053" s="1" t="s">
        <v>1904</v>
      </c>
      <c r="D1053" s="1" t="s">
        <v>1904</v>
      </c>
      <c r="E1053" s="1" t="s">
        <v>3919</v>
      </c>
      <c r="F1053" s="1" t="s">
        <v>27</v>
      </c>
      <c r="G1053" s="1" t="s">
        <v>1042</v>
      </c>
      <c r="H1053" s="1" t="s">
        <v>3920</v>
      </c>
      <c r="I1053" s="1" t="s">
        <v>3848</v>
      </c>
      <c r="J1053" s="1" t="s">
        <v>1561</v>
      </c>
      <c r="K1053" s="1" t="s">
        <v>443</v>
      </c>
      <c r="L1053" s="1" t="s">
        <v>3918</v>
      </c>
      <c r="M1053" s="1" t="s">
        <v>5</v>
      </c>
      <c r="N1053" s="1" t="s">
        <v>25</v>
      </c>
      <c r="O1053" s="1" t="s">
        <v>8</v>
      </c>
      <c r="P1053" s="5" t="s">
        <v>31160</v>
      </c>
    </row>
    <row r="1054" spans="1:16" x14ac:dyDescent="0.2">
      <c r="A1054" s="1" t="s">
        <v>42</v>
      </c>
      <c r="B1054" s="1" t="s">
        <v>87</v>
      </c>
      <c r="C1054" s="1" t="s">
        <v>3922</v>
      </c>
      <c r="D1054" s="1" t="s">
        <v>3923</v>
      </c>
      <c r="E1054" s="1" t="s">
        <v>3924</v>
      </c>
      <c r="F1054" s="1" t="s">
        <v>27</v>
      </c>
      <c r="G1054" s="1" t="s">
        <v>1042</v>
      </c>
      <c r="H1054" s="1" t="s">
        <v>3925</v>
      </c>
      <c r="I1054" s="1" t="s">
        <v>3848</v>
      </c>
      <c r="J1054" s="1" t="s">
        <v>1561</v>
      </c>
      <c r="K1054" s="1" t="s">
        <v>1548</v>
      </c>
      <c r="L1054" s="1" t="s">
        <v>3921</v>
      </c>
      <c r="M1054" s="1" t="s">
        <v>5</v>
      </c>
      <c r="N1054" s="1" t="s">
        <v>6</v>
      </c>
      <c r="O1054" s="1" t="s">
        <v>8</v>
      </c>
      <c r="P1054" s="5" t="s">
        <v>31161</v>
      </c>
    </row>
    <row r="1055" spans="1:16" x14ac:dyDescent="0.2">
      <c r="A1055" s="1" t="s">
        <v>10</v>
      </c>
      <c r="B1055" s="1" t="s">
        <v>10</v>
      </c>
      <c r="C1055" s="1" t="s">
        <v>3928</v>
      </c>
      <c r="D1055" s="1" t="s">
        <v>10</v>
      </c>
      <c r="E1055" s="1" t="s">
        <v>10</v>
      </c>
      <c r="F1055" s="1" t="s">
        <v>10</v>
      </c>
      <c r="G1055" s="1" t="s">
        <v>10</v>
      </c>
      <c r="H1055" s="1" t="s">
        <v>10</v>
      </c>
      <c r="I1055" s="1" t="s">
        <v>3926</v>
      </c>
      <c r="J1055" s="1" t="s">
        <v>10</v>
      </c>
      <c r="K1055" s="1" t="s">
        <v>10</v>
      </c>
      <c r="L1055" s="1" t="s">
        <v>3927</v>
      </c>
      <c r="M1055" s="1" t="s">
        <v>5</v>
      </c>
      <c r="N1055" s="1" t="s">
        <v>10</v>
      </c>
      <c r="O1055" s="1" t="s">
        <v>8</v>
      </c>
      <c r="P1055" s="5"/>
    </row>
    <row r="1056" spans="1:16" x14ac:dyDescent="0.2">
      <c r="A1056" s="1" t="s">
        <v>10</v>
      </c>
      <c r="B1056" s="1" t="s">
        <v>10</v>
      </c>
      <c r="C1056" s="1" t="s">
        <v>3931</v>
      </c>
      <c r="D1056" s="1" t="s">
        <v>10</v>
      </c>
      <c r="E1056" s="1" t="s">
        <v>3933</v>
      </c>
      <c r="F1056" s="1" t="s">
        <v>3932</v>
      </c>
      <c r="G1056" s="1" t="s">
        <v>1042</v>
      </c>
      <c r="H1056" s="1" t="s">
        <v>3934</v>
      </c>
      <c r="I1056" s="1" t="s">
        <v>3929</v>
      </c>
      <c r="J1056" s="1" t="s">
        <v>10</v>
      </c>
      <c r="K1056" s="1" t="s">
        <v>10</v>
      </c>
      <c r="L1056" s="1" t="s">
        <v>3930</v>
      </c>
      <c r="M1056" s="1" t="s">
        <v>5</v>
      </c>
      <c r="N1056" s="1" t="s">
        <v>10</v>
      </c>
      <c r="O1056" s="1" t="s">
        <v>8</v>
      </c>
      <c r="P1056" s="5"/>
    </row>
    <row r="1057" spans="1:16" x14ac:dyDescent="0.2">
      <c r="A1057" s="1" t="s">
        <v>10</v>
      </c>
      <c r="B1057" s="1" t="s">
        <v>10</v>
      </c>
      <c r="C1057" s="1" t="s">
        <v>3936</v>
      </c>
      <c r="D1057" s="1" t="s">
        <v>10</v>
      </c>
      <c r="E1057" s="1" t="s">
        <v>3937</v>
      </c>
      <c r="F1057" s="1" t="s">
        <v>10</v>
      </c>
      <c r="G1057" s="1" t="s">
        <v>10</v>
      </c>
      <c r="H1057" s="1" t="s">
        <v>10</v>
      </c>
      <c r="I1057" s="1" t="s">
        <v>3929</v>
      </c>
      <c r="J1057" s="1" t="s">
        <v>10</v>
      </c>
      <c r="K1057" s="1" t="s">
        <v>10</v>
      </c>
      <c r="L1057" s="1" t="s">
        <v>3935</v>
      </c>
      <c r="M1057" s="1" t="s">
        <v>5</v>
      </c>
      <c r="N1057" s="1" t="s">
        <v>10</v>
      </c>
      <c r="O1057" s="1" t="s">
        <v>38</v>
      </c>
      <c r="P1057" s="5"/>
    </row>
    <row r="1058" spans="1:16" x14ac:dyDescent="0.2">
      <c r="A1058" s="1" t="s">
        <v>10</v>
      </c>
      <c r="B1058" s="1" t="s">
        <v>10</v>
      </c>
      <c r="C1058" s="1" t="s">
        <v>3939</v>
      </c>
      <c r="D1058" s="1" t="s">
        <v>10</v>
      </c>
      <c r="E1058" s="1" t="s">
        <v>3940</v>
      </c>
      <c r="F1058" s="1" t="s">
        <v>10</v>
      </c>
      <c r="G1058" s="1" t="s">
        <v>10</v>
      </c>
      <c r="H1058" s="1" t="s">
        <v>10</v>
      </c>
      <c r="I1058" s="1" t="s">
        <v>3929</v>
      </c>
      <c r="J1058" s="1" t="s">
        <v>10</v>
      </c>
      <c r="K1058" s="1" t="s">
        <v>10</v>
      </c>
      <c r="L1058" s="1" t="s">
        <v>3938</v>
      </c>
      <c r="M1058" s="1" t="s">
        <v>5</v>
      </c>
      <c r="N1058" s="1" t="s">
        <v>10</v>
      </c>
      <c r="O1058" s="1" t="s">
        <v>38</v>
      </c>
      <c r="P1058" s="5"/>
    </row>
    <row r="1059" spans="1:16" x14ac:dyDescent="0.2">
      <c r="A1059" s="1" t="s">
        <v>20</v>
      </c>
      <c r="B1059" s="1" t="s">
        <v>253</v>
      </c>
      <c r="C1059" s="1" t="s">
        <v>3943</v>
      </c>
      <c r="D1059" s="1" t="s">
        <v>3944</v>
      </c>
      <c r="E1059" s="1" t="s">
        <v>3946</v>
      </c>
      <c r="F1059" s="1" t="s">
        <v>10</v>
      </c>
      <c r="G1059" s="1" t="s">
        <v>10</v>
      </c>
      <c r="H1059" s="1" t="s">
        <v>10</v>
      </c>
      <c r="I1059" s="1" t="s">
        <v>3941</v>
      </c>
      <c r="J1059" s="1" t="s">
        <v>3945</v>
      </c>
      <c r="K1059" s="1" t="s">
        <v>64</v>
      </c>
      <c r="L1059" s="1" t="s">
        <v>3942</v>
      </c>
      <c r="M1059" s="1" t="s">
        <v>5</v>
      </c>
      <c r="N1059" s="1" t="s">
        <v>25</v>
      </c>
      <c r="O1059" s="1" t="s">
        <v>38</v>
      </c>
      <c r="P1059" s="5" t="s">
        <v>31162</v>
      </c>
    </row>
    <row r="1060" spans="1:16" x14ac:dyDescent="0.2">
      <c r="A1060" s="1" t="s">
        <v>20</v>
      </c>
      <c r="B1060" s="1" t="s">
        <v>253</v>
      </c>
      <c r="C1060" s="1" t="s">
        <v>3948</v>
      </c>
      <c r="D1060" s="1" t="s">
        <v>3949</v>
      </c>
      <c r="E1060" s="1" t="s">
        <v>3950</v>
      </c>
      <c r="F1060" s="1" t="s">
        <v>10</v>
      </c>
      <c r="G1060" s="1" t="s">
        <v>10</v>
      </c>
      <c r="H1060" s="1" t="s">
        <v>10</v>
      </c>
      <c r="I1060" s="1" t="s">
        <v>3941</v>
      </c>
      <c r="J1060" s="1" t="s">
        <v>3945</v>
      </c>
      <c r="K1060" s="1" t="s">
        <v>64</v>
      </c>
      <c r="L1060" s="1" t="s">
        <v>3947</v>
      </c>
      <c r="M1060" s="1" t="s">
        <v>5</v>
      </c>
      <c r="N1060" s="1" t="s">
        <v>25</v>
      </c>
      <c r="O1060" s="1" t="s">
        <v>38</v>
      </c>
      <c r="P1060" s="5" t="s">
        <v>31163</v>
      </c>
    </row>
    <row r="1061" spans="1:16" x14ac:dyDescent="0.2">
      <c r="A1061" s="1" t="s">
        <v>20</v>
      </c>
      <c r="B1061" s="1" t="s">
        <v>253</v>
      </c>
      <c r="C1061" s="1" t="s">
        <v>3952</v>
      </c>
      <c r="D1061" s="1" t="s">
        <v>3953</v>
      </c>
      <c r="E1061" s="1" t="s">
        <v>3954</v>
      </c>
      <c r="F1061" s="1" t="s">
        <v>10</v>
      </c>
      <c r="G1061" s="1" t="s">
        <v>10</v>
      </c>
      <c r="H1061" s="1" t="s">
        <v>10</v>
      </c>
      <c r="I1061" s="1" t="s">
        <v>3941</v>
      </c>
      <c r="J1061" s="1" t="s">
        <v>3945</v>
      </c>
      <c r="K1061" s="1" t="s">
        <v>64</v>
      </c>
      <c r="L1061" s="1" t="s">
        <v>3951</v>
      </c>
      <c r="M1061" s="1" t="s">
        <v>5</v>
      </c>
      <c r="N1061" s="1" t="s">
        <v>1009</v>
      </c>
      <c r="O1061" s="1" t="s">
        <v>38</v>
      </c>
      <c r="P1061" s="5" t="s">
        <v>31164</v>
      </c>
    </row>
    <row r="1062" spans="1:16" x14ac:dyDescent="0.2">
      <c r="A1062" s="1" t="s">
        <v>20</v>
      </c>
      <c r="B1062" s="1" t="s">
        <v>253</v>
      </c>
      <c r="C1062" s="1" t="s">
        <v>3956</v>
      </c>
      <c r="D1062" s="1" t="s">
        <v>3957</v>
      </c>
      <c r="E1062" s="1" t="s">
        <v>3958</v>
      </c>
      <c r="F1062" s="1" t="s">
        <v>10</v>
      </c>
      <c r="G1062" s="1" t="s">
        <v>10</v>
      </c>
      <c r="H1062" s="1" t="s">
        <v>10</v>
      </c>
      <c r="I1062" s="1" t="s">
        <v>3941</v>
      </c>
      <c r="J1062" s="1" t="s">
        <v>3945</v>
      </c>
      <c r="K1062" s="1" t="s">
        <v>64</v>
      </c>
      <c r="L1062" s="1" t="s">
        <v>3955</v>
      </c>
      <c r="M1062" s="1" t="s">
        <v>5</v>
      </c>
      <c r="N1062" s="1" t="s">
        <v>1009</v>
      </c>
      <c r="O1062" s="1" t="s">
        <v>38</v>
      </c>
      <c r="P1062" s="5" t="s">
        <v>31165</v>
      </c>
    </row>
    <row r="1063" spans="1:16" x14ac:dyDescent="0.2">
      <c r="A1063" s="1" t="s">
        <v>66</v>
      </c>
      <c r="B1063" s="1" t="s">
        <v>212</v>
      </c>
      <c r="C1063" s="1" t="s">
        <v>3960</v>
      </c>
      <c r="D1063" s="1" t="s">
        <v>3961</v>
      </c>
      <c r="E1063" s="1" t="s">
        <v>3962</v>
      </c>
      <c r="F1063" s="1" t="s">
        <v>10</v>
      </c>
      <c r="G1063" s="1" t="s">
        <v>10</v>
      </c>
      <c r="H1063" s="1" t="s">
        <v>10</v>
      </c>
      <c r="I1063" s="1" t="s">
        <v>3941</v>
      </c>
      <c r="J1063" s="1" t="s">
        <v>3945</v>
      </c>
      <c r="K1063" s="1" t="s">
        <v>64</v>
      </c>
      <c r="L1063" s="1" t="s">
        <v>3959</v>
      </c>
      <c r="M1063" s="1" t="s">
        <v>5</v>
      </c>
      <c r="N1063" s="1" t="s">
        <v>1009</v>
      </c>
      <c r="O1063" s="1" t="s">
        <v>38</v>
      </c>
      <c r="P1063" s="5" t="s">
        <v>31166</v>
      </c>
    </row>
    <row r="1064" spans="1:16" x14ac:dyDescent="0.2">
      <c r="A1064" s="1" t="s">
        <v>2187</v>
      </c>
      <c r="B1064" s="1" t="s">
        <v>2206</v>
      </c>
      <c r="C1064" s="1" t="s">
        <v>3964</v>
      </c>
      <c r="D1064" s="1" t="s">
        <v>3965</v>
      </c>
      <c r="E1064" s="1" t="s">
        <v>3967</v>
      </c>
      <c r="F1064" s="1" t="s">
        <v>10</v>
      </c>
      <c r="G1064" s="1" t="s">
        <v>10</v>
      </c>
      <c r="H1064" s="1" t="s">
        <v>10</v>
      </c>
      <c r="I1064" s="1" t="s">
        <v>3941</v>
      </c>
      <c r="J1064" s="1" t="s">
        <v>3966</v>
      </c>
      <c r="K1064" s="1" t="s">
        <v>64</v>
      </c>
      <c r="L1064" s="1" t="s">
        <v>3963</v>
      </c>
      <c r="M1064" s="1" t="s">
        <v>5</v>
      </c>
      <c r="N1064" s="1" t="s">
        <v>25</v>
      </c>
      <c r="O1064" s="1" t="s">
        <v>38</v>
      </c>
      <c r="P1064" s="5" t="s">
        <v>31167</v>
      </c>
    </row>
    <row r="1065" spans="1:16" x14ac:dyDescent="0.2">
      <c r="A1065" s="1" t="s">
        <v>20</v>
      </c>
      <c r="B1065" s="1" t="s">
        <v>93</v>
      </c>
      <c r="C1065" s="1" t="s">
        <v>3969</v>
      </c>
      <c r="D1065" s="1" t="s">
        <v>3970</v>
      </c>
      <c r="E1065" s="1" t="s">
        <v>3971</v>
      </c>
      <c r="F1065" s="1" t="s">
        <v>10</v>
      </c>
      <c r="G1065" s="1" t="s">
        <v>10</v>
      </c>
      <c r="H1065" s="1" t="s">
        <v>10</v>
      </c>
      <c r="I1065" s="1" t="s">
        <v>3941</v>
      </c>
      <c r="J1065" s="1" t="s">
        <v>3966</v>
      </c>
      <c r="K1065" s="1" t="s">
        <v>64</v>
      </c>
      <c r="L1065" s="1" t="s">
        <v>3968</v>
      </c>
      <c r="M1065" s="1" t="s">
        <v>5</v>
      </c>
      <c r="N1065" s="1" t="s">
        <v>25</v>
      </c>
      <c r="O1065" s="1" t="s">
        <v>38</v>
      </c>
      <c r="P1065" s="5" t="s">
        <v>31168</v>
      </c>
    </row>
    <row r="1066" spans="1:16" x14ac:dyDescent="0.2">
      <c r="A1066" s="1" t="s">
        <v>1086</v>
      </c>
      <c r="B1066" s="1" t="s">
        <v>1400</v>
      </c>
      <c r="C1066" s="1" t="s">
        <v>3973</v>
      </c>
      <c r="D1066" s="1" t="s">
        <v>3974</v>
      </c>
      <c r="E1066" s="1" t="s">
        <v>3975</v>
      </c>
      <c r="F1066" s="1" t="s">
        <v>10</v>
      </c>
      <c r="G1066" s="1" t="s">
        <v>10</v>
      </c>
      <c r="H1066" s="1" t="s">
        <v>10</v>
      </c>
      <c r="I1066" s="1" t="s">
        <v>3941</v>
      </c>
      <c r="J1066" s="1" t="s">
        <v>3966</v>
      </c>
      <c r="K1066" s="1" t="s">
        <v>64</v>
      </c>
      <c r="L1066" s="1" t="s">
        <v>3972</v>
      </c>
      <c r="M1066" s="1" t="s">
        <v>5</v>
      </c>
      <c r="N1066" s="1" t="s">
        <v>1009</v>
      </c>
      <c r="O1066" s="1" t="s">
        <v>8</v>
      </c>
      <c r="P1066" s="5" t="s">
        <v>31169</v>
      </c>
    </row>
    <row r="1067" spans="1:16" x14ac:dyDescent="0.2">
      <c r="A1067" s="1" t="s">
        <v>42</v>
      </c>
      <c r="B1067" s="1" t="s">
        <v>356</v>
      </c>
      <c r="C1067" s="1" t="s">
        <v>3977</v>
      </c>
      <c r="D1067" s="1" t="s">
        <v>3978</v>
      </c>
      <c r="E1067" s="1" t="s">
        <v>3979</v>
      </c>
      <c r="F1067" s="1" t="s">
        <v>10</v>
      </c>
      <c r="G1067" s="1" t="s">
        <v>10</v>
      </c>
      <c r="H1067" s="1" t="s">
        <v>10</v>
      </c>
      <c r="I1067" s="1" t="s">
        <v>3941</v>
      </c>
      <c r="J1067" s="1" t="s">
        <v>3966</v>
      </c>
      <c r="K1067" s="1" t="s">
        <v>64</v>
      </c>
      <c r="L1067" s="1" t="s">
        <v>3976</v>
      </c>
      <c r="M1067" s="1" t="s">
        <v>5</v>
      </c>
      <c r="N1067" s="1" t="s">
        <v>25</v>
      </c>
      <c r="O1067" s="1" t="s">
        <v>38</v>
      </c>
      <c r="P1067" s="5" t="s">
        <v>31170</v>
      </c>
    </row>
    <row r="1068" spans="1:16" x14ac:dyDescent="0.2">
      <c r="A1068" s="1" t="s">
        <v>20</v>
      </c>
      <c r="B1068" s="1" t="s">
        <v>445</v>
      </c>
      <c r="C1068" s="1" t="s">
        <v>3981</v>
      </c>
      <c r="D1068" s="1" t="s">
        <v>3982</v>
      </c>
      <c r="E1068" s="1" t="s">
        <v>3983</v>
      </c>
      <c r="F1068" s="1" t="s">
        <v>10</v>
      </c>
      <c r="G1068" s="1" t="s">
        <v>10</v>
      </c>
      <c r="H1068" s="1" t="s">
        <v>10</v>
      </c>
      <c r="I1068" s="1" t="s">
        <v>3941</v>
      </c>
      <c r="J1068" s="1" t="s">
        <v>3966</v>
      </c>
      <c r="K1068" s="1" t="s">
        <v>64</v>
      </c>
      <c r="L1068" s="1" t="s">
        <v>3980</v>
      </c>
      <c r="M1068" s="1" t="s">
        <v>5</v>
      </c>
      <c r="N1068" s="1" t="s">
        <v>1009</v>
      </c>
      <c r="O1068" s="1" t="s">
        <v>38</v>
      </c>
      <c r="P1068" s="5" t="s">
        <v>31171</v>
      </c>
    </row>
    <row r="1069" spans="1:16" x14ac:dyDescent="0.2">
      <c r="A1069" s="1" t="s">
        <v>42</v>
      </c>
      <c r="B1069" s="1" t="s">
        <v>50</v>
      </c>
      <c r="C1069" s="1" t="s">
        <v>3985</v>
      </c>
      <c r="D1069" s="1" t="s">
        <v>3985</v>
      </c>
      <c r="E1069" s="1" t="s">
        <v>3986</v>
      </c>
      <c r="F1069" s="1" t="s">
        <v>10</v>
      </c>
      <c r="G1069" s="1" t="s">
        <v>10</v>
      </c>
      <c r="H1069" s="1" t="s">
        <v>10</v>
      </c>
      <c r="I1069" s="1" t="s">
        <v>3941</v>
      </c>
      <c r="J1069" s="1" t="s">
        <v>3966</v>
      </c>
      <c r="K1069" s="1" t="s">
        <v>47</v>
      </c>
      <c r="L1069" s="1" t="s">
        <v>3984</v>
      </c>
      <c r="M1069" s="1" t="s">
        <v>5</v>
      </c>
      <c r="N1069" s="1" t="s">
        <v>25</v>
      </c>
      <c r="O1069" s="1" t="s">
        <v>38</v>
      </c>
      <c r="P1069" s="5" t="s">
        <v>31172</v>
      </c>
    </row>
    <row r="1070" spans="1:16" x14ac:dyDescent="0.2">
      <c r="A1070" s="1" t="s">
        <v>42</v>
      </c>
      <c r="B1070" s="1" t="s">
        <v>335</v>
      </c>
      <c r="C1070" s="1" t="s">
        <v>3988</v>
      </c>
      <c r="D1070" s="1" t="s">
        <v>1058</v>
      </c>
      <c r="E1070" s="1" t="s">
        <v>3989</v>
      </c>
      <c r="F1070" s="1" t="s">
        <v>10</v>
      </c>
      <c r="G1070" s="1" t="s">
        <v>10</v>
      </c>
      <c r="H1070" s="1" t="s">
        <v>10</v>
      </c>
      <c r="I1070" s="1" t="s">
        <v>3941</v>
      </c>
      <c r="J1070" s="1" t="s">
        <v>3966</v>
      </c>
      <c r="K1070" s="1" t="s">
        <v>47</v>
      </c>
      <c r="L1070" s="1" t="s">
        <v>3987</v>
      </c>
      <c r="M1070" s="1" t="s">
        <v>5</v>
      </c>
      <c r="N1070" s="1" t="s">
        <v>25</v>
      </c>
      <c r="O1070" s="1" t="s">
        <v>38</v>
      </c>
      <c r="P1070" s="5" t="s">
        <v>31173</v>
      </c>
    </row>
    <row r="1071" spans="1:16" x14ac:dyDescent="0.2">
      <c r="A1071" s="1" t="s">
        <v>42</v>
      </c>
      <c r="B1071" s="1" t="s">
        <v>43</v>
      </c>
      <c r="C1071" s="1" t="s">
        <v>3992</v>
      </c>
      <c r="D1071" s="1" t="s">
        <v>3992</v>
      </c>
      <c r="E1071" s="1" t="s">
        <v>3993</v>
      </c>
      <c r="F1071" s="1" t="s">
        <v>10</v>
      </c>
      <c r="G1071" s="1" t="s">
        <v>10</v>
      </c>
      <c r="H1071" s="1" t="s">
        <v>10</v>
      </c>
      <c r="I1071" s="1" t="s">
        <v>3941</v>
      </c>
      <c r="J1071" s="1" t="s">
        <v>3966</v>
      </c>
      <c r="K1071" s="1" t="s">
        <v>37</v>
      </c>
      <c r="L1071" s="1" t="s">
        <v>3991</v>
      </c>
      <c r="M1071" s="1" t="s">
        <v>5</v>
      </c>
      <c r="N1071" s="1" t="s">
        <v>1009</v>
      </c>
      <c r="O1071" s="1" t="s">
        <v>38</v>
      </c>
      <c r="P1071" s="5" t="s">
        <v>31174</v>
      </c>
    </row>
    <row r="1072" spans="1:16" x14ac:dyDescent="0.2">
      <c r="A1072" s="1" t="s">
        <v>42</v>
      </c>
      <c r="B1072" s="1" t="s">
        <v>43</v>
      </c>
      <c r="C1072" s="1" t="s">
        <v>3995</v>
      </c>
      <c r="D1072" s="1" t="s">
        <v>3996</v>
      </c>
      <c r="E1072" s="1" t="s">
        <v>3997</v>
      </c>
      <c r="F1072" s="1" t="s">
        <v>10</v>
      </c>
      <c r="G1072" s="1" t="s">
        <v>10</v>
      </c>
      <c r="H1072" s="1" t="s">
        <v>10</v>
      </c>
      <c r="I1072" s="1" t="s">
        <v>3941</v>
      </c>
      <c r="J1072" s="1" t="s">
        <v>3966</v>
      </c>
      <c r="K1072" s="1" t="s">
        <v>37</v>
      </c>
      <c r="L1072" s="1" t="s">
        <v>3994</v>
      </c>
      <c r="M1072" s="1" t="s">
        <v>5</v>
      </c>
      <c r="N1072" s="1" t="s">
        <v>1009</v>
      </c>
      <c r="O1072" s="1" t="s">
        <v>38</v>
      </c>
      <c r="P1072" s="5" t="s">
        <v>31175</v>
      </c>
    </row>
    <row r="1073" spans="1:16" x14ac:dyDescent="0.2">
      <c r="A1073" s="1" t="s">
        <v>1385</v>
      </c>
      <c r="B1073" s="1" t="s">
        <v>1490</v>
      </c>
      <c r="C1073" s="1" t="s">
        <v>3999</v>
      </c>
      <c r="D1073" s="1" t="s">
        <v>3999</v>
      </c>
      <c r="E1073" s="1" t="s">
        <v>4000</v>
      </c>
      <c r="F1073" s="1" t="s">
        <v>10</v>
      </c>
      <c r="G1073" s="1" t="s">
        <v>10</v>
      </c>
      <c r="H1073" s="1" t="s">
        <v>10</v>
      </c>
      <c r="I1073" s="1" t="s">
        <v>3941</v>
      </c>
      <c r="J1073" s="1" t="s">
        <v>3966</v>
      </c>
      <c r="K1073" s="1" t="s">
        <v>37</v>
      </c>
      <c r="L1073" s="1" t="s">
        <v>3998</v>
      </c>
      <c r="M1073" s="1" t="s">
        <v>5</v>
      </c>
      <c r="N1073" s="1" t="s">
        <v>1009</v>
      </c>
      <c r="O1073" s="1" t="s">
        <v>38</v>
      </c>
      <c r="P1073" s="5" t="s">
        <v>31176</v>
      </c>
    </row>
    <row r="1074" spans="1:16" x14ac:dyDescent="0.2">
      <c r="A1074" s="1" t="s">
        <v>1385</v>
      </c>
      <c r="B1074" s="1" t="s">
        <v>1490</v>
      </c>
      <c r="C1074" s="1" t="s">
        <v>4002</v>
      </c>
      <c r="D1074" s="1" t="s">
        <v>4003</v>
      </c>
      <c r="E1074" s="1" t="s">
        <v>4004</v>
      </c>
      <c r="F1074" s="1" t="s">
        <v>10</v>
      </c>
      <c r="G1074" s="1" t="s">
        <v>10</v>
      </c>
      <c r="H1074" s="1" t="s">
        <v>10</v>
      </c>
      <c r="I1074" s="1" t="s">
        <v>3941</v>
      </c>
      <c r="J1074" s="1" t="s">
        <v>3966</v>
      </c>
      <c r="K1074" s="1" t="s">
        <v>37</v>
      </c>
      <c r="L1074" s="1" t="s">
        <v>4001</v>
      </c>
      <c r="M1074" s="1" t="s">
        <v>5</v>
      </c>
      <c r="N1074" s="1" t="s">
        <v>1009</v>
      </c>
      <c r="O1074" s="1" t="s">
        <v>38</v>
      </c>
      <c r="P1074" s="5" t="s">
        <v>29838</v>
      </c>
    </row>
    <row r="1075" spans="1:16" x14ac:dyDescent="0.2">
      <c r="A1075" s="1" t="s">
        <v>42</v>
      </c>
      <c r="B1075" s="1" t="s">
        <v>43</v>
      </c>
      <c r="C1075" s="1" t="s">
        <v>4006</v>
      </c>
      <c r="D1075" s="1" t="s">
        <v>4007</v>
      </c>
      <c r="E1075" s="1" t="s">
        <v>4008</v>
      </c>
      <c r="F1075" s="1" t="s">
        <v>10</v>
      </c>
      <c r="G1075" s="1" t="s">
        <v>10</v>
      </c>
      <c r="H1075" s="1" t="s">
        <v>10</v>
      </c>
      <c r="I1075" s="1" t="s">
        <v>3941</v>
      </c>
      <c r="J1075" s="1" t="s">
        <v>3966</v>
      </c>
      <c r="K1075" s="1" t="s">
        <v>37</v>
      </c>
      <c r="L1075" s="1" t="s">
        <v>4005</v>
      </c>
      <c r="M1075" s="1" t="s">
        <v>5</v>
      </c>
      <c r="N1075" s="1" t="s">
        <v>1009</v>
      </c>
      <c r="O1075" s="1" t="s">
        <v>38</v>
      </c>
      <c r="P1075" s="5" t="s">
        <v>31177</v>
      </c>
    </row>
    <row r="1076" spans="1:16" x14ac:dyDescent="0.2">
      <c r="A1076" s="1" t="s">
        <v>20</v>
      </c>
      <c r="B1076" s="1" t="s">
        <v>253</v>
      </c>
      <c r="C1076" s="1" t="s">
        <v>4010</v>
      </c>
      <c r="D1076" s="1" t="s">
        <v>2727</v>
      </c>
      <c r="E1076" s="1" t="s">
        <v>4011</v>
      </c>
      <c r="F1076" s="1" t="s">
        <v>10</v>
      </c>
      <c r="G1076" s="1" t="s">
        <v>10</v>
      </c>
      <c r="H1076" s="1" t="s">
        <v>10</v>
      </c>
      <c r="I1076" s="1" t="s">
        <v>3941</v>
      </c>
      <c r="J1076" s="1" t="s">
        <v>3966</v>
      </c>
      <c r="K1076" s="1" t="s">
        <v>64</v>
      </c>
      <c r="L1076" s="1" t="s">
        <v>4009</v>
      </c>
      <c r="M1076" s="1" t="s">
        <v>5</v>
      </c>
      <c r="N1076" s="1" t="s">
        <v>1009</v>
      </c>
      <c r="O1076" s="1" t="s">
        <v>38</v>
      </c>
      <c r="P1076" s="5" t="s">
        <v>31178</v>
      </c>
    </row>
    <row r="1077" spans="1:16" x14ac:dyDescent="0.2">
      <c r="A1077" s="1" t="s">
        <v>1385</v>
      </c>
      <c r="B1077" s="1" t="s">
        <v>1490</v>
      </c>
      <c r="C1077" s="1" t="s">
        <v>4013</v>
      </c>
      <c r="D1077" s="1" t="s">
        <v>4014</v>
      </c>
      <c r="E1077" s="1" t="s">
        <v>4015</v>
      </c>
      <c r="F1077" s="1" t="s">
        <v>10</v>
      </c>
      <c r="G1077" s="1" t="s">
        <v>10</v>
      </c>
      <c r="H1077" s="1" t="s">
        <v>10</v>
      </c>
      <c r="I1077" s="1" t="s">
        <v>3941</v>
      </c>
      <c r="J1077" s="1" t="s">
        <v>3966</v>
      </c>
      <c r="K1077" s="1" t="s">
        <v>64</v>
      </c>
      <c r="L1077" s="1" t="s">
        <v>4012</v>
      </c>
      <c r="M1077" s="1" t="s">
        <v>5</v>
      </c>
      <c r="N1077" s="1" t="s">
        <v>25</v>
      </c>
      <c r="O1077" s="1" t="s">
        <v>38</v>
      </c>
      <c r="P1077" s="5" t="s">
        <v>31179</v>
      </c>
    </row>
    <row r="1078" spans="1:16" x14ac:dyDescent="0.2">
      <c r="A1078" s="1" t="s">
        <v>20</v>
      </c>
      <c r="B1078" s="1" t="s">
        <v>1804</v>
      </c>
      <c r="C1078" s="1" t="s">
        <v>4018</v>
      </c>
      <c r="D1078" s="1" t="s">
        <v>4019</v>
      </c>
      <c r="E1078" s="1" t="s">
        <v>4020</v>
      </c>
      <c r="F1078" s="1" t="s">
        <v>10</v>
      </c>
      <c r="G1078" s="1" t="s">
        <v>10</v>
      </c>
      <c r="H1078" s="1" t="s">
        <v>10</v>
      </c>
      <c r="I1078" s="1" t="s">
        <v>3941</v>
      </c>
      <c r="J1078" s="1" t="s">
        <v>4016</v>
      </c>
      <c r="K1078" s="1" t="s">
        <v>64</v>
      </c>
      <c r="L1078" s="1" t="s">
        <v>4017</v>
      </c>
      <c r="M1078" s="1" t="s">
        <v>5</v>
      </c>
      <c r="N1078" s="1" t="s">
        <v>25</v>
      </c>
      <c r="O1078" s="1" t="s">
        <v>38</v>
      </c>
      <c r="P1078" s="5" t="s">
        <v>31180</v>
      </c>
    </row>
    <row r="1079" spans="1:16" x14ac:dyDescent="0.2">
      <c r="A1079" s="1" t="s">
        <v>20</v>
      </c>
      <c r="B1079" s="1" t="s">
        <v>1804</v>
      </c>
      <c r="C1079" s="1" t="s">
        <v>4022</v>
      </c>
      <c r="D1079" s="1" t="s">
        <v>1230</v>
      </c>
      <c r="E1079" s="1" t="s">
        <v>4023</v>
      </c>
      <c r="F1079" s="1" t="s">
        <v>10</v>
      </c>
      <c r="G1079" s="1" t="s">
        <v>10</v>
      </c>
      <c r="H1079" s="1" t="s">
        <v>10</v>
      </c>
      <c r="I1079" s="1" t="s">
        <v>3941</v>
      </c>
      <c r="J1079" s="1" t="s">
        <v>4016</v>
      </c>
      <c r="K1079" s="1" t="s">
        <v>64</v>
      </c>
      <c r="L1079" s="1" t="s">
        <v>4021</v>
      </c>
      <c r="M1079" s="1" t="s">
        <v>5</v>
      </c>
      <c r="N1079" s="1" t="s">
        <v>25</v>
      </c>
      <c r="O1079" s="1" t="s">
        <v>8</v>
      </c>
      <c r="P1079" s="5" t="s">
        <v>31181</v>
      </c>
    </row>
    <row r="1080" spans="1:16" x14ac:dyDescent="0.2">
      <c r="A1080" s="1" t="s">
        <v>20</v>
      </c>
      <c r="B1080" s="1" t="s">
        <v>1804</v>
      </c>
      <c r="C1080" s="1" t="s">
        <v>4025</v>
      </c>
      <c r="D1080" s="1" t="s">
        <v>4026</v>
      </c>
      <c r="E1080" s="1" t="s">
        <v>4027</v>
      </c>
      <c r="F1080" s="1" t="s">
        <v>10</v>
      </c>
      <c r="G1080" s="1" t="s">
        <v>10</v>
      </c>
      <c r="H1080" s="1" t="s">
        <v>10</v>
      </c>
      <c r="I1080" s="1" t="s">
        <v>3941</v>
      </c>
      <c r="J1080" s="1" t="s">
        <v>4016</v>
      </c>
      <c r="K1080" s="1" t="s">
        <v>64</v>
      </c>
      <c r="L1080" s="1" t="s">
        <v>4024</v>
      </c>
      <c r="M1080" s="1" t="s">
        <v>5</v>
      </c>
      <c r="N1080" s="1" t="s">
        <v>1009</v>
      </c>
      <c r="O1080" s="1" t="s">
        <v>38</v>
      </c>
      <c r="P1080" s="5" t="s">
        <v>31179</v>
      </c>
    </row>
    <row r="1081" spans="1:16" x14ac:dyDescent="0.2">
      <c r="A1081" s="1" t="s">
        <v>20</v>
      </c>
      <c r="B1081" s="1" t="s">
        <v>253</v>
      </c>
      <c r="C1081" s="1" t="s">
        <v>4029</v>
      </c>
      <c r="D1081" s="1" t="s">
        <v>4030</v>
      </c>
      <c r="E1081" s="1" t="s">
        <v>4032</v>
      </c>
      <c r="F1081" s="1" t="s">
        <v>10</v>
      </c>
      <c r="G1081" s="1" t="s">
        <v>10</v>
      </c>
      <c r="H1081" s="1" t="s">
        <v>10</v>
      </c>
      <c r="I1081" s="1" t="s">
        <v>3941</v>
      </c>
      <c r="J1081" s="1" t="s">
        <v>4031</v>
      </c>
      <c r="K1081" s="1" t="s">
        <v>64</v>
      </c>
      <c r="L1081" s="1" t="s">
        <v>4028</v>
      </c>
      <c r="M1081" s="1" t="s">
        <v>5</v>
      </c>
      <c r="N1081" s="1" t="s">
        <v>25</v>
      </c>
      <c r="O1081" s="1" t="s">
        <v>38</v>
      </c>
      <c r="P1081" s="5" t="s">
        <v>31182</v>
      </c>
    </row>
    <row r="1082" spans="1:16" x14ac:dyDescent="0.2">
      <c r="A1082" s="1" t="s">
        <v>20</v>
      </c>
      <c r="B1082" s="1" t="s">
        <v>132</v>
      </c>
      <c r="C1082" s="1" t="s">
        <v>4034</v>
      </c>
      <c r="D1082" s="1" t="s">
        <v>4035</v>
      </c>
      <c r="E1082" s="1" t="s">
        <v>4036</v>
      </c>
      <c r="F1082" s="1" t="s">
        <v>10</v>
      </c>
      <c r="G1082" s="1" t="s">
        <v>10</v>
      </c>
      <c r="H1082" s="1" t="s">
        <v>10</v>
      </c>
      <c r="I1082" s="1" t="s">
        <v>3941</v>
      </c>
      <c r="J1082" s="1" t="s">
        <v>4031</v>
      </c>
      <c r="K1082" s="1" t="s">
        <v>64</v>
      </c>
      <c r="L1082" s="1" t="s">
        <v>4033</v>
      </c>
      <c r="M1082" s="1" t="s">
        <v>5</v>
      </c>
      <c r="N1082" s="1" t="s">
        <v>1009</v>
      </c>
      <c r="O1082" s="1" t="s">
        <v>38</v>
      </c>
      <c r="P1082" s="5" t="s">
        <v>31183</v>
      </c>
    </row>
    <row r="1083" spans="1:16" x14ac:dyDescent="0.2">
      <c r="A1083" s="1" t="s">
        <v>20</v>
      </c>
      <c r="B1083" s="1" t="s">
        <v>445</v>
      </c>
      <c r="C1083" s="1" t="s">
        <v>4038</v>
      </c>
      <c r="D1083" s="1" t="s">
        <v>4039</v>
      </c>
      <c r="E1083" s="1" t="s">
        <v>4040</v>
      </c>
      <c r="F1083" s="1" t="s">
        <v>10</v>
      </c>
      <c r="G1083" s="1" t="s">
        <v>10</v>
      </c>
      <c r="H1083" s="1" t="s">
        <v>10</v>
      </c>
      <c r="I1083" s="1" t="s">
        <v>3941</v>
      </c>
      <c r="J1083" s="1" t="s">
        <v>4031</v>
      </c>
      <c r="K1083" s="1" t="s">
        <v>64</v>
      </c>
      <c r="L1083" s="1" t="s">
        <v>4037</v>
      </c>
      <c r="M1083" s="1" t="s">
        <v>5</v>
      </c>
      <c r="N1083" s="1" t="s">
        <v>25</v>
      </c>
      <c r="O1083" s="1" t="s">
        <v>38</v>
      </c>
      <c r="P1083" s="5" t="s">
        <v>31183</v>
      </c>
    </row>
    <row r="1084" spans="1:16" x14ac:dyDescent="0.2">
      <c r="A1084" s="1" t="s">
        <v>20</v>
      </c>
      <c r="B1084" s="1" t="s">
        <v>253</v>
      </c>
      <c r="C1084" s="1" t="s">
        <v>4042</v>
      </c>
      <c r="D1084" s="1" t="s">
        <v>4043</v>
      </c>
      <c r="E1084" s="1" t="s">
        <v>4044</v>
      </c>
      <c r="F1084" s="1" t="s">
        <v>10</v>
      </c>
      <c r="G1084" s="1" t="s">
        <v>10</v>
      </c>
      <c r="H1084" s="1" t="s">
        <v>10</v>
      </c>
      <c r="I1084" s="1" t="s">
        <v>3941</v>
      </c>
      <c r="J1084" s="1" t="s">
        <v>4031</v>
      </c>
      <c r="K1084" s="1" t="s">
        <v>64</v>
      </c>
      <c r="L1084" s="1" t="s">
        <v>4041</v>
      </c>
      <c r="M1084" s="1" t="s">
        <v>5</v>
      </c>
      <c r="N1084" s="1" t="s">
        <v>25</v>
      </c>
      <c r="O1084" s="1" t="s">
        <v>38</v>
      </c>
      <c r="P1084" s="5" t="s">
        <v>31184</v>
      </c>
    </row>
    <row r="1085" spans="1:16" x14ac:dyDescent="0.2">
      <c r="A1085" s="1" t="s">
        <v>20</v>
      </c>
      <c r="B1085" s="1" t="s">
        <v>445</v>
      </c>
      <c r="C1085" s="1" t="s">
        <v>4046</v>
      </c>
      <c r="D1085" s="1" t="s">
        <v>4046</v>
      </c>
      <c r="E1085" s="1" t="s">
        <v>4048</v>
      </c>
      <c r="F1085" s="1" t="s">
        <v>10</v>
      </c>
      <c r="G1085" s="1" t="s">
        <v>10</v>
      </c>
      <c r="H1085" s="1" t="s">
        <v>10</v>
      </c>
      <c r="I1085" s="1" t="s">
        <v>3941</v>
      </c>
      <c r="J1085" s="1" t="s">
        <v>4047</v>
      </c>
      <c r="K1085" s="1" t="s">
        <v>64</v>
      </c>
      <c r="L1085" s="1" t="s">
        <v>4045</v>
      </c>
      <c r="M1085" s="1" t="s">
        <v>5</v>
      </c>
      <c r="N1085" s="1" t="s">
        <v>25</v>
      </c>
      <c r="O1085" s="1" t="s">
        <v>38</v>
      </c>
      <c r="P1085" s="5" t="s">
        <v>31183</v>
      </c>
    </row>
    <row r="1086" spans="1:16" x14ac:dyDescent="0.2">
      <c r="A1086" s="1" t="s">
        <v>20</v>
      </c>
      <c r="B1086" s="1" t="s">
        <v>132</v>
      </c>
      <c r="C1086" s="1" t="s">
        <v>4050</v>
      </c>
      <c r="D1086" s="1" t="s">
        <v>4051</v>
      </c>
      <c r="E1086" s="1" t="s">
        <v>4052</v>
      </c>
      <c r="F1086" s="1" t="s">
        <v>10</v>
      </c>
      <c r="G1086" s="1" t="s">
        <v>10</v>
      </c>
      <c r="H1086" s="1" t="s">
        <v>10</v>
      </c>
      <c r="I1086" s="1" t="s">
        <v>3941</v>
      </c>
      <c r="J1086" s="1" t="s">
        <v>4047</v>
      </c>
      <c r="K1086" s="1" t="s">
        <v>64</v>
      </c>
      <c r="L1086" s="1" t="s">
        <v>4049</v>
      </c>
      <c r="M1086" s="1" t="s">
        <v>5</v>
      </c>
      <c r="N1086" s="1" t="s">
        <v>25</v>
      </c>
      <c r="O1086" s="1" t="s">
        <v>38</v>
      </c>
      <c r="P1086" s="5" t="s">
        <v>31165</v>
      </c>
    </row>
    <row r="1087" spans="1:16" x14ac:dyDescent="0.2">
      <c r="A1087" s="1" t="s">
        <v>20</v>
      </c>
      <c r="B1087" s="1" t="s">
        <v>445</v>
      </c>
      <c r="C1087" s="1" t="s">
        <v>4054</v>
      </c>
      <c r="D1087" s="1" t="s">
        <v>633</v>
      </c>
      <c r="E1087" s="1" t="s">
        <v>4055</v>
      </c>
      <c r="F1087" s="1" t="s">
        <v>10</v>
      </c>
      <c r="G1087" s="1" t="s">
        <v>10</v>
      </c>
      <c r="H1087" s="1" t="s">
        <v>10</v>
      </c>
      <c r="I1087" s="1" t="s">
        <v>3941</v>
      </c>
      <c r="J1087" s="1" t="s">
        <v>4047</v>
      </c>
      <c r="K1087" s="1" t="s">
        <v>64</v>
      </c>
      <c r="L1087" s="1" t="s">
        <v>4053</v>
      </c>
      <c r="M1087" s="1" t="s">
        <v>5</v>
      </c>
      <c r="N1087" s="1" t="s">
        <v>25</v>
      </c>
      <c r="O1087" s="1" t="s">
        <v>38</v>
      </c>
      <c r="P1087" s="5" t="s">
        <v>31185</v>
      </c>
    </row>
    <row r="1088" spans="1:16" x14ac:dyDescent="0.2">
      <c r="A1088" s="1" t="s">
        <v>20</v>
      </c>
      <c r="B1088" s="1" t="s">
        <v>445</v>
      </c>
      <c r="C1088" s="1" t="s">
        <v>4057</v>
      </c>
      <c r="D1088" s="1" t="s">
        <v>4058</v>
      </c>
      <c r="E1088" s="1" t="s">
        <v>4059</v>
      </c>
      <c r="F1088" s="1" t="s">
        <v>10</v>
      </c>
      <c r="G1088" s="1" t="s">
        <v>10</v>
      </c>
      <c r="H1088" s="1" t="s">
        <v>10</v>
      </c>
      <c r="I1088" s="1" t="s">
        <v>3941</v>
      </c>
      <c r="J1088" s="1" t="s">
        <v>4047</v>
      </c>
      <c r="K1088" s="1" t="s">
        <v>64</v>
      </c>
      <c r="L1088" s="1" t="s">
        <v>4056</v>
      </c>
      <c r="M1088" s="1" t="s">
        <v>5</v>
      </c>
      <c r="N1088" s="1" t="s">
        <v>1009</v>
      </c>
      <c r="O1088" s="1" t="s">
        <v>38</v>
      </c>
      <c r="P1088" s="5" t="s">
        <v>31165</v>
      </c>
    </row>
    <row r="1089" spans="1:16" x14ac:dyDescent="0.2">
      <c r="A1089" s="1" t="s">
        <v>20</v>
      </c>
      <c r="B1089" s="1" t="s">
        <v>445</v>
      </c>
      <c r="C1089" s="1" t="s">
        <v>4061</v>
      </c>
      <c r="D1089" s="1" t="s">
        <v>4062</v>
      </c>
      <c r="E1089" s="1" t="s">
        <v>4063</v>
      </c>
      <c r="F1089" s="1" t="s">
        <v>10</v>
      </c>
      <c r="G1089" s="1" t="s">
        <v>10</v>
      </c>
      <c r="H1089" s="1" t="s">
        <v>10</v>
      </c>
      <c r="I1089" s="1" t="s">
        <v>3941</v>
      </c>
      <c r="J1089" s="1" t="s">
        <v>4047</v>
      </c>
      <c r="K1089" s="1" t="s">
        <v>64</v>
      </c>
      <c r="L1089" s="1" t="s">
        <v>4060</v>
      </c>
      <c r="M1089" s="1" t="s">
        <v>5</v>
      </c>
      <c r="N1089" s="1" t="s">
        <v>25</v>
      </c>
      <c r="O1089" s="1" t="s">
        <v>38</v>
      </c>
      <c r="P1089" s="5" t="s">
        <v>31186</v>
      </c>
    </row>
    <row r="1090" spans="1:16" x14ac:dyDescent="0.2">
      <c r="A1090" s="1" t="s">
        <v>20</v>
      </c>
      <c r="B1090" s="1" t="s">
        <v>445</v>
      </c>
      <c r="C1090" s="1" t="s">
        <v>4065</v>
      </c>
      <c r="D1090" s="1" t="s">
        <v>4066</v>
      </c>
      <c r="E1090" s="1" t="s">
        <v>4059</v>
      </c>
      <c r="F1090" s="1" t="s">
        <v>10</v>
      </c>
      <c r="G1090" s="1" t="s">
        <v>10</v>
      </c>
      <c r="H1090" s="1" t="s">
        <v>10</v>
      </c>
      <c r="I1090" s="1" t="s">
        <v>3941</v>
      </c>
      <c r="J1090" s="1" t="s">
        <v>4047</v>
      </c>
      <c r="K1090" s="1" t="s">
        <v>64</v>
      </c>
      <c r="L1090" s="1" t="s">
        <v>4064</v>
      </c>
      <c r="M1090" s="1" t="s">
        <v>5</v>
      </c>
      <c r="N1090" s="1" t="s">
        <v>25</v>
      </c>
      <c r="O1090" s="1" t="s">
        <v>38</v>
      </c>
      <c r="P1090" s="5" t="s">
        <v>31185</v>
      </c>
    </row>
    <row r="1091" spans="1:16" x14ac:dyDescent="0.2">
      <c r="A1091" s="1" t="s">
        <v>66</v>
      </c>
      <c r="B1091" s="1" t="s">
        <v>212</v>
      </c>
      <c r="C1091" s="1" t="s">
        <v>4068</v>
      </c>
      <c r="D1091" s="1" t="s">
        <v>4069</v>
      </c>
      <c r="E1091" s="1" t="s">
        <v>4070</v>
      </c>
      <c r="F1091" s="1" t="s">
        <v>10</v>
      </c>
      <c r="G1091" s="1" t="s">
        <v>10</v>
      </c>
      <c r="H1091" s="1" t="s">
        <v>10</v>
      </c>
      <c r="I1091" s="1" t="s">
        <v>3941</v>
      </c>
      <c r="J1091" s="1" t="s">
        <v>4047</v>
      </c>
      <c r="K1091" s="1" t="s">
        <v>64</v>
      </c>
      <c r="L1091" s="1" t="s">
        <v>4067</v>
      </c>
      <c r="M1091" s="1" t="s">
        <v>5</v>
      </c>
      <c r="N1091" s="1" t="s">
        <v>25</v>
      </c>
      <c r="O1091" s="1" t="s">
        <v>38</v>
      </c>
      <c r="P1091" s="5" t="s">
        <v>31187</v>
      </c>
    </row>
    <row r="1092" spans="1:16" x14ac:dyDescent="0.2">
      <c r="A1092" s="1" t="s">
        <v>20</v>
      </c>
      <c r="B1092" s="1" t="s">
        <v>253</v>
      </c>
      <c r="C1092" s="1" t="s">
        <v>4072</v>
      </c>
      <c r="D1092" s="1" t="s">
        <v>4073</v>
      </c>
      <c r="E1092" s="1" t="s">
        <v>4074</v>
      </c>
      <c r="F1092" s="1" t="s">
        <v>10</v>
      </c>
      <c r="G1092" s="1" t="s">
        <v>10</v>
      </c>
      <c r="H1092" s="1" t="s">
        <v>10</v>
      </c>
      <c r="I1092" s="1" t="s">
        <v>3941</v>
      </c>
      <c r="J1092" s="1" t="s">
        <v>4047</v>
      </c>
      <c r="K1092" s="1" t="s">
        <v>64</v>
      </c>
      <c r="L1092" s="1" t="s">
        <v>4071</v>
      </c>
      <c r="M1092" s="1" t="s">
        <v>5</v>
      </c>
      <c r="N1092" s="1" t="s">
        <v>25</v>
      </c>
      <c r="O1092" s="1" t="s">
        <v>38</v>
      </c>
      <c r="P1092" s="5" t="s">
        <v>31188</v>
      </c>
    </row>
    <row r="1093" spans="1:16" x14ac:dyDescent="0.2">
      <c r="A1093" s="1" t="s">
        <v>20</v>
      </c>
      <c r="B1093" s="1" t="s">
        <v>253</v>
      </c>
      <c r="C1093" s="1" t="s">
        <v>4076</v>
      </c>
      <c r="D1093" s="1" t="s">
        <v>4077</v>
      </c>
      <c r="E1093" s="1" t="s">
        <v>4078</v>
      </c>
      <c r="F1093" s="1" t="s">
        <v>10</v>
      </c>
      <c r="G1093" s="1" t="s">
        <v>10</v>
      </c>
      <c r="H1093" s="1" t="s">
        <v>10</v>
      </c>
      <c r="I1093" s="1" t="s">
        <v>3941</v>
      </c>
      <c r="J1093" s="1" t="s">
        <v>4047</v>
      </c>
      <c r="K1093" s="1" t="s">
        <v>64</v>
      </c>
      <c r="L1093" s="1" t="s">
        <v>4075</v>
      </c>
      <c r="M1093" s="1" t="s">
        <v>5</v>
      </c>
      <c r="N1093" s="1" t="s">
        <v>25</v>
      </c>
      <c r="O1093" s="1" t="s">
        <v>38</v>
      </c>
      <c r="P1093" s="5" t="s">
        <v>31189</v>
      </c>
    </row>
    <row r="1094" spans="1:16" x14ac:dyDescent="0.2">
      <c r="A1094" s="1" t="s">
        <v>20</v>
      </c>
      <c r="B1094" s="1" t="s">
        <v>253</v>
      </c>
      <c r="C1094" s="1" t="s">
        <v>4080</v>
      </c>
      <c r="D1094" s="1" t="s">
        <v>4081</v>
      </c>
      <c r="E1094" s="1" t="s">
        <v>4082</v>
      </c>
      <c r="F1094" s="1" t="s">
        <v>10</v>
      </c>
      <c r="G1094" s="1" t="s">
        <v>10</v>
      </c>
      <c r="H1094" s="1" t="s">
        <v>10</v>
      </c>
      <c r="I1094" s="1" t="s">
        <v>3941</v>
      </c>
      <c r="J1094" s="1" t="s">
        <v>4047</v>
      </c>
      <c r="K1094" s="1" t="s">
        <v>64</v>
      </c>
      <c r="L1094" s="1" t="s">
        <v>4079</v>
      </c>
      <c r="M1094" s="1" t="s">
        <v>5</v>
      </c>
      <c r="N1094" s="1" t="s">
        <v>25</v>
      </c>
      <c r="O1094" s="1" t="s">
        <v>38</v>
      </c>
      <c r="P1094" s="5" t="s">
        <v>31190</v>
      </c>
    </row>
    <row r="1095" spans="1:16" x14ac:dyDescent="0.2">
      <c r="A1095" s="1" t="s">
        <v>20</v>
      </c>
      <c r="B1095" s="1" t="s">
        <v>253</v>
      </c>
      <c r="C1095" s="1" t="s">
        <v>4084</v>
      </c>
      <c r="D1095" s="1" t="s">
        <v>4085</v>
      </c>
      <c r="E1095" s="1" t="s">
        <v>4086</v>
      </c>
      <c r="F1095" s="1" t="s">
        <v>10</v>
      </c>
      <c r="G1095" s="1" t="s">
        <v>10</v>
      </c>
      <c r="H1095" s="1" t="s">
        <v>10</v>
      </c>
      <c r="I1095" s="1" t="s">
        <v>3941</v>
      </c>
      <c r="J1095" s="1" t="s">
        <v>4047</v>
      </c>
      <c r="K1095" s="1" t="s">
        <v>64</v>
      </c>
      <c r="L1095" s="1" t="s">
        <v>4083</v>
      </c>
      <c r="M1095" s="1" t="s">
        <v>5</v>
      </c>
      <c r="N1095" s="1" t="s">
        <v>25</v>
      </c>
      <c r="O1095" s="1" t="s">
        <v>38</v>
      </c>
      <c r="P1095" s="5" t="s">
        <v>31191</v>
      </c>
    </row>
    <row r="1096" spans="1:16" x14ac:dyDescent="0.2">
      <c r="A1096" s="1" t="s">
        <v>20</v>
      </c>
      <c r="B1096" s="1" t="s">
        <v>253</v>
      </c>
      <c r="C1096" s="1" t="s">
        <v>4088</v>
      </c>
      <c r="D1096" s="1" t="s">
        <v>4089</v>
      </c>
      <c r="E1096" s="1" t="s">
        <v>4090</v>
      </c>
      <c r="F1096" s="1" t="s">
        <v>10</v>
      </c>
      <c r="G1096" s="1" t="s">
        <v>10</v>
      </c>
      <c r="H1096" s="1" t="s">
        <v>10</v>
      </c>
      <c r="I1096" s="1" t="s">
        <v>3941</v>
      </c>
      <c r="J1096" s="1" t="s">
        <v>4047</v>
      </c>
      <c r="K1096" s="1" t="s">
        <v>64</v>
      </c>
      <c r="L1096" s="1" t="s">
        <v>4087</v>
      </c>
      <c r="M1096" s="1" t="s">
        <v>5</v>
      </c>
      <c r="N1096" s="1" t="s">
        <v>25</v>
      </c>
      <c r="O1096" s="1" t="s">
        <v>38</v>
      </c>
      <c r="P1096" s="5" t="s">
        <v>31179</v>
      </c>
    </row>
    <row r="1097" spans="1:16" x14ac:dyDescent="0.2">
      <c r="A1097" s="1" t="s">
        <v>20</v>
      </c>
      <c r="B1097" s="1" t="s">
        <v>253</v>
      </c>
      <c r="C1097" s="1" t="s">
        <v>4092</v>
      </c>
      <c r="D1097" s="1" t="s">
        <v>1826</v>
      </c>
      <c r="E1097" s="1" t="s">
        <v>4093</v>
      </c>
      <c r="F1097" s="1" t="s">
        <v>10</v>
      </c>
      <c r="G1097" s="1" t="s">
        <v>10</v>
      </c>
      <c r="H1097" s="1" t="s">
        <v>10</v>
      </c>
      <c r="I1097" s="1" t="s">
        <v>3941</v>
      </c>
      <c r="J1097" s="1" t="s">
        <v>4047</v>
      </c>
      <c r="K1097" s="1" t="s">
        <v>64</v>
      </c>
      <c r="L1097" s="1" t="s">
        <v>4091</v>
      </c>
      <c r="M1097" s="1" t="s">
        <v>5</v>
      </c>
      <c r="N1097" s="1" t="s">
        <v>25</v>
      </c>
      <c r="O1097" s="1" t="s">
        <v>38</v>
      </c>
      <c r="P1097" s="5" t="s">
        <v>31179</v>
      </c>
    </row>
    <row r="1098" spans="1:16" x14ac:dyDescent="0.2">
      <c r="A1098" s="1" t="s">
        <v>20</v>
      </c>
      <c r="B1098" s="1" t="s">
        <v>253</v>
      </c>
      <c r="C1098" s="1" t="s">
        <v>4095</v>
      </c>
      <c r="D1098" s="1" t="s">
        <v>4096</v>
      </c>
      <c r="E1098" s="1" t="s">
        <v>4097</v>
      </c>
      <c r="F1098" s="1" t="s">
        <v>10</v>
      </c>
      <c r="G1098" s="1" t="s">
        <v>10</v>
      </c>
      <c r="H1098" s="1" t="s">
        <v>10</v>
      </c>
      <c r="I1098" s="1" t="s">
        <v>3941</v>
      </c>
      <c r="J1098" s="1" t="s">
        <v>4047</v>
      </c>
      <c r="K1098" s="1" t="s">
        <v>64</v>
      </c>
      <c r="L1098" s="1" t="s">
        <v>4094</v>
      </c>
      <c r="M1098" s="1" t="s">
        <v>5</v>
      </c>
      <c r="N1098" s="1" t="s">
        <v>1009</v>
      </c>
      <c r="O1098" s="1" t="s">
        <v>38</v>
      </c>
      <c r="P1098" s="5" t="s">
        <v>31179</v>
      </c>
    </row>
    <row r="1099" spans="1:16" x14ac:dyDescent="0.2">
      <c r="A1099" s="1" t="s">
        <v>20</v>
      </c>
      <c r="B1099" s="1" t="s">
        <v>253</v>
      </c>
      <c r="C1099" s="1" t="s">
        <v>4099</v>
      </c>
      <c r="D1099" s="1" t="s">
        <v>4100</v>
      </c>
      <c r="E1099" s="1" t="s">
        <v>4101</v>
      </c>
      <c r="F1099" s="1" t="s">
        <v>10</v>
      </c>
      <c r="G1099" s="1" t="s">
        <v>10</v>
      </c>
      <c r="H1099" s="1" t="s">
        <v>10</v>
      </c>
      <c r="I1099" s="1" t="s">
        <v>3941</v>
      </c>
      <c r="J1099" s="1" t="s">
        <v>4047</v>
      </c>
      <c r="K1099" s="1" t="s">
        <v>64</v>
      </c>
      <c r="L1099" s="1" t="s">
        <v>4098</v>
      </c>
      <c r="M1099" s="1" t="s">
        <v>5</v>
      </c>
      <c r="N1099" s="1" t="s">
        <v>25</v>
      </c>
      <c r="O1099" s="1" t="s">
        <v>38</v>
      </c>
      <c r="P1099" s="5" t="s">
        <v>31179</v>
      </c>
    </row>
    <row r="1100" spans="1:16" x14ac:dyDescent="0.2">
      <c r="A1100" s="1" t="s">
        <v>1385</v>
      </c>
      <c r="B1100" s="1" t="s">
        <v>1490</v>
      </c>
      <c r="C1100" s="1" t="s">
        <v>4103</v>
      </c>
      <c r="D1100" s="1" t="s">
        <v>4104</v>
      </c>
      <c r="E1100" s="1" t="s">
        <v>4105</v>
      </c>
      <c r="F1100" s="1" t="s">
        <v>10</v>
      </c>
      <c r="G1100" s="1" t="s">
        <v>10</v>
      </c>
      <c r="H1100" s="1" t="s">
        <v>10</v>
      </c>
      <c r="I1100" s="1" t="s">
        <v>3941</v>
      </c>
      <c r="J1100" s="1" t="s">
        <v>4047</v>
      </c>
      <c r="K1100" s="1" t="s">
        <v>64</v>
      </c>
      <c r="L1100" s="1" t="s">
        <v>4102</v>
      </c>
      <c r="M1100" s="1" t="s">
        <v>5</v>
      </c>
      <c r="N1100" s="1" t="s">
        <v>25</v>
      </c>
      <c r="O1100" s="1" t="s">
        <v>38</v>
      </c>
      <c r="P1100" s="5" t="s">
        <v>31179</v>
      </c>
    </row>
    <row r="1101" spans="1:16" x14ac:dyDescent="0.2">
      <c r="A1101" s="1" t="s">
        <v>20</v>
      </c>
      <c r="B1101" s="1" t="s">
        <v>93</v>
      </c>
      <c r="C1101" s="1" t="s">
        <v>4107</v>
      </c>
      <c r="D1101" s="1" t="s">
        <v>4108</v>
      </c>
      <c r="E1101" s="1" t="s">
        <v>4109</v>
      </c>
      <c r="F1101" s="1" t="s">
        <v>10</v>
      </c>
      <c r="G1101" s="1" t="s">
        <v>10</v>
      </c>
      <c r="H1101" s="1" t="s">
        <v>4110</v>
      </c>
      <c r="I1101" s="1" t="s">
        <v>3941</v>
      </c>
      <c r="J1101" s="1" t="s">
        <v>4047</v>
      </c>
      <c r="K1101" s="1" t="s">
        <v>64</v>
      </c>
      <c r="L1101" s="1" t="s">
        <v>4106</v>
      </c>
      <c r="M1101" s="1" t="s">
        <v>5</v>
      </c>
      <c r="N1101" s="1" t="s">
        <v>25</v>
      </c>
      <c r="O1101" s="1" t="s">
        <v>8</v>
      </c>
      <c r="P1101" s="5" t="s">
        <v>31192</v>
      </c>
    </row>
    <row r="1102" spans="1:16" x14ac:dyDescent="0.2">
      <c r="A1102" s="1" t="s">
        <v>20</v>
      </c>
      <c r="B1102" s="1" t="s">
        <v>253</v>
      </c>
      <c r="C1102" s="1" t="s">
        <v>4112</v>
      </c>
      <c r="D1102" s="1" t="s">
        <v>4113</v>
      </c>
      <c r="E1102" s="1" t="s">
        <v>4115</v>
      </c>
      <c r="F1102" s="1" t="s">
        <v>10</v>
      </c>
      <c r="G1102" s="1" t="s">
        <v>10</v>
      </c>
      <c r="H1102" s="1" t="s">
        <v>10</v>
      </c>
      <c r="I1102" s="1" t="s">
        <v>3941</v>
      </c>
      <c r="J1102" s="1" t="s">
        <v>4114</v>
      </c>
      <c r="K1102" s="1" t="s">
        <v>64</v>
      </c>
      <c r="L1102" s="1" t="s">
        <v>4111</v>
      </c>
      <c r="M1102" s="1" t="s">
        <v>5</v>
      </c>
      <c r="N1102" s="1" t="s">
        <v>25</v>
      </c>
      <c r="O1102" s="1" t="s">
        <v>38</v>
      </c>
      <c r="P1102" s="5" t="s">
        <v>31186</v>
      </c>
    </row>
    <row r="1103" spans="1:16" x14ac:dyDescent="0.2">
      <c r="A1103" s="1" t="s">
        <v>20</v>
      </c>
      <c r="B1103" s="1" t="s">
        <v>253</v>
      </c>
      <c r="C1103" s="1" t="s">
        <v>4117</v>
      </c>
      <c r="D1103" s="1" t="s">
        <v>4118</v>
      </c>
      <c r="E1103" s="1" t="s">
        <v>4119</v>
      </c>
      <c r="F1103" s="1" t="s">
        <v>10</v>
      </c>
      <c r="G1103" s="1" t="s">
        <v>10</v>
      </c>
      <c r="H1103" s="1" t="s">
        <v>10</v>
      </c>
      <c r="I1103" s="1" t="s">
        <v>3941</v>
      </c>
      <c r="J1103" s="1" t="s">
        <v>4114</v>
      </c>
      <c r="K1103" s="1" t="s">
        <v>64</v>
      </c>
      <c r="L1103" s="1" t="s">
        <v>4116</v>
      </c>
      <c r="M1103" s="1" t="s">
        <v>5</v>
      </c>
      <c r="N1103" s="1" t="s">
        <v>25</v>
      </c>
      <c r="O1103" s="1" t="s">
        <v>38</v>
      </c>
      <c r="P1103" s="5" t="s">
        <v>31179</v>
      </c>
    </row>
    <row r="1104" spans="1:16" x14ac:dyDescent="0.2">
      <c r="A1104" s="1" t="s">
        <v>20</v>
      </c>
      <c r="B1104" s="1" t="s">
        <v>253</v>
      </c>
      <c r="C1104" s="1" t="s">
        <v>4121</v>
      </c>
      <c r="D1104" s="1" t="s">
        <v>4122</v>
      </c>
      <c r="E1104" s="1" t="s">
        <v>4123</v>
      </c>
      <c r="F1104" s="1" t="s">
        <v>10</v>
      </c>
      <c r="G1104" s="1" t="s">
        <v>10</v>
      </c>
      <c r="H1104" s="1" t="s">
        <v>10</v>
      </c>
      <c r="I1104" s="1" t="s">
        <v>3941</v>
      </c>
      <c r="J1104" s="1" t="s">
        <v>4114</v>
      </c>
      <c r="K1104" s="1" t="s">
        <v>64</v>
      </c>
      <c r="L1104" s="1" t="s">
        <v>4120</v>
      </c>
      <c r="M1104" s="1" t="s">
        <v>5</v>
      </c>
      <c r="N1104" s="1" t="s">
        <v>1009</v>
      </c>
      <c r="O1104" s="1" t="s">
        <v>38</v>
      </c>
      <c r="P1104" s="5" t="s">
        <v>31179</v>
      </c>
    </row>
    <row r="1105" spans="1:16" x14ac:dyDescent="0.2">
      <c r="A1105" s="1" t="s">
        <v>20</v>
      </c>
      <c r="B1105" s="1" t="s">
        <v>253</v>
      </c>
      <c r="C1105" s="1" t="s">
        <v>4125</v>
      </c>
      <c r="D1105" s="1" t="s">
        <v>4126</v>
      </c>
      <c r="E1105" s="1" t="s">
        <v>4127</v>
      </c>
      <c r="F1105" s="1" t="s">
        <v>10</v>
      </c>
      <c r="G1105" s="1" t="s">
        <v>10</v>
      </c>
      <c r="H1105" s="1" t="s">
        <v>10</v>
      </c>
      <c r="I1105" s="1" t="s">
        <v>3941</v>
      </c>
      <c r="J1105" s="1" t="s">
        <v>4114</v>
      </c>
      <c r="K1105" s="1" t="s">
        <v>64</v>
      </c>
      <c r="L1105" s="1" t="s">
        <v>4124</v>
      </c>
      <c r="M1105" s="1" t="s">
        <v>5</v>
      </c>
      <c r="N1105" s="1" t="s">
        <v>1009</v>
      </c>
      <c r="O1105" s="1" t="s">
        <v>38</v>
      </c>
      <c r="P1105" s="5" t="s">
        <v>31193</v>
      </c>
    </row>
    <row r="1106" spans="1:16" x14ac:dyDescent="0.2">
      <c r="A1106" s="1" t="s">
        <v>42</v>
      </c>
      <c r="B1106" s="1" t="s">
        <v>1664</v>
      </c>
      <c r="C1106" s="1" t="s">
        <v>4129</v>
      </c>
      <c r="D1106" s="1" t="s">
        <v>4130</v>
      </c>
      <c r="E1106" s="1" t="s">
        <v>4131</v>
      </c>
      <c r="F1106" s="1" t="s">
        <v>10</v>
      </c>
      <c r="G1106" s="1" t="s">
        <v>10</v>
      </c>
      <c r="H1106" s="1" t="s">
        <v>10</v>
      </c>
      <c r="I1106" s="1" t="s">
        <v>3941</v>
      </c>
      <c r="J1106" s="1" t="s">
        <v>4114</v>
      </c>
      <c r="K1106" s="1" t="s">
        <v>64</v>
      </c>
      <c r="L1106" s="1" t="s">
        <v>4128</v>
      </c>
      <c r="M1106" s="1" t="s">
        <v>5</v>
      </c>
      <c r="N1106" s="1" t="s">
        <v>25</v>
      </c>
      <c r="O1106" s="1" t="s">
        <v>38</v>
      </c>
      <c r="P1106" s="5" t="s">
        <v>31194</v>
      </c>
    </row>
    <row r="1107" spans="1:16" x14ac:dyDescent="0.2">
      <c r="A1107" s="1" t="s">
        <v>42</v>
      </c>
      <c r="B1107" s="1" t="s">
        <v>1664</v>
      </c>
      <c r="C1107" s="1" t="s">
        <v>4133</v>
      </c>
      <c r="D1107" s="1" t="s">
        <v>4134</v>
      </c>
      <c r="E1107" s="1" t="s">
        <v>4135</v>
      </c>
      <c r="F1107" s="1" t="s">
        <v>10</v>
      </c>
      <c r="G1107" s="1" t="s">
        <v>10</v>
      </c>
      <c r="H1107" s="1" t="s">
        <v>10</v>
      </c>
      <c r="I1107" s="1" t="s">
        <v>3941</v>
      </c>
      <c r="J1107" s="1" t="s">
        <v>4114</v>
      </c>
      <c r="K1107" s="1" t="s">
        <v>64</v>
      </c>
      <c r="L1107" s="1" t="s">
        <v>4132</v>
      </c>
      <c r="M1107" s="1" t="s">
        <v>5</v>
      </c>
      <c r="N1107" s="1" t="s">
        <v>25</v>
      </c>
      <c r="O1107" s="1" t="s">
        <v>38</v>
      </c>
      <c r="P1107" s="5" t="s">
        <v>31195</v>
      </c>
    </row>
    <row r="1108" spans="1:16" x14ac:dyDescent="0.2">
      <c r="A1108" s="1" t="s">
        <v>66</v>
      </c>
      <c r="B1108" s="1" t="s">
        <v>212</v>
      </c>
      <c r="C1108" s="1" t="s">
        <v>4137</v>
      </c>
      <c r="D1108" s="1" t="s">
        <v>4138</v>
      </c>
      <c r="E1108" s="1" t="s">
        <v>4139</v>
      </c>
      <c r="F1108" s="1" t="s">
        <v>10</v>
      </c>
      <c r="G1108" s="1" t="s">
        <v>10</v>
      </c>
      <c r="H1108" s="1" t="s">
        <v>10</v>
      </c>
      <c r="I1108" s="1" t="s">
        <v>3941</v>
      </c>
      <c r="J1108" s="1" t="s">
        <v>4114</v>
      </c>
      <c r="K1108" s="1" t="s">
        <v>64</v>
      </c>
      <c r="L1108" s="1" t="s">
        <v>4136</v>
      </c>
      <c r="M1108" s="1" t="s">
        <v>5</v>
      </c>
      <c r="N1108" s="1" t="s">
        <v>1009</v>
      </c>
      <c r="O1108" s="1" t="s">
        <v>38</v>
      </c>
      <c r="P1108" s="5" t="s">
        <v>31196</v>
      </c>
    </row>
    <row r="1109" spans="1:16" x14ac:dyDescent="0.2">
      <c r="A1109" s="1" t="s">
        <v>20</v>
      </c>
      <c r="B1109" s="1" t="s">
        <v>253</v>
      </c>
      <c r="C1109" s="1" t="s">
        <v>4141</v>
      </c>
      <c r="D1109" s="1" t="s">
        <v>4142</v>
      </c>
      <c r="E1109" s="1" t="s">
        <v>4144</v>
      </c>
      <c r="F1109" s="1" t="s">
        <v>10</v>
      </c>
      <c r="G1109" s="1" t="s">
        <v>10</v>
      </c>
      <c r="H1109" s="1" t="s">
        <v>10</v>
      </c>
      <c r="I1109" s="1" t="s">
        <v>3941</v>
      </c>
      <c r="J1109" s="1" t="s">
        <v>4143</v>
      </c>
      <c r="K1109" s="1" t="s">
        <v>64</v>
      </c>
      <c r="L1109" s="1" t="s">
        <v>4140</v>
      </c>
      <c r="M1109" s="1" t="s">
        <v>5</v>
      </c>
      <c r="N1109" s="1" t="s">
        <v>1009</v>
      </c>
      <c r="O1109" s="1" t="s">
        <v>38</v>
      </c>
      <c r="P1109" s="5" t="s">
        <v>31179</v>
      </c>
    </row>
    <row r="1110" spans="1:16" x14ac:dyDescent="0.2">
      <c r="A1110" s="1" t="s">
        <v>1385</v>
      </c>
      <c r="B1110" s="1" t="s">
        <v>1490</v>
      </c>
      <c r="C1110" s="1" t="s">
        <v>4147</v>
      </c>
      <c r="D1110" s="1" t="s">
        <v>4148</v>
      </c>
      <c r="E1110" s="1" t="s">
        <v>4149</v>
      </c>
      <c r="F1110" s="1" t="s">
        <v>10</v>
      </c>
      <c r="G1110" s="1" t="s">
        <v>10</v>
      </c>
      <c r="H1110" s="1" t="s">
        <v>10</v>
      </c>
      <c r="I1110" s="1" t="s">
        <v>3941</v>
      </c>
      <c r="J1110" s="1" t="s">
        <v>4145</v>
      </c>
      <c r="K1110" s="1" t="s">
        <v>64</v>
      </c>
      <c r="L1110" s="1" t="s">
        <v>4146</v>
      </c>
      <c r="M1110" s="1" t="s">
        <v>5</v>
      </c>
      <c r="N1110" s="1" t="s">
        <v>1009</v>
      </c>
      <c r="O1110" s="1" t="s">
        <v>38</v>
      </c>
      <c r="P1110" s="5" t="s">
        <v>31197</v>
      </c>
    </row>
    <row r="1111" spans="1:16" x14ac:dyDescent="0.2">
      <c r="A1111" s="1" t="s">
        <v>20</v>
      </c>
      <c r="B1111" s="1" t="s">
        <v>253</v>
      </c>
      <c r="C1111" s="1" t="s">
        <v>4151</v>
      </c>
      <c r="D1111" s="1" t="s">
        <v>4152</v>
      </c>
      <c r="E1111" s="1" t="s">
        <v>4153</v>
      </c>
      <c r="F1111" s="1" t="s">
        <v>10</v>
      </c>
      <c r="G1111" s="1" t="s">
        <v>10</v>
      </c>
      <c r="H1111" s="1" t="s">
        <v>10</v>
      </c>
      <c r="I1111" s="1" t="s">
        <v>3941</v>
      </c>
      <c r="J1111" s="1" t="s">
        <v>4145</v>
      </c>
      <c r="K1111" s="1" t="s">
        <v>64</v>
      </c>
      <c r="L1111" s="1" t="s">
        <v>4150</v>
      </c>
      <c r="M1111" s="1" t="s">
        <v>5</v>
      </c>
      <c r="N1111" s="1" t="s">
        <v>25</v>
      </c>
      <c r="O1111" s="1" t="s">
        <v>38</v>
      </c>
      <c r="P1111" s="5" t="s">
        <v>31198</v>
      </c>
    </row>
    <row r="1112" spans="1:16" x14ac:dyDescent="0.2">
      <c r="A1112" s="1" t="s">
        <v>20</v>
      </c>
      <c r="B1112" s="1" t="s">
        <v>253</v>
      </c>
      <c r="C1112" s="1" t="s">
        <v>4155</v>
      </c>
      <c r="D1112" s="1" t="s">
        <v>4156</v>
      </c>
      <c r="E1112" s="1" t="s">
        <v>4158</v>
      </c>
      <c r="F1112" s="1" t="s">
        <v>4157</v>
      </c>
      <c r="G1112" s="1" t="s">
        <v>4159</v>
      </c>
      <c r="H1112" s="1" t="s">
        <v>4160</v>
      </c>
      <c r="I1112" s="1" t="s">
        <v>3941</v>
      </c>
      <c r="J1112" s="1" t="s">
        <v>4145</v>
      </c>
      <c r="K1112" s="1" t="s">
        <v>64</v>
      </c>
      <c r="L1112" s="1" t="s">
        <v>4154</v>
      </c>
      <c r="M1112" s="1" t="s">
        <v>5</v>
      </c>
      <c r="N1112" s="1" t="s">
        <v>25</v>
      </c>
      <c r="O1112" s="1" t="s">
        <v>8</v>
      </c>
      <c r="P1112" s="5" t="s">
        <v>31199</v>
      </c>
    </row>
    <row r="1113" spans="1:16" x14ac:dyDescent="0.2">
      <c r="A1113" s="1" t="s">
        <v>20</v>
      </c>
      <c r="B1113" s="1" t="s">
        <v>253</v>
      </c>
      <c r="C1113" s="1" t="s">
        <v>4162</v>
      </c>
      <c r="D1113" s="1" t="s">
        <v>4163</v>
      </c>
      <c r="E1113" s="1" t="s">
        <v>4164</v>
      </c>
      <c r="F1113" s="1" t="s">
        <v>10</v>
      </c>
      <c r="G1113" s="1" t="s">
        <v>10</v>
      </c>
      <c r="H1113" s="1" t="s">
        <v>10</v>
      </c>
      <c r="I1113" s="1" t="s">
        <v>3941</v>
      </c>
      <c r="J1113" s="1" t="s">
        <v>4145</v>
      </c>
      <c r="K1113" s="1" t="s">
        <v>64</v>
      </c>
      <c r="L1113" s="1" t="s">
        <v>4161</v>
      </c>
      <c r="M1113" s="1" t="s">
        <v>5</v>
      </c>
      <c r="N1113" s="1" t="s">
        <v>25</v>
      </c>
      <c r="O1113" s="1" t="s">
        <v>38</v>
      </c>
      <c r="P1113" s="5" t="s">
        <v>31200</v>
      </c>
    </row>
    <row r="1114" spans="1:16" x14ac:dyDescent="0.2">
      <c r="A1114" s="1" t="s">
        <v>487</v>
      </c>
      <c r="B1114" s="1" t="s">
        <v>765</v>
      </c>
      <c r="C1114" s="1" t="s">
        <v>4166</v>
      </c>
      <c r="D1114" s="1" t="s">
        <v>4166</v>
      </c>
      <c r="E1114" s="1" t="s">
        <v>10</v>
      </c>
      <c r="F1114" s="1" t="s">
        <v>10</v>
      </c>
      <c r="G1114" s="1" t="s">
        <v>10</v>
      </c>
      <c r="H1114" s="1" t="s">
        <v>10</v>
      </c>
      <c r="I1114" s="1" t="s">
        <v>3941</v>
      </c>
      <c r="J1114" s="1" t="s">
        <v>4167</v>
      </c>
      <c r="K1114" s="1" t="s">
        <v>64</v>
      </c>
      <c r="L1114" s="1" t="s">
        <v>4165</v>
      </c>
      <c r="M1114" s="1" t="s">
        <v>5</v>
      </c>
      <c r="N1114" s="1" t="s">
        <v>25</v>
      </c>
      <c r="O1114" s="1" t="s">
        <v>8</v>
      </c>
      <c r="P1114" s="5" t="s">
        <v>31201</v>
      </c>
    </row>
    <row r="1115" spans="1:16" x14ac:dyDescent="0.2">
      <c r="A1115" s="1" t="s">
        <v>487</v>
      </c>
      <c r="B1115" s="1" t="s">
        <v>765</v>
      </c>
      <c r="C1115" s="1" t="s">
        <v>762</v>
      </c>
      <c r="D1115" s="1" t="s">
        <v>762</v>
      </c>
      <c r="E1115" s="1" t="s">
        <v>4169</v>
      </c>
      <c r="F1115" s="1" t="s">
        <v>10</v>
      </c>
      <c r="G1115" s="1" t="s">
        <v>10</v>
      </c>
      <c r="H1115" s="1" t="s">
        <v>10</v>
      </c>
      <c r="I1115" s="1" t="s">
        <v>3941</v>
      </c>
      <c r="J1115" s="1" t="s">
        <v>4167</v>
      </c>
      <c r="K1115" s="1" t="s">
        <v>64</v>
      </c>
      <c r="L1115" s="1" t="s">
        <v>4168</v>
      </c>
      <c r="M1115" s="1" t="s">
        <v>5</v>
      </c>
      <c r="N1115" s="1" t="s">
        <v>25</v>
      </c>
      <c r="O1115" s="1" t="s">
        <v>8</v>
      </c>
      <c r="P1115" s="5" t="s">
        <v>31202</v>
      </c>
    </row>
    <row r="1116" spans="1:16" x14ac:dyDescent="0.2">
      <c r="A1116" s="1" t="s">
        <v>20</v>
      </c>
      <c r="B1116" s="1" t="s">
        <v>93</v>
      </c>
      <c r="C1116" s="1" t="s">
        <v>4171</v>
      </c>
      <c r="D1116" s="1" t="s">
        <v>175</v>
      </c>
      <c r="E1116" s="1" t="s">
        <v>4173</v>
      </c>
      <c r="F1116" s="1" t="s">
        <v>10</v>
      </c>
      <c r="G1116" s="1" t="s">
        <v>10</v>
      </c>
      <c r="H1116" s="1" t="s">
        <v>10</v>
      </c>
      <c r="I1116" s="1" t="s">
        <v>3941</v>
      </c>
      <c r="J1116" s="1" t="s">
        <v>4172</v>
      </c>
      <c r="K1116" s="1" t="s">
        <v>130</v>
      </c>
      <c r="L1116" s="1" t="s">
        <v>4170</v>
      </c>
      <c r="M1116" s="1" t="s">
        <v>5</v>
      </c>
      <c r="N1116" s="1" t="s">
        <v>1009</v>
      </c>
      <c r="O1116" s="1" t="s">
        <v>8</v>
      </c>
      <c r="P1116" s="5" t="s">
        <v>31203</v>
      </c>
    </row>
    <row r="1117" spans="1:16" x14ac:dyDescent="0.2">
      <c r="A1117" s="1" t="s">
        <v>20</v>
      </c>
      <c r="B1117" s="1" t="s">
        <v>253</v>
      </c>
      <c r="C1117" s="1" t="s">
        <v>4175</v>
      </c>
      <c r="D1117" s="1" t="s">
        <v>2818</v>
      </c>
      <c r="E1117" s="1" t="s">
        <v>4176</v>
      </c>
      <c r="F1117" s="1" t="s">
        <v>10</v>
      </c>
      <c r="G1117" s="1" t="s">
        <v>10</v>
      </c>
      <c r="H1117" s="1" t="s">
        <v>4177</v>
      </c>
      <c r="I1117" s="1" t="s">
        <v>3941</v>
      </c>
      <c r="J1117" s="1" t="s">
        <v>4172</v>
      </c>
      <c r="K1117" s="1" t="s">
        <v>47</v>
      </c>
      <c r="L1117" s="1" t="s">
        <v>4174</v>
      </c>
      <c r="M1117" s="1" t="s">
        <v>5</v>
      </c>
      <c r="N1117" s="1" t="s">
        <v>1009</v>
      </c>
      <c r="O1117" s="1" t="s">
        <v>8</v>
      </c>
      <c r="P1117" s="5" t="s">
        <v>31203</v>
      </c>
    </row>
    <row r="1118" spans="1:16" x14ac:dyDescent="0.2">
      <c r="A1118" s="1" t="s">
        <v>20</v>
      </c>
      <c r="B1118" s="1" t="s">
        <v>253</v>
      </c>
      <c r="C1118" s="1" t="s">
        <v>4179</v>
      </c>
      <c r="D1118" s="1" t="s">
        <v>4180</v>
      </c>
      <c r="E1118" s="1" t="s">
        <v>10</v>
      </c>
      <c r="F1118" s="1" t="s">
        <v>10</v>
      </c>
      <c r="G1118" s="1" t="s">
        <v>10</v>
      </c>
      <c r="H1118" s="1" t="s">
        <v>4177</v>
      </c>
      <c r="I1118" s="1" t="s">
        <v>3941</v>
      </c>
      <c r="J1118" s="1" t="s">
        <v>4172</v>
      </c>
      <c r="K1118" s="1" t="s">
        <v>747</v>
      </c>
      <c r="L1118" s="1" t="s">
        <v>4178</v>
      </c>
      <c r="M1118" s="1" t="s">
        <v>5</v>
      </c>
      <c r="N1118" s="1" t="s">
        <v>1009</v>
      </c>
      <c r="O1118" s="1" t="s">
        <v>8</v>
      </c>
      <c r="P1118" s="5" t="s">
        <v>31203</v>
      </c>
    </row>
    <row r="1119" spans="1:16" x14ac:dyDescent="0.2">
      <c r="A1119" s="1" t="s">
        <v>20</v>
      </c>
      <c r="B1119" s="1" t="s">
        <v>21</v>
      </c>
      <c r="C1119" s="1" t="s">
        <v>4182</v>
      </c>
      <c r="D1119" s="1" t="s">
        <v>4183</v>
      </c>
      <c r="E1119" s="1" t="s">
        <v>4184</v>
      </c>
      <c r="F1119" s="1" t="s">
        <v>10</v>
      </c>
      <c r="G1119" s="1" t="s">
        <v>10</v>
      </c>
      <c r="H1119" s="1" t="s">
        <v>4177</v>
      </c>
      <c r="I1119" s="1" t="s">
        <v>3941</v>
      </c>
      <c r="J1119" s="1" t="s">
        <v>4172</v>
      </c>
      <c r="K1119" s="1" t="s">
        <v>130</v>
      </c>
      <c r="L1119" s="1" t="s">
        <v>4181</v>
      </c>
      <c r="M1119" s="1" t="s">
        <v>5</v>
      </c>
      <c r="N1119" s="1" t="s">
        <v>1009</v>
      </c>
      <c r="O1119" s="1" t="s">
        <v>8</v>
      </c>
      <c r="P1119" s="5" t="s">
        <v>31203</v>
      </c>
    </row>
    <row r="1120" spans="1:16" x14ac:dyDescent="0.2">
      <c r="A1120" s="1" t="s">
        <v>20</v>
      </c>
      <c r="B1120" s="1" t="s">
        <v>172</v>
      </c>
      <c r="C1120" s="1" t="s">
        <v>4186</v>
      </c>
      <c r="D1120" s="1" t="s">
        <v>4187</v>
      </c>
      <c r="E1120" s="1" t="s">
        <v>4188</v>
      </c>
      <c r="F1120" s="1" t="s">
        <v>10</v>
      </c>
      <c r="G1120" s="1" t="s">
        <v>10</v>
      </c>
      <c r="H1120" s="1" t="s">
        <v>4177</v>
      </c>
      <c r="I1120" s="1" t="s">
        <v>3941</v>
      </c>
      <c r="J1120" s="1" t="s">
        <v>4172</v>
      </c>
      <c r="K1120" s="1" t="s">
        <v>64</v>
      </c>
      <c r="L1120" s="1" t="s">
        <v>4185</v>
      </c>
      <c r="M1120" s="1" t="s">
        <v>5</v>
      </c>
      <c r="N1120" s="1" t="s">
        <v>1009</v>
      </c>
      <c r="O1120" s="1" t="s">
        <v>8</v>
      </c>
      <c r="P1120" s="5" t="s">
        <v>31203</v>
      </c>
    </row>
    <row r="1121" spans="1:16" x14ac:dyDescent="0.2">
      <c r="A1121" s="1" t="s">
        <v>20</v>
      </c>
      <c r="B1121" s="1" t="s">
        <v>172</v>
      </c>
      <c r="C1121" s="1" t="s">
        <v>1960</v>
      </c>
      <c r="D1121" s="1" t="s">
        <v>1960</v>
      </c>
      <c r="E1121" s="1" t="s">
        <v>4190</v>
      </c>
      <c r="F1121" s="1" t="s">
        <v>10</v>
      </c>
      <c r="G1121" s="1" t="s">
        <v>10</v>
      </c>
      <c r="H1121" s="1" t="s">
        <v>4177</v>
      </c>
      <c r="I1121" s="1" t="s">
        <v>3941</v>
      </c>
      <c r="J1121" s="1" t="s">
        <v>4172</v>
      </c>
      <c r="K1121" s="1" t="s">
        <v>64</v>
      </c>
      <c r="L1121" s="1" t="s">
        <v>4189</v>
      </c>
      <c r="M1121" s="1" t="s">
        <v>5</v>
      </c>
      <c r="N1121" s="1" t="s">
        <v>1009</v>
      </c>
      <c r="O1121" s="1" t="s">
        <v>8</v>
      </c>
      <c r="P1121" s="5" t="s">
        <v>29838</v>
      </c>
    </row>
    <row r="1122" spans="1:16" x14ac:dyDescent="0.2">
      <c r="A1122" s="1" t="s">
        <v>194</v>
      </c>
      <c r="B1122" s="1" t="s">
        <v>396</v>
      </c>
      <c r="C1122" s="1" t="s">
        <v>4192</v>
      </c>
      <c r="D1122" s="1" t="s">
        <v>4193</v>
      </c>
      <c r="E1122" s="1" t="s">
        <v>10</v>
      </c>
      <c r="F1122" s="1" t="s">
        <v>10</v>
      </c>
      <c r="G1122" s="1" t="s">
        <v>10</v>
      </c>
      <c r="H1122" s="1" t="s">
        <v>4177</v>
      </c>
      <c r="I1122" s="1" t="s">
        <v>3941</v>
      </c>
      <c r="J1122" s="1" t="s">
        <v>4172</v>
      </c>
      <c r="K1122" s="1" t="s">
        <v>64</v>
      </c>
      <c r="L1122" s="1" t="s">
        <v>4191</v>
      </c>
      <c r="M1122" s="1" t="s">
        <v>5</v>
      </c>
      <c r="N1122" s="1" t="s">
        <v>1009</v>
      </c>
      <c r="O1122" s="1" t="s">
        <v>8</v>
      </c>
      <c r="P1122" s="5" t="s">
        <v>29838</v>
      </c>
    </row>
    <row r="1123" spans="1:16" x14ac:dyDescent="0.2">
      <c r="A1123" s="1" t="s">
        <v>20</v>
      </c>
      <c r="B1123" s="1" t="s">
        <v>445</v>
      </c>
      <c r="C1123" s="1" t="s">
        <v>4195</v>
      </c>
      <c r="D1123" s="1" t="s">
        <v>4195</v>
      </c>
      <c r="E1123" s="1" t="s">
        <v>10</v>
      </c>
      <c r="F1123" s="1" t="s">
        <v>10</v>
      </c>
      <c r="G1123" s="1" t="s">
        <v>10</v>
      </c>
      <c r="H1123" s="1" t="s">
        <v>4177</v>
      </c>
      <c r="I1123" s="1" t="s">
        <v>3941</v>
      </c>
      <c r="J1123" s="1" t="s">
        <v>4172</v>
      </c>
      <c r="K1123" s="1" t="s">
        <v>64</v>
      </c>
      <c r="L1123" s="1" t="s">
        <v>4194</v>
      </c>
      <c r="M1123" s="1" t="s">
        <v>5</v>
      </c>
      <c r="N1123" s="1" t="s">
        <v>25</v>
      </c>
      <c r="O1123" s="1" t="s">
        <v>8</v>
      </c>
      <c r="P1123" s="5" t="s">
        <v>31203</v>
      </c>
    </row>
    <row r="1124" spans="1:16" x14ac:dyDescent="0.2">
      <c r="A1124" s="1" t="s">
        <v>66</v>
      </c>
      <c r="B1124" s="1" t="s">
        <v>574</v>
      </c>
      <c r="C1124" s="1" t="s">
        <v>4197</v>
      </c>
      <c r="D1124" s="1" t="s">
        <v>4198</v>
      </c>
      <c r="E1124" s="1" t="s">
        <v>4200</v>
      </c>
      <c r="F1124" s="1" t="s">
        <v>10</v>
      </c>
      <c r="G1124" s="1" t="s">
        <v>10</v>
      </c>
      <c r="H1124" s="1" t="s">
        <v>905</v>
      </c>
      <c r="I1124" s="1" t="s">
        <v>3941</v>
      </c>
      <c r="J1124" s="1" t="s">
        <v>4199</v>
      </c>
      <c r="K1124" s="1" t="s">
        <v>64</v>
      </c>
      <c r="L1124" s="1" t="s">
        <v>4196</v>
      </c>
      <c r="M1124" s="1" t="s">
        <v>5</v>
      </c>
      <c r="N1124" s="1" t="s">
        <v>1009</v>
      </c>
      <c r="O1124" s="1" t="s">
        <v>8</v>
      </c>
      <c r="P1124" s="5" t="s">
        <v>31204</v>
      </c>
    </row>
    <row r="1125" spans="1:16" x14ac:dyDescent="0.2">
      <c r="A1125" s="1" t="s">
        <v>66</v>
      </c>
      <c r="B1125" s="1" t="s">
        <v>574</v>
      </c>
      <c r="C1125" s="1" t="s">
        <v>4202</v>
      </c>
      <c r="D1125" s="1" t="s">
        <v>4203</v>
      </c>
      <c r="E1125" s="1" t="s">
        <v>4200</v>
      </c>
      <c r="F1125" s="1" t="s">
        <v>10</v>
      </c>
      <c r="G1125" s="1" t="s">
        <v>10</v>
      </c>
      <c r="H1125" s="1" t="s">
        <v>905</v>
      </c>
      <c r="I1125" s="1" t="s">
        <v>3941</v>
      </c>
      <c r="J1125" s="1" t="s">
        <v>4199</v>
      </c>
      <c r="K1125" s="1" t="s">
        <v>64</v>
      </c>
      <c r="L1125" s="1" t="s">
        <v>4201</v>
      </c>
      <c r="M1125" s="1" t="s">
        <v>5</v>
      </c>
      <c r="N1125" s="1" t="s">
        <v>1009</v>
      </c>
      <c r="O1125" s="1" t="s">
        <v>8</v>
      </c>
      <c r="P1125" s="5" t="s">
        <v>31204</v>
      </c>
    </row>
    <row r="1126" spans="1:16" x14ac:dyDescent="0.2">
      <c r="A1126" s="1" t="s">
        <v>66</v>
      </c>
      <c r="B1126" s="1" t="s">
        <v>574</v>
      </c>
      <c r="C1126" s="1" t="s">
        <v>4205</v>
      </c>
      <c r="D1126" s="1" t="s">
        <v>4206</v>
      </c>
      <c r="E1126" s="1" t="s">
        <v>4200</v>
      </c>
      <c r="F1126" s="1" t="s">
        <v>10</v>
      </c>
      <c r="G1126" s="1" t="s">
        <v>10</v>
      </c>
      <c r="H1126" s="1" t="s">
        <v>905</v>
      </c>
      <c r="I1126" s="1" t="s">
        <v>3941</v>
      </c>
      <c r="J1126" s="1" t="s">
        <v>4199</v>
      </c>
      <c r="K1126" s="1" t="s">
        <v>64</v>
      </c>
      <c r="L1126" s="1" t="s">
        <v>4204</v>
      </c>
      <c r="M1126" s="1" t="s">
        <v>5</v>
      </c>
      <c r="N1126" s="1" t="s">
        <v>1009</v>
      </c>
      <c r="O1126" s="1" t="s">
        <v>8</v>
      </c>
      <c r="P1126" s="5" t="s">
        <v>31204</v>
      </c>
    </row>
    <row r="1127" spans="1:16" x14ac:dyDescent="0.2">
      <c r="A1127" s="1" t="s">
        <v>66</v>
      </c>
      <c r="B1127" s="1" t="s">
        <v>574</v>
      </c>
      <c r="C1127" s="1" t="s">
        <v>4208</v>
      </c>
      <c r="D1127" s="1" t="s">
        <v>4209</v>
      </c>
      <c r="E1127" s="1" t="s">
        <v>4200</v>
      </c>
      <c r="F1127" s="1" t="s">
        <v>10</v>
      </c>
      <c r="G1127" s="1" t="s">
        <v>10</v>
      </c>
      <c r="H1127" s="1" t="s">
        <v>905</v>
      </c>
      <c r="I1127" s="1" t="s">
        <v>3941</v>
      </c>
      <c r="J1127" s="1" t="s">
        <v>4199</v>
      </c>
      <c r="K1127" s="1" t="s">
        <v>64</v>
      </c>
      <c r="L1127" s="1" t="s">
        <v>4207</v>
      </c>
      <c r="M1127" s="1" t="s">
        <v>5</v>
      </c>
      <c r="N1127" s="1" t="s">
        <v>1009</v>
      </c>
      <c r="O1127" s="1" t="s">
        <v>8</v>
      </c>
      <c r="P1127" s="5" t="s">
        <v>31204</v>
      </c>
    </row>
    <row r="1128" spans="1:16" x14ac:dyDescent="0.2">
      <c r="A1128" s="1" t="s">
        <v>66</v>
      </c>
      <c r="B1128" s="1" t="s">
        <v>574</v>
      </c>
      <c r="C1128" s="1" t="s">
        <v>4211</v>
      </c>
      <c r="D1128" s="1" t="s">
        <v>4212</v>
      </c>
      <c r="E1128" s="1" t="s">
        <v>4200</v>
      </c>
      <c r="F1128" s="1" t="s">
        <v>10</v>
      </c>
      <c r="G1128" s="1" t="s">
        <v>10</v>
      </c>
      <c r="H1128" s="1" t="s">
        <v>905</v>
      </c>
      <c r="I1128" s="1" t="s">
        <v>3941</v>
      </c>
      <c r="J1128" s="1" t="s">
        <v>4199</v>
      </c>
      <c r="K1128" s="1" t="s">
        <v>64</v>
      </c>
      <c r="L1128" s="1" t="s">
        <v>4210</v>
      </c>
      <c r="M1128" s="1" t="s">
        <v>5</v>
      </c>
      <c r="N1128" s="1" t="s">
        <v>1009</v>
      </c>
      <c r="O1128" s="1" t="s">
        <v>8</v>
      </c>
      <c r="P1128" s="5" t="s">
        <v>31204</v>
      </c>
    </row>
    <row r="1129" spans="1:16" x14ac:dyDescent="0.2">
      <c r="A1129" s="1" t="s">
        <v>66</v>
      </c>
      <c r="B1129" s="1" t="s">
        <v>574</v>
      </c>
      <c r="C1129" s="1" t="s">
        <v>4214</v>
      </c>
      <c r="D1129" s="1" t="s">
        <v>4215</v>
      </c>
      <c r="E1129" s="1" t="s">
        <v>4200</v>
      </c>
      <c r="F1129" s="1" t="s">
        <v>10</v>
      </c>
      <c r="G1129" s="1" t="s">
        <v>10</v>
      </c>
      <c r="H1129" s="1" t="s">
        <v>905</v>
      </c>
      <c r="I1129" s="1" t="s">
        <v>3941</v>
      </c>
      <c r="J1129" s="1" t="s">
        <v>4199</v>
      </c>
      <c r="K1129" s="1" t="s">
        <v>64</v>
      </c>
      <c r="L1129" s="1" t="s">
        <v>4213</v>
      </c>
      <c r="M1129" s="1" t="s">
        <v>5</v>
      </c>
      <c r="N1129" s="1" t="s">
        <v>1009</v>
      </c>
      <c r="O1129" s="1" t="s">
        <v>8</v>
      </c>
      <c r="P1129" s="5" t="s">
        <v>31204</v>
      </c>
    </row>
    <row r="1130" spans="1:16" x14ac:dyDescent="0.2">
      <c r="A1130" s="1" t="s">
        <v>66</v>
      </c>
      <c r="B1130" s="1" t="s">
        <v>574</v>
      </c>
      <c r="C1130" s="1" t="s">
        <v>4217</v>
      </c>
      <c r="D1130" s="1" t="s">
        <v>4218</v>
      </c>
      <c r="E1130" s="1" t="s">
        <v>4200</v>
      </c>
      <c r="F1130" s="1" t="s">
        <v>10</v>
      </c>
      <c r="G1130" s="1" t="s">
        <v>10</v>
      </c>
      <c r="H1130" s="1" t="s">
        <v>905</v>
      </c>
      <c r="I1130" s="1" t="s">
        <v>3941</v>
      </c>
      <c r="J1130" s="1" t="s">
        <v>4199</v>
      </c>
      <c r="K1130" s="1" t="s">
        <v>64</v>
      </c>
      <c r="L1130" s="1" t="s">
        <v>4216</v>
      </c>
      <c r="M1130" s="1" t="s">
        <v>5</v>
      </c>
      <c r="N1130" s="1" t="s">
        <v>1009</v>
      </c>
      <c r="O1130" s="1" t="s">
        <v>8</v>
      </c>
      <c r="P1130" s="5" t="s">
        <v>31204</v>
      </c>
    </row>
    <row r="1131" spans="1:16" x14ac:dyDescent="0.2">
      <c r="A1131" s="1" t="s">
        <v>66</v>
      </c>
      <c r="B1131" s="1" t="s">
        <v>574</v>
      </c>
      <c r="C1131" s="1" t="s">
        <v>4220</v>
      </c>
      <c r="D1131" s="1" t="s">
        <v>4221</v>
      </c>
      <c r="E1131" s="1" t="s">
        <v>4200</v>
      </c>
      <c r="F1131" s="1" t="s">
        <v>10</v>
      </c>
      <c r="G1131" s="1" t="s">
        <v>10</v>
      </c>
      <c r="H1131" s="1" t="s">
        <v>905</v>
      </c>
      <c r="I1131" s="1" t="s">
        <v>3941</v>
      </c>
      <c r="J1131" s="1" t="s">
        <v>4199</v>
      </c>
      <c r="K1131" s="1" t="s">
        <v>64</v>
      </c>
      <c r="L1131" s="1" t="s">
        <v>4219</v>
      </c>
      <c r="M1131" s="1" t="s">
        <v>5</v>
      </c>
      <c r="N1131" s="1" t="s">
        <v>1009</v>
      </c>
      <c r="O1131" s="1" t="s">
        <v>8</v>
      </c>
      <c r="P1131" s="5" t="s">
        <v>31204</v>
      </c>
    </row>
    <row r="1132" spans="1:16" x14ac:dyDescent="0.2">
      <c r="A1132" s="1" t="s">
        <v>66</v>
      </c>
      <c r="B1132" s="1" t="s">
        <v>574</v>
      </c>
      <c r="C1132" s="1" t="s">
        <v>4223</v>
      </c>
      <c r="D1132" s="1" t="s">
        <v>4224</v>
      </c>
      <c r="E1132" s="1" t="s">
        <v>4200</v>
      </c>
      <c r="F1132" s="1" t="s">
        <v>10</v>
      </c>
      <c r="G1132" s="1" t="s">
        <v>10</v>
      </c>
      <c r="H1132" s="1" t="s">
        <v>905</v>
      </c>
      <c r="I1132" s="1" t="s">
        <v>3941</v>
      </c>
      <c r="J1132" s="1" t="s">
        <v>4199</v>
      </c>
      <c r="K1132" s="1" t="s">
        <v>64</v>
      </c>
      <c r="L1132" s="1" t="s">
        <v>4222</v>
      </c>
      <c r="M1132" s="1" t="s">
        <v>5</v>
      </c>
      <c r="N1132" s="1" t="s">
        <v>1009</v>
      </c>
      <c r="O1132" s="1" t="s">
        <v>8</v>
      </c>
      <c r="P1132" s="5" t="s">
        <v>31204</v>
      </c>
    </row>
    <row r="1133" spans="1:16" x14ac:dyDescent="0.2">
      <c r="A1133" s="1" t="s">
        <v>66</v>
      </c>
      <c r="B1133" s="1" t="s">
        <v>574</v>
      </c>
      <c r="C1133" s="1" t="s">
        <v>4226</v>
      </c>
      <c r="D1133" s="1" t="s">
        <v>4227</v>
      </c>
      <c r="E1133" s="1" t="s">
        <v>4200</v>
      </c>
      <c r="F1133" s="1" t="s">
        <v>10</v>
      </c>
      <c r="G1133" s="1" t="s">
        <v>10</v>
      </c>
      <c r="H1133" s="1" t="s">
        <v>905</v>
      </c>
      <c r="I1133" s="1" t="s">
        <v>3941</v>
      </c>
      <c r="J1133" s="1" t="s">
        <v>4199</v>
      </c>
      <c r="K1133" s="1" t="s">
        <v>64</v>
      </c>
      <c r="L1133" s="1" t="s">
        <v>4225</v>
      </c>
      <c r="M1133" s="1" t="s">
        <v>5</v>
      </c>
      <c r="N1133" s="1" t="s">
        <v>1009</v>
      </c>
      <c r="O1133" s="1" t="s">
        <v>8</v>
      </c>
      <c r="P1133" s="5" t="s">
        <v>31204</v>
      </c>
    </row>
    <row r="1134" spans="1:16" x14ac:dyDescent="0.2">
      <c r="A1134" s="1" t="s">
        <v>66</v>
      </c>
      <c r="B1134" s="1" t="s">
        <v>574</v>
      </c>
      <c r="C1134" s="1" t="s">
        <v>4229</v>
      </c>
      <c r="D1134" s="1" t="s">
        <v>4230</v>
      </c>
      <c r="E1134" s="1" t="s">
        <v>4200</v>
      </c>
      <c r="F1134" s="1" t="s">
        <v>10</v>
      </c>
      <c r="G1134" s="1" t="s">
        <v>10</v>
      </c>
      <c r="H1134" s="1" t="s">
        <v>905</v>
      </c>
      <c r="I1134" s="1" t="s">
        <v>3941</v>
      </c>
      <c r="J1134" s="1" t="s">
        <v>4199</v>
      </c>
      <c r="K1134" s="1" t="s">
        <v>64</v>
      </c>
      <c r="L1134" s="1" t="s">
        <v>4228</v>
      </c>
      <c r="M1134" s="1" t="s">
        <v>5</v>
      </c>
      <c r="N1134" s="1" t="s">
        <v>1009</v>
      </c>
      <c r="O1134" s="1" t="s">
        <v>8</v>
      </c>
      <c r="P1134" s="5" t="s">
        <v>31204</v>
      </c>
    </row>
    <row r="1135" spans="1:16" x14ac:dyDescent="0.2">
      <c r="A1135" s="1" t="s">
        <v>66</v>
      </c>
      <c r="B1135" s="1" t="s">
        <v>574</v>
      </c>
      <c r="C1135" s="1" t="s">
        <v>4232</v>
      </c>
      <c r="D1135" s="1" t="s">
        <v>4233</v>
      </c>
      <c r="E1135" s="1" t="s">
        <v>4200</v>
      </c>
      <c r="F1135" s="1" t="s">
        <v>10</v>
      </c>
      <c r="G1135" s="1" t="s">
        <v>10</v>
      </c>
      <c r="H1135" s="1" t="s">
        <v>905</v>
      </c>
      <c r="I1135" s="1" t="s">
        <v>3941</v>
      </c>
      <c r="J1135" s="1" t="s">
        <v>4234</v>
      </c>
      <c r="K1135" s="1" t="s">
        <v>64</v>
      </c>
      <c r="L1135" s="1" t="s">
        <v>4231</v>
      </c>
      <c r="M1135" s="1" t="s">
        <v>5</v>
      </c>
      <c r="N1135" s="1" t="s">
        <v>1009</v>
      </c>
      <c r="O1135" s="1" t="s">
        <v>8</v>
      </c>
      <c r="P1135" s="5" t="s">
        <v>31203</v>
      </c>
    </row>
    <row r="1136" spans="1:16" x14ac:dyDescent="0.2">
      <c r="A1136" s="1" t="s">
        <v>66</v>
      </c>
      <c r="B1136" s="1" t="s">
        <v>574</v>
      </c>
      <c r="C1136" s="1" t="s">
        <v>4236</v>
      </c>
      <c r="D1136" s="1" t="s">
        <v>4237</v>
      </c>
      <c r="E1136" s="1" t="s">
        <v>4200</v>
      </c>
      <c r="F1136" s="1" t="s">
        <v>10</v>
      </c>
      <c r="G1136" s="1" t="s">
        <v>10</v>
      </c>
      <c r="H1136" s="1" t="s">
        <v>905</v>
      </c>
      <c r="I1136" s="1" t="s">
        <v>3941</v>
      </c>
      <c r="J1136" s="1" t="s">
        <v>4234</v>
      </c>
      <c r="K1136" s="1" t="s">
        <v>64</v>
      </c>
      <c r="L1136" s="1" t="s">
        <v>4235</v>
      </c>
      <c r="M1136" s="1" t="s">
        <v>5</v>
      </c>
      <c r="N1136" s="1" t="s">
        <v>1009</v>
      </c>
      <c r="O1136" s="1" t="s">
        <v>8</v>
      </c>
      <c r="P1136" s="5" t="s">
        <v>31203</v>
      </c>
    </row>
    <row r="1137" spans="1:16" x14ac:dyDescent="0.2">
      <c r="A1137" s="1" t="s">
        <v>66</v>
      </c>
      <c r="B1137" s="1" t="s">
        <v>574</v>
      </c>
      <c r="C1137" s="1" t="s">
        <v>4239</v>
      </c>
      <c r="D1137" s="1" t="s">
        <v>4240</v>
      </c>
      <c r="E1137" s="1" t="s">
        <v>4200</v>
      </c>
      <c r="F1137" s="1" t="s">
        <v>10</v>
      </c>
      <c r="G1137" s="1" t="s">
        <v>10</v>
      </c>
      <c r="H1137" s="1" t="s">
        <v>905</v>
      </c>
      <c r="I1137" s="1" t="s">
        <v>3941</v>
      </c>
      <c r="J1137" s="1" t="s">
        <v>4234</v>
      </c>
      <c r="K1137" s="1" t="s">
        <v>64</v>
      </c>
      <c r="L1137" s="1" t="s">
        <v>4238</v>
      </c>
      <c r="M1137" s="1" t="s">
        <v>5</v>
      </c>
      <c r="N1137" s="1" t="s">
        <v>1009</v>
      </c>
      <c r="O1137" s="1" t="s">
        <v>8</v>
      </c>
      <c r="P1137" s="5" t="s">
        <v>31203</v>
      </c>
    </row>
    <row r="1138" spans="1:16" x14ac:dyDescent="0.2">
      <c r="A1138" s="1" t="s">
        <v>66</v>
      </c>
      <c r="B1138" s="1" t="s">
        <v>574</v>
      </c>
      <c r="C1138" s="1" t="s">
        <v>4242</v>
      </c>
      <c r="D1138" s="1" t="s">
        <v>4243</v>
      </c>
      <c r="E1138" s="1" t="s">
        <v>4200</v>
      </c>
      <c r="F1138" s="1" t="s">
        <v>10</v>
      </c>
      <c r="G1138" s="1" t="s">
        <v>10</v>
      </c>
      <c r="H1138" s="1" t="s">
        <v>905</v>
      </c>
      <c r="I1138" s="1" t="s">
        <v>3941</v>
      </c>
      <c r="J1138" s="1" t="s">
        <v>4234</v>
      </c>
      <c r="K1138" s="1" t="s">
        <v>64</v>
      </c>
      <c r="L1138" s="1" t="s">
        <v>4241</v>
      </c>
      <c r="M1138" s="1" t="s">
        <v>5</v>
      </c>
      <c r="N1138" s="1" t="s">
        <v>1009</v>
      </c>
      <c r="O1138" s="1" t="s">
        <v>8</v>
      </c>
      <c r="P1138" s="5" t="s">
        <v>31203</v>
      </c>
    </row>
    <row r="1139" spans="1:16" x14ac:dyDescent="0.2">
      <c r="A1139" s="1" t="s">
        <v>66</v>
      </c>
      <c r="B1139" s="1" t="s">
        <v>574</v>
      </c>
      <c r="C1139" s="1" t="s">
        <v>4245</v>
      </c>
      <c r="D1139" s="1" t="s">
        <v>4246</v>
      </c>
      <c r="E1139" s="1" t="s">
        <v>4200</v>
      </c>
      <c r="F1139" s="1" t="s">
        <v>10</v>
      </c>
      <c r="G1139" s="1" t="s">
        <v>10</v>
      </c>
      <c r="H1139" s="1" t="s">
        <v>905</v>
      </c>
      <c r="I1139" s="1" t="s">
        <v>3941</v>
      </c>
      <c r="J1139" s="1" t="s">
        <v>4234</v>
      </c>
      <c r="K1139" s="1" t="s">
        <v>64</v>
      </c>
      <c r="L1139" s="1" t="s">
        <v>4244</v>
      </c>
      <c r="M1139" s="1" t="s">
        <v>5</v>
      </c>
      <c r="N1139" s="1" t="s">
        <v>1009</v>
      </c>
      <c r="O1139" s="1" t="s">
        <v>8</v>
      </c>
      <c r="P1139" s="5" t="s">
        <v>31203</v>
      </c>
    </row>
    <row r="1140" spans="1:16" x14ac:dyDescent="0.2">
      <c r="A1140" s="1" t="s">
        <v>66</v>
      </c>
      <c r="B1140" s="1" t="s">
        <v>574</v>
      </c>
      <c r="C1140" s="1" t="s">
        <v>4248</v>
      </c>
      <c r="D1140" s="1" t="s">
        <v>4249</v>
      </c>
      <c r="E1140" s="1" t="s">
        <v>4200</v>
      </c>
      <c r="F1140" s="1" t="s">
        <v>10</v>
      </c>
      <c r="G1140" s="1" t="s">
        <v>10</v>
      </c>
      <c r="H1140" s="1" t="s">
        <v>905</v>
      </c>
      <c r="I1140" s="1" t="s">
        <v>3941</v>
      </c>
      <c r="J1140" s="1" t="s">
        <v>4234</v>
      </c>
      <c r="K1140" s="1" t="s">
        <v>64</v>
      </c>
      <c r="L1140" s="1" t="s">
        <v>4247</v>
      </c>
      <c r="M1140" s="1" t="s">
        <v>5</v>
      </c>
      <c r="N1140" s="1" t="s">
        <v>1009</v>
      </c>
      <c r="O1140" s="1" t="s">
        <v>8</v>
      </c>
      <c r="P1140" s="5" t="s">
        <v>31203</v>
      </c>
    </row>
    <row r="1141" spans="1:16" x14ac:dyDescent="0.2">
      <c r="A1141" s="1" t="s">
        <v>66</v>
      </c>
      <c r="B1141" s="1" t="s">
        <v>574</v>
      </c>
      <c r="C1141" s="1" t="s">
        <v>4251</v>
      </c>
      <c r="D1141" s="1" t="s">
        <v>4252</v>
      </c>
      <c r="E1141" s="1" t="s">
        <v>4200</v>
      </c>
      <c r="F1141" s="1" t="s">
        <v>10</v>
      </c>
      <c r="G1141" s="1" t="s">
        <v>10</v>
      </c>
      <c r="H1141" s="1" t="s">
        <v>905</v>
      </c>
      <c r="I1141" s="1" t="s">
        <v>3941</v>
      </c>
      <c r="J1141" s="1" t="s">
        <v>4234</v>
      </c>
      <c r="K1141" s="1" t="s">
        <v>64</v>
      </c>
      <c r="L1141" s="1" t="s">
        <v>4250</v>
      </c>
      <c r="M1141" s="1" t="s">
        <v>5</v>
      </c>
      <c r="N1141" s="1" t="s">
        <v>1009</v>
      </c>
      <c r="O1141" s="1" t="s">
        <v>8</v>
      </c>
      <c r="P1141" s="5" t="s">
        <v>31203</v>
      </c>
    </row>
    <row r="1142" spans="1:16" x14ac:dyDescent="0.2">
      <c r="A1142" s="1" t="s">
        <v>66</v>
      </c>
      <c r="B1142" s="1" t="s">
        <v>574</v>
      </c>
      <c r="C1142" s="1" t="s">
        <v>4254</v>
      </c>
      <c r="D1142" s="1" t="s">
        <v>4255</v>
      </c>
      <c r="E1142" s="1" t="s">
        <v>4200</v>
      </c>
      <c r="F1142" s="1" t="s">
        <v>10</v>
      </c>
      <c r="G1142" s="1" t="s">
        <v>10</v>
      </c>
      <c r="H1142" s="1" t="s">
        <v>905</v>
      </c>
      <c r="I1142" s="1" t="s">
        <v>3941</v>
      </c>
      <c r="J1142" s="1" t="s">
        <v>4234</v>
      </c>
      <c r="K1142" s="1" t="s">
        <v>64</v>
      </c>
      <c r="L1142" s="1" t="s">
        <v>4253</v>
      </c>
      <c r="M1142" s="1" t="s">
        <v>5</v>
      </c>
      <c r="N1142" s="1" t="s">
        <v>1009</v>
      </c>
      <c r="O1142" s="1" t="s">
        <v>8</v>
      </c>
      <c r="P1142" s="5" t="s">
        <v>31203</v>
      </c>
    </row>
    <row r="1143" spans="1:16" x14ac:dyDescent="0.2">
      <c r="A1143" s="1" t="s">
        <v>66</v>
      </c>
      <c r="B1143" s="1" t="s">
        <v>574</v>
      </c>
      <c r="C1143" s="1" t="s">
        <v>4257</v>
      </c>
      <c r="D1143" s="1" t="s">
        <v>4258</v>
      </c>
      <c r="E1143" s="1" t="s">
        <v>4200</v>
      </c>
      <c r="F1143" s="1" t="s">
        <v>10</v>
      </c>
      <c r="G1143" s="1" t="s">
        <v>10</v>
      </c>
      <c r="H1143" s="1" t="s">
        <v>905</v>
      </c>
      <c r="I1143" s="1" t="s">
        <v>3941</v>
      </c>
      <c r="J1143" s="1" t="s">
        <v>4234</v>
      </c>
      <c r="K1143" s="1" t="s">
        <v>64</v>
      </c>
      <c r="L1143" s="1" t="s">
        <v>4256</v>
      </c>
      <c r="M1143" s="1" t="s">
        <v>5</v>
      </c>
      <c r="N1143" s="1" t="s">
        <v>1009</v>
      </c>
      <c r="O1143" s="1" t="s">
        <v>8</v>
      </c>
      <c r="P1143" s="5" t="s">
        <v>31203</v>
      </c>
    </row>
    <row r="1144" spans="1:16" x14ac:dyDescent="0.2">
      <c r="A1144" s="1" t="s">
        <v>66</v>
      </c>
      <c r="B1144" s="1" t="s">
        <v>574</v>
      </c>
      <c r="C1144" s="1" t="s">
        <v>4260</v>
      </c>
      <c r="D1144" s="1" t="s">
        <v>4261</v>
      </c>
      <c r="E1144" s="1" t="s">
        <v>4200</v>
      </c>
      <c r="F1144" s="1" t="s">
        <v>10</v>
      </c>
      <c r="G1144" s="1" t="s">
        <v>10</v>
      </c>
      <c r="H1144" s="1" t="s">
        <v>905</v>
      </c>
      <c r="I1144" s="1" t="s">
        <v>3941</v>
      </c>
      <c r="J1144" s="1" t="s">
        <v>4234</v>
      </c>
      <c r="K1144" s="1" t="s">
        <v>64</v>
      </c>
      <c r="L1144" s="1" t="s">
        <v>4259</v>
      </c>
      <c r="M1144" s="1" t="s">
        <v>5</v>
      </c>
      <c r="N1144" s="1" t="s">
        <v>1009</v>
      </c>
      <c r="O1144" s="1" t="s">
        <v>8</v>
      </c>
      <c r="P1144" s="5" t="s">
        <v>31203</v>
      </c>
    </row>
    <row r="1145" spans="1:16" x14ac:dyDescent="0.2">
      <c r="A1145" s="1" t="s">
        <v>66</v>
      </c>
      <c r="B1145" s="1" t="s">
        <v>574</v>
      </c>
      <c r="C1145" s="1" t="s">
        <v>4263</v>
      </c>
      <c r="D1145" s="1" t="s">
        <v>4264</v>
      </c>
      <c r="E1145" s="1" t="s">
        <v>4200</v>
      </c>
      <c r="F1145" s="1" t="s">
        <v>10</v>
      </c>
      <c r="G1145" s="1" t="s">
        <v>10</v>
      </c>
      <c r="H1145" s="1" t="s">
        <v>905</v>
      </c>
      <c r="I1145" s="1" t="s">
        <v>3941</v>
      </c>
      <c r="J1145" s="1" t="s">
        <v>4234</v>
      </c>
      <c r="K1145" s="1" t="s">
        <v>64</v>
      </c>
      <c r="L1145" s="1" t="s">
        <v>4262</v>
      </c>
      <c r="M1145" s="1" t="s">
        <v>5</v>
      </c>
      <c r="N1145" s="1" t="s">
        <v>1009</v>
      </c>
      <c r="O1145" s="1" t="s">
        <v>8</v>
      </c>
      <c r="P1145" s="5" t="s">
        <v>31203</v>
      </c>
    </row>
    <row r="1146" spans="1:16" x14ac:dyDescent="0.2">
      <c r="A1146" s="1" t="s">
        <v>66</v>
      </c>
      <c r="B1146" s="1" t="s">
        <v>574</v>
      </c>
      <c r="C1146" s="1" t="s">
        <v>4266</v>
      </c>
      <c r="D1146" s="1" t="s">
        <v>4267</v>
      </c>
      <c r="E1146" s="1" t="s">
        <v>4200</v>
      </c>
      <c r="F1146" s="1" t="s">
        <v>10</v>
      </c>
      <c r="G1146" s="1" t="s">
        <v>10</v>
      </c>
      <c r="H1146" s="1" t="s">
        <v>905</v>
      </c>
      <c r="I1146" s="1" t="s">
        <v>3941</v>
      </c>
      <c r="J1146" s="1" t="s">
        <v>4234</v>
      </c>
      <c r="K1146" s="1" t="s">
        <v>64</v>
      </c>
      <c r="L1146" s="1" t="s">
        <v>4265</v>
      </c>
      <c r="M1146" s="1" t="s">
        <v>5</v>
      </c>
      <c r="N1146" s="1" t="s">
        <v>1009</v>
      </c>
      <c r="O1146" s="1" t="s">
        <v>8</v>
      </c>
      <c r="P1146" s="5" t="s">
        <v>29838</v>
      </c>
    </row>
    <row r="1147" spans="1:16" x14ac:dyDescent="0.2">
      <c r="A1147" s="1" t="s">
        <v>66</v>
      </c>
      <c r="B1147" s="1" t="s">
        <v>574</v>
      </c>
      <c r="C1147" s="1" t="s">
        <v>4269</v>
      </c>
      <c r="D1147" s="1" t="s">
        <v>4270</v>
      </c>
      <c r="E1147" s="1" t="s">
        <v>4200</v>
      </c>
      <c r="F1147" s="1" t="s">
        <v>10</v>
      </c>
      <c r="G1147" s="1" t="s">
        <v>10</v>
      </c>
      <c r="H1147" s="1" t="s">
        <v>905</v>
      </c>
      <c r="I1147" s="1" t="s">
        <v>3941</v>
      </c>
      <c r="J1147" s="1" t="s">
        <v>4234</v>
      </c>
      <c r="K1147" s="1" t="s">
        <v>64</v>
      </c>
      <c r="L1147" s="1" t="s">
        <v>4268</v>
      </c>
      <c r="M1147" s="1" t="s">
        <v>5</v>
      </c>
      <c r="N1147" s="1" t="s">
        <v>1009</v>
      </c>
      <c r="O1147" s="1" t="s">
        <v>8</v>
      </c>
      <c r="P1147" s="5" t="s">
        <v>29838</v>
      </c>
    </row>
    <row r="1148" spans="1:16" x14ac:dyDescent="0.2">
      <c r="A1148" s="1" t="s">
        <v>66</v>
      </c>
      <c r="B1148" s="1" t="s">
        <v>574</v>
      </c>
      <c r="C1148" s="1" t="s">
        <v>4272</v>
      </c>
      <c r="D1148" s="1" t="s">
        <v>4273</v>
      </c>
      <c r="E1148" s="1" t="s">
        <v>4200</v>
      </c>
      <c r="F1148" s="1" t="s">
        <v>10</v>
      </c>
      <c r="G1148" s="1" t="s">
        <v>10</v>
      </c>
      <c r="H1148" s="1" t="s">
        <v>905</v>
      </c>
      <c r="I1148" s="1" t="s">
        <v>3941</v>
      </c>
      <c r="J1148" s="1" t="s">
        <v>4234</v>
      </c>
      <c r="K1148" s="1" t="s">
        <v>64</v>
      </c>
      <c r="L1148" s="1" t="s">
        <v>4271</v>
      </c>
      <c r="M1148" s="1" t="s">
        <v>5</v>
      </c>
      <c r="N1148" s="1" t="s">
        <v>1009</v>
      </c>
      <c r="O1148" s="1" t="s">
        <v>8</v>
      </c>
      <c r="P1148" s="5" t="s">
        <v>29838</v>
      </c>
    </row>
    <row r="1149" spans="1:16" x14ac:dyDescent="0.2">
      <c r="A1149" s="1" t="s">
        <v>66</v>
      </c>
      <c r="B1149" s="1" t="s">
        <v>574</v>
      </c>
      <c r="C1149" s="1" t="s">
        <v>4275</v>
      </c>
      <c r="D1149" s="1" t="s">
        <v>4276</v>
      </c>
      <c r="E1149" s="1" t="s">
        <v>4200</v>
      </c>
      <c r="F1149" s="1" t="s">
        <v>10</v>
      </c>
      <c r="G1149" s="1" t="s">
        <v>10</v>
      </c>
      <c r="H1149" s="1" t="s">
        <v>905</v>
      </c>
      <c r="I1149" s="1" t="s">
        <v>3941</v>
      </c>
      <c r="J1149" s="1" t="s">
        <v>4234</v>
      </c>
      <c r="K1149" s="1" t="s">
        <v>64</v>
      </c>
      <c r="L1149" s="1" t="s">
        <v>4274</v>
      </c>
      <c r="M1149" s="1" t="s">
        <v>5</v>
      </c>
      <c r="N1149" s="1" t="s">
        <v>1009</v>
      </c>
      <c r="O1149" s="1" t="s">
        <v>8</v>
      </c>
      <c r="P1149" s="5" t="s">
        <v>31203</v>
      </c>
    </row>
    <row r="1150" spans="1:16" x14ac:dyDescent="0.2">
      <c r="A1150" s="1" t="s">
        <v>66</v>
      </c>
      <c r="B1150" s="1" t="s">
        <v>574</v>
      </c>
      <c r="C1150" s="1" t="s">
        <v>4278</v>
      </c>
      <c r="D1150" s="1" t="s">
        <v>4279</v>
      </c>
      <c r="E1150" s="1" t="s">
        <v>4200</v>
      </c>
      <c r="F1150" s="1" t="s">
        <v>10</v>
      </c>
      <c r="G1150" s="1" t="s">
        <v>10</v>
      </c>
      <c r="H1150" s="1" t="s">
        <v>905</v>
      </c>
      <c r="I1150" s="1" t="s">
        <v>3941</v>
      </c>
      <c r="J1150" s="1" t="s">
        <v>4234</v>
      </c>
      <c r="K1150" s="1" t="s">
        <v>64</v>
      </c>
      <c r="L1150" s="1" t="s">
        <v>4277</v>
      </c>
      <c r="M1150" s="1" t="s">
        <v>5</v>
      </c>
      <c r="N1150" s="1" t="s">
        <v>1009</v>
      </c>
      <c r="O1150" s="1" t="s">
        <v>8</v>
      </c>
      <c r="P1150" s="5" t="s">
        <v>31203</v>
      </c>
    </row>
    <row r="1151" spans="1:16" x14ac:dyDescent="0.2">
      <c r="A1151" s="1" t="s">
        <v>66</v>
      </c>
      <c r="B1151" s="1" t="s">
        <v>574</v>
      </c>
      <c r="C1151" s="1" t="s">
        <v>4281</v>
      </c>
      <c r="D1151" s="1" t="s">
        <v>4282</v>
      </c>
      <c r="E1151" s="1" t="s">
        <v>4200</v>
      </c>
      <c r="F1151" s="1" t="s">
        <v>10</v>
      </c>
      <c r="G1151" s="1" t="s">
        <v>10</v>
      </c>
      <c r="H1151" s="1" t="s">
        <v>905</v>
      </c>
      <c r="I1151" s="1" t="s">
        <v>3941</v>
      </c>
      <c r="J1151" s="1" t="s">
        <v>4234</v>
      </c>
      <c r="K1151" s="1" t="s">
        <v>64</v>
      </c>
      <c r="L1151" s="1" t="s">
        <v>4280</v>
      </c>
      <c r="M1151" s="1" t="s">
        <v>5</v>
      </c>
      <c r="N1151" s="1" t="s">
        <v>1009</v>
      </c>
      <c r="O1151" s="1" t="s">
        <v>8</v>
      </c>
      <c r="P1151" s="5" t="s">
        <v>31203</v>
      </c>
    </row>
    <row r="1152" spans="1:16" x14ac:dyDescent="0.2">
      <c r="A1152" s="1" t="s">
        <v>66</v>
      </c>
      <c r="B1152" s="1" t="s">
        <v>574</v>
      </c>
      <c r="C1152" s="1" t="s">
        <v>4284</v>
      </c>
      <c r="D1152" s="1" t="s">
        <v>4285</v>
      </c>
      <c r="E1152" s="1" t="s">
        <v>4200</v>
      </c>
      <c r="F1152" s="1" t="s">
        <v>10</v>
      </c>
      <c r="G1152" s="1" t="s">
        <v>10</v>
      </c>
      <c r="H1152" s="1" t="s">
        <v>905</v>
      </c>
      <c r="I1152" s="1" t="s">
        <v>3941</v>
      </c>
      <c r="J1152" s="1" t="s">
        <v>4234</v>
      </c>
      <c r="K1152" s="1" t="s">
        <v>64</v>
      </c>
      <c r="L1152" s="1" t="s">
        <v>4283</v>
      </c>
      <c r="M1152" s="1" t="s">
        <v>5</v>
      </c>
      <c r="N1152" s="1" t="s">
        <v>1009</v>
      </c>
      <c r="O1152" s="1" t="s">
        <v>8</v>
      </c>
      <c r="P1152" s="5" t="s">
        <v>31203</v>
      </c>
    </row>
    <row r="1153" spans="1:16" x14ac:dyDescent="0.2">
      <c r="A1153" s="1" t="s">
        <v>66</v>
      </c>
      <c r="B1153" s="1" t="s">
        <v>574</v>
      </c>
      <c r="C1153" s="1" t="s">
        <v>4287</v>
      </c>
      <c r="D1153" s="1" t="s">
        <v>4288</v>
      </c>
      <c r="E1153" s="1" t="s">
        <v>4200</v>
      </c>
      <c r="F1153" s="1" t="s">
        <v>10</v>
      </c>
      <c r="G1153" s="1" t="s">
        <v>10</v>
      </c>
      <c r="H1153" s="1" t="s">
        <v>905</v>
      </c>
      <c r="I1153" s="1" t="s">
        <v>3941</v>
      </c>
      <c r="J1153" s="1" t="s">
        <v>4234</v>
      </c>
      <c r="K1153" s="1" t="s">
        <v>64</v>
      </c>
      <c r="L1153" s="1" t="s">
        <v>4286</v>
      </c>
      <c r="M1153" s="1" t="s">
        <v>5</v>
      </c>
      <c r="N1153" s="1" t="s">
        <v>1009</v>
      </c>
      <c r="O1153" s="1" t="s">
        <v>8</v>
      </c>
      <c r="P1153" s="5" t="s">
        <v>31203</v>
      </c>
    </row>
    <row r="1154" spans="1:16" x14ac:dyDescent="0.2">
      <c r="A1154" s="1" t="s">
        <v>66</v>
      </c>
      <c r="B1154" s="1" t="s">
        <v>574</v>
      </c>
      <c r="C1154" s="1" t="s">
        <v>4290</v>
      </c>
      <c r="D1154" s="1" t="s">
        <v>4291</v>
      </c>
      <c r="E1154" s="1" t="s">
        <v>4200</v>
      </c>
      <c r="F1154" s="1" t="s">
        <v>10</v>
      </c>
      <c r="G1154" s="1" t="s">
        <v>10</v>
      </c>
      <c r="H1154" s="1" t="s">
        <v>905</v>
      </c>
      <c r="I1154" s="1" t="s">
        <v>3941</v>
      </c>
      <c r="J1154" s="1" t="s">
        <v>4234</v>
      </c>
      <c r="K1154" s="1" t="s">
        <v>64</v>
      </c>
      <c r="L1154" s="1" t="s">
        <v>4289</v>
      </c>
      <c r="M1154" s="1" t="s">
        <v>5</v>
      </c>
      <c r="N1154" s="1" t="s">
        <v>1009</v>
      </c>
      <c r="O1154" s="1" t="s">
        <v>8</v>
      </c>
      <c r="P1154" s="5" t="s">
        <v>31203</v>
      </c>
    </row>
    <row r="1155" spans="1:16" x14ac:dyDescent="0.2">
      <c r="A1155" s="1" t="s">
        <v>66</v>
      </c>
      <c r="B1155" s="1" t="s">
        <v>574</v>
      </c>
      <c r="C1155" s="1" t="s">
        <v>4293</v>
      </c>
      <c r="D1155" s="1" t="s">
        <v>4294</v>
      </c>
      <c r="E1155" s="1" t="s">
        <v>4200</v>
      </c>
      <c r="F1155" s="1" t="s">
        <v>10</v>
      </c>
      <c r="G1155" s="1" t="s">
        <v>10</v>
      </c>
      <c r="H1155" s="1" t="s">
        <v>905</v>
      </c>
      <c r="I1155" s="1" t="s">
        <v>3941</v>
      </c>
      <c r="J1155" s="1" t="s">
        <v>4234</v>
      </c>
      <c r="K1155" s="1" t="s">
        <v>64</v>
      </c>
      <c r="L1155" s="1" t="s">
        <v>4292</v>
      </c>
      <c r="M1155" s="1" t="s">
        <v>5</v>
      </c>
      <c r="N1155" s="1" t="s">
        <v>1009</v>
      </c>
      <c r="O1155" s="1" t="s">
        <v>8</v>
      </c>
      <c r="P1155" s="5" t="s">
        <v>29838</v>
      </c>
    </row>
    <row r="1156" spans="1:16" x14ac:dyDescent="0.2">
      <c r="A1156" s="1" t="s">
        <v>66</v>
      </c>
      <c r="B1156" s="1" t="s">
        <v>574</v>
      </c>
      <c r="C1156" s="1" t="s">
        <v>4296</v>
      </c>
      <c r="D1156" s="1" t="s">
        <v>4297</v>
      </c>
      <c r="E1156" s="1" t="s">
        <v>4200</v>
      </c>
      <c r="F1156" s="1" t="s">
        <v>10</v>
      </c>
      <c r="G1156" s="1" t="s">
        <v>10</v>
      </c>
      <c r="H1156" s="1" t="s">
        <v>905</v>
      </c>
      <c r="I1156" s="1" t="s">
        <v>3941</v>
      </c>
      <c r="J1156" s="1" t="s">
        <v>4234</v>
      </c>
      <c r="K1156" s="1" t="s">
        <v>64</v>
      </c>
      <c r="L1156" s="1" t="s">
        <v>4295</v>
      </c>
      <c r="M1156" s="1" t="s">
        <v>5</v>
      </c>
      <c r="N1156" s="1" t="s">
        <v>1009</v>
      </c>
      <c r="O1156" s="1" t="s">
        <v>8</v>
      </c>
      <c r="P1156" s="5" t="s">
        <v>29838</v>
      </c>
    </row>
    <row r="1157" spans="1:16" x14ac:dyDescent="0.2">
      <c r="A1157" s="1" t="s">
        <v>66</v>
      </c>
      <c r="B1157" s="1" t="s">
        <v>574</v>
      </c>
      <c r="C1157" s="1" t="s">
        <v>4299</v>
      </c>
      <c r="D1157" s="1" t="s">
        <v>4300</v>
      </c>
      <c r="E1157" s="1" t="s">
        <v>4200</v>
      </c>
      <c r="F1157" s="1" t="s">
        <v>10</v>
      </c>
      <c r="G1157" s="1" t="s">
        <v>10</v>
      </c>
      <c r="H1157" s="1" t="s">
        <v>905</v>
      </c>
      <c r="I1157" s="1" t="s">
        <v>3941</v>
      </c>
      <c r="J1157" s="1" t="s">
        <v>4234</v>
      </c>
      <c r="K1157" s="1" t="s">
        <v>64</v>
      </c>
      <c r="L1157" s="1" t="s">
        <v>4298</v>
      </c>
      <c r="M1157" s="1" t="s">
        <v>5</v>
      </c>
      <c r="N1157" s="1" t="s">
        <v>1009</v>
      </c>
      <c r="O1157" s="1" t="s">
        <v>8</v>
      </c>
      <c r="P1157" s="5" t="s">
        <v>29838</v>
      </c>
    </row>
    <row r="1158" spans="1:16" x14ac:dyDescent="0.2">
      <c r="A1158" s="1" t="s">
        <v>66</v>
      </c>
      <c r="B1158" s="1" t="s">
        <v>574</v>
      </c>
      <c r="C1158" s="1" t="s">
        <v>4302</v>
      </c>
      <c r="D1158" s="1" t="s">
        <v>4303</v>
      </c>
      <c r="E1158" s="1" t="s">
        <v>4200</v>
      </c>
      <c r="F1158" s="1" t="s">
        <v>10</v>
      </c>
      <c r="G1158" s="1" t="s">
        <v>10</v>
      </c>
      <c r="H1158" s="1" t="s">
        <v>905</v>
      </c>
      <c r="I1158" s="1" t="s">
        <v>3941</v>
      </c>
      <c r="J1158" s="1" t="s">
        <v>4234</v>
      </c>
      <c r="K1158" s="1" t="s">
        <v>64</v>
      </c>
      <c r="L1158" s="1" t="s">
        <v>4301</v>
      </c>
      <c r="M1158" s="1" t="s">
        <v>5</v>
      </c>
      <c r="N1158" s="1" t="s">
        <v>1009</v>
      </c>
      <c r="O1158" s="1" t="s">
        <v>8</v>
      </c>
      <c r="P1158" s="5" t="s">
        <v>31203</v>
      </c>
    </row>
    <row r="1159" spans="1:16" x14ac:dyDescent="0.2">
      <c r="A1159" s="1" t="s">
        <v>66</v>
      </c>
      <c r="B1159" s="1" t="s">
        <v>574</v>
      </c>
      <c r="C1159" s="1" t="s">
        <v>4305</v>
      </c>
      <c r="D1159" s="1" t="s">
        <v>4306</v>
      </c>
      <c r="E1159" s="1" t="s">
        <v>4307</v>
      </c>
      <c r="F1159" s="1" t="s">
        <v>10</v>
      </c>
      <c r="G1159" s="1" t="s">
        <v>10</v>
      </c>
      <c r="H1159" s="1" t="s">
        <v>905</v>
      </c>
      <c r="I1159" s="1" t="s">
        <v>3941</v>
      </c>
      <c r="J1159" s="1" t="s">
        <v>4234</v>
      </c>
      <c r="K1159" s="1" t="s">
        <v>64</v>
      </c>
      <c r="L1159" s="1" t="s">
        <v>4304</v>
      </c>
      <c r="M1159" s="1" t="s">
        <v>5</v>
      </c>
      <c r="N1159" s="1" t="s">
        <v>1009</v>
      </c>
      <c r="O1159" s="1" t="s">
        <v>8</v>
      </c>
      <c r="P1159" s="5" t="s">
        <v>31203</v>
      </c>
    </row>
    <row r="1160" spans="1:16" x14ac:dyDescent="0.2">
      <c r="A1160" s="1" t="s">
        <v>66</v>
      </c>
      <c r="B1160" s="1" t="s">
        <v>574</v>
      </c>
      <c r="C1160" s="1" t="s">
        <v>4309</v>
      </c>
      <c r="D1160" s="1" t="s">
        <v>4310</v>
      </c>
      <c r="E1160" s="1" t="s">
        <v>4200</v>
      </c>
      <c r="F1160" s="1" t="s">
        <v>10</v>
      </c>
      <c r="G1160" s="1" t="s">
        <v>10</v>
      </c>
      <c r="H1160" s="1" t="s">
        <v>905</v>
      </c>
      <c r="I1160" s="1" t="s">
        <v>3941</v>
      </c>
      <c r="J1160" s="1" t="s">
        <v>4234</v>
      </c>
      <c r="K1160" s="1" t="s">
        <v>64</v>
      </c>
      <c r="L1160" s="1" t="s">
        <v>4308</v>
      </c>
      <c r="M1160" s="1" t="s">
        <v>5</v>
      </c>
      <c r="N1160" s="1" t="s">
        <v>1009</v>
      </c>
      <c r="O1160" s="1" t="s">
        <v>8</v>
      </c>
      <c r="P1160" s="5" t="s">
        <v>31203</v>
      </c>
    </row>
    <row r="1161" spans="1:16" x14ac:dyDescent="0.2">
      <c r="A1161" s="1" t="s">
        <v>66</v>
      </c>
      <c r="B1161" s="1" t="s">
        <v>574</v>
      </c>
      <c r="C1161" s="1" t="s">
        <v>4312</v>
      </c>
      <c r="D1161" s="1" t="s">
        <v>4313</v>
      </c>
      <c r="E1161" s="1" t="s">
        <v>4200</v>
      </c>
      <c r="F1161" s="1" t="s">
        <v>10</v>
      </c>
      <c r="G1161" s="1" t="s">
        <v>10</v>
      </c>
      <c r="H1161" s="1" t="s">
        <v>905</v>
      </c>
      <c r="I1161" s="1" t="s">
        <v>3941</v>
      </c>
      <c r="J1161" s="1" t="s">
        <v>4234</v>
      </c>
      <c r="K1161" s="1" t="s">
        <v>64</v>
      </c>
      <c r="L1161" s="1" t="s">
        <v>4311</v>
      </c>
      <c r="M1161" s="1" t="s">
        <v>5</v>
      </c>
      <c r="N1161" s="1" t="s">
        <v>1009</v>
      </c>
      <c r="O1161" s="1" t="s">
        <v>8</v>
      </c>
      <c r="P1161" s="5" t="s">
        <v>31203</v>
      </c>
    </row>
    <row r="1162" spans="1:16" x14ac:dyDescent="0.2">
      <c r="A1162" s="1" t="s">
        <v>66</v>
      </c>
      <c r="B1162" s="1" t="s">
        <v>574</v>
      </c>
      <c r="C1162" s="1" t="s">
        <v>4315</v>
      </c>
      <c r="D1162" s="1" t="s">
        <v>4316</v>
      </c>
      <c r="E1162" s="1" t="s">
        <v>4200</v>
      </c>
      <c r="F1162" s="1" t="s">
        <v>10</v>
      </c>
      <c r="G1162" s="1" t="s">
        <v>10</v>
      </c>
      <c r="H1162" s="1" t="s">
        <v>905</v>
      </c>
      <c r="I1162" s="1" t="s">
        <v>3941</v>
      </c>
      <c r="J1162" s="1" t="s">
        <v>4234</v>
      </c>
      <c r="K1162" s="1" t="s">
        <v>64</v>
      </c>
      <c r="L1162" s="1" t="s">
        <v>4314</v>
      </c>
      <c r="M1162" s="1" t="s">
        <v>5</v>
      </c>
      <c r="N1162" s="1" t="s">
        <v>1009</v>
      </c>
      <c r="O1162" s="1" t="s">
        <v>8</v>
      </c>
      <c r="P1162" s="5" t="s">
        <v>31203</v>
      </c>
    </row>
    <row r="1163" spans="1:16" x14ac:dyDescent="0.2">
      <c r="A1163" s="1" t="s">
        <v>66</v>
      </c>
      <c r="B1163" s="1" t="s">
        <v>574</v>
      </c>
      <c r="C1163" s="1" t="s">
        <v>4318</v>
      </c>
      <c r="D1163" s="1" t="s">
        <v>4319</v>
      </c>
      <c r="E1163" s="1" t="s">
        <v>4200</v>
      </c>
      <c r="F1163" s="1" t="s">
        <v>10</v>
      </c>
      <c r="G1163" s="1" t="s">
        <v>10</v>
      </c>
      <c r="H1163" s="1" t="s">
        <v>905</v>
      </c>
      <c r="I1163" s="1" t="s">
        <v>3941</v>
      </c>
      <c r="J1163" s="1" t="s">
        <v>4234</v>
      </c>
      <c r="K1163" s="1" t="s">
        <v>64</v>
      </c>
      <c r="L1163" s="1" t="s">
        <v>4317</v>
      </c>
      <c r="M1163" s="1" t="s">
        <v>5</v>
      </c>
      <c r="N1163" s="1" t="s">
        <v>1009</v>
      </c>
      <c r="O1163" s="1" t="s">
        <v>8</v>
      </c>
      <c r="P1163" s="5" t="s">
        <v>31203</v>
      </c>
    </row>
    <row r="1164" spans="1:16" x14ac:dyDescent="0.2">
      <c r="A1164" s="1" t="s">
        <v>66</v>
      </c>
      <c r="B1164" s="1" t="s">
        <v>574</v>
      </c>
      <c r="C1164" s="1" t="s">
        <v>4321</v>
      </c>
      <c r="D1164" s="1" t="s">
        <v>4322</v>
      </c>
      <c r="E1164" s="1" t="s">
        <v>4200</v>
      </c>
      <c r="F1164" s="1" t="s">
        <v>10</v>
      </c>
      <c r="G1164" s="1" t="s">
        <v>10</v>
      </c>
      <c r="H1164" s="1" t="s">
        <v>905</v>
      </c>
      <c r="I1164" s="1" t="s">
        <v>3941</v>
      </c>
      <c r="J1164" s="1" t="s">
        <v>4234</v>
      </c>
      <c r="K1164" s="1" t="s">
        <v>64</v>
      </c>
      <c r="L1164" s="1" t="s">
        <v>4320</v>
      </c>
      <c r="M1164" s="1" t="s">
        <v>5</v>
      </c>
      <c r="N1164" s="1" t="s">
        <v>1009</v>
      </c>
      <c r="O1164" s="1" t="s">
        <v>8</v>
      </c>
      <c r="P1164" s="5" t="s">
        <v>31203</v>
      </c>
    </row>
    <row r="1165" spans="1:16" x14ac:dyDescent="0.2">
      <c r="A1165" s="1" t="s">
        <v>66</v>
      </c>
      <c r="B1165" s="1" t="s">
        <v>574</v>
      </c>
      <c r="C1165" s="1" t="s">
        <v>4324</v>
      </c>
      <c r="D1165" s="1" t="s">
        <v>4325</v>
      </c>
      <c r="E1165" s="1" t="s">
        <v>4200</v>
      </c>
      <c r="F1165" s="1" t="s">
        <v>10</v>
      </c>
      <c r="G1165" s="1" t="s">
        <v>10</v>
      </c>
      <c r="H1165" s="1" t="s">
        <v>905</v>
      </c>
      <c r="I1165" s="1" t="s">
        <v>3941</v>
      </c>
      <c r="J1165" s="1" t="s">
        <v>4234</v>
      </c>
      <c r="K1165" s="1" t="s">
        <v>64</v>
      </c>
      <c r="L1165" s="1" t="s">
        <v>4323</v>
      </c>
      <c r="M1165" s="1" t="s">
        <v>5</v>
      </c>
      <c r="N1165" s="1" t="s">
        <v>1009</v>
      </c>
      <c r="O1165" s="1" t="s">
        <v>8</v>
      </c>
      <c r="P1165" s="5" t="s">
        <v>31203</v>
      </c>
    </row>
    <row r="1166" spans="1:16" x14ac:dyDescent="0.2">
      <c r="A1166" s="1" t="s">
        <v>66</v>
      </c>
      <c r="B1166" s="1" t="s">
        <v>574</v>
      </c>
      <c r="C1166" s="1" t="s">
        <v>4327</v>
      </c>
      <c r="D1166" s="1" t="s">
        <v>4328</v>
      </c>
      <c r="E1166" s="1" t="s">
        <v>4200</v>
      </c>
      <c r="F1166" s="1" t="s">
        <v>10</v>
      </c>
      <c r="G1166" s="1" t="s">
        <v>10</v>
      </c>
      <c r="H1166" s="1" t="s">
        <v>905</v>
      </c>
      <c r="I1166" s="1" t="s">
        <v>3941</v>
      </c>
      <c r="J1166" s="1" t="s">
        <v>4234</v>
      </c>
      <c r="K1166" s="1" t="s">
        <v>64</v>
      </c>
      <c r="L1166" s="1" t="s">
        <v>4326</v>
      </c>
      <c r="M1166" s="1" t="s">
        <v>5</v>
      </c>
      <c r="N1166" s="1" t="s">
        <v>1009</v>
      </c>
      <c r="O1166" s="1" t="s">
        <v>8</v>
      </c>
      <c r="P1166" s="5" t="s">
        <v>31203</v>
      </c>
    </row>
    <row r="1167" spans="1:16" x14ac:dyDescent="0.2">
      <c r="A1167" s="1" t="s">
        <v>66</v>
      </c>
      <c r="B1167" s="1" t="s">
        <v>574</v>
      </c>
      <c r="C1167" s="1" t="s">
        <v>4330</v>
      </c>
      <c r="D1167" s="1" t="s">
        <v>4331</v>
      </c>
      <c r="E1167" s="1" t="s">
        <v>4200</v>
      </c>
      <c r="F1167" s="1" t="s">
        <v>10</v>
      </c>
      <c r="G1167" s="1" t="s">
        <v>10</v>
      </c>
      <c r="H1167" s="1" t="s">
        <v>905</v>
      </c>
      <c r="I1167" s="1" t="s">
        <v>3941</v>
      </c>
      <c r="J1167" s="1" t="s">
        <v>4234</v>
      </c>
      <c r="K1167" s="1" t="s">
        <v>64</v>
      </c>
      <c r="L1167" s="1" t="s">
        <v>4329</v>
      </c>
      <c r="M1167" s="1" t="s">
        <v>5</v>
      </c>
      <c r="N1167" s="1" t="s">
        <v>1009</v>
      </c>
      <c r="O1167" s="1" t="s">
        <v>8</v>
      </c>
      <c r="P1167" s="5" t="s">
        <v>31203</v>
      </c>
    </row>
    <row r="1168" spans="1:16" x14ac:dyDescent="0.2">
      <c r="A1168" s="1" t="s">
        <v>66</v>
      </c>
      <c r="B1168" s="1" t="s">
        <v>574</v>
      </c>
      <c r="C1168" s="1" t="s">
        <v>4333</v>
      </c>
      <c r="D1168" s="1" t="s">
        <v>4334</v>
      </c>
      <c r="E1168" s="1" t="s">
        <v>4200</v>
      </c>
      <c r="F1168" s="1" t="s">
        <v>10</v>
      </c>
      <c r="G1168" s="1" t="s">
        <v>10</v>
      </c>
      <c r="H1168" s="1" t="s">
        <v>905</v>
      </c>
      <c r="I1168" s="1" t="s">
        <v>3941</v>
      </c>
      <c r="J1168" s="1" t="s">
        <v>4234</v>
      </c>
      <c r="K1168" s="1" t="s">
        <v>64</v>
      </c>
      <c r="L1168" s="1" t="s">
        <v>4332</v>
      </c>
      <c r="M1168" s="1" t="s">
        <v>5</v>
      </c>
      <c r="N1168" s="1" t="s">
        <v>1009</v>
      </c>
      <c r="O1168" s="1" t="s">
        <v>8</v>
      </c>
      <c r="P1168" s="5" t="s">
        <v>31203</v>
      </c>
    </row>
    <row r="1169" spans="1:16" x14ac:dyDescent="0.2">
      <c r="A1169" s="1" t="s">
        <v>66</v>
      </c>
      <c r="B1169" s="1" t="s">
        <v>574</v>
      </c>
      <c r="C1169" s="1" t="s">
        <v>4336</v>
      </c>
      <c r="D1169" s="1" t="s">
        <v>4337</v>
      </c>
      <c r="E1169" s="1" t="s">
        <v>4200</v>
      </c>
      <c r="F1169" s="1" t="s">
        <v>10</v>
      </c>
      <c r="G1169" s="1" t="s">
        <v>10</v>
      </c>
      <c r="H1169" s="1" t="s">
        <v>905</v>
      </c>
      <c r="I1169" s="1" t="s">
        <v>3941</v>
      </c>
      <c r="J1169" s="1" t="s">
        <v>4234</v>
      </c>
      <c r="K1169" s="1" t="s">
        <v>64</v>
      </c>
      <c r="L1169" s="1" t="s">
        <v>4335</v>
      </c>
      <c r="M1169" s="1" t="s">
        <v>5</v>
      </c>
      <c r="N1169" s="1" t="s">
        <v>1009</v>
      </c>
      <c r="O1169" s="1" t="s">
        <v>8</v>
      </c>
      <c r="P1169" s="5" t="s">
        <v>31203</v>
      </c>
    </row>
    <row r="1170" spans="1:16" x14ac:dyDescent="0.2">
      <c r="A1170" s="1" t="s">
        <v>66</v>
      </c>
      <c r="B1170" s="1" t="s">
        <v>574</v>
      </c>
      <c r="C1170" s="1" t="s">
        <v>4339</v>
      </c>
      <c r="D1170" s="1" t="s">
        <v>4340</v>
      </c>
      <c r="E1170" s="1" t="s">
        <v>4200</v>
      </c>
      <c r="F1170" s="1" t="s">
        <v>10</v>
      </c>
      <c r="G1170" s="1" t="s">
        <v>10</v>
      </c>
      <c r="H1170" s="1" t="s">
        <v>905</v>
      </c>
      <c r="I1170" s="1" t="s">
        <v>3941</v>
      </c>
      <c r="J1170" s="1" t="s">
        <v>4234</v>
      </c>
      <c r="K1170" s="1" t="s">
        <v>64</v>
      </c>
      <c r="L1170" s="1" t="s">
        <v>4338</v>
      </c>
      <c r="M1170" s="1" t="s">
        <v>5</v>
      </c>
      <c r="N1170" s="1" t="s">
        <v>1009</v>
      </c>
      <c r="O1170" s="1" t="s">
        <v>8</v>
      </c>
      <c r="P1170" s="5" t="s">
        <v>31203</v>
      </c>
    </row>
    <row r="1171" spans="1:16" x14ac:dyDescent="0.2">
      <c r="A1171" s="1" t="s">
        <v>66</v>
      </c>
      <c r="B1171" s="1" t="s">
        <v>574</v>
      </c>
      <c r="C1171" s="1" t="s">
        <v>4342</v>
      </c>
      <c r="D1171" s="1" t="s">
        <v>4343</v>
      </c>
      <c r="E1171" s="1" t="s">
        <v>4200</v>
      </c>
      <c r="F1171" s="1" t="s">
        <v>10</v>
      </c>
      <c r="G1171" s="1" t="s">
        <v>10</v>
      </c>
      <c r="H1171" s="1" t="s">
        <v>905</v>
      </c>
      <c r="I1171" s="1" t="s">
        <v>3941</v>
      </c>
      <c r="J1171" s="1" t="s">
        <v>4234</v>
      </c>
      <c r="K1171" s="1" t="s">
        <v>64</v>
      </c>
      <c r="L1171" s="1" t="s">
        <v>4341</v>
      </c>
      <c r="M1171" s="1" t="s">
        <v>5</v>
      </c>
      <c r="N1171" s="1" t="s">
        <v>1009</v>
      </c>
      <c r="O1171" s="1" t="s">
        <v>8</v>
      </c>
      <c r="P1171" s="5" t="s">
        <v>31203</v>
      </c>
    </row>
    <row r="1172" spans="1:16" x14ac:dyDescent="0.2">
      <c r="A1172" s="1" t="s">
        <v>66</v>
      </c>
      <c r="B1172" s="1" t="s">
        <v>574</v>
      </c>
      <c r="C1172" s="1" t="s">
        <v>4345</v>
      </c>
      <c r="D1172" s="1" t="s">
        <v>4346</v>
      </c>
      <c r="E1172" s="1" t="s">
        <v>4200</v>
      </c>
      <c r="F1172" s="1" t="s">
        <v>10</v>
      </c>
      <c r="G1172" s="1" t="s">
        <v>10</v>
      </c>
      <c r="H1172" s="1" t="s">
        <v>905</v>
      </c>
      <c r="I1172" s="1" t="s">
        <v>3941</v>
      </c>
      <c r="J1172" s="1" t="s">
        <v>4234</v>
      </c>
      <c r="K1172" s="1" t="s">
        <v>64</v>
      </c>
      <c r="L1172" s="1" t="s">
        <v>4344</v>
      </c>
      <c r="M1172" s="1" t="s">
        <v>5</v>
      </c>
      <c r="N1172" s="1" t="s">
        <v>1009</v>
      </c>
      <c r="O1172" s="1" t="s">
        <v>8</v>
      </c>
      <c r="P1172" s="5" t="s">
        <v>31203</v>
      </c>
    </row>
    <row r="1173" spans="1:16" x14ac:dyDescent="0.2">
      <c r="A1173" s="1" t="s">
        <v>66</v>
      </c>
      <c r="B1173" s="1" t="s">
        <v>574</v>
      </c>
      <c r="C1173" s="1" t="s">
        <v>4348</v>
      </c>
      <c r="D1173" s="1" t="s">
        <v>4349</v>
      </c>
      <c r="E1173" s="1" t="s">
        <v>4200</v>
      </c>
      <c r="F1173" s="1" t="s">
        <v>10</v>
      </c>
      <c r="G1173" s="1" t="s">
        <v>10</v>
      </c>
      <c r="H1173" s="1" t="s">
        <v>905</v>
      </c>
      <c r="I1173" s="1" t="s">
        <v>3941</v>
      </c>
      <c r="J1173" s="1" t="s">
        <v>4234</v>
      </c>
      <c r="K1173" s="1" t="s">
        <v>64</v>
      </c>
      <c r="L1173" s="1" t="s">
        <v>4347</v>
      </c>
      <c r="M1173" s="1" t="s">
        <v>5</v>
      </c>
      <c r="N1173" s="1" t="s">
        <v>1009</v>
      </c>
      <c r="O1173" s="1" t="s">
        <v>8</v>
      </c>
      <c r="P1173" s="5" t="s">
        <v>31203</v>
      </c>
    </row>
    <row r="1174" spans="1:16" x14ac:dyDescent="0.2">
      <c r="A1174" s="1" t="s">
        <v>20</v>
      </c>
      <c r="B1174" s="1" t="s">
        <v>99</v>
      </c>
      <c r="C1174" s="1" t="s">
        <v>95</v>
      </c>
      <c r="D1174" s="1" t="s">
        <v>4351</v>
      </c>
      <c r="E1174" s="1" t="s">
        <v>4353</v>
      </c>
      <c r="F1174" s="1" t="s">
        <v>10</v>
      </c>
      <c r="G1174" s="1" t="s">
        <v>10</v>
      </c>
      <c r="H1174" s="1" t="s">
        <v>10</v>
      </c>
      <c r="I1174" s="1" t="s">
        <v>3941</v>
      </c>
      <c r="J1174" s="1" t="s">
        <v>4352</v>
      </c>
      <c r="K1174" s="1" t="s">
        <v>100</v>
      </c>
      <c r="L1174" s="1" t="s">
        <v>4350</v>
      </c>
      <c r="M1174" s="1" t="s">
        <v>5</v>
      </c>
      <c r="N1174" s="1" t="s">
        <v>25</v>
      </c>
      <c r="O1174" s="1" t="s">
        <v>38</v>
      </c>
      <c r="P1174" s="5" t="s">
        <v>31203</v>
      </c>
    </row>
    <row r="1175" spans="1:16" x14ac:dyDescent="0.2">
      <c r="A1175" s="1" t="s">
        <v>20</v>
      </c>
      <c r="B1175" s="1" t="s">
        <v>310</v>
      </c>
      <c r="C1175" s="1" t="s">
        <v>4355</v>
      </c>
      <c r="D1175" s="1" t="s">
        <v>4356</v>
      </c>
      <c r="E1175" s="1" t="s">
        <v>10</v>
      </c>
      <c r="F1175" s="1" t="s">
        <v>10</v>
      </c>
      <c r="G1175" s="1" t="s">
        <v>10</v>
      </c>
      <c r="H1175" s="1" t="s">
        <v>10</v>
      </c>
      <c r="I1175" s="1" t="s">
        <v>3941</v>
      </c>
      <c r="J1175" s="1" t="s">
        <v>4352</v>
      </c>
      <c r="K1175" s="1" t="s">
        <v>100</v>
      </c>
      <c r="L1175" s="1" t="s">
        <v>4354</v>
      </c>
      <c r="M1175" s="1" t="s">
        <v>5</v>
      </c>
      <c r="N1175" s="1" t="s">
        <v>25</v>
      </c>
      <c r="O1175" s="1" t="s">
        <v>38</v>
      </c>
      <c r="P1175" s="5" t="s">
        <v>31203</v>
      </c>
    </row>
    <row r="1176" spans="1:16" x14ac:dyDescent="0.2">
      <c r="A1176" s="1" t="s">
        <v>20</v>
      </c>
      <c r="B1176" s="1" t="s">
        <v>445</v>
      </c>
      <c r="C1176" s="1" t="s">
        <v>4358</v>
      </c>
      <c r="D1176" s="1" t="s">
        <v>4359</v>
      </c>
      <c r="E1176" s="1" t="s">
        <v>4360</v>
      </c>
      <c r="F1176" s="1" t="s">
        <v>10</v>
      </c>
      <c r="G1176" s="1" t="s">
        <v>10</v>
      </c>
      <c r="H1176" s="1" t="s">
        <v>4361</v>
      </c>
      <c r="I1176" s="1" t="s">
        <v>3941</v>
      </c>
      <c r="J1176" s="1" t="s">
        <v>4352</v>
      </c>
      <c r="K1176" s="1" t="s">
        <v>100</v>
      </c>
      <c r="L1176" s="1" t="s">
        <v>4357</v>
      </c>
      <c r="M1176" s="1" t="s">
        <v>5</v>
      </c>
      <c r="N1176" s="1" t="s">
        <v>25</v>
      </c>
      <c r="O1176" s="1" t="s">
        <v>8</v>
      </c>
      <c r="P1176" s="5" t="s">
        <v>31203</v>
      </c>
    </row>
    <row r="1177" spans="1:16" x14ac:dyDescent="0.2">
      <c r="A1177" s="1" t="s">
        <v>66</v>
      </c>
      <c r="B1177" s="1" t="s">
        <v>276</v>
      </c>
      <c r="C1177" s="1" t="s">
        <v>4363</v>
      </c>
      <c r="D1177" s="1" t="s">
        <v>4363</v>
      </c>
      <c r="E1177" s="1" t="s">
        <v>10</v>
      </c>
      <c r="F1177" s="1" t="s">
        <v>10</v>
      </c>
      <c r="G1177" s="1" t="s">
        <v>10</v>
      </c>
      <c r="H1177" s="1" t="s">
        <v>1813</v>
      </c>
      <c r="I1177" s="1" t="s">
        <v>3941</v>
      </c>
      <c r="J1177" s="1" t="s">
        <v>4352</v>
      </c>
      <c r="K1177" s="1" t="s">
        <v>64</v>
      </c>
      <c r="L1177" s="1" t="s">
        <v>4362</v>
      </c>
      <c r="M1177" s="1" t="s">
        <v>5</v>
      </c>
      <c r="N1177" s="1" t="s">
        <v>25</v>
      </c>
      <c r="O1177" s="1" t="s">
        <v>8</v>
      </c>
      <c r="P1177" s="5" t="s">
        <v>31203</v>
      </c>
    </row>
    <row r="1178" spans="1:16" x14ac:dyDescent="0.2">
      <c r="A1178" s="1" t="s">
        <v>20</v>
      </c>
      <c r="B1178" s="1" t="s">
        <v>309</v>
      </c>
      <c r="C1178" s="1" t="s">
        <v>4365</v>
      </c>
      <c r="D1178" s="1" t="s">
        <v>4365</v>
      </c>
      <c r="E1178" s="1" t="s">
        <v>10</v>
      </c>
      <c r="F1178" s="1" t="s">
        <v>10</v>
      </c>
      <c r="G1178" s="1" t="s">
        <v>10</v>
      </c>
      <c r="H1178" s="1" t="s">
        <v>4366</v>
      </c>
      <c r="I1178" s="1" t="s">
        <v>3941</v>
      </c>
      <c r="J1178" s="1" t="s">
        <v>4352</v>
      </c>
      <c r="K1178" s="1" t="s">
        <v>64</v>
      </c>
      <c r="L1178" s="1" t="s">
        <v>4364</v>
      </c>
      <c r="M1178" s="1" t="s">
        <v>5</v>
      </c>
      <c r="N1178" s="1" t="s">
        <v>25</v>
      </c>
      <c r="O1178" s="1" t="s">
        <v>8</v>
      </c>
      <c r="P1178" s="5" t="s">
        <v>31203</v>
      </c>
    </row>
    <row r="1179" spans="1:16" x14ac:dyDescent="0.2">
      <c r="A1179" s="1" t="s">
        <v>20</v>
      </c>
      <c r="B1179" s="1" t="s">
        <v>309</v>
      </c>
      <c r="C1179" s="1" t="s">
        <v>4368</v>
      </c>
      <c r="D1179" s="1" t="s">
        <v>4369</v>
      </c>
      <c r="E1179" s="1" t="s">
        <v>4370</v>
      </c>
      <c r="F1179" s="1" t="s">
        <v>10</v>
      </c>
      <c r="G1179" s="1" t="s">
        <v>10</v>
      </c>
      <c r="H1179" s="1" t="s">
        <v>1813</v>
      </c>
      <c r="I1179" s="1" t="s">
        <v>3941</v>
      </c>
      <c r="J1179" s="1" t="s">
        <v>4352</v>
      </c>
      <c r="K1179" s="1" t="s">
        <v>64</v>
      </c>
      <c r="L1179" s="1" t="s">
        <v>4367</v>
      </c>
      <c r="M1179" s="1" t="s">
        <v>5</v>
      </c>
      <c r="N1179" s="1" t="s">
        <v>25</v>
      </c>
      <c r="O1179" s="1" t="s">
        <v>8</v>
      </c>
      <c r="P1179" s="5" t="s">
        <v>31203</v>
      </c>
    </row>
    <row r="1180" spans="1:16" x14ac:dyDescent="0.2">
      <c r="A1180" s="1" t="s">
        <v>20</v>
      </c>
      <c r="B1180" s="1" t="s">
        <v>4373</v>
      </c>
      <c r="C1180" s="1" t="s">
        <v>4372</v>
      </c>
      <c r="D1180" s="1" t="s">
        <v>4372</v>
      </c>
      <c r="E1180" s="1" t="s">
        <v>10</v>
      </c>
      <c r="F1180" s="1" t="s">
        <v>10</v>
      </c>
      <c r="G1180" s="1" t="s">
        <v>10</v>
      </c>
      <c r="H1180" s="1" t="s">
        <v>10</v>
      </c>
      <c r="I1180" s="1" t="s">
        <v>3941</v>
      </c>
      <c r="J1180" s="1" t="s">
        <v>4352</v>
      </c>
      <c r="K1180" s="1" t="s">
        <v>100</v>
      </c>
      <c r="L1180" s="1" t="s">
        <v>4371</v>
      </c>
      <c r="M1180" s="1" t="s">
        <v>5</v>
      </c>
      <c r="N1180" s="1" t="s">
        <v>25</v>
      </c>
      <c r="O1180" s="1" t="s">
        <v>38</v>
      </c>
      <c r="P1180" s="5" t="s">
        <v>31203</v>
      </c>
    </row>
    <row r="1181" spans="1:16" x14ac:dyDescent="0.2">
      <c r="A1181" s="1" t="s">
        <v>42</v>
      </c>
      <c r="B1181" s="1" t="s">
        <v>118</v>
      </c>
      <c r="C1181" s="1" t="s">
        <v>4375</v>
      </c>
      <c r="D1181" s="1" t="s">
        <v>4376</v>
      </c>
      <c r="E1181" s="1" t="s">
        <v>10</v>
      </c>
      <c r="F1181" s="1" t="s">
        <v>10</v>
      </c>
      <c r="G1181" s="1" t="s">
        <v>10</v>
      </c>
      <c r="H1181" s="1" t="s">
        <v>10</v>
      </c>
      <c r="I1181" s="1" t="s">
        <v>3941</v>
      </c>
      <c r="J1181" s="1" t="s">
        <v>4352</v>
      </c>
      <c r="K1181" s="1" t="s">
        <v>113</v>
      </c>
      <c r="L1181" s="1" t="s">
        <v>4374</v>
      </c>
      <c r="M1181" s="1" t="s">
        <v>5</v>
      </c>
      <c r="N1181" s="1" t="s">
        <v>25</v>
      </c>
      <c r="O1181" s="1" t="s">
        <v>38</v>
      </c>
      <c r="P1181" s="5" t="s">
        <v>31203</v>
      </c>
    </row>
    <row r="1182" spans="1:16" x14ac:dyDescent="0.2">
      <c r="A1182" s="1" t="s">
        <v>20</v>
      </c>
      <c r="B1182" s="1" t="s">
        <v>309</v>
      </c>
      <c r="C1182" s="1" t="s">
        <v>4378</v>
      </c>
      <c r="D1182" s="1" t="s">
        <v>4379</v>
      </c>
      <c r="E1182" s="1" t="s">
        <v>4380</v>
      </c>
      <c r="F1182" s="1" t="s">
        <v>10</v>
      </c>
      <c r="G1182" s="1" t="s">
        <v>10</v>
      </c>
      <c r="H1182" s="1" t="s">
        <v>10</v>
      </c>
      <c r="I1182" s="1" t="s">
        <v>3941</v>
      </c>
      <c r="J1182" s="1" t="s">
        <v>4352</v>
      </c>
      <c r="K1182" s="1" t="s">
        <v>100</v>
      </c>
      <c r="L1182" s="1" t="s">
        <v>4377</v>
      </c>
      <c r="M1182" s="1" t="s">
        <v>5</v>
      </c>
      <c r="N1182" s="1" t="s">
        <v>25</v>
      </c>
      <c r="O1182" s="1" t="s">
        <v>38</v>
      </c>
      <c r="P1182" s="5" t="s">
        <v>31203</v>
      </c>
    </row>
    <row r="1183" spans="1:16" x14ac:dyDescent="0.2">
      <c r="A1183" s="1" t="s">
        <v>20</v>
      </c>
      <c r="B1183" s="1" t="s">
        <v>445</v>
      </c>
      <c r="C1183" s="1" t="s">
        <v>4382</v>
      </c>
      <c r="D1183" s="1" t="s">
        <v>4383</v>
      </c>
      <c r="E1183" s="1" t="s">
        <v>10</v>
      </c>
      <c r="F1183" s="1" t="s">
        <v>10</v>
      </c>
      <c r="G1183" s="1" t="s">
        <v>10</v>
      </c>
      <c r="H1183" s="1" t="s">
        <v>10</v>
      </c>
      <c r="I1183" s="1" t="s">
        <v>3941</v>
      </c>
      <c r="J1183" s="1" t="s">
        <v>4352</v>
      </c>
      <c r="K1183" s="1" t="s">
        <v>130</v>
      </c>
      <c r="L1183" s="1" t="s">
        <v>4381</v>
      </c>
      <c r="M1183" s="1" t="s">
        <v>5</v>
      </c>
      <c r="N1183" s="1" t="s">
        <v>25</v>
      </c>
      <c r="O1183" s="1" t="s">
        <v>38</v>
      </c>
      <c r="P1183" s="5" t="s">
        <v>31203</v>
      </c>
    </row>
    <row r="1184" spans="1:16" x14ac:dyDescent="0.2">
      <c r="A1184" s="1" t="s">
        <v>20</v>
      </c>
      <c r="B1184" s="1" t="s">
        <v>302</v>
      </c>
      <c r="C1184" s="1" t="s">
        <v>4385</v>
      </c>
      <c r="D1184" s="1" t="s">
        <v>4386</v>
      </c>
      <c r="E1184" s="1" t="s">
        <v>10</v>
      </c>
      <c r="F1184" s="1" t="s">
        <v>10</v>
      </c>
      <c r="G1184" s="1" t="s">
        <v>10</v>
      </c>
      <c r="H1184" s="1" t="s">
        <v>10</v>
      </c>
      <c r="I1184" s="1" t="s">
        <v>3941</v>
      </c>
      <c r="J1184" s="1" t="s">
        <v>4352</v>
      </c>
      <c r="K1184" s="1" t="s">
        <v>47</v>
      </c>
      <c r="L1184" s="1" t="s">
        <v>4384</v>
      </c>
      <c r="M1184" s="1" t="s">
        <v>5</v>
      </c>
      <c r="N1184" s="1" t="s">
        <v>25</v>
      </c>
      <c r="O1184" s="1" t="s">
        <v>38</v>
      </c>
      <c r="P1184" s="5" t="s">
        <v>31203</v>
      </c>
    </row>
    <row r="1185" spans="1:16" x14ac:dyDescent="0.2">
      <c r="A1185" s="1" t="s">
        <v>20</v>
      </c>
      <c r="B1185" s="1" t="s">
        <v>93</v>
      </c>
      <c r="C1185" s="1" t="s">
        <v>4388</v>
      </c>
      <c r="D1185" s="1" t="s">
        <v>4389</v>
      </c>
      <c r="E1185" s="1" t="s">
        <v>4390</v>
      </c>
      <c r="F1185" s="1" t="s">
        <v>10</v>
      </c>
      <c r="G1185" s="1" t="s">
        <v>10</v>
      </c>
      <c r="H1185" s="1" t="s">
        <v>10</v>
      </c>
      <c r="I1185" s="1" t="s">
        <v>3941</v>
      </c>
      <c r="J1185" s="1" t="s">
        <v>4352</v>
      </c>
      <c r="K1185" s="1" t="s">
        <v>64</v>
      </c>
      <c r="L1185" s="1" t="s">
        <v>4387</v>
      </c>
      <c r="M1185" s="1" t="s">
        <v>5</v>
      </c>
      <c r="N1185" s="1" t="s">
        <v>25</v>
      </c>
      <c r="O1185" s="1" t="s">
        <v>38</v>
      </c>
      <c r="P1185" s="5" t="s">
        <v>31203</v>
      </c>
    </row>
    <row r="1186" spans="1:16" x14ac:dyDescent="0.2">
      <c r="A1186" s="1" t="s">
        <v>20</v>
      </c>
      <c r="B1186" s="1" t="s">
        <v>445</v>
      </c>
      <c r="C1186" s="1" t="s">
        <v>4392</v>
      </c>
      <c r="D1186" s="1" t="s">
        <v>4393</v>
      </c>
      <c r="E1186" s="1" t="s">
        <v>10</v>
      </c>
      <c r="F1186" s="1" t="s">
        <v>10</v>
      </c>
      <c r="G1186" s="1" t="s">
        <v>10</v>
      </c>
      <c r="H1186" s="1" t="s">
        <v>10</v>
      </c>
      <c r="I1186" s="1" t="s">
        <v>3941</v>
      </c>
      <c r="J1186" s="1" t="s">
        <v>4352</v>
      </c>
      <c r="K1186" s="1" t="s">
        <v>64</v>
      </c>
      <c r="L1186" s="1" t="s">
        <v>4391</v>
      </c>
      <c r="M1186" s="1" t="s">
        <v>5</v>
      </c>
      <c r="N1186" s="1" t="s">
        <v>25</v>
      </c>
      <c r="O1186" s="1" t="s">
        <v>38</v>
      </c>
      <c r="P1186" s="5" t="s">
        <v>31203</v>
      </c>
    </row>
    <row r="1187" spans="1:16" x14ac:dyDescent="0.2">
      <c r="A1187" s="1" t="s">
        <v>20</v>
      </c>
      <c r="B1187" s="1" t="s">
        <v>309</v>
      </c>
      <c r="C1187" s="1" t="s">
        <v>4395</v>
      </c>
      <c r="D1187" s="1" t="s">
        <v>4396</v>
      </c>
      <c r="E1187" s="1" t="s">
        <v>10</v>
      </c>
      <c r="F1187" s="1" t="s">
        <v>10</v>
      </c>
      <c r="G1187" s="1" t="s">
        <v>10</v>
      </c>
      <c r="H1187" s="1" t="s">
        <v>10</v>
      </c>
      <c r="I1187" s="1" t="s">
        <v>3941</v>
      </c>
      <c r="J1187" s="1" t="s">
        <v>4352</v>
      </c>
      <c r="K1187" s="1" t="s">
        <v>64</v>
      </c>
      <c r="L1187" s="1" t="s">
        <v>4394</v>
      </c>
      <c r="M1187" s="1" t="s">
        <v>5</v>
      </c>
      <c r="N1187" s="1" t="s">
        <v>25</v>
      </c>
      <c r="O1187" s="1" t="s">
        <v>38</v>
      </c>
      <c r="P1187" s="5" t="s">
        <v>31203</v>
      </c>
    </row>
    <row r="1188" spans="1:16" x14ac:dyDescent="0.2">
      <c r="A1188" s="1" t="s">
        <v>42</v>
      </c>
      <c r="B1188" s="1" t="s">
        <v>50</v>
      </c>
      <c r="C1188" s="1" t="s">
        <v>4398</v>
      </c>
      <c r="D1188" s="1" t="s">
        <v>4399</v>
      </c>
      <c r="E1188" s="1" t="s">
        <v>4400</v>
      </c>
      <c r="F1188" s="1" t="s">
        <v>10</v>
      </c>
      <c r="G1188" s="1" t="s">
        <v>10</v>
      </c>
      <c r="H1188" s="1" t="s">
        <v>10</v>
      </c>
      <c r="I1188" s="1" t="s">
        <v>3941</v>
      </c>
      <c r="J1188" s="1" t="s">
        <v>4352</v>
      </c>
      <c r="K1188" s="1" t="s">
        <v>64</v>
      </c>
      <c r="L1188" s="1" t="s">
        <v>4397</v>
      </c>
      <c r="M1188" s="1" t="s">
        <v>5</v>
      </c>
      <c r="N1188" s="1" t="s">
        <v>25</v>
      </c>
      <c r="O1188" s="1" t="s">
        <v>38</v>
      </c>
      <c r="P1188" s="5" t="s">
        <v>31203</v>
      </c>
    </row>
    <row r="1189" spans="1:16" x14ac:dyDescent="0.2">
      <c r="A1189" s="1" t="s">
        <v>42</v>
      </c>
      <c r="B1189" s="1" t="s">
        <v>43</v>
      </c>
      <c r="C1189" s="1" t="s">
        <v>4402</v>
      </c>
      <c r="D1189" s="1" t="s">
        <v>4403</v>
      </c>
      <c r="E1189" s="1" t="s">
        <v>4404</v>
      </c>
      <c r="F1189" s="1" t="s">
        <v>10</v>
      </c>
      <c r="G1189" s="1" t="s">
        <v>10</v>
      </c>
      <c r="H1189" s="1" t="s">
        <v>10</v>
      </c>
      <c r="I1189" s="1" t="s">
        <v>3941</v>
      </c>
      <c r="J1189" s="1" t="s">
        <v>4352</v>
      </c>
      <c r="K1189" s="1" t="s">
        <v>37</v>
      </c>
      <c r="L1189" s="1" t="s">
        <v>4401</v>
      </c>
      <c r="M1189" s="1" t="s">
        <v>5</v>
      </c>
      <c r="N1189" s="1" t="s">
        <v>25</v>
      </c>
      <c r="O1189" s="1" t="s">
        <v>38</v>
      </c>
      <c r="P1189" s="5" t="s">
        <v>31203</v>
      </c>
    </row>
    <row r="1190" spans="1:16" x14ac:dyDescent="0.2">
      <c r="A1190" s="1" t="s">
        <v>20</v>
      </c>
      <c r="B1190" s="1" t="s">
        <v>445</v>
      </c>
      <c r="C1190" s="1" t="s">
        <v>4406</v>
      </c>
      <c r="D1190" s="1" t="s">
        <v>4407</v>
      </c>
      <c r="E1190" s="1" t="s">
        <v>4408</v>
      </c>
      <c r="F1190" s="1" t="s">
        <v>10</v>
      </c>
      <c r="G1190" s="1" t="s">
        <v>10</v>
      </c>
      <c r="H1190" s="1" t="s">
        <v>10</v>
      </c>
      <c r="I1190" s="1" t="s">
        <v>3941</v>
      </c>
      <c r="J1190" s="1" t="s">
        <v>4352</v>
      </c>
      <c r="K1190" s="1" t="s">
        <v>37</v>
      </c>
      <c r="L1190" s="1" t="s">
        <v>4405</v>
      </c>
      <c r="M1190" s="1" t="s">
        <v>5</v>
      </c>
      <c r="N1190" s="1" t="s">
        <v>25</v>
      </c>
      <c r="O1190" s="1" t="s">
        <v>38</v>
      </c>
      <c r="P1190" s="5" t="s">
        <v>31203</v>
      </c>
    </row>
    <row r="1191" spans="1:16" x14ac:dyDescent="0.2">
      <c r="A1191" s="1" t="s">
        <v>20</v>
      </c>
      <c r="B1191" s="1" t="s">
        <v>445</v>
      </c>
      <c r="C1191" s="1" t="s">
        <v>4410</v>
      </c>
      <c r="D1191" s="1" t="s">
        <v>4411</v>
      </c>
      <c r="E1191" s="1" t="s">
        <v>10</v>
      </c>
      <c r="F1191" s="1" t="s">
        <v>10</v>
      </c>
      <c r="G1191" s="1" t="s">
        <v>10</v>
      </c>
      <c r="H1191" s="1" t="s">
        <v>10</v>
      </c>
      <c r="I1191" s="1" t="s">
        <v>3941</v>
      </c>
      <c r="J1191" s="1" t="s">
        <v>4352</v>
      </c>
      <c r="K1191" s="1" t="s">
        <v>64</v>
      </c>
      <c r="L1191" s="1" t="s">
        <v>4409</v>
      </c>
      <c r="M1191" s="1" t="s">
        <v>5</v>
      </c>
      <c r="N1191" s="1" t="s">
        <v>25</v>
      </c>
      <c r="O1191" s="1" t="s">
        <v>38</v>
      </c>
      <c r="P1191" s="5" t="s">
        <v>31203</v>
      </c>
    </row>
    <row r="1192" spans="1:16" x14ac:dyDescent="0.2">
      <c r="A1192" s="1" t="s">
        <v>20</v>
      </c>
      <c r="B1192" s="1" t="s">
        <v>309</v>
      </c>
      <c r="C1192" s="1" t="s">
        <v>4413</v>
      </c>
      <c r="D1192" s="1" t="s">
        <v>4414</v>
      </c>
      <c r="E1192" s="1" t="s">
        <v>4415</v>
      </c>
      <c r="F1192" s="1" t="s">
        <v>10</v>
      </c>
      <c r="G1192" s="1" t="s">
        <v>10</v>
      </c>
      <c r="H1192" s="1" t="s">
        <v>10</v>
      </c>
      <c r="I1192" s="1" t="s">
        <v>3941</v>
      </c>
      <c r="J1192" s="1" t="s">
        <v>4352</v>
      </c>
      <c r="K1192" s="1" t="s">
        <v>47</v>
      </c>
      <c r="L1192" s="1" t="s">
        <v>4412</v>
      </c>
      <c r="M1192" s="1" t="s">
        <v>5</v>
      </c>
      <c r="N1192" s="1" t="s">
        <v>25</v>
      </c>
      <c r="O1192" s="1" t="s">
        <v>38</v>
      </c>
      <c r="P1192" s="5" t="s">
        <v>31203</v>
      </c>
    </row>
    <row r="1193" spans="1:16" x14ac:dyDescent="0.2">
      <c r="A1193" s="1" t="s">
        <v>42</v>
      </c>
      <c r="B1193" s="1" t="s">
        <v>335</v>
      </c>
      <c r="C1193" s="1" t="s">
        <v>4417</v>
      </c>
      <c r="D1193" s="1" t="s">
        <v>4418</v>
      </c>
      <c r="E1193" s="1" t="s">
        <v>4419</v>
      </c>
      <c r="F1193" s="1" t="s">
        <v>10</v>
      </c>
      <c r="G1193" s="1" t="s">
        <v>10</v>
      </c>
      <c r="H1193" s="1" t="s">
        <v>10</v>
      </c>
      <c r="I1193" s="1" t="s">
        <v>3941</v>
      </c>
      <c r="J1193" s="1" t="s">
        <v>4352</v>
      </c>
      <c r="K1193" s="1" t="s">
        <v>47</v>
      </c>
      <c r="L1193" s="1" t="s">
        <v>4416</v>
      </c>
      <c r="M1193" s="1" t="s">
        <v>5</v>
      </c>
      <c r="N1193" s="1" t="s">
        <v>25</v>
      </c>
      <c r="O1193" s="1" t="s">
        <v>38</v>
      </c>
      <c r="P1193" s="5" t="s">
        <v>31203</v>
      </c>
    </row>
    <row r="1194" spans="1:16" x14ac:dyDescent="0.2">
      <c r="A1194" s="1" t="s">
        <v>20</v>
      </c>
      <c r="B1194" s="1" t="s">
        <v>309</v>
      </c>
      <c r="C1194" s="1" t="s">
        <v>4421</v>
      </c>
      <c r="D1194" s="1" t="s">
        <v>4422</v>
      </c>
      <c r="E1194" s="1" t="s">
        <v>10</v>
      </c>
      <c r="F1194" s="1" t="s">
        <v>10</v>
      </c>
      <c r="G1194" s="1" t="s">
        <v>10</v>
      </c>
      <c r="H1194" s="1" t="s">
        <v>10</v>
      </c>
      <c r="I1194" s="1" t="s">
        <v>3941</v>
      </c>
      <c r="J1194" s="1" t="s">
        <v>4352</v>
      </c>
      <c r="K1194" s="1" t="s">
        <v>64</v>
      </c>
      <c r="L1194" s="1" t="s">
        <v>4420</v>
      </c>
      <c r="M1194" s="1" t="s">
        <v>5</v>
      </c>
      <c r="N1194" s="1" t="s">
        <v>25</v>
      </c>
      <c r="O1194" s="1" t="s">
        <v>38</v>
      </c>
      <c r="P1194" s="5" t="s">
        <v>31203</v>
      </c>
    </row>
    <row r="1195" spans="1:16" x14ac:dyDescent="0.2">
      <c r="A1195" s="1" t="s">
        <v>20</v>
      </c>
      <c r="B1195" s="1" t="s">
        <v>309</v>
      </c>
      <c r="C1195" s="1" t="s">
        <v>4424</v>
      </c>
      <c r="D1195" s="1" t="s">
        <v>4425</v>
      </c>
      <c r="E1195" s="1" t="s">
        <v>4426</v>
      </c>
      <c r="F1195" s="1" t="s">
        <v>10</v>
      </c>
      <c r="G1195" s="1" t="s">
        <v>10</v>
      </c>
      <c r="H1195" s="1" t="s">
        <v>10</v>
      </c>
      <c r="I1195" s="1" t="s">
        <v>3941</v>
      </c>
      <c r="J1195" s="1" t="s">
        <v>4352</v>
      </c>
      <c r="K1195" s="1" t="s">
        <v>64</v>
      </c>
      <c r="L1195" s="1" t="s">
        <v>4423</v>
      </c>
      <c r="M1195" s="1" t="s">
        <v>5</v>
      </c>
      <c r="N1195" s="1" t="s">
        <v>25</v>
      </c>
      <c r="O1195" s="1" t="s">
        <v>38</v>
      </c>
      <c r="P1195" s="5" t="s">
        <v>31203</v>
      </c>
    </row>
    <row r="1196" spans="1:16" x14ac:dyDescent="0.2">
      <c r="A1196" s="1" t="s">
        <v>66</v>
      </c>
      <c r="B1196" s="1" t="s">
        <v>574</v>
      </c>
      <c r="C1196" s="1" t="s">
        <v>4428</v>
      </c>
      <c r="D1196" s="1" t="s">
        <v>4429</v>
      </c>
      <c r="E1196" s="1" t="s">
        <v>10</v>
      </c>
      <c r="F1196" s="1" t="s">
        <v>10</v>
      </c>
      <c r="G1196" s="1" t="s">
        <v>10</v>
      </c>
      <c r="H1196" s="1" t="s">
        <v>10</v>
      </c>
      <c r="I1196" s="1" t="s">
        <v>3941</v>
      </c>
      <c r="J1196" s="1" t="s">
        <v>4352</v>
      </c>
      <c r="K1196" s="1" t="s">
        <v>64</v>
      </c>
      <c r="L1196" s="1" t="s">
        <v>4427</v>
      </c>
      <c r="M1196" s="1" t="s">
        <v>5</v>
      </c>
      <c r="N1196" s="1" t="s">
        <v>25</v>
      </c>
      <c r="O1196" s="1" t="s">
        <v>38</v>
      </c>
      <c r="P1196" s="5" t="s">
        <v>31203</v>
      </c>
    </row>
    <row r="1197" spans="1:16" x14ac:dyDescent="0.2">
      <c r="A1197" s="1" t="s">
        <v>20</v>
      </c>
      <c r="B1197" s="1" t="s">
        <v>302</v>
      </c>
      <c r="C1197" s="1" t="s">
        <v>4431</v>
      </c>
      <c r="D1197" s="1" t="s">
        <v>4432</v>
      </c>
      <c r="E1197" s="1" t="s">
        <v>10</v>
      </c>
      <c r="F1197" s="1" t="s">
        <v>10</v>
      </c>
      <c r="G1197" s="1" t="s">
        <v>10</v>
      </c>
      <c r="H1197" s="1" t="s">
        <v>10</v>
      </c>
      <c r="I1197" s="1" t="s">
        <v>3941</v>
      </c>
      <c r="J1197" s="1" t="s">
        <v>4352</v>
      </c>
      <c r="K1197" s="1" t="s">
        <v>100</v>
      </c>
      <c r="L1197" s="1" t="s">
        <v>4430</v>
      </c>
      <c r="M1197" s="1" t="s">
        <v>5</v>
      </c>
      <c r="N1197" s="1" t="s">
        <v>25</v>
      </c>
      <c r="O1197" s="1" t="s">
        <v>38</v>
      </c>
      <c r="P1197" s="5" t="s">
        <v>31203</v>
      </c>
    </row>
    <row r="1198" spans="1:16" x14ac:dyDescent="0.2">
      <c r="A1198" s="1" t="s">
        <v>20</v>
      </c>
      <c r="B1198" s="1" t="s">
        <v>445</v>
      </c>
      <c r="C1198" s="1" t="s">
        <v>4434</v>
      </c>
      <c r="D1198" s="1" t="s">
        <v>4435</v>
      </c>
      <c r="E1198" s="1" t="s">
        <v>4436</v>
      </c>
      <c r="F1198" s="1" t="s">
        <v>10</v>
      </c>
      <c r="G1198" s="1" t="s">
        <v>10</v>
      </c>
      <c r="H1198" s="1" t="s">
        <v>10</v>
      </c>
      <c r="I1198" s="1" t="s">
        <v>3941</v>
      </c>
      <c r="J1198" s="1" t="s">
        <v>4352</v>
      </c>
      <c r="K1198" s="1" t="s">
        <v>64</v>
      </c>
      <c r="L1198" s="1" t="s">
        <v>4433</v>
      </c>
      <c r="M1198" s="1" t="s">
        <v>5</v>
      </c>
      <c r="N1198" s="1" t="s">
        <v>25</v>
      </c>
      <c r="O1198" s="1" t="s">
        <v>38</v>
      </c>
      <c r="P1198" s="5" t="s">
        <v>29838</v>
      </c>
    </row>
    <row r="1199" spans="1:16" x14ac:dyDescent="0.2">
      <c r="A1199" s="1" t="s">
        <v>20</v>
      </c>
      <c r="B1199" s="1" t="s">
        <v>445</v>
      </c>
      <c r="C1199" s="1" t="s">
        <v>4438</v>
      </c>
      <c r="D1199" s="1" t="s">
        <v>4439</v>
      </c>
      <c r="E1199" s="1" t="s">
        <v>4440</v>
      </c>
      <c r="F1199" s="1" t="s">
        <v>10</v>
      </c>
      <c r="G1199" s="1" t="s">
        <v>10</v>
      </c>
      <c r="H1199" s="1" t="s">
        <v>10</v>
      </c>
      <c r="I1199" s="1" t="s">
        <v>3941</v>
      </c>
      <c r="J1199" s="1" t="s">
        <v>4352</v>
      </c>
      <c r="K1199" s="1" t="s">
        <v>64</v>
      </c>
      <c r="L1199" s="1" t="s">
        <v>4437</v>
      </c>
      <c r="M1199" s="1" t="s">
        <v>5</v>
      </c>
      <c r="N1199" s="1" t="s">
        <v>25</v>
      </c>
      <c r="O1199" s="1" t="s">
        <v>38</v>
      </c>
      <c r="P1199" s="5" t="s">
        <v>31203</v>
      </c>
    </row>
    <row r="1200" spans="1:16" x14ac:dyDescent="0.2">
      <c r="A1200" s="1" t="s">
        <v>20</v>
      </c>
      <c r="B1200" s="1" t="s">
        <v>445</v>
      </c>
      <c r="C1200" s="1" t="s">
        <v>4442</v>
      </c>
      <c r="D1200" s="1" t="s">
        <v>4443</v>
      </c>
      <c r="E1200" s="1" t="s">
        <v>10</v>
      </c>
      <c r="F1200" s="1" t="s">
        <v>10</v>
      </c>
      <c r="G1200" s="1" t="s">
        <v>10</v>
      </c>
      <c r="H1200" s="1" t="s">
        <v>10</v>
      </c>
      <c r="I1200" s="1" t="s">
        <v>3941</v>
      </c>
      <c r="J1200" s="1" t="s">
        <v>4352</v>
      </c>
      <c r="K1200" s="1" t="s">
        <v>64</v>
      </c>
      <c r="L1200" s="1" t="s">
        <v>4441</v>
      </c>
      <c r="M1200" s="1" t="s">
        <v>5</v>
      </c>
      <c r="N1200" s="1" t="s">
        <v>25</v>
      </c>
      <c r="O1200" s="1" t="s">
        <v>38</v>
      </c>
      <c r="P1200" s="5" t="s">
        <v>31203</v>
      </c>
    </row>
    <row r="1201" spans="1:16" x14ac:dyDescent="0.2">
      <c r="A1201" s="1" t="s">
        <v>20</v>
      </c>
      <c r="B1201" s="1" t="s">
        <v>445</v>
      </c>
      <c r="C1201" s="1" t="s">
        <v>4445</v>
      </c>
      <c r="D1201" s="1" t="s">
        <v>4446</v>
      </c>
      <c r="E1201" s="1" t="s">
        <v>10</v>
      </c>
      <c r="F1201" s="1" t="s">
        <v>10</v>
      </c>
      <c r="G1201" s="1" t="s">
        <v>10</v>
      </c>
      <c r="H1201" s="1" t="s">
        <v>10</v>
      </c>
      <c r="I1201" s="1" t="s">
        <v>3941</v>
      </c>
      <c r="J1201" s="1" t="s">
        <v>4352</v>
      </c>
      <c r="K1201" s="1" t="s">
        <v>64</v>
      </c>
      <c r="L1201" s="1" t="s">
        <v>4444</v>
      </c>
      <c r="M1201" s="1" t="s">
        <v>5</v>
      </c>
      <c r="N1201" s="1" t="s">
        <v>25</v>
      </c>
      <c r="O1201" s="1" t="s">
        <v>38</v>
      </c>
      <c r="P1201" s="5" t="s">
        <v>31203</v>
      </c>
    </row>
    <row r="1202" spans="1:16" x14ac:dyDescent="0.2">
      <c r="A1202" s="1" t="s">
        <v>20</v>
      </c>
      <c r="B1202" s="1" t="s">
        <v>445</v>
      </c>
      <c r="C1202" s="1" t="s">
        <v>4448</v>
      </c>
      <c r="D1202" s="1" t="s">
        <v>4449</v>
      </c>
      <c r="E1202" s="1" t="s">
        <v>10</v>
      </c>
      <c r="F1202" s="1" t="s">
        <v>10</v>
      </c>
      <c r="G1202" s="1" t="s">
        <v>10</v>
      </c>
      <c r="H1202" s="1" t="s">
        <v>10</v>
      </c>
      <c r="I1202" s="1" t="s">
        <v>3941</v>
      </c>
      <c r="J1202" s="1" t="s">
        <v>4352</v>
      </c>
      <c r="K1202" s="1" t="s">
        <v>64</v>
      </c>
      <c r="L1202" s="1" t="s">
        <v>4447</v>
      </c>
      <c r="M1202" s="1" t="s">
        <v>5</v>
      </c>
      <c r="N1202" s="1" t="s">
        <v>25</v>
      </c>
      <c r="O1202" s="1" t="s">
        <v>38</v>
      </c>
      <c r="P1202" s="5" t="s">
        <v>31203</v>
      </c>
    </row>
    <row r="1203" spans="1:16" x14ac:dyDescent="0.2">
      <c r="A1203" s="1" t="s">
        <v>20</v>
      </c>
      <c r="B1203" s="1" t="s">
        <v>445</v>
      </c>
      <c r="C1203" s="1" t="s">
        <v>4451</v>
      </c>
      <c r="D1203" s="1" t="s">
        <v>4452</v>
      </c>
      <c r="E1203" s="1" t="s">
        <v>4453</v>
      </c>
      <c r="F1203" s="1" t="s">
        <v>10</v>
      </c>
      <c r="G1203" s="1" t="s">
        <v>10</v>
      </c>
      <c r="H1203" s="1" t="s">
        <v>10</v>
      </c>
      <c r="I1203" s="1" t="s">
        <v>3941</v>
      </c>
      <c r="J1203" s="1" t="s">
        <v>4352</v>
      </c>
      <c r="K1203" s="1" t="s">
        <v>130</v>
      </c>
      <c r="L1203" s="1" t="s">
        <v>4450</v>
      </c>
      <c r="M1203" s="1" t="s">
        <v>5</v>
      </c>
      <c r="N1203" s="1" t="s">
        <v>25</v>
      </c>
      <c r="O1203" s="1" t="s">
        <v>38</v>
      </c>
      <c r="P1203" s="5" t="s">
        <v>31203</v>
      </c>
    </row>
    <row r="1204" spans="1:16" x14ac:dyDescent="0.2">
      <c r="A1204" s="1" t="s">
        <v>20</v>
      </c>
      <c r="B1204" s="1" t="s">
        <v>445</v>
      </c>
      <c r="C1204" s="1" t="s">
        <v>4455</v>
      </c>
      <c r="D1204" s="1" t="s">
        <v>4456</v>
      </c>
      <c r="E1204" s="1" t="s">
        <v>4457</v>
      </c>
      <c r="F1204" s="1" t="s">
        <v>10</v>
      </c>
      <c r="G1204" s="1" t="s">
        <v>10</v>
      </c>
      <c r="H1204" s="1" t="s">
        <v>10</v>
      </c>
      <c r="I1204" s="1" t="s">
        <v>3941</v>
      </c>
      <c r="J1204" s="1" t="s">
        <v>4352</v>
      </c>
      <c r="K1204" s="1" t="s">
        <v>64</v>
      </c>
      <c r="L1204" s="1" t="s">
        <v>4454</v>
      </c>
      <c r="M1204" s="1" t="s">
        <v>5</v>
      </c>
      <c r="N1204" s="1" t="s">
        <v>25</v>
      </c>
      <c r="O1204" s="1" t="s">
        <v>38</v>
      </c>
      <c r="P1204" s="5" t="s">
        <v>31203</v>
      </c>
    </row>
    <row r="1205" spans="1:16" x14ac:dyDescent="0.2">
      <c r="A1205" s="1" t="s">
        <v>20</v>
      </c>
      <c r="B1205" s="1" t="s">
        <v>445</v>
      </c>
      <c r="C1205" s="1" t="s">
        <v>4459</v>
      </c>
      <c r="D1205" s="1" t="s">
        <v>4460</v>
      </c>
      <c r="E1205" s="1" t="s">
        <v>4461</v>
      </c>
      <c r="F1205" s="1" t="s">
        <v>10</v>
      </c>
      <c r="G1205" s="1" t="s">
        <v>10</v>
      </c>
      <c r="H1205" s="1" t="s">
        <v>10</v>
      </c>
      <c r="I1205" s="1" t="s">
        <v>3941</v>
      </c>
      <c r="J1205" s="1" t="s">
        <v>4352</v>
      </c>
      <c r="K1205" s="1" t="s">
        <v>64</v>
      </c>
      <c r="L1205" s="1" t="s">
        <v>4458</v>
      </c>
      <c r="M1205" s="1" t="s">
        <v>5</v>
      </c>
      <c r="N1205" s="1" t="s">
        <v>25</v>
      </c>
      <c r="O1205" s="1" t="s">
        <v>38</v>
      </c>
      <c r="P1205" s="5" t="s">
        <v>31203</v>
      </c>
    </row>
    <row r="1206" spans="1:16" x14ac:dyDescent="0.2">
      <c r="A1206" s="1" t="s">
        <v>20</v>
      </c>
      <c r="B1206" s="1" t="s">
        <v>309</v>
      </c>
      <c r="C1206" s="1" t="s">
        <v>4463</v>
      </c>
      <c r="D1206" s="1" t="s">
        <v>4464</v>
      </c>
      <c r="E1206" s="1" t="s">
        <v>10</v>
      </c>
      <c r="F1206" s="1" t="s">
        <v>10</v>
      </c>
      <c r="G1206" s="1" t="s">
        <v>10</v>
      </c>
      <c r="H1206" s="1" t="s">
        <v>10</v>
      </c>
      <c r="I1206" s="1" t="s">
        <v>3941</v>
      </c>
      <c r="J1206" s="1" t="s">
        <v>4352</v>
      </c>
      <c r="K1206" s="1" t="s">
        <v>64</v>
      </c>
      <c r="L1206" s="1" t="s">
        <v>4462</v>
      </c>
      <c r="M1206" s="1" t="s">
        <v>5</v>
      </c>
      <c r="N1206" s="1" t="s">
        <v>25</v>
      </c>
      <c r="O1206" s="1" t="s">
        <v>38</v>
      </c>
      <c r="P1206" s="5" t="s">
        <v>31203</v>
      </c>
    </row>
    <row r="1207" spans="1:16" x14ac:dyDescent="0.2">
      <c r="A1207" s="1" t="s">
        <v>20</v>
      </c>
      <c r="B1207" s="1" t="s">
        <v>445</v>
      </c>
      <c r="C1207" s="1" t="s">
        <v>4466</v>
      </c>
      <c r="D1207" s="1" t="s">
        <v>4467</v>
      </c>
      <c r="E1207" s="1" t="s">
        <v>10</v>
      </c>
      <c r="F1207" s="1" t="s">
        <v>10</v>
      </c>
      <c r="G1207" s="1" t="s">
        <v>10</v>
      </c>
      <c r="H1207" s="1" t="s">
        <v>10</v>
      </c>
      <c r="I1207" s="1" t="s">
        <v>3941</v>
      </c>
      <c r="J1207" s="1" t="s">
        <v>4352</v>
      </c>
      <c r="K1207" s="1" t="s">
        <v>64</v>
      </c>
      <c r="L1207" s="1" t="s">
        <v>4465</v>
      </c>
      <c r="M1207" s="1" t="s">
        <v>5</v>
      </c>
      <c r="N1207" s="1" t="s">
        <v>25</v>
      </c>
      <c r="O1207" s="1" t="s">
        <v>38</v>
      </c>
      <c r="P1207" s="5" t="s">
        <v>31203</v>
      </c>
    </row>
    <row r="1208" spans="1:16" x14ac:dyDescent="0.2">
      <c r="A1208" s="1" t="s">
        <v>20</v>
      </c>
      <c r="B1208" s="1" t="s">
        <v>445</v>
      </c>
      <c r="C1208" s="1" t="s">
        <v>4469</v>
      </c>
      <c r="D1208" s="1" t="s">
        <v>4470</v>
      </c>
      <c r="E1208" s="1" t="s">
        <v>10</v>
      </c>
      <c r="F1208" s="1" t="s">
        <v>10</v>
      </c>
      <c r="G1208" s="1" t="s">
        <v>10</v>
      </c>
      <c r="H1208" s="1" t="s">
        <v>4471</v>
      </c>
      <c r="I1208" s="1" t="s">
        <v>3941</v>
      </c>
      <c r="J1208" s="1" t="s">
        <v>4352</v>
      </c>
      <c r="K1208" s="1" t="s">
        <v>100</v>
      </c>
      <c r="L1208" s="1" t="s">
        <v>4468</v>
      </c>
      <c r="M1208" s="1" t="s">
        <v>5</v>
      </c>
      <c r="N1208" s="1" t="s">
        <v>25</v>
      </c>
      <c r="O1208" s="1" t="s">
        <v>8</v>
      </c>
      <c r="P1208" s="5" t="s">
        <v>29838</v>
      </c>
    </row>
    <row r="1209" spans="1:16" x14ac:dyDescent="0.2">
      <c r="A1209" s="1" t="s">
        <v>20</v>
      </c>
      <c r="B1209" s="1" t="s">
        <v>445</v>
      </c>
      <c r="C1209" s="1" t="s">
        <v>4473</v>
      </c>
      <c r="D1209" s="1" t="s">
        <v>4474</v>
      </c>
      <c r="E1209" s="1" t="s">
        <v>4475</v>
      </c>
      <c r="F1209" s="1" t="s">
        <v>10</v>
      </c>
      <c r="G1209" s="1" t="s">
        <v>10</v>
      </c>
      <c r="H1209" s="1" t="s">
        <v>10</v>
      </c>
      <c r="I1209" s="1" t="s">
        <v>3941</v>
      </c>
      <c r="J1209" s="1" t="s">
        <v>4352</v>
      </c>
      <c r="K1209" s="1" t="s">
        <v>64</v>
      </c>
      <c r="L1209" s="1" t="s">
        <v>4472</v>
      </c>
      <c r="M1209" s="1" t="s">
        <v>5</v>
      </c>
      <c r="N1209" s="1" t="s">
        <v>25</v>
      </c>
      <c r="O1209" s="1" t="s">
        <v>38</v>
      </c>
      <c r="P1209" s="5" t="s">
        <v>31203</v>
      </c>
    </row>
    <row r="1210" spans="1:16" x14ac:dyDescent="0.2">
      <c r="A1210" s="1" t="s">
        <v>66</v>
      </c>
      <c r="B1210" s="1" t="s">
        <v>574</v>
      </c>
      <c r="C1210" s="1" t="s">
        <v>4477</v>
      </c>
      <c r="D1210" s="1" t="s">
        <v>4478</v>
      </c>
      <c r="E1210" s="1" t="s">
        <v>4479</v>
      </c>
      <c r="F1210" s="1" t="s">
        <v>10</v>
      </c>
      <c r="G1210" s="1" t="s">
        <v>10</v>
      </c>
      <c r="H1210" s="1" t="s">
        <v>10</v>
      </c>
      <c r="I1210" s="1" t="s">
        <v>3941</v>
      </c>
      <c r="J1210" s="1" t="s">
        <v>4352</v>
      </c>
      <c r="K1210" s="1" t="s">
        <v>64</v>
      </c>
      <c r="L1210" s="1" t="s">
        <v>4476</v>
      </c>
      <c r="M1210" s="1" t="s">
        <v>5</v>
      </c>
      <c r="N1210" s="1" t="s">
        <v>25</v>
      </c>
      <c r="O1210" s="1" t="s">
        <v>38</v>
      </c>
      <c r="P1210" s="5" t="s">
        <v>31203</v>
      </c>
    </row>
    <row r="1211" spans="1:16" x14ac:dyDescent="0.2">
      <c r="A1211" s="1" t="s">
        <v>1086</v>
      </c>
      <c r="B1211" s="1" t="s">
        <v>4482</v>
      </c>
      <c r="C1211" s="1" t="s">
        <v>4481</v>
      </c>
      <c r="D1211" s="1" t="s">
        <v>4481</v>
      </c>
      <c r="E1211" s="1" t="s">
        <v>10</v>
      </c>
      <c r="F1211" s="1" t="s">
        <v>10</v>
      </c>
      <c r="G1211" s="1" t="s">
        <v>10</v>
      </c>
      <c r="H1211" s="1" t="s">
        <v>10</v>
      </c>
      <c r="I1211" s="1" t="s">
        <v>3941</v>
      </c>
      <c r="J1211" s="1" t="s">
        <v>4352</v>
      </c>
      <c r="K1211" s="1" t="s">
        <v>64</v>
      </c>
      <c r="L1211" s="1" t="s">
        <v>4480</v>
      </c>
      <c r="M1211" s="1" t="s">
        <v>5</v>
      </c>
      <c r="N1211" s="1" t="s">
        <v>25</v>
      </c>
      <c r="O1211" s="1" t="s">
        <v>8</v>
      </c>
      <c r="P1211" s="5" t="s">
        <v>31201</v>
      </c>
    </row>
    <row r="1212" spans="1:16" x14ac:dyDescent="0.2">
      <c r="A1212" s="1" t="s">
        <v>42</v>
      </c>
      <c r="B1212" s="1" t="s">
        <v>1341</v>
      </c>
      <c r="C1212" s="1" t="s">
        <v>1261</v>
      </c>
      <c r="D1212" s="1" t="s">
        <v>1261</v>
      </c>
      <c r="E1212" s="1" t="s">
        <v>4485</v>
      </c>
      <c r="F1212" s="1" t="s">
        <v>10</v>
      </c>
      <c r="G1212" s="1" t="s">
        <v>10</v>
      </c>
      <c r="H1212" s="1" t="s">
        <v>4486</v>
      </c>
      <c r="I1212" s="1" t="s">
        <v>3941</v>
      </c>
      <c r="J1212" s="1" t="s">
        <v>4484</v>
      </c>
      <c r="K1212" s="1" t="s">
        <v>64</v>
      </c>
      <c r="L1212" s="1" t="s">
        <v>4483</v>
      </c>
      <c r="M1212" s="1" t="s">
        <v>5</v>
      </c>
      <c r="N1212" s="1" t="s">
        <v>25</v>
      </c>
      <c r="O1212" s="1" t="s">
        <v>8</v>
      </c>
      <c r="P1212" s="5" t="s">
        <v>31205</v>
      </c>
    </row>
    <row r="1213" spans="1:16" x14ac:dyDescent="0.2">
      <c r="A1213" s="1" t="s">
        <v>194</v>
      </c>
      <c r="B1213" s="1" t="s">
        <v>4492</v>
      </c>
      <c r="C1213" s="1" t="s">
        <v>4488</v>
      </c>
      <c r="D1213" s="1" t="s">
        <v>4488</v>
      </c>
      <c r="E1213" s="1" t="s">
        <v>4489</v>
      </c>
      <c r="F1213" s="1" t="s">
        <v>10</v>
      </c>
      <c r="G1213" s="1" t="s">
        <v>4490</v>
      </c>
      <c r="H1213" s="1" t="s">
        <v>4491</v>
      </c>
      <c r="I1213" s="1" t="s">
        <v>3941</v>
      </c>
      <c r="J1213" s="1" t="s">
        <v>4484</v>
      </c>
      <c r="K1213" s="1" t="s">
        <v>64</v>
      </c>
      <c r="L1213" s="1" t="s">
        <v>4487</v>
      </c>
      <c r="M1213" s="1" t="s">
        <v>5</v>
      </c>
      <c r="N1213" s="1" t="s">
        <v>1009</v>
      </c>
      <c r="O1213" s="1" t="s">
        <v>8</v>
      </c>
      <c r="P1213" s="5" t="s">
        <v>31206</v>
      </c>
    </row>
    <row r="1214" spans="1:16" x14ac:dyDescent="0.2">
      <c r="A1214" s="1" t="s">
        <v>194</v>
      </c>
      <c r="B1214" s="1" t="s">
        <v>4497</v>
      </c>
      <c r="C1214" s="1" t="s">
        <v>4494</v>
      </c>
      <c r="D1214" s="1" t="s">
        <v>4494</v>
      </c>
      <c r="E1214" s="1" t="s">
        <v>4495</v>
      </c>
      <c r="F1214" s="1" t="s">
        <v>10</v>
      </c>
      <c r="G1214" s="1" t="s">
        <v>10</v>
      </c>
      <c r="H1214" s="1" t="s">
        <v>4496</v>
      </c>
      <c r="I1214" s="1" t="s">
        <v>3941</v>
      </c>
      <c r="J1214" s="1" t="s">
        <v>4484</v>
      </c>
      <c r="K1214" s="1" t="s">
        <v>64</v>
      </c>
      <c r="L1214" s="1" t="s">
        <v>4493</v>
      </c>
      <c r="M1214" s="1" t="s">
        <v>5</v>
      </c>
      <c r="N1214" s="1" t="s">
        <v>25</v>
      </c>
      <c r="O1214" s="1" t="s">
        <v>8</v>
      </c>
      <c r="P1214" s="5" t="s">
        <v>31207</v>
      </c>
    </row>
    <row r="1215" spans="1:16" x14ac:dyDescent="0.2">
      <c r="A1215" s="1" t="s">
        <v>42</v>
      </c>
      <c r="B1215" s="1" t="s">
        <v>588</v>
      </c>
      <c r="C1215" s="1" t="s">
        <v>1081</v>
      </c>
      <c r="D1215" s="1" t="s">
        <v>1081</v>
      </c>
      <c r="E1215" s="1" t="s">
        <v>4499</v>
      </c>
      <c r="F1215" s="1" t="s">
        <v>10</v>
      </c>
      <c r="G1215" s="1" t="s">
        <v>10</v>
      </c>
      <c r="H1215" s="1" t="s">
        <v>4500</v>
      </c>
      <c r="I1215" s="1" t="s">
        <v>3941</v>
      </c>
      <c r="J1215" s="1" t="s">
        <v>4484</v>
      </c>
      <c r="K1215" s="1" t="s">
        <v>64</v>
      </c>
      <c r="L1215" s="1" t="s">
        <v>4498</v>
      </c>
      <c r="M1215" s="1" t="s">
        <v>5</v>
      </c>
      <c r="N1215" s="1" t="s">
        <v>1009</v>
      </c>
      <c r="O1215" s="1" t="s">
        <v>8</v>
      </c>
      <c r="P1215" s="5" t="s">
        <v>31207</v>
      </c>
    </row>
    <row r="1216" spans="1:16" x14ac:dyDescent="0.2">
      <c r="A1216" s="1" t="s">
        <v>42</v>
      </c>
      <c r="B1216" s="1" t="s">
        <v>335</v>
      </c>
      <c r="C1216" s="1" t="s">
        <v>4502</v>
      </c>
      <c r="D1216" s="1" t="s">
        <v>4503</v>
      </c>
      <c r="E1216" s="1" t="s">
        <v>10</v>
      </c>
      <c r="F1216" s="1" t="s">
        <v>10</v>
      </c>
      <c r="G1216" s="1" t="s">
        <v>10</v>
      </c>
      <c r="H1216" s="1" t="s">
        <v>10</v>
      </c>
      <c r="I1216" s="1" t="s">
        <v>3941</v>
      </c>
      <c r="J1216" s="1" t="s">
        <v>3966</v>
      </c>
      <c r="K1216" s="1" t="s">
        <v>47</v>
      </c>
      <c r="L1216" s="1" t="s">
        <v>4501</v>
      </c>
      <c r="M1216" s="1" t="s">
        <v>5</v>
      </c>
      <c r="N1216" s="1" t="s">
        <v>25</v>
      </c>
      <c r="O1216" s="1" t="s">
        <v>38</v>
      </c>
      <c r="P1216" s="5" t="s">
        <v>31208</v>
      </c>
    </row>
    <row r="1217" spans="1:16" x14ac:dyDescent="0.2">
      <c r="A1217" s="1" t="s">
        <v>20</v>
      </c>
      <c r="B1217" s="1" t="s">
        <v>253</v>
      </c>
      <c r="C1217" s="1" t="s">
        <v>4505</v>
      </c>
      <c r="D1217" s="1" t="s">
        <v>4506</v>
      </c>
      <c r="E1217" s="1" t="s">
        <v>4507</v>
      </c>
      <c r="F1217" s="1" t="s">
        <v>10</v>
      </c>
      <c r="G1217" s="1" t="s">
        <v>10</v>
      </c>
      <c r="H1217" s="1" t="s">
        <v>10</v>
      </c>
      <c r="I1217" s="1" t="s">
        <v>3941</v>
      </c>
      <c r="J1217" s="1" t="s">
        <v>10</v>
      </c>
      <c r="K1217" s="1" t="s">
        <v>64</v>
      </c>
      <c r="L1217" s="1" t="s">
        <v>4504</v>
      </c>
      <c r="M1217" s="1" t="s">
        <v>5</v>
      </c>
      <c r="N1217" s="1" t="s">
        <v>25</v>
      </c>
      <c r="O1217" s="1" t="s">
        <v>38</v>
      </c>
      <c r="P1217" s="5" t="s">
        <v>31210</v>
      </c>
    </row>
    <row r="1218" spans="1:16" x14ac:dyDescent="0.2">
      <c r="A1218" s="1" t="s">
        <v>66</v>
      </c>
      <c r="B1218" s="1" t="s">
        <v>1812</v>
      </c>
      <c r="C1218" s="1" t="s">
        <v>4509</v>
      </c>
      <c r="D1218" s="1" t="s">
        <v>4510</v>
      </c>
      <c r="E1218" s="1" t="s">
        <v>4512</v>
      </c>
      <c r="F1218" s="1" t="s">
        <v>10</v>
      </c>
      <c r="G1218" s="1" t="s">
        <v>10</v>
      </c>
      <c r="H1218" s="1" t="s">
        <v>10</v>
      </c>
      <c r="I1218" s="1" t="s">
        <v>3941</v>
      </c>
      <c r="J1218" s="1" t="s">
        <v>10</v>
      </c>
      <c r="K1218" s="1" t="s">
        <v>64</v>
      </c>
      <c r="L1218" s="1" t="s">
        <v>4508</v>
      </c>
      <c r="M1218" s="1" t="s">
        <v>5</v>
      </c>
      <c r="N1218" s="1" t="s">
        <v>25</v>
      </c>
      <c r="O1218" s="1" t="s">
        <v>38</v>
      </c>
      <c r="P1218" s="5" t="s">
        <v>31210</v>
      </c>
    </row>
    <row r="1219" spans="1:16" x14ac:dyDescent="0.2">
      <c r="A1219" s="1" t="s">
        <v>20</v>
      </c>
      <c r="B1219" s="1" t="s">
        <v>253</v>
      </c>
      <c r="C1219" s="1" t="s">
        <v>4514</v>
      </c>
      <c r="D1219" s="1" t="s">
        <v>4515</v>
      </c>
      <c r="E1219" s="1" t="s">
        <v>4516</v>
      </c>
      <c r="F1219" s="1" t="s">
        <v>10</v>
      </c>
      <c r="G1219" s="1" t="s">
        <v>10</v>
      </c>
      <c r="H1219" s="1" t="s">
        <v>10</v>
      </c>
      <c r="I1219" s="1" t="s">
        <v>3941</v>
      </c>
      <c r="J1219" s="1" t="s">
        <v>10</v>
      </c>
      <c r="K1219" s="1" t="s">
        <v>64</v>
      </c>
      <c r="L1219" s="1" t="s">
        <v>4513</v>
      </c>
      <c r="M1219" s="1" t="s">
        <v>5</v>
      </c>
      <c r="N1219" s="1" t="s">
        <v>25</v>
      </c>
      <c r="O1219" s="1" t="s">
        <v>38</v>
      </c>
      <c r="P1219" s="5" t="s">
        <v>32729</v>
      </c>
    </row>
    <row r="1220" spans="1:16" x14ac:dyDescent="0.2">
      <c r="A1220" s="1" t="s">
        <v>20</v>
      </c>
      <c r="B1220" s="1" t="s">
        <v>253</v>
      </c>
      <c r="C1220" s="1" t="s">
        <v>4518</v>
      </c>
      <c r="D1220" s="1" t="s">
        <v>4519</v>
      </c>
      <c r="E1220" s="1" t="s">
        <v>4520</v>
      </c>
      <c r="F1220" s="1" t="s">
        <v>10</v>
      </c>
      <c r="G1220" s="1" t="s">
        <v>10</v>
      </c>
      <c r="H1220" s="1" t="s">
        <v>4177</v>
      </c>
      <c r="I1220" s="1" t="s">
        <v>3941</v>
      </c>
      <c r="J1220" s="1" t="s">
        <v>10</v>
      </c>
      <c r="K1220" s="1" t="s">
        <v>64</v>
      </c>
      <c r="L1220" s="1" t="s">
        <v>4517</v>
      </c>
      <c r="M1220" s="1" t="s">
        <v>5</v>
      </c>
      <c r="N1220" s="1" t="s">
        <v>1009</v>
      </c>
      <c r="O1220" s="1" t="s">
        <v>8</v>
      </c>
      <c r="P1220" s="5" t="s">
        <v>31210</v>
      </c>
    </row>
    <row r="1221" spans="1:16" x14ac:dyDescent="0.2">
      <c r="A1221" s="1" t="s">
        <v>20</v>
      </c>
      <c r="B1221" s="1" t="s">
        <v>253</v>
      </c>
      <c r="C1221" s="1" t="s">
        <v>4522</v>
      </c>
      <c r="D1221" s="1" t="s">
        <v>4523</v>
      </c>
      <c r="E1221" s="1" t="s">
        <v>4524</v>
      </c>
      <c r="F1221" s="1" t="s">
        <v>10</v>
      </c>
      <c r="G1221" s="1" t="s">
        <v>10</v>
      </c>
      <c r="H1221" s="1" t="s">
        <v>4177</v>
      </c>
      <c r="I1221" s="1" t="s">
        <v>3941</v>
      </c>
      <c r="J1221" s="1" t="s">
        <v>10</v>
      </c>
      <c r="K1221" s="1" t="s">
        <v>64</v>
      </c>
      <c r="L1221" s="1" t="s">
        <v>4521</v>
      </c>
      <c r="M1221" s="1" t="s">
        <v>5</v>
      </c>
      <c r="N1221" s="1" t="s">
        <v>1009</v>
      </c>
      <c r="O1221" s="1" t="s">
        <v>8</v>
      </c>
      <c r="P1221" s="5" t="s">
        <v>32730</v>
      </c>
    </row>
    <row r="1222" spans="1:16" x14ac:dyDescent="0.2">
      <c r="A1222" s="1" t="s">
        <v>1385</v>
      </c>
      <c r="B1222" s="1" t="s">
        <v>1490</v>
      </c>
      <c r="C1222" s="1" t="s">
        <v>4526</v>
      </c>
      <c r="D1222" s="1" t="s">
        <v>4526</v>
      </c>
      <c r="E1222" s="1" t="s">
        <v>4527</v>
      </c>
      <c r="F1222" s="1" t="s">
        <v>10</v>
      </c>
      <c r="G1222" s="1" t="s">
        <v>10</v>
      </c>
      <c r="H1222" s="1" t="s">
        <v>4177</v>
      </c>
      <c r="I1222" s="1" t="s">
        <v>3941</v>
      </c>
      <c r="J1222" s="1" t="s">
        <v>10</v>
      </c>
      <c r="K1222" s="1" t="s">
        <v>64</v>
      </c>
      <c r="L1222" s="1" t="s">
        <v>4525</v>
      </c>
      <c r="M1222" s="1" t="s">
        <v>5</v>
      </c>
      <c r="N1222" s="1" t="s">
        <v>1009</v>
      </c>
      <c r="O1222" s="1" t="s">
        <v>8</v>
      </c>
      <c r="P1222" s="5" t="s">
        <v>31210</v>
      </c>
    </row>
    <row r="1223" spans="1:16" x14ac:dyDescent="0.2">
      <c r="A1223" s="1" t="s">
        <v>20</v>
      </c>
      <c r="B1223" s="1" t="s">
        <v>93</v>
      </c>
      <c r="C1223" s="1" t="s">
        <v>4529</v>
      </c>
      <c r="D1223" s="1" t="s">
        <v>4530</v>
      </c>
      <c r="E1223" s="1" t="s">
        <v>4531</v>
      </c>
      <c r="F1223" s="1" t="s">
        <v>10</v>
      </c>
      <c r="G1223" s="1" t="s">
        <v>10</v>
      </c>
      <c r="H1223" s="1" t="s">
        <v>10</v>
      </c>
      <c r="I1223" s="1" t="s">
        <v>3941</v>
      </c>
      <c r="J1223" s="1" t="s">
        <v>10</v>
      </c>
      <c r="K1223" s="1" t="s">
        <v>64</v>
      </c>
      <c r="L1223" s="1" t="s">
        <v>4528</v>
      </c>
      <c r="M1223" s="1" t="s">
        <v>5</v>
      </c>
      <c r="N1223" s="1" t="s">
        <v>25</v>
      </c>
      <c r="O1223" s="1" t="s">
        <v>38</v>
      </c>
      <c r="P1223" s="5" t="s">
        <v>31210</v>
      </c>
    </row>
    <row r="1224" spans="1:16" x14ac:dyDescent="0.2">
      <c r="A1224" s="1" t="s">
        <v>20</v>
      </c>
      <c r="B1224" s="1" t="s">
        <v>1804</v>
      </c>
      <c r="C1224" s="1" t="s">
        <v>4533</v>
      </c>
      <c r="D1224" s="1" t="s">
        <v>4534</v>
      </c>
      <c r="E1224" s="1" t="s">
        <v>4535</v>
      </c>
      <c r="F1224" s="1" t="s">
        <v>10</v>
      </c>
      <c r="G1224" s="1" t="s">
        <v>10</v>
      </c>
      <c r="H1224" s="1" t="s">
        <v>10</v>
      </c>
      <c r="I1224" s="1" t="s">
        <v>3941</v>
      </c>
      <c r="J1224" s="1" t="s">
        <v>10</v>
      </c>
      <c r="K1224" s="1" t="s">
        <v>64</v>
      </c>
      <c r="L1224" s="1" t="s">
        <v>4532</v>
      </c>
      <c r="M1224" s="1" t="s">
        <v>5</v>
      </c>
      <c r="N1224" s="1" t="s">
        <v>25</v>
      </c>
      <c r="O1224" s="1" t="s">
        <v>38</v>
      </c>
      <c r="P1224" s="5" t="s">
        <v>31210</v>
      </c>
    </row>
    <row r="1225" spans="1:16" x14ac:dyDescent="0.2">
      <c r="A1225" s="1" t="s">
        <v>20</v>
      </c>
      <c r="B1225" s="1" t="s">
        <v>445</v>
      </c>
      <c r="C1225" s="1" t="s">
        <v>4537</v>
      </c>
      <c r="D1225" s="1" t="s">
        <v>4538</v>
      </c>
      <c r="E1225" s="1" t="s">
        <v>4539</v>
      </c>
      <c r="F1225" s="1" t="s">
        <v>10</v>
      </c>
      <c r="G1225" s="1" t="s">
        <v>10</v>
      </c>
      <c r="H1225" s="1" t="s">
        <v>10</v>
      </c>
      <c r="I1225" s="1" t="s">
        <v>3941</v>
      </c>
      <c r="J1225" s="1" t="s">
        <v>10</v>
      </c>
      <c r="K1225" s="1" t="s">
        <v>64</v>
      </c>
      <c r="L1225" s="1" t="s">
        <v>4536</v>
      </c>
      <c r="M1225" s="1" t="s">
        <v>5</v>
      </c>
      <c r="N1225" s="1" t="s">
        <v>25</v>
      </c>
      <c r="O1225" s="1" t="s">
        <v>38</v>
      </c>
      <c r="P1225" s="5" t="s">
        <v>31210</v>
      </c>
    </row>
    <row r="1226" spans="1:16" x14ac:dyDescent="0.2">
      <c r="A1226" s="1" t="s">
        <v>20</v>
      </c>
      <c r="B1226" s="1" t="s">
        <v>21</v>
      </c>
      <c r="C1226" s="1" t="s">
        <v>4541</v>
      </c>
      <c r="D1226" s="1" t="s">
        <v>4542</v>
      </c>
      <c r="E1226" s="1" t="s">
        <v>10</v>
      </c>
      <c r="F1226" s="1" t="s">
        <v>10</v>
      </c>
      <c r="G1226" s="1" t="s">
        <v>10</v>
      </c>
      <c r="H1226" s="1" t="s">
        <v>10</v>
      </c>
      <c r="I1226" s="1" t="s">
        <v>3941</v>
      </c>
      <c r="J1226" s="1" t="s">
        <v>10</v>
      </c>
      <c r="K1226" s="1" t="s">
        <v>64</v>
      </c>
      <c r="L1226" s="1" t="s">
        <v>4540</v>
      </c>
      <c r="M1226" s="1" t="s">
        <v>5</v>
      </c>
      <c r="N1226" s="1" t="s">
        <v>25</v>
      </c>
      <c r="O1226" s="1" t="s">
        <v>38</v>
      </c>
      <c r="P1226" s="5" t="s">
        <v>31210</v>
      </c>
    </row>
    <row r="1227" spans="1:16" x14ac:dyDescent="0.2">
      <c r="A1227" s="1" t="s">
        <v>20</v>
      </c>
      <c r="B1227" s="1" t="s">
        <v>445</v>
      </c>
      <c r="C1227" s="1" t="s">
        <v>4544</v>
      </c>
      <c r="D1227" s="1" t="s">
        <v>4545</v>
      </c>
      <c r="E1227" s="1" t="s">
        <v>4546</v>
      </c>
      <c r="F1227" s="1" t="s">
        <v>10</v>
      </c>
      <c r="G1227" s="1" t="s">
        <v>10</v>
      </c>
      <c r="H1227" s="1" t="s">
        <v>10</v>
      </c>
      <c r="I1227" s="1" t="s">
        <v>3941</v>
      </c>
      <c r="J1227" s="1" t="s">
        <v>10</v>
      </c>
      <c r="K1227" s="1" t="s">
        <v>64</v>
      </c>
      <c r="L1227" s="1" t="s">
        <v>4543</v>
      </c>
      <c r="M1227" s="1" t="s">
        <v>5</v>
      </c>
      <c r="N1227" s="1" t="s">
        <v>25</v>
      </c>
      <c r="O1227" s="1" t="s">
        <v>38</v>
      </c>
      <c r="P1227" s="5" t="s">
        <v>31210</v>
      </c>
    </row>
    <row r="1228" spans="1:16" x14ac:dyDescent="0.2">
      <c r="A1228" s="1" t="s">
        <v>42</v>
      </c>
      <c r="B1228" s="1" t="s">
        <v>50</v>
      </c>
      <c r="C1228" s="1" t="s">
        <v>4548</v>
      </c>
      <c r="D1228" s="1" t="s">
        <v>4549</v>
      </c>
      <c r="E1228" s="1" t="s">
        <v>10</v>
      </c>
      <c r="F1228" s="1" t="s">
        <v>10</v>
      </c>
      <c r="G1228" s="1" t="s">
        <v>10</v>
      </c>
      <c r="H1228" s="1" t="s">
        <v>10</v>
      </c>
      <c r="I1228" s="1" t="s">
        <v>3941</v>
      </c>
      <c r="J1228" s="1" t="s">
        <v>10</v>
      </c>
      <c r="K1228" s="1" t="s">
        <v>64</v>
      </c>
      <c r="L1228" s="1" t="s">
        <v>4547</v>
      </c>
      <c r="M1228" s="1" t="s">
        <v>5</v>
      </c>
      <c r="N1228" s="1" t="s">
        <v>25</v>
      </c>
      <c r="O1228" s="1" t="s">
        <v>38</v>
      </c>
      <c r="P1228" s="5" t="s">
        <v>31210</v>
      </c>
    </row>
    <row r="1229" spans="1:16" x14ac:dyDescent="0.2">
      <c r="A1229" s="1" t="s">
        <v>20</v>
      </c>
      <c r="B1229" s="1" t="s">
        <v>172</v>
      </c>
      <c r="C1229" s="1" t="s">
        <v>4551</v>
      </c>
      <c r="D1229" s="1" t="s">
        <v>4552</v>
      </c>
      <c r="E1229" s="1" t="s">
        <v>4553</v>
      </c>
      <c r="F1229" s="1" t="s">
        <v>10</v>
      </c>
      <c r="G1229" s="1" t="s">
        <v>10</v>
      </c>
      <c r="H1229" s="1" t="s">
        <v>2254</v>
      </c>
      <c r="I1229" s="1" t="s">
        <v>3941</v>
      </c>
      <c r="J1229" s="1" t="s">
        <v>10</v>
      </c>
      <c r="K1229" s="1" t="s">
        <v>64</v>
      </c>
      <c r="L1229" s="1" t="s">
        <v>4550</v>
      </c>
      <c r="M1229" s="1" t="s">
        <v>5</v>
      </c>
      <c r="N1229" s="1" t="s">
        <v>25</v>
      </c>
      <c r="O1229" s="1" t="s">
        <v>8</v>
      </c>
      <c r="P1229" s="5" t="s">
        <v>31209</v>
      </c>
    </row>
    <row r="1230" spans="1:16" x14ac:dyDescent="0.2">
      <c r="A1230" s="1" t="s">
        <v>487</v>
      </c>
      <c r="B1230" s="1" t="s">
        <v>488</v>
      </c>
      <c r="C1230" s="1" t="s">
        <v>617</v>
      </c>
      <c r="D1230" s="1" t="s">
        <v>618</v>
      </c>
      <c r="E1230" s="1" t="s">
        <v>4555</v>
      </c>
      <c r="F1230" s="1" t="s">
        <v>10</v>
      </c>
      <c r="G1230" s="1" t="s">
        <v>10</v>
      </c>
      <c r="H1230" s="1" t="s">
        <v>2254</v>
      </c>
      <c r="I1230" s="1" t="s">
        <v>3941</v>
      </c>
      <c r="J1230" s="1" t="s">
        <v>10</v>
      </c>
      <c r="K1230" s="1" t="s">
        <v>64</v>
      </c>
      <c r="L1230" s="1" t="s">
        <v>4554</v>
      </c>
      <c r="M1230" s="1" t="s">
        <v>5</v>
      </c>
      <c r="N1230" s="1" t="s">
        <v>25</v>
      </c>
      <c r="O1230" s="1" t="s">
        <v>8</v>
      </c>
      <c r="P1230" s="5" t="s">
        <v>31210</v>
      </c>
    </row>
    <row r="1231" spans="1:16" x14ac:dyDescent="0.2">
      <c r="A1231" s="1" t="s">
        <v>1385</v>
      </c>
      <c r="B1231" s="1" t="s">
        <v>1490</v>
      </c>
      <c r="C1231" s="1" t="s">
        <v>4557</v>
      </c>
      <c r="D1231" s="1" t="s">
        <v>1315</v>
      </c>
      <c r="E1231" s="1" t="s">
        <v>4558</v>
      </c>
      <c r="F1231" s="1" t="s">
        <v>10</v>
      </c>
      <c r="G1231" s="1" t="s">
        <v>10</v>
      </c>
      <c r="H1231" s="1" t="s">
        <v>10</v>
      </c>
      <c r="I1231" s="1" t="s">
        <v>3941</v>
      </c>
      <c r="J1231" s="1" t="s">
        <v>10</v>
      </c>
      <c r="K1231" s="1" t="s">
        <v>64</v>
      </c>
      <c r="L1231" s="1" t="s">
        <v>4556</v>
      </c>
      <c r="M1231" s="1" t="s">
        <v>5</v>
      </c>
      <c r="N1231" s="1" t="s">
        <v>25</v>
      </c>
      <c r="O1231" s="1" t="s">
        <v>38</v>
      </c>
      <c r="P1231" s="5" t="s">
        <v>31211</v>
      </c>
    </row>
    <row r="1232" spans="1:16" x14ac:dyDescent="0.2">
      <c r="A1232" s="1" t="s">
        <v>1385</v>
      </c>
      <c r="B1232" s="1" t="s">
        <v>1490</v>
      </c>
      <c r="C1232" s="1" t="s">
        <v>4560</v>
      </c>
      <c r="D1232" s="1" t="s">
        <v>4561</v>
      </c>
      <c r="E1232" s="1" t="s">
        <v>4562</v>
      </c>
      <c r="F1232" s="1" t="s">
        <v>10</v>
      </c>
      <c r="G1232" s="1" t="s">
        <v>10</v>
      </c>
      <c r="H1232" s="1" t="s">
        <v>10</v>
      </c>
      <c r="I1232" s="1" t="s">
        <v>3941</v>
      </c>
      <c r="J1232" s="1" t="s">
        <v>10</v>
      </c>
      <c r="K1232" s="1" t="s">
        <v>64</v>
      </c>
      <c r="L1232" s="1" t="s">
        <v>4559</v>
      </c>
      <c r="M1232" s="1" t="s">
        <v>5</v>
      </c>
      <c r="N1232" s="1" t="s">
        <v>25</v>
      </c>
      <c r="O1232" s="1" t="s">
        <v>38</v>
      </c>
      <c r="P1232" s="5" t="s">
        <v>32731</v>
      </c>
    </row>
    <row r="1233" spans="1:16" x14ac:dyDescent="0.2">
      <c r="A1233" s="1" t="s">
        <v>20</v>
      </c>
      <c r="B1233" s="1" t="s">
        <v>445</v>
      </c>
      <c r="C1233" s="1" t="s">
        <v>4564</v>
      </c>
      <c r="D1233" s="1" t="s">
        <v>4565</v>
      </c>
      <c r="E1233" s="1" t="s">
        <v>10</v>
      </c>
      <c r="F1233" s="1" t="s">
        <v>10</v>
      </c>
      <c r="G1233" s="1" t="s">
        <v>10</v>
      </c>
      <c r="H1233" s="1" t="s">
        <v>10</v>
      </c>
      <c r="I1233" s="1" t="s">
        <v>3941</v>
      </c>
      <c r="J1233" s="1" t="s">
        <v>10</v>
      </c>
      <c r="K1233" s="1" t="s">
        <v>64</v>
      </c>
      <c r="L1233" s="1" t="s">
        <v>4563</v>
      </c>
      <c r="M1233" s="1" t="s">
        <v>5</v>
      </c>
      <c r="N1233" s="1" t="s">
        <v>25</v>
      </c>
      <c r="O1233" s="1" t="s">
        <v>38</v>
      </c>
      <c r="P1233" s="5" t="s">
        <v>31212</v>
      </c>
    </row>
    <row r="1234" spans="1:16" x14ac:dyDescent="0.2">
      <c r="A1234" s="1" t="s">
        <v>20</v>
      </c>
      <c r="B1234" s="1" t="s">
        <v>445</v>
      </c>
      <c r="C1234" s="1" t="s">
        <v>4567</v>
      </c>
      <c r="D1234" s="1" t="s">
        <v>4568</v>
      </c>
      <c r="E1234" s="1" t="s">
        <v>10</v>
      </c>
      <c r="F1234" s="1" t="s">
        <v>10</v>
      </c>
      <c r="G1234" s="1" t="s">
        <v>10</v>
      </c>
      <c r="H1234" s="1" t="s">
        <v>10</v>
      </c>
      <c r="I1234" s="1" t="s">
        <v>3941</v>
      </c>
      <c r="J1234" s="1" t="s">
        <v>10</v>
      </c>
      <c r="K1234" s="1" t="s">
        <v>64</v>
      </c>
      <c r="L1234" s="1" t="s">
        <v>4566</v>
      </c>
      <c r="M1234" s="1" t="s">
        <v>5</v>
      </c>
      <c r="N1234" s="1" t="s">
        <v>25</v>
      </c>
      <c r="O1234" s="1" t="s">
        <v>38</v>
      </c>
      <c r="P1234" s="5" t="s">
        <v>31213</v>
      </c>
    </row>
    <row r="1235" spans="1:16" x14ac:dyDescent="0.2">
      <c r="A1235" s="1" t="s">
        <v>66</v>
      </c>
      <c r="B1235" s="1" t="s">
        <v>574</v>
      </c>
      <c r="C1235" s="1" t="s">
        <v>4570</v>
      </c>
      <c r="D1235" s="1" t="s">
        <v>4571</v>
      </c>
      <c r="E1235" s="1" t="s">
        <v>10</v>
      </c>
      <c r="F1235" s="1" t="s">
        <v>10</v>
      </c>
      <c r="G1235" s="1" t="s">
        <v>10</v>
      </c>
      <c r="H1235" s="1" t="s">
        <v>10</v>
      </c>
      <c r="I1235" s="1" t="s">
        <v>3941</v>
      </c>
      <c r="J1235" s="1" t="s">
        <v>10</v>
      </c>
      <c r="K1235" s="1" t="s">
        <v>64</v>
      </c>
      <c r="L1235" s="1" t="s">
        <v>4569</v>
      </c>
      <c r="M1235" s="1" t="s">
        <v>5</v>
      </c>
      <c r="N1235" s="1" t="s">
        <v>1009</v>
      </c>
      <c r="O1235" s="1" t="s">
        <v>38</v>
      </c>
      <c r="P1235" s="5" t="s">
        <v>31210</v>
      </c>
    </row>
    <row r="1236" spans="1:16" x14ac:dyDescent="0.2">
      <c r="A1236" s="1" t="s">
        <v>42</v>
      </c>
      <c r="B1236" s="1" t="s">
        <v>50</v>
      </c>
      <c r="C1236" s="1" t="s">
        <v>4573</v>
      </c>
      <c r="D1236" s="1" t="s">
        <v>4574</v>
      </c>
      <c r="E1236" s="1" t="s">
        <v>4575</v>
      </c>
      <c r="F1236" s="1" t="s">
        <v>10</v>
      </c>
      <c r="G1236" s="1" t="s">
        <v>10</v>
      </c>
      <c r="H1236" s="1" t="s">
        <v>10</v>
      </c>
      <c r="I1236" s="1" t="s">
        <v>3941</v>
      </c>
      <c r="J1236" s="1" t="s">
        <v>10</v>
      </c>
      <c r="K1236" s="1" t="s">
        <v>64</v>
      </c>
      <c r="L1236" s="1" t="s">
        <v>4572</v>
      </c>
      <c r="M1236" s="1" t="s">
        <v>5</v>
      </c>
      <c r="N1236" s="1" t="s">
        <v>25</v>
      </c>
      <c r="O1236" s="1" t="s">
        <v>38</v>
      </c>
      <c r="P1236" s="5" t="s">
        <v>31210</v>
      </c>
    </row>
    <row r="1237" spans="1:16" x14ac:dyDescent="0.2">
      <c r="A1237" s="1" t="s">
        <v>42</v>
      </c>
      <c r="B1237" s="1" t="s">
        <v>50</v>
      </c>
      <c r="C1237" s="1" t="s">
        <v>4577</v>
      </c>
      <c r="D1237" s="1" t="s">
        <v>4578</v>
      </c>
      <c r="E1237" s="1" t="s">
        <v>4579</v>
      </c>
      <c r="F1237" s="1" t="s">
        <v>10</v>
      </c>
      <c r="G1237" s="1" t="s">
        <v>10</v>
      </c>
      <c r="H1237" s="1" t="s">
        <v>10</v>
      </c>
      <c r="I1237" s="1" t="s">
        <v>3941</v>
      </c>
      <c r="J1237" s="1" t="s">
        <v>10</v>
      </c>
      <c r="K1237" s="1" t="s">
        <v>64</v>
      </c>
      <c r="L1237" s="1" t="s">
        <v>4576</v>
      </c>
      <c r="M1237" s="1" t="s">
        <v>5</v>
      </c>
      <c r="N1237" s="1" t="s">
        <v>25</v>
      </c>
      <c r="O1237" s="1" t="s">
        <v>38</v>
      </c>
      <c r="P1237" s="5" t="s">
        <v>31210</v>
      </c>
    </row>
    <row r="1238" spans="1:16" x14ac:dyDescent="0.2">
      <c r="A1238" s="1" t="s">
        <v>20</v>
      </c>
      <c r="B1238" s="1" t="s">
        <v>302</v>
      </c>
      <c r="C1238" s="1" t="s">
        <v>4581</v>
      </c>
      <c r="D1238" s="1" t="s">
        <v>4582</v>
      </c>
      <c r="E1238" s="1" t="s">
        <v>4583</v>
      </c>
      <c r="F1238" s="1" t="s">
        <v>10</v>
      </c>
      <c r="G1238" s="1" t="s">
        <v>10</v>
      </c>
      <c r="H1238" s="1" t="s">
        <v>10</v>
      </c>
      <c r="I1238" s="1" t="s">
        <v>3941</v>
      </c>
      <c r="J1238" s="1" t="s">
        <v>10</v>
      </c>
      <c r="K1238" s="1" t="s">
        <v>64</v>
      </c>
      <c r="L1238" s="1" t="s">
        <v>4580</v>
      </c>
      <c r="M1238" s="1" t="s">
        <v>5</v>
      </c>
      <c r="N1238" s="1" t="s">
        <v>25</v>
      </c>
      <c r="O1238" s="1" t="s">
        <v>38</v>
      </c>
      <c r="P1238" s="5" t="s">
        <v>31210</v>
      </c>
    </row>
    <row r="1239" spans="1:16" x14ac:dyDescent="0.2">
      <c r="A1239" s="1" t="s">
        <v>20</v>
      </c>
      <c r="B1239" s="1" t="s">
        <v>302</v>
      </c>
      <c r="C1239" s="1" t="s">
        <v>4585</v>
      </c>
      <c r="D1239" s="1" t="s">
        <v>4586</v>
      </c>
      <c r="E1239" s="1" t="s">
        <v>4587</v>
      </c>
      <c r="F1239" s="1" t="s">
        <v>10</v>
      </c>
      <c r="G1239" s="1" t="s">
        <v>10</v>
      </c>
      <c r="H1239" s="1" t="s">
        <v>10</v>
      </c>
      <c r="I1239" s="1" t="s">
        <v>3941</v>
      </c>
      <c r="J1239" s="1" t="s">
        <v>10</v>
      </c>
      <c r="K1239" s="1" t="s">
        <v>64</v>
      </c>
      <c r="L1239" s="1" t="s">
        <v>4584</v>
      </c>
      <c r="M1239" s="1" t="s">
        <v>5</v>
      </c>
      <c r="N1239" s="1" t="s">
        <v>25</v>
      </c>
      <c r="O1239" s="1" t="s">
        <v>38</v>
      </c>
      <c r="P1239" s="5" t="s">
        <v>31210</v>
      </c>
    </row>
    <row r="1240" spans="1:16" x14ac:dyDescent="0.2">
      <c r="A1240" s="1" t="s">
        <v>20</v>
      </c>
      <c r="B1240" s="1" t="s">
        <v>445</v>
      </c>
      <c r="C1240" s="1" t="s">
        <v>4589</v>
      </c>
      <c r="D1240" s="1" t="s">
        <v>4590</v>
      </c>
      <c r="E1240" s="1" t="s">
        <v>10</v>
      </c>
      <c r="F1240" s="1" t="s">
        <v>10</v>
      </c>
      <c r="G1240" s="1" t="s">
        <v>10</v>
      </c>
      <c r="H1240" s="1" t="s">
        <v>10</v>
      </c>
      <c r="I1240" s="1" t="s">
        <v>3941</v>
      </c>
      <c r="J1240" s="1" t="s">
        <v>10</v>
      </c>
      <c r="K1240" s="1" t="s">
        <v>64</v>
      </c>
      <c r="L1240" s="1" t="s">
        <v>4588</v>
      </c>
      <c r="M1240" s="1" t="s">
        <v>5</v>
      </c>
      <c r="N1240" s="1" t="s">
        <v>25</v>
      </c>
      <c r="O1240" s="1" t="s">
        <v>38</v>
      </c>
      <c r="P1240" s="5" t="s">
        <v>31210</v>
      </c>
    </row>
    <row r="1241" spans="1:16" x14ac:dyDescent="0.2">
      <c r="A1241" s="1" t="s">
        <v>20</v>
      </c>
      <c r="B1241" s="1" t="s">
        <v>445</v>
      </c>
      <c r="C1241" s="1" t="s">
        <v>4592</v>
      </c>
      <c r="D1241" s="1" t="s">
        <v>4593</v>
      </c>
      <c r="E1241" s="1" t="s">
        <v>4594</v>
      </c>
      <c r="F1241" s="1" t="s">
        <v>10</v>
      </c>
      <c r="G1241" s="1" t="s">
        <v>10</v>
      </c>
      <c r="H1241" s="1" t="s">
        <v>10</v>
      </c>
      <c r="I1241" s="1" t="s">
        <v>3941</v>
      </c>
      <c r="J1241" s="1" t="s">
        <v>10</v>
      </c>
      <c r="K1241" s="1" t="s">
        <v>64</v>
      </c>
      <c r="L1241" s="1" t="s">
        <v>4591</v>
      </c>
      <c r="M1241" s="1" t="s">
        <v>5</v>
      </c>
      <c r="N1241" s="1" t="s">
        <v>25</v>
      </c>
      <c r="O1241" s="1" t="s">
        <v>38</v>
      </c>
      <c r="P1241" s="5" t="s">
        <v>31210</v>
      </c>
    </row>
    <row r="1242" spans="1:16" x14ac:dyDescent="0.2">
      <c r="A1242" s="1" t="s">
        <v>20</v>
      </c>
      <c r="B1242" s="1" t="s">
        <v>445</v>
      </c>
      <c r="C1242" s="1" t="s">
        <v>4596</v>
      </c>
      <c r="D1242" s="1" t="s">
        <v>4597</v>
      </c>
      <c r="E1242" s="1" t="s">
        <v>4598</v>
      </c>
      <c r="F1242" s="1" t="s">
        <v>10</v>
      </c>
      <c r="G1242" s="1" t="s">
        <v>10</v>
      </c>
      <c r="H1242" s="1" t="s">
        <v>10</v>
      </c>
      <c r="I1242" s="1" t="s">
        <v>3941</v>
      </c>
      <c r="J1242" s="1" t="s">
        <v>10</v>
      </c>
      <c r="K1242" s="1" t="s">
        <v>64</v>
      </c>
      <c r="L1242" s="1" t="s">
        <v>4595</v>
      </c>
      <c r="M1242" s="1" t="s">
        <v>5</v>
      </c>
      <c r="N1242" s="1" t="s">
        <v>25</v>
      </c>
      <c r="O1242" s="1" t="s">
        <v>38</v>
      </c>
      <c r="P1242" s="5" t="s">
        <v>31210</v>
      </c>
    </row>
    <row r="1243" spans="1:16" x14ac:dyDescent="0.2">
      <c r="A1243" s="1" t="s">
        <v>20</v>
      </c>
      <c r="B1243" s="1" t="s">
        <v>302</v>
      </c>
      <c r="C1243" s="1" t="s">
        <v>4600</v>
      </c>
      <c r="D1243" s="1" t="s">
        <v>4601</v>
      </c>
      <c r="E1243" s="1" t="s">
        <v>10</v>
      </c>
      <c r="F1243" s="1" t="s">
        <v>10</v>
      </c>
      <c r="G1243" s="1" t="s">
        <v>10</v>
      </c>
      <c r="H1243" s="1" t="s">
        <v>10</v>
      </c>
      <c r="I1243" s="1" t="s">
        <v>3941</v>
      </c>
      <c r="J1243" s="1" t="s">
        <v>10</v>
      </c>
      <c r="K1243" s="1" t="s">
        <v>64</v>
      </c>
      <c r="L1243" s="1" t="s">
        <v>4599</v>
      </c>
      <c r="M1243" s="1" t="s">
        <v>5</v>
      </c>
      <c r="N1243" s="1" t="s">
        <v>25</v>
      </c>
      <c r="O1243" s="1" t="s">
        <v>38</v>
      </c>
      <c r="P1243" s="5" t="s">
        <v>31210</v>
      </c>
    </row>
    <row r="1244" spans="1:16" x14ac:dyDescent="0.2">
      <c r="A1244" s="1" t="s">
        <v>20</v>
      </c>
      <c r="B1244" s="1" t="s">
        <v>302</v>
      </c>
      <c r="C1244" s="1" t="s">
        <v>4603</v>
      </c>
      <c r="D1244" s="1" t="s">
        <v>4604</v>
      </c>
      <c r="E1244" s="1" t="s">
        <v>10</v>
      </c>
      <c r="F1244" s="1" t="s">
        <v>10</v>
      </c>
      <c r="G1244" s="1" t="s">
        <v>10</v>
      </c>
      <c r="H1244" s="1" t="s">
        <v>10</v>
      </c>
      <c r="I1244" s="1" t="s">
        <v>3941</v>
      </c>
      <c r="J1244" s="1" t="s">
        <v>10</v>
      </c>
      <c r="K1244" s="1" t="s">
        <v>64</v>
      </c>
      <c r="L1244" s="1" t="s">
        <v>4602</v>
      </c>
      <c r="M1244" s="1" t="s">
        <v>5</v>
      </c>
      <c r="N1244" s="1" t="s">
        <v>25</v>
      </c>
      <c r="O1244" s="1" t="s">
        <v>38</v>
      </c>
      <c r="P1244" s="5" t="s">
        <v>31210</v>
      </c>
    </row>
    <row r="1245" spans="1:16" x14ac:dyDescent="0.2">
      <c r="A1245" s="1" t="s">
        <v>20</v>
      </c>
      <c r="B1245" s="1" t="s">
        <v>445</v>
      </c>
      <c r="C1245" s="1" t="s">
        <v>4606</v>
      </c>
      <c r="D1245" s="1" t="s">
        <v>4607</v>
      </c>
      <c r="E1245" s="1" t="s">
        <v>10</v>
      </c>
      <c r="F1245" s="1" t="s">
        <v>10</v>
      </c>
      <c r="G1245" s="1" t="s">
        <v>10</v>
      </c>
      <c r="H1245" s="1" t="s">
        <v>10</v>
      </c>
      <c r="I1245" s="1" t="s">
        <v>3941</v>
      </c>
      <c r="J1245" s="1" t="s">
        <v>10</v>
      </c>
      <c r="K1245" s="1" t="s">
        <v>64</v>
      </c>
      <c r="L1245" s="1" t="s">
        <v>4605</v>
      </c>
      <c r="M1245" s="1" t="s">
        <v>5</v>
      </c>
      <c r="N1245" s="1" t="s">
        <v>25</v>
      </c>
      <c r="O1245" s="1" t="s">
        <v>38</v>
      </c>
      <c r="P1245" s="5" t="s">
        <v>31210</v>
      </c>
    </row>
    <row r="1246" spans="1:16" x14ac:dyDescent="0.2">
      <c r="A1246" s="1" t="s">
        <v>20</v>
      </c>
      <c r="B1246" s="1" t="s">
        <v>172</v>
      </c>
      <c r="C1246" s="1" t="s">
        <v>4609</v>
      </c>
      <c r="D1246" s="1" t="s">
        <v>4610</v>
      </c>
      <c r="E1246" s="1" t="s">
        <v>4611</v>
      </c>
      <c r="F1246" s="1" t="s">
        <v>10</v>
      </c>
      <c r="G1246" s="1" t="s">
        <v>10</v>
      </c>
      <c r="H1246" s="1" t="s">
        <v>10</v>
      </c>
      <c r="I1246" s="1" t="s">
        <v>3941</v>
      </c>
      <c r="J1246" s="1" t="s">
        <v>10</v>
      </c>
      <c r="K1246" s="1" t="s">
        <v>64</v>
      </c>
      <c r="L1246" s="1" t="s">
        <v>4608</v>
      </c>
      <c r="M1246" s="1" t="s">
        <v>5</v>
      </c>
      <c r="N1246" s="1" t="s">
        <v>25</v>
      </c>
      <c r="O1246" s="1" t="s">
        <v>38</v>
      </c>
      <c r="P1246" s="5" t="s">
        <v>31210</v>
      </c>
    </row>
    <row r="1247" spans="1:16" x14ac:dyDescent="0.2">
      <c r="A1247" s="1" t="s">
        <v>42</v>
      </c>
      <c r="B1247" s="1" t="s">
        <v>43</v>
      </c>
      <c r="C1247" s="1" t="s">
        <v>4613</v>
      </c>
      <c r="D1247" s="1" t="s">
        <v>2978</v>
      </c>
      <c r="E1247" s="1" t="s">
        <v>4614</v>
      </c>
      <c r="F1247" s="1" t="s">
        <v>10</v>
      </c>
      <c r="G1247" s="1" t="s">
        <v>10</v>
      </c>
      <c r="H1247" s="1" t="s">
        <v>10</v>
      </c>
      <c r="I1247" s="1" t="s">
        <v>3941</v>
      </c>
      <c r="J1247" s="1" t="s">
        <v>10</v>
      </c>
      <c r="K1247" s="1" t="s">
        <v>64</v>
      </c>
      <c r="L1247" s="1" t="s">
        <v>4612</v>
      </c>
      <c r="M1247" s="1" t="s">
        <v>5</v>
      </c>
      <c r="N1247" s="1" t="s">
        <v>25</v>
      </c>
      <c r="O1247" s="1" t="s">
        <v>38</v>
      </c>
      <c r="P1247" s="5" t="s">
        <v>31212</v>
      </c>
    </row>
    <row r="1248" spans="1:16" x14ac:dyDescent="0.2">
      <c r="A1248" s="1" t="s">
        <v>1385</v>
      </c>
      <c r="B1248" s="1" t="s">
        <v>1670</v>
      </c>
      <c r="C1248" s="1" t="s">
        <v>4616</v>
      </c>
      <c r="D1248" s="1" t="s">
        <v>63</v>
      </c>
      <c r="E1248" s="1" t="s">
        <v>10</v>
      </c>
      <c r="F1248" s="1" t="s">
        <v>10</v>
      </c>
      <c r="G1248" s="1" t="s">
        <v>10</v>
      </c>
      <c r="H1248" s="1" t="s">
        <v>10</v>
      </c>
      <c r="I1248" s="1" t="s">
        <v>3941</v>
      </c>
      <c r="J1248" s="1" t="s">
        <v>10</v>
      </c>
      <c r="K1248" s="1" t="s">
        <v>64</v>
      </c>
      <c r="L1248" s="1" t="s">
        <v>4615</v>
      </c>
      <c r="M1248" s="1" t="s">
        <v>5</v>
      </c>
      <c r="N1248" s="1" t="s">
        <v>25</v>
      </c>
      <c r="O1248" s="1" t="s">
        <v>38</v>
      </c>
      <c r="P1248" s="5" t="s">
        <v>32732</v>
      </c>
    </row>
    <row r="1249" spans="1:16" x14ac:dyDescent="0.2">
      <c r="A1249" s="1" t="s">
        <v>487</v>
      </c>
      <c r="B1249" s="1" t="s">
        <v>488</v>
      </c>
      <c r="C1249" s="1" t="s">
        <v>4618</v>
      </c>
      <c r="D1249" s="1" t="s">
        <v>4618</v>
      </c>
      <c r="E1249" s="1" t="s">
        <v>10</v>
      </c>
      <c r="F1249" s="1" t="s">
        <v>10</v>
      </c>
      <c r="G1249" s="1" t="s">
        <v>10</v>
      </c>
      <c r="H1249" s="1" t="s">
        <v>2254</v>
      </c>
      <c r="I1249" s="1" t="s">
        <v>3941</v>
      </c>
      <c r="J1249" s="1" t="s">
        <v>10</v>
      </c>
      <c r="K1249" s="1" t="s">
        <v>64</v>
      </c>
      <c r="L1249" s="1" t="s">
        <v>4617</v>
      </c>
      <c r="M1249" s="1" t="s">
        <v>5</v>
      </c>
      <c r="N1249" s="1" t="s">
        <v>25</v>
      </c>
      <c r="O1249" s="1" t="s">
        <v>8</v>
      </c>
      <c r="P1249" s="5" t="s">
        <v>31219</v>
      </c>
    </row>
    <row r="1250" spans="1:16" x14ac:dyDescent="0.2">
      <c r="A1250" s="1" t="s">
        <v>1385</v>
      </c>
      <c r="B1250" s="1" t="s">
        <v>1490</v>
      </c>
      <c r="C1250" s="1" t="s">
        <v>4620</v>
      </c>
      <c r="D1250" s="1" t="s">
        <v>4621</v>
      </c>
      <c r="E1250" s="1" t="s">
        <v>4078</v>
      </c>
      <c r="F1250" s="1" t="s">
        <v>10</v>
      </c>
      <c r="G1250" s="1" t="s">
        <v>10</v>
      </c>
      <c r="H1250" s="1" t="s">
        <v>10</v>
      </c>
      <c r="I1250" s="1" t="s">
        <v>3941</v>
      </c>
      <c r="J1250" s="1" t="s">
        <v>10</v>
      </c>
      <c r="K1250" s="1" t="s">
        <v>64</v>
      </c>
      <c r="L1250" s="1" t="s">
        <v>4619</v>
      </c>
      <c r="M1250" s="1" t="s">
        <v>5</v>
      </c>
      <c r="N1250" s="1" t="s">
        <v>25</v>
      </c>
      <c r="O1250" s="1" t="s">
        <v>38</v>
      </c>
      <c r="P1250" s="5" t="s">
        <v>31214</v>
      </c>
    </row>
    <row r="1251" spans="1:16" x14ac:dyDescent="0.2">
      <c r="A1251" s="1" t="s">
        <v>1385</v>
      </c>
      <c r="B1251" s="1" t="s">
        <v>1490</v>
      </c>
      <c r="C1251" s="1" t="s">
        <v>4623</v>
      </c>
      <c r="D1251" s="1" t="s">
        <v>4624</v>
      </c>
      <c r="E1251" s="1" t="s">
        <v>4625</v>
      </c>
      <c r="F1251" s="1" t="s">
        <v>10</v>
      </c>
      <c r="G1251" s="1" t="s">
        <v>10</v>
      </c>
      <c r="H1251" s="1" t="s">
        <v>10</v>
      </c>
      <c r="I1251" s="1" t="s">
        <v>3941</v>
      </c>
      <c r="J1251" s="1" t="s">
        <v>10</v>
      </c>
      <c r="K1251" s="1" t="s">
        <v>64</v>
      </c>
      <c r="L1251" s="1" t="s">
        <v>4622</v>
      </c>
      <c r="M1251" s="1" t="s">
        <v>5</v>
      </c>
      <c r="N1251" s="1" t="s">
        <v>25</v>
      </c>
      <c r="O1251" s="1" t="s">
        <v>38</v>
      </c>
      <c r="P1251" s="5" t="s">
        <v>31214</v>
      </c>
    </row>
    <row r="1252" spans="1:16" x14ac:dyDescent="0.2">
      <c r="A1252" s="1" t="s">
        <v>20</v>
      </c>
      <c r="B1252" s="1" t="s">
        <v>445</v>
      </c>
      <c r="C1252" s="1" t="s">
        <v>4627</v>
      </c>
      <c r="D1252" s="1" t="s">
        <v>4628</v>
      </c>
      <c r="E1252" s="1" t="s">
        <v>4059</v>
      </c>
      <c r="F1252" s="1" t="s">
        <v>10</v>
      </c>
      <c r="G1252" s="1" t="s">
        <v>10</v>
      </c>
      <c r="H1252" s="1" t="s">
        <v>10</v>
      </c>
      <c r="I1252" s="1" t="s">
        <v>3941</v>
      </c>
      <c r="J1252" s="1" t="s">
        <v>10</v>
      </c>
      <c r="K1252" s="1" t="s">
        <v>64</v>
      </c>
      <c r="L1252" s="1" t="s">
        <v>4626</v>
      </c>
      <c r="M1252" s="1" t="s">
        <v>5</v>
      </c>
      <c r="N1252" s="1" t="s">
        <v>25</v>
      </c>
      <c r="O1252" s="1" t="s">
        <v>38</v>
      </c>
      <c r="P1252" s="5" t="s">
        <v>31212</v>
      </c>
    </row>
    <row r="1253" spans="1:16" x14ac:dyDescent="0.2">
      <c r="A1253" s="1" t="s">
        <v>1385</v>
      </c>
      <c r="B1253" s="1" t="s">
        <v>1490</v>
      </c>
      <c r="C1253" s="1" t="s">
        <v>4630</v>
      </c>
      <c r="D1253" s="1" t="s">
        <v>4631</v>
      </c>
      <c r="E1253" s="1" t="s">
        <v>4109</v>
      </c>
      <c r="F1253" s="1" t="s">
        <v>10</v>
      </c>
      <c r="G1253" s="1" t="s">
        <v>10</v>
      </c>
      <c r="H1253" s="1" t="s">
        <v>4110</v>
      </c>
      <c r="I1253" s="1" t="s">
        <v>3941</v>
      </c>
      <c r="J1253" s="1" t="s">
        <v>10</v>
      </c>
      <c r="K1253" s="1" t="s">
        <v>64</v>
      </c>
      <c r="L1253" s="1" t="s">
        <v>4629</v>
      </c>
      <c r="M1253" s="1" t="s">
        <v>5</v>
      </c>
      <c r="N1253" s="1" t="s">
        <v>25</v>
      </c>
      <c r="O1253" s="1" t="s">
        <v>8</v>
      </c>
      <c r="P1253" s="5" t="s">
        <v>31217</v>
      </c>
    </row>
    <row r="1254" spans="1:16" x14ac:dyDescent="0.2">
      <c r="A1254" s="1" t="s">
        <v>20</v>
      </c>
      <c r="B1254" s="1" t="s">
        <v>445</v>
      </c>
      <c r="C1254" s="1" t="s">
        <v>4633</v>
      </c>
      <c r="D1254" s="1" t="s">
        <v>4634</v>
      </c>
      <c r="E1254" s="1" t="s">
        <v>4109</v>
      </c>
      <c r="F1254" s="1" t="s">
        <v>10</v>
      </c>
      <c r="G1254" s="1" t="s">
        <v>10</v>
      </c>
      <c r="H1254" s="1" t="s">
        <v>4110</v>
      </c>
      <c r="I1254" s="1" t="s">
        <v>3941</v>
      </c>
      <c r="J1254" s="1" t="s">
        <v>10</v>
      </c>
      <c r="K1254" s="1" t="s">
        <v>64</v>
      </c>
      <c r="L1254" s="1" t="s">
        <v>4632</v>
      </c>
      <c r="M1254" s="1" t="s">
        <v>5</v>
      </c>
      <c r="N1254" s="1" t="s">
        <v>1009</v>
      </c>
      <c r="O1254" s="1" t="s">
        <v>8</v>
      </c>
      <c r="P1254" s="5" t="s">
        <v>31217</v>
      </c>
    </row>
    <row r="1255" spans="1:16" x14ac:dyDescent="0.2">
      <c r="A1255" s="1" t="s">
        <v>20</v>
      </c>
      <c r="B1255" s="1" t="s">
        <v>445</v>
      </c>
      <c r="C1255" s="1" t="s">
        <v>4636</v>
      </c>
      <c r="D1255" s="1" t="s">
        <v>4637</v>
      </c>
      <c r="E1255" s="1" t="s">
        <v>10</v>
      </c>
      <c r="F1255" s="1" t="s">
        <v>10</v>
      </c>
      <c r="G1255" s="1" t="s">
        <v>10</v>
      </c>
      <c r="H1255" s="1" t="s">
        <v>10</v>
      </c>
      <c r="I1255" s="1" t="s">
        <v>3941</v>
      </c>
      <c r="J1255" s="1" t="s">
        <v>10</v>
      </c>
      <c r="K1255" s="1" t="s">
        <v>64</v>
      </c>
      <c r="L1255" s="1" t="s">
        <v>4635</v>
      </c>
      <c r="M1255" s="1" t="s">
        <v>5</v>
      </c>
      <c r="N1255" s="1" t="s">
        <v>25</v>
      </c>
      <c r="O1255" s="1" t="s">
        <v>38</v>
      </c>
      <c r="P1255" s="5" t="s">
        <v>31210</v>
      </c>
    </row>
    <row r="1256" spans="1:16" x14ac:dyDescent="0.2">
      <c r="A1256" s="1" t="s">
        <v>66</v>
      </c>
      <c r="B1256" s="1" t="s">
        <v>1812</v>
      </c>
      <c r="C1256" s="1" t="s">
        <v>4639</v>
      </c>
      <c r="D1256" s="1" t="s">
        <v>4639</v>
      </c>
      <c r="E1256" s="1" t="s">
        <v>4640</v>
      </c>
      <c r="F1256" s="1" t="s">
        <v>10</v>
      </c>
      <c r="G1256" s="1" t="s">
        <v>10</v>
      </c>
      <c r="H1256" s="1" t="s">
        <v>4641</v>
      </c>
      <c r="I1256" s="1" t="s">
        <v>3941</v>
      </c>
      <c r="J1256" s="1" t="s">
        <v>10</v>
      </c>
      <c r="K1256" s="1" t="s">
        <v>64</v>
      </c>
      <c r="L1256" s="1" t="s">
        <v>4638</v>
      </c>
      <c r="M1256" s="1" t="s">
        <v>5</v>
      </c>
      <c r="N1256" s="1" t="s">
        <v>25</v>
      </c>
      <c r="O1256" s="1" t="s">
        <v>8</v>
      </c>
      <c r="P1256" s="5" t="s">
        <v>31216</v>
      </c>
    </row>
    <row r="1257" spans="1:16" x14ac:dyDescent="0.2">
      <c r="A1257" s="1" t="s">
        <v>1385</v>
      </c>
      <c r="B1257" s="1" t="s">
        <v>1670</v>
      </c>
      <c r="C1257" s="1" t="s">
        <v>4643</v>
      </c>
      <c r="D1257" s="1" t="s">
        <v>4643</v>
      </c>
      <c r="E1257" s="1" t="s">
        <v>4644</v>
      </c>
      <c r="F1257" s="1" t="s">
        <v>10</v>
      </c>
      <c r="G1257" s="1" t="s">
        <v>10</v>
      </c>
      <c r="H1257" s="1" t="s">
        <v>4645</v>
      </c>
      <c r="I1257" s="1" t="s">
        <v>3941</v>
      </c>
      <c r="J1257" s="1" t="s">
        <v>10</v>
      </c>
      <c r="K1257" s="1" t="s">
        <v>64</v>
      </c>
      <c r="L1257" s="1" t="s">
        <v>4642</v>
      </c>
      <c r="M1257" s="1" t="s">
        <v>5</v>
      </c>
      <c r="N1257" s="1" t="s">
        <v>25</v>
      </c>
      <c r="O1257" s="1" t="s">
        <v>8</v>
      </c>
      <c r="P1257" s="5" t="s">
        <v>31216</v>
      </c>
    </row>
    <row r="1258" spans="1:16" x14ac:dyDescent="0.2">
      <c r="A1258" s="1" t="s">
        <v>32</v>
      </c>
      <c r="B1258" s="1" t="s">
        <v>1163</v>
      </c>
      <c r="C1258" s="1" t="s">
        <v>4647</v>
      </c>
      <c r="D1258" s="1" t="s">
        <v>4647</v>
      </c>
      <c r="E1258" s="1" t="s">
        <v>4648</v>
      </c>
      <c r="F1258" s="1" t="s">
        <v>10</v>
      </c>
      <c r="G1258" s="1" t="s">
        <v>10</v>
      </c>
      <c r="H1258" s="1" t="s">
        <v>2208</v>
      </c>
      <c r="I1258" s="1" t="s">
        <v>3941</v>
      </c>
      <c r="J1258" s="1" t="s">
        <v>10</v>
      </c>
      <c r="K1258" s="1" t="s">
        <v>64</v>
      </c>
      <c r="L1258" s="1" t="s">
        <v>4646</v>
      </c>
      <c r="M1258" s="1" t="s">
        <v>5</v>
      </c>
      <c r="N1258" s="1" t="s">
        <v>1009</v>
      </c>
      <c r="O1258" s="1" t="s">
        <v>8</v>
      </c>
      <c r="P1258" s="5" t="s">
        <v>31216</v>
      </c>
    </row>
    <row r="1259" spans="1:16" x14ac:dyDescent="0.2">
      <c r="A1259" s="1" t="s">
        <v>20</v>
      </c>
      <c r="B1259" s="1" t="s">
        <v>172</v>
      </c>
      <c r="C1259" s="1" t="s">
        <v>4650</v>
      </c>
      <c r="D1259" s="1" t="s">
        <v>4651</v>
      </c>
      <c r="E1259" s="1" t="s">
        <v>4652</v>
      </c>
      <c r="F1259" s="1" t="s">
        <v>10</v>
      </c>
      <c r="G1259" s="1" t="s">
        <v>10</v>
      </c>
      <c r="H1259" s="1" t="s">
        <v>1813</v>
      </c>
      <c r="I1259" s="1" t="s">
        <v>3941</v>
      </c>
      <c r="J1259" s="1" t="s">
        <v>10</v>
      </c>
      <c r="K1259" s="1" t="s">
        <v>64</v>
      </c>
      <c r="L1259" s="1" t="s">
        <v>4649</v>
      </c>
      <c r="M1259" s="1" t="s">
        <v>5</v>
      </c>
      <c r="N1259" s="1" t="s">
        <v>25</v>
      </c>
      <c r="O1259" s="1" t="s">
        <v>8</v>
      </c>
      <c r="P1259" s="5" t="s">
        <v>31218</v>
      </c>
    </row>
    <row r="1260" spans="1:16" x14ac:dyDescent="0.2">
      <c r="A1260" s="1" t="s">
        <v>66</v>
      </c>
      <c r="B1260" s="1" t="s">
        <v>574</v>
      </c>
      <c r="C1260" s="1" t="s">
        <v>4654</v>
      </c>
      <c r="D1260" s="1" t="s">
        <v>1340</v>
      </c>
      <c r="E1260" s="1" t="s">
        <v>10</v>
      </c>
      <c r="F1260" s="1" t="s">
        <v>10</v>
      </c>
      <c r="G1260" s="1" t="s">
        <v>10</v>
      </c>
      <c r="H1260" s="1" t="s">
        <v>1896</v>
      </c>
      <c r="I1260" s="1" t="s">
        <v>3941</v>
      </c>
      <c r="J1260" s="1" t="s">
        <v>10</v>
      </c>
      <c r="K1260" s="1" t="s">
        <v>64</v>
      </c>
      <c r="L1260" s="1" t="s">
        <v>4653</v>
      </c>
      <c r="M1260" s="1" t="s">
        <v>5</v>
      </c>
      <c r="N1260" s="1" t="s">
        <v>1009</v>
      </c>
      <c r="O1260" s="1" t="s">
        <v>8</v>
      </c>
      <c r="P1260" s="5" t="s">
        <v>31218</v>
      </c>
    </row>
    <row r="1261" spans="1:16" x14ac:dyDescent="0.2">
      <c r="A1261" s="1" t="s">
        <v>1086</v>
      </c>
      <c r="B1261" s="1" t="s">
        <v>1400</v>
      </c>
      <c r="C1261" s="1" t="s">
        <v>4656</v>
      </c>
      <c r="D1261" s="1" t="s">
        <v>4657</v>
      </c>
      <c r="E1261" s="1" t="s">
        <v>4658</v>
      </c>
      <c r="F1261" s="1" t="s">
        <v>10</v>
      </c>
      <c r="G1261" s="1" t="s">
        <v>10</v>
      </c>
      <c r="H1261" s="1" t="s">
        <v>10</v>
      </c>
      <c r="I1261" s="1" t="s">
        <v>3941</v>
      </c>
      <c r="J1261" s="1" t="s">
        <v>10</v>
      </c>
      <c r="K1261" s="1" t="s">
        <v>64</v>
      </c>
      <c r="L1261" s="1" t="s">
        <v>4655</v>
      </c>
      <c r="M1261" s="1" t="s">
        <v>5</v>
      </c>
      <c r="N1261" s="1" t="s">
        <v>25</v>
      </c>
      <c r="O1261" s="1" t="s">
        <v>38</v>
      </c>
      <c r="P1261" s="5" t="s">
        <v>31210</v>
      </c>
    </row>
    <row r="1262" spans="1:16" x14ac:dyDescent="0.2">
      <c r="A1262" s="1" t="s">
        <v>1385</v>
      </c>
      <c r="B1262" s="1" t="s">
        <v>1670</v>
      </c>
      <c r="C1262" s="1" t="s">
        <v>4660</v>
      </c>
      <c r="D1262" s="1" t="s">
        <v>4661</v>
      </c>
      <c r="E1262" s="1" t="s">
        <v>4662</v>
      </c>
      <c r="F1262" s="1" t="s">
        <v>10</v>
      </c>
      <c r="G1262" s="1" t="s">
        <v>10</v>
      </c>
      <c r="H1262" s="1" t="s">
        <v>10</v>
      </c>
      <c r="I1262" s="1" t="s">
        <v>3941</v>
      </c>
      <c r="J1262" s="1" t="s">
        <v>10</v>
      </c>
      <c r="K1262" s="1" t="s">
        <v>64</v>
      </c>
      <c r="L1262" s="1" t="s">
        <v>4659</v>
      </c>
      <c r="M1262" s="1" t="s">
        <v>5</v>
      </c>
      <c r="N1262" s="1" t="s">
        <v>25</v>
      </c>
      <c r="O1262" s="1" t="s">
        <v>38</v>
      </c>
      <c r="P1262" s="5" t="s">
        <v>31210</v>
      </c>
    </row>
    <row r="1263" spans="1:16" x14ac:dyDescent="0.2">
      <c r="A1263" s="1" t="s">
        <v>20</v>
      </c>
      <c r="B1263" s="1" t="s">
        <v>253</v>
      </c>
      <c r="C1263" s="1" t="s">
        <v>4664</v>
      </c>
      <c r="D1263" s="1" t="s">
        <v>188</v>
      </c>
      <c r="E1263" s="1" t="s">
        <v>10</v>
      </c>
      <c r="F1263" s="1" t="s">
        <v>10</v>
      </c>
      <c r="G1263" s="1" t="s">
        <v>10</v>
      </c>
      <c r="H1263" s="1" t="s">
        <v>10</v>
      </c>
      <c r="I1263" s="1" t="s">
        <v>3941</v>
      </c>
      <c r="J1263" s="1" t="s">
        <v>10</v>
      </c>
      <c r="K1263" s="1" t="s">
        <v>64</v>
      </c>
      <c r="L1263" s="1" t="s">
        <v>4663</v>
      </c>
      <c r="M1263" s="1" t="s">
        <v>5</v>
      </c>
      <c r="N1263" s="1" t="s">
        <v>25</v>
      </c>
      <c r="O1263" s="1" t="s">
        <v>38</v>
      </c>
      <c r="P1263" s="5" t="s">
        <v>31216</v>
      </c>
    </row>
    <row r="1264" spans="1:16" x14ac:dyDescent="0.2">
      <c r="A1264" s="1" t="s">
        <v>20</v>
      </c>
      <c r="B1264" s="1" t="s">
        <v>309</v>
      </c>
      <c r="C1264" s="1" t="s">
        <v>4666</v>
      </c>
      <c r="D1264" s="1" t="s">
        <v>4667</v>
      </c>
      <c r="E1264" s="1" t="s">
        <v>4668</v>
      </c>
      <c r="F1264" s="1" t="s">
        <v>10</v>
      </c>
      <c r="G1264" s="1" t="s">
        <v>10</v>
      </c>
      <c r="H1264" s="1" t="s">
        <v>10</v>
      </c>
      <c r="I1264" s="1" t="s">
        <v>3941</v>
      </c>
      <c r="J1264" s="1" t="s">
        <v>10</v>
      </c>
      <c r="K1264" s="1" t="s">
        <v>64</v>
      </c>
      <c r="L1264" s="1" t="s">
        <v>4665</v>
      </c>
      <c r="M1264" s="1" t="s">
        <v>5</v>
      </c>
      <c r="N1264" s="1" t="s">
        <v>25</v>
      </c>
      <c r="O1264" s="1" t="s">
        <v>38</v>
      </c>
      <c r="P1264" s="5" t="s">
        <v>31215</v>
      </c>
    </row>
    <row r="1265" spans="1:16" x14ac:dyDescent="0.2">
      <c r="A1265" s="1" t="s">
        <v>1385</v>
      </c>
      <c r="B1265" s="1" t="s">
        <v>1490</v>
      </c>
      <c r="C1265" s="1" t="s">
        <v>4670</v>
      </c>
      <c r="D1265" s="1" t="s">
        <v>4671</v>
      </c>
      <c r="E1265" s="1" t="s">
        <v>4672</v>
      </c>
      <c r="F1265" s="1" t="s">
        <v>10</v>
      </c>
      <c r="G1265" s="1" t="s">
        <v>10</v>
      </c>
      <c r="H1265" s="1" t="s">
        <v>10</v>
      </c>
      <c r="I1265" s="1" t="s">
        <v>3941</v>
      </c>
      <c r="J1265" s="1" t="s">
        <v>10</v>
      </c>
      <c r="K1265" s="1" t="s">
        <v>64</v>
      </c>
      <c r="L1265" s="1" t="s">
        <v>4669</v>
      </c>
      <c r="M1265" s="1" t="s">
        <v>5</v>
      </c>
      <c r="N1265" s="1" t="s">
        <v>25</v>
      </c>
      <c r="O1265" s="1" t="s">
        <v>38</v>
      </c>
      <c r="P1265" s="5" t="s">
        <v>31215</v>
      </c>
    </row>
    <row r="1266" spans="1:16" x14ac:dyDescent="0.2">
      <c r="A1266" s="1" t="s">
        <v>1385</v>
      </c>
      <c r="B1266" s="1" t="s">
        <v>1490</v>
      </c>
      <c r="C1266" s="1" t="s">
        <v>4674</v>
      </c>
      <c r="D1266" s="1" t="s">
        <v>4675</v>
      </c>
      <c r="E1266" s="1" t="s">
        <v>4672</v>
      </c>
      <c r="F1266" s="1" t="s">
        <v>10</v>
      </c>
      <c r="G1266" s="1" t="s">
        <v>10</v>
      </c>
      <c r="H1266" s="1" t="s">
        <v>10</v>
      </c>
      <c r="I1266" s="1" t="s">
        <v>3941</v>
      </c>
      <c r="J1266" s="1" t="s">
        <v>10</v>
      </c>
      <c r="K1266" s="1" t="s">
        <v>64</v>
      </c>
      <c r="L1266" s="1" t="s">
        <v>4673</v>
      </c>
      <c r="M1266" s="1" t="s">
        <v>5</v>
      </c>
      <c r="N1266" s="1" t="s">
        <v>25</v>
      </c>
      <c r="O1266" s="1" t="s">
        <v>38</v>
      </c>
      <c r="P1266" s="5" t="s">
        <v>31216</v>
      </c>
    </row>
    <row r="1267" spans="1:16" x14ac:dyDescent="0.2">
      <c r="A1267" s="1" t="s">
        <v>1385</v>
      </c>
      <c r="B1267" s="1" t="s">
        <v>1490</v>
      </c>
      <c r="C1267" s="1" t="s">
        <v>4677</v>
      </c>
      <c r="D1267" s="1" t="s">
        <v>4678</v>
      </c>
      <c r="E1267" s="1" t="s">
        <v>4672</v>
      </c>
      <c r="F1267" s="1" t="s">
        <v>10</v>
      </c>
      <c r="G1267" s="1" t="s">
        <v>10</v>
      </c>
      <c r="H1267" s="1" t="s">
        <v>10</v>
      </c>
      <c r="I1267" s="1" t="s">
        <v>3941</v>
      </c>
      <c r="J1267" s="1" t="s">
        <v>10</v>
      </c>
      <c r="K1267" s="1" t="s">
        <v>64</v>
      </c>
      <c r="L1267" s="1" t="s">
        <v>4676</v>
      </c>
      <c r="M1267" s="1" t="s">
        <v>5</v>
      </c>
      <c r="N1267" s="1" t="s">
        <v>25</v>
      </c>
      <c r="O1267" s="1" t="s">
        <v>38</v>
      </c>
      <c r="P1267" s="5" t="s">
        <v>31215</v>
      </c>
    </row>
    <row r="1268" spans="1:16" x14ac:dyDescent="0.2">
      <c r="A1268" s="1" t="s">
        <v>1385</v>
      </c>
      <c r="B1268" s="1" t="s">
        <v>1490</v>
      </c>
      <c r="C1268" s="1" t="s">
        <v>4680</v>
      </c>
      <c r="D1268" s="1" t="s">
        <v>4681</v>
      </c>
      <c r="E1268" s="1" t="s">
        <v>4672</v>
      </c>
      <c r="F1268" s="1" t="s">
        <v>10</v>
      </c>
      <c r="G1268" s="1" t="s">
        <v>10</v>
      </c>
      <c r="H1268" s="1" t="s">
        <v>10</v>
      </c>
      <c r="I1268" s="1" t="s">
        <v>3941</v>
      </c>
      <c r="J1268" s="1" t="s">
        <v>10</v>
      </c>
      <c r="K1268" s="1" t="s">
        <v>64</v>
      </c>
      <c r="L1268" s="1" t="s">
        <v>4679</v>
      </c>
      <c r="M1268" s="1" t="s">
        <v>5</v>
      </c>
      <c r="N1268" s="1" t="s">
        <v>25</v>
      </c>
      <c r="O1268" s="1" t="s">
        <v>38</v>
      </c>
      <c r="P1268" s="5" t="s">
        <v>31215</v>
      </c>
    </row>
    <row r="1269" spans="1:16" x14ac:dyDescent="0.2">
      <c r="A1269" s="1" t="s">
        <v>1385</v>
      </c>
      <c r="B1269" s="1" t="s">
        <v>2028</v>
      </c>
      <c r="C1269" s="1" t="s">
        <v>4683</v>
      </c>
      <c r="D1269" s="1" t="s">
        <v>4683</v>
      </c>
      <c r="E1269" s="1" t="s">
        <v>4684</v>
      </c>
      <c r="F1269" s="1" t="s">
        <v>10</v>
      </c>
      <c r="G1269" s="1" t="s">
        <v>10</v>
      </c>
      <c r="H1269" s="1" t="s">
        <v>10</v>
      </c>
      <c r="I1269" s="1" t="s">
        <v>3941</v>
      </c>
      <c r="J1269" s="1" t="s">
        <v>10</v>
      </c>
      <c r="K1269" s="1" t="s">
        <v>64</v>
      </c>
      <c r="L1269" s="1" t="s">
        <v>4682</v>
      </c>
      <c r="M1269" s="1" t="s">
        <v>5</v>
      </c>
      <c r="N1269" s="1" t="s">
        <v>25</v>
      </c>
      <c r="O1269" s="1" t="s">
        <v>8</v>
      </c>
      <c r="P1269" s="5" t="s">
        <v>31210</v>
      </c>
    </row>
    <row r="1270" spans="1:16" x14ac:dyDescent="0.2">
      <c r="A1270" s="1" t="s">
        <v>20</v>
      </c>
      <c r="B1270" s="1" t="s">
        <v>445</v>
      </c>
      <c r="C1270" s="1" t="s">
        <v>4686</v>
      </c>
      <c r="D1270" s="1" t="s">
        <v>4687</v>
      </c>
      <c r="E1270" s="1" t="s">
        <v>10</v>
      </c>
      <c r="F1270" s="1" t="s">
        <v>10</v>
      </c>
      <c r="G1270" s="1" t="s">
        <v>10</v>
      </c>
      <c r="H1270" s="1" t="s">
        <v>10</v>
      </c>
      <c r="I1270" s="1" t="s">
        <v>3941</v>
      </c>
      <c r="J1270" s="1" t="s">
        <v>10</v>
      </c>
      <c r="K1270" s="1" t="s">
        <v>64</v>
      </c>
      <c r="L1270" s="1" t="s">
        <v>4685</v>
      </c>
      <c r="M1270" s="1" t="s">
        <v>5</v>
      </c>
      <c r="N1270" s="1" t="s">
        <v>25</v>
      </c>
      <c r="O1270" s="1" t="s">
        <v>38</v>
      </c>
      <c r="P1270" s="5" t="s">
        <v>31215</v>
      </c>
    </row>
    <row r="1271" spans="1:16" x14ac:dyDescent="0.2">
      <c r="A1271" s="1" t="s">
        <v>1385</v>
      </c>
      <c r="B1271" s="1" t="s">
        <v>2028</v>
      </c>
      <c r="C1271" s="1" t="s">
        <v>4689</v>
      </c>
      <c r="D1271" s="1" t="s">
        <v>4690</v>
      </c>
      <c r="E1271" s="1" t="s">
        <v>4109</v>
      </c>
      <c r="F1271" s="1" t="s">
        <v>10</v>
      </c>
      <c r="G1271" s="1" t="s">
        <v>10</v>
      </c>
      <c r="H1271" s="1" t="s">
        <v>4110</v>
      </c>
      <c r="I1271" s="1" t="s">
        <v>3941</v>
      </c>
      <c r="J1271" s="1" t="s">
        <v>10</v>
      </c>
      <c r="K1271" s="1" t="s">
        <v>64</v>
      </c>
      <c r="L1271" s="1" t="s">
        <v>4688</v>
      </c>
      <c r="M1271" s="1" t="s">
        <v>5</v>
      </c>
      <c r="N1271" s="1" t="s">
        <v>25</v>
      </c>
      <c r="O1271" s="1" t="s">
        <v>8</v>
      </c>
      <c r="P1271" s="5" t="s">
        <v>31217</v>
      </c>
    </row>
    <row r="1272" spans="1:16" x14ac:dyDescent="0.2">
      <c r="A1272" s="1" t="s">
        <v>20</v>
      </c>
      <c r="B1272" s="1" t="s">
        <v>99</v>
      </c>
      <c r="C1272" s="1" t="s">
        <v>4692</v>
      </c>
      <c r="D1272" s="1" t="s">
        <v>4693</v>
      </c>
      <c r="E1272" s="1" t="s">
        <v>10</v>
      </c>
      <c r="F1272" s="1" t="s">
        <v>10</v>
      </c>
      <c r="G1272" s="1" t="s">
        <v>10</v>
      </c>
      <c r="H1272" s="1" t="s">
        <v>10</v>
      </c>
      <c r="I1272" s="1" t="s">
        <v>3941</v>
      </c>
      <c r="J1272" s="1" t="s">
        <v>10</v>
      </c>
      <c r="K1272" s="1" t="s">
        <v>64</v>
      </c>
      <c r="L1272" s="1" t="s">
        <v>4691</v>
      </c>
      <c r="M1272" s="1" t="s">
        <v>5</v>
      </c>
      <c r="N1272" s="1" t="s">
        <v>25</v>
      </c>
      <c r="O1272" s="1" t="s">
        <v>38</v>
      </c>
      <c r="P1272" s="5" t="s">
        <v>31213</v>
      </c>
    </row>
    <row r="1273" spans="1:16" x14ac:dyDescent="0.2">
      <c r="A1273" s="1" t="s">
        <v>20</v>
      </c>
      <c r="B1273" s="1" t="s">
        <v>4373</v>
      </c>
      <c r="C1273" s="1" t="s">
        <v>4695</v>
      </c>
      <c r="D1273" s="1" t="s">
        <v>4695</v>
      </c>
      <c r="E1273" s="1" t="s">
        <v>10</v>
      </c>
      <c r="F1273" s="1" t="s">
        <v>10</v>
      </c>
      <c r="G1273" s="1" t="s">
        <v>10</v>
      </c>
      <c r="H1273" s="1" t="s">
        <v>10</v>
      </c>
      <c r="I1273" s="1" t="s">
        <v>3941</v>
      </c>
      <c r="J1273" s="1" t="s">
        <v>10</v>
      </c>
      <c r="K1273" s="1" t="s">
        <v>64</v>
      </c>
      <c r="L1273" s="1" t="s">
        <v>4694</v>
      </c>
      <c r="M1273" s="1" t="s">
        <v>5</v>
      </c>
      <c r="N1273" s="1" t="s">
        <v>25</v>
      </c>
      <c r="O1273" s="1" t="s">
        <v>38</v>
      </c>
      <c r="P1273" s="5" t="s">
        <v>31218</v>
      </c>
    </row>
    <row r="1274" spans="1:16" x14ac:dyDescent="0.2">
      <c r="A1274" s="1" t="s">
        <v>2187</v>
      </c>
      <c r="B1274" s="1" t="s">
        <v>2206</v>
      </c>
      <c r="C1274" s="1" t="s">
        <v>4697</v>
      </c>
      <c r="D1274" s="1" t="s">
        <v>4698</v>
      </c>
      <c r="E1274" s="1" t="s">
        <v>4699</v>
      </c>
      <c r="F1274" s="1" t="s">
        <v>10</v>
      </c>
      <c r="G1274" s="1" t="s">
        <v>10</v>
      </c>
      <c r="H1274" s="1" t="s">
        <v>10</v>
      </c>
      <c r="I1274" s="1" t="s">
        <v>3941</v>
      </c>
      <c r="J1274" s="1" t="s">
        <v>10</v>
      </c>
      <c r="K1274" s="1" t="s">
        <v>64</v>
      </c>
      <c r="L1274" s="1" t="s">
        <v>4696</v>
      </c>
      <c r="M1274" s="1" t="s">
        <v>5</v>
      </c>
      <c r="N1274" s="1" t="s">
        <v>25</v>
      </c>
      <c r="O1274" s="1" t="s">
        <v>38</v>
      </c>
      <c r="P1274" s="5" t="s">
        <v>31210</v>
      </c>
    </row>
    <row r="1275" spans="1:16" x14ac:dyDescent="0.2">
      <c r="A1275" s="1" t="s">
        <v>487</v>
      </c>
      <c r="B1275" s="1" t="s">
        <v>765</v>
      </c>
      <c r="C1275" s="1" t="s">
        <v>4701</v>
      </c>
      <c r="D1275" s="1" t="s">
        <v>4702</v>
      </c>
      <c r="E1275" s="1" t="s">
        <v>10</v>
      </c>
      <c r="F1275" s="1" t="s">
        <v>10</v>
      </c>
      <c r="G1275" s="1" t="s">
        <v>10</v>
      </c>
      <c r="H1275" s="1" t="s">
        <v>10</v>
      </c>
      <c r="I1275" s="1" t="s">
        <v>3941</v>
      </c>
      <c r="J1275" s="1" t="s">
        <v>10</v>
      </c>
      <c r="K1275" s="1" t="s">
        <v>64</v>
      </c>
      <c r="L1275" s="1" t="s">
        <v>4700</v>
      </c>
      <c r="M1275" s="1" t="s">
        <v>5</v>
      </c>
      <c r="N1275" s="1" t="s">
        <v>25</v>
      </c>
      <c r="O1275" s="1" t="s">
        <v>38</v>
      </c>
      <c r="P1275" s="5" t="s">
        <v>31210</v>
      </c>
    </row>
    <row r="1276" spans="1:16" x14ac:dyDescent="0.2">
      <c r="A1276" s="1" t="s">
        <v>487</v>
      </c>
      <c r="B1276" s="1" t="s">
        <v>765</v>
      </c>
      <c r="C1276" s="1" t="s">
        <v>4704</v>
      </c>
      <c r="D1276" s="1" t="s">
        <v>4705</v>
      </c>
      <c r="E1276" s="1" t="s">
        <v>10</v>
      </c>
      <c r="F1276" s="1" t="s">
        <v>10</v>
      </c>
      <c r="G1276" s="1" t="s">
        <v>10</v>
      </c>
      <c r="H1276" s="1" t="s">
        <v>10</v>
      </c>
      <c r="I1276" s="1" t="s">
        <v>3941</v>
      </c>
      <c r="J1276" s="1" t="s">
        <v>10</v>
      </c>
      <c r="K1276" s="1" t="s">
        <v>64</v>
      </c>
      <c r="L1276" s="1" t="s">
        <v>4703</v>
      </c>
      <c r="M1276" s="1" t="s">
        <v>5</v>
      </c>
      <c r="N1276" s="1" t="s">
        <v>25</v>
      </c>
      <c r="O1276" s="1" t="s">
        <v>38</v>
      </c>
      <c r="P1276" s="5" t="s">
        <v>31210</v>
      </c>
    </row>
    <row r="1277" spans="1:16" x14ac:dyDescent="0.2">
      <c r="A1277" s="1" t="s">
        <v>487</v>
      </c>
      <c r="B1277" s="1" t="s">
        <v>765</v>
      </c>
      <c r="C1277" s="1" t="s">
        <v>4707</v>
      </c>
      <c r="D1277" s="1" t="s">
        <v>4708</v>
      </c>
      <c r="E1277" s="1" t="s">
        <v>10</v>
      </c>
      <c r="F1277" s="1" t="s">
        <v>10</v>
      </c>
      <c r="G1277" s="1" t="s">
        <v>10</v>
      </c>
      <c r="H1277" s="1" t="s">
        <v>10</v>
      </c>
      <c r="I1277" s="1" t="s">
        <v>3941</v>
      </c>
      <c r="J1277" s="1" t="s">
        <v>10</v>
      </c>
      <c r="K1277" s="1" t="s">
        <v>64</v>
      </c>
      <c r="L1277" s="1" t="s">
        <v>4706</v>
      </c>
      <c r="M1277" s="1" t="s">
        <v>5</v>
      </c>
      <c r="N1277" s="1" t="s">
        <v>25</v>
      </c>
      <c r="O1277" s="1" t="s">
        <v>38</v>
      </c>
      <c r="P1277" s="5" t="s">
        <v>31210</v>
      </c>
    </row>
    <row r="1278" spans="1:16" x14ac:dyDescent="0.2">
      <c r="A1278" s="1" t="s">
        <v>487</v>
      </c>
      <c r="B1278" s="1" t="s">
        <v>765</v>
      </c>
      <c r="C1278" s="1" t="s">
        <v>4710</v>
      </c>
      <c r="D1278" s="1" t="s">
        <v>4711</v>
      </c>
      <c r="E1278" s="1" t="s">
        <v>10</v>
      </c>
      <c r="F1278" s="1" t="s">
        <v>10</v>
      </c>
      <c r="G1278" s="1" t="s">
        <v>10</v>
      </c>
      <c r="H1278" s="1" t="s">
        <v>10</v>
      </c>
      <c r="I1278" s="1" t="s">
        <v>3941</v>
      </c>
      <c r="J1278" s="1" t="s">
        <v>10</v>
      </c>
      <c r="K1278" s="1" t="s">
        <v>64</v>
      </c>
      <c r="L1278" s="1" t="s">
        <v>4709</v>
      </c>
      <c r="M1278" s="1" t="s">
        <v>5</v>
      </c>
      <c r="N1278" s="1" t="s">
        <v>25</v>
      </c>
      <c r="O1278" s="1" t="s">
        <v>38</v>
      </c>
      <c r="P1278" s="5" t="s">
        <v>31210</v>
      </c>
    </row>
    <row r="1279" spans="1:16" x14ac:dyDescent="0.2">
      <c r="A1279" s="1" t="s">
        <v>487</v>
      </c>
      <c r="B1279" s="1" t="s">
        <v>765</v>
      </c>
      <c r="C1279" s="1" t="s">
        <v>4713</v>
      </c>
      <c r="D1279" s="1" t="s">
        <v>4714</v>
      </c>
      <c r="E1279" s="1" t="s">
        <v>10</v>
      </c>
      <c r="F1279" s="1" t="s">
        <v>10</v>
      </c>
      <c r="G1279" s="1" t="s">
        <v>10</v>
      </c>
      <c r="H1279" s="1" t="s">
        <v>10</v>
      </c>
      <c r="I1279" s="1" t="s">
        <v>3941</v>
      </c>
      <c r="J1279" s="1" t="s">
        <v>10</v>
      </c>
      <c r="K1279" s="1" t="s">
        <v>64</v>
      </c>
      <c r="L1279" s="1" t="s">
        <v>4712</v>
      </c>
      <c r="M1279" s="1" t="s">
        <v>5</v>
      </c>
      <c r="N1279" s="1" t="s">
        <v>25</v>
      </c>
      <c r="O1279" s="1" t="s">
        <v>38</v>
      </c>
      <c r="P1279" s="5" t="s">
        <v>31210</v>
      </c>
    </row>
    <row r="1280" spans="1:16" x14ac:dyDescent="0.2">
      <c r="A1280" s="1" t="s">
        <v>42</v>
      </c>
      <c r="B1280" s="1" t="s">
        <v>966</v>
      </c>
      <c r="C1280" s="1" t="s">
        <v>4716</v>
      </c>
      <c r="D1280" s="1" t="s">
        <v>4717</v>
      </c>
      <c r="E1280" s="1" t="s">
        <v>4718</v>
      </c>
      <c r="F1280" s="1" t="s">
        <v>10</v>
      </c>
      <c r="G1280" s="1" t="s">
        <v>10</v>
      </c>
      <c r="H1280" s="1" t="s">
        <v>10</v>
      </c>
      <c r="I1280" s="1" t="s">
        <v>3941</v>
      </c>
      <c r="J1280" s="1" t="s">
        <v>10</v>
      </c>
      <c r="K1280" s="1" t="s">
        <v>64</v>
      </c>
      <c r="L1280" s="1" t="s">
        <v>4715</v>
      </c>
      <c r="M1280" s="1" t="s">
        <v>5</v>
      </c>
      <c r="N1280" s="1" t="s">
        <v>25</v>
      </c>
      <c r="O1280" s="1" t="s">
        <v>38</v>
      </c>
      <c r="P1280" s="5" t="s">
        <v>31219</v>
      </c>
    </row>
    <row r="1281" spans="1:16" x14ac:dyDescent="0.2">
      <c r="A1281" s="1" t="s">
        <v>10</v>
      </c>
      <c r="B1281" s="1" t="s">
        <v>10</v>
      </c>
      <c r="C1281" s="1" t="s">
        <v>4720</v>
      </c>
      <c r="D1281" s="1" t="s">
        <v>4721</v>
      </c>
      <c r="E1281" s="1" t="s">
        <v>10</v>
      </c>
      <c r="F1281" s="1" t="s">
        <v>10</v>
      </c>
      <c r="G1281" s="1" t="s">
        <v>10</v>
      </c>
      <c r="H1281" s="1" t="s">
        <v>10</v>
      </c>
      <c r="I1281" s="1" t="s">
        <v>3941</v>
      </c>
      <c r="J1281" s="1" t="s">
        <v>10</v>
      </c>
      <c r="K1281" s="1" t="s">
        <v>64</v>
      </c>
      <c r="L1281" s="1" t="s">
        <v>4719</v>
      </c>
      <c r="M1281" s="1" t="s">
        <v>5</v>
      </c>
      <c r="N1281" s="1" t="s">
        <v>25</v>
      </c>
      <c r="O1281" s="1" t="s">
        <v>38</v>
      </c>
      <c r="P1281" s="5" t="s">
        <v>31217</v>
      </c>
    </row>
    <row r="1282" spans="1:16" x14ac:dyDescent="0.2">
      <c r="A1282" s="1" t="s">
        <v>10</v>
      </c>
      <c r="B1282" s="1" t="s">
        <v>10</v>
      </c>
      <c r="C1282" s="1" t="s">
        <v>4723</v>
      </c>
      <c r="D1282" s="1" t="s">
        <v>4724</v>
      </c>
      <c r="E1282" s="1" t="s">
        <v>4725</v>
      </c>
      <c r="F1282" s="1" t="s">
        <v>10</v>
      </c>
      <c r="G1282" s="1" t="s">
        <v>10</v>
      </c>
      <c r="H1282" s="1" t="s">
        <v>10</v>
      </c>
      <c r="I1282" s="1" t="s">
        <v>3941</v>
      </c>
      <c r="J1282" s="1" t="s">
        <v>10</v>
      </c>
      <c r="K1282" s="1" t="s">
        <v>64</v>
      </c>
      <c r="L1282" s="1" t="s">
        <v>4722</v>
      </c>
      <c r="M1282" s="1" t="s">
        <v>5</v>
      </c>
      <c r="N1282" s="1" t="s">
        <v>25</v>
      </c>
      <c r="O1282" s="1" t="s">
        <v>38</v>
      </c>
      <c r="P1282" s="5" t="s">
        <v>31210</v>
      </c>
    </row>
    <row r="1283" spans="1:16" x14ac:dyDescent="0.2">
      <c r="A1283" s="1" t="s">
        <v>10</v>
      </c>
      <c r="B1283" s="1" t="s">
        <v>10</v>
      </c>
      <c r="C1283" s="1" t="s">
        <v>4727</v>
      </c>
      <c r="D1283" s="1" t="s">
        <v>4728</v>
      </c>
      <c r="E1283" s="1" t="s">
        <v>10</v>
      </c>
      <c r="F1283" s="1" t="s">
        <v>10</v>
      </c>
      <c r="G1283" s="1" t="s">
        <v>10</v>
      </c>
      <c r="H1283" s="1" t="s">
        <v>10</v>
      </c>
      <c r="I1283" s="1" t="s">
        <v>3941</v>
      </c>
      <c r="J1283" s="1" t="s">
        <v>10</v>
      </c>
      <c r="K1283" s="1" t="s">
        <v>64</v>
      </c>
      <c r="L1283" s="1" t="s">
        <v>4726</v>
      </c>
      <c r="M1283" s="1" t="s">
        <v>5</v>
      </c>
      <c r="N1283" s="1" t="s">
        <v>25</v>
      </c>
      <c r="O1283" s="1" t="s">
        <v>38</v>
      </c>
      <c r="P1283" s="5" t="s">
        <v>31207</v>
      </c>
    </row>
    <row r="1284" spans="1:16" x14ac:dyDescent="0.2">
      <c r="A1284" s="1" t="s">
        <v>10</v>
      </c>
      <c r="B1284" s="1" t="s">
        <v>10</v>
      </c>
      <c r="C1284" s="1" t="s">
        <v>4731</v>
      </c>
      <c r="D1284" s="1" t="s">
        <v>4731</v>
      </c>
      <c r="E1284" s="1" t="s">
        <v>4732</v>
      </c>
      <c r="F1284" s="1" t="s">
        <v>10</v>
      </c>
      <c r="G1284" s="1" t="s">
        <v>10</v>
      </c>
      <c r="H1284" s="1" t="s">
        <v>10</v>
      </c>
      <c r="I1284" s="1" t="s">
        <v>3941</v>
      </c>
      <c r="J1284" s="1" t="s">
        <v>10</v>
      </c>
      <c r="K1284" s="1" t="s">
        <v>64</v>
      </c>
      <c r="L1284" s="1" t="s">
        <v>4730</v>
      </c>
      <c r="M1284" s="1" t="s">
        <v>5</v>
      </c>
      <c r="N1284" s="1" t="s">
        <v>6</v>
      </c>
      <c r="O1284" s="1" t="s">
        <v>38</v>
      </c>
      <c r="P1284" s="5" t="s">
        <v>31220</v>
      </c>
    </row>
    <row r="1285" spans="1:16" x14ac:dyDescent="0.2">
      <c r="A1285" s="1" t="s">
        <v>329</v>
      </c>
      <c r="B1285" s="1" t="s">
        <v>1168</v>
      </c>
      <c r="C1285" s="1" t="s">
        <v>4734</v>
      </c>
      <c r="D1285" s="1" t="s">
        <v>4735</v>
      </c>
      <c r="E1285" s="1" t="s">
        <v>4736</v>
      </c>
      <c r="F1285" s="1" t="s">
        <v>10</v>
      </c>
      <c r="G1285" s="1" t="s">
        <v>10</v>
      </c>
      <c r="H1285" s="1" t="s">
        <v>10</v>
      </c>
      <c r="I1285" s="1" t="s">
        <v>3941</v>
      </c>
      <c r="J1285" s="1" t="s">
        <v>10</v>
      </c>
      <c r="K1285" s="1" t="s">
        <v>64</v>
      </c>
      <c r="L1285" s="1" t="s">
        <v>4733</v>
      </c>
      <c r="M1285" s="1" t="s">
        <v>5</v>
      </c>
      <c r="N1285" s="1" t="s">
        <v>6</v>
      </c>
      <c r="O1285" s="1" t="s">
        <v>38</v>
      </c>
      <c r="P1285" s="5" t="s">
        <v>31221</v>
      </c>
    </row>
    <row r="1286" spans="1:16" x14ac:dyDescent="0.2">
      <c r="A1286" s="1" t="s">
        <v>66</v>
      </c>
      <c r="B1286" s="1" t="s">
        <v>4741</v>
      </c>
      <c r="C1286" s="1" t="s">
        <v>4738</v>
      </c>
      <c r="D1286" s="1" t="s">
        <v>4739</v>
      </c>
      <c r="E1286" s="1" t="s">
        <v>4740</v>
      </c>
      <c r="F1286" s="1" t="s">
        <v>10</v>
      </c>
      <c r="G1286" s="1" t="s">
        <v>10</v>
      </c>
      <c r="H1286" s="1" t="s">
        <v>10</v>
      </c>
      <c r="I1286" s="1" t="s">
        <v>3941</v>
      </c>
      <c r="J1286" s="1" t="s">
        <v>10</v>
      </c>
      <c r="K1286" s="1" t="s">
        <v>64</v>
      </c>
      <c r="L1286" s="1" t="s">
        <v>4737</v>
      </c>
      <c r="M1286" s="1" t="s">
        <v>5</v>
      </c>
      <c r="N1286" s="1" t="s">
        <v>6</v>
      </c>
      <c r="O1286" s="1" t="s">
        <v>38</v>
      </c>
      <c r="P1286" s="5" t="s">
        <v>31220</v>
      </c>
    </row>
    <row r="1287" spans="1:16" x14ac:dyDescent="0.2">
      <c r="A1287" s="1" t="s">
        <v>329</v>
      </c>
      <c r="B1287" s="1" t="s">
        <v>1168</v>
      </c>
      <c r="C1287" s="1" t="s">
        <v>4743</v>
      </c>
      <c r="D1287" s="1" t="s">
        <v>4744</v>
      </c>
      <c r="E1287" s="1" t="s">
        <v>4745</v>
      </c>
      <c r="F1287" s="1" t="s">
        <v>10</v>
      </c>
      <c r="G1287" s="1" t="s">
        <v>10</v>
      </c>
      <c r="H1287" s="1" t="s">
        <v>10</v>
      </c>
      <c r="I1287" s="1" t="s">
        <v>3941</v>
      </c>
      <c r="J1287" s="1" t="s">
        <v>10</v>
      </c>
      <c r="K1287" s="1" t="s">
        <v>64</v>
      </c>
      <c r="L1287" s="1" t="s">
        <v>4742</v>
      </c>
      <c r="M1287" s="1" t="s">
        <v>5</v>
      </c>
      <c r="N1287" s="1" t="s">
        <v>6</v>
      </c>
      <c r="O1287" s="1" t="s">
        <v>38</v>
      </c>
      <c r="P1287" s="5" t="s">
        <v>31221</v>
      </c>
    </row>
    <row r="1288" spans="1:16" x14ac:dyDescent="0.2">
      <c r="A1288" s="1" t="s">
        <v>10</v>
      </c>
      <c r="B1288" s="1" t="s">
        <v>10</v>
      </c>
      <c r="C1288" s="1" t="s">
        <v>4747</v>
      </c>
      <c r="D1288" s="1" t="s">
        <v>4747</v>
      </c>
      <c r="E1288" s="1" t="s">
        <v>10</v>
      </c>
      <c r="F1288" s="1" t="s">
        <v>10</v>
      </c>
      <c r="G1288" s="1" t="s">
        <v>10</v>
      </c>
      <c r="H1288" s="1" t="s">
        <v>10</v>
      </c>
      <c r="I1288" s="1" t="s">
        <v>3941</v>
      </c>
      <c r="J1288" s="1" t="s">
        <v>10</v>
      </c>
      <c r="K1288" s="1" t="s">
        <v>64</v>
      </c>
      <c r="L1288" s="1" t="s">
        <v>4746</v>
      </c>
      <c r="M1288" s="1" t="s">
        <v>5</v>
      </c>
      <c r="N1288" s="1" t="s">
        <v>6</v>
      </c>
      <c r="O1288" s="1" t="s">
        <v>38</v>
      </c>
      <c r="P1288" s="5" t="s">
        <v>31220</v>
      </c>
    </row>
    <row r="1289" spans="1:16" x14ac:dyDescent="0.2">
      <c r="A1289" s="1" t="s">
        <v>10</v>
      </c>
      <c r="B1289" s="1" t="s">
        <v>10</v>
      </c>
      <c r="C1289" s="1" t="s">
        <v>4749</v>
      </c>
      <c r="D1289" s="1" t="s">
        <v>4749</v>
      </c>
      <c r="E1289" s="1" t="s">
        <v>10</v>
      </c>
      <c r="F1289" s="1" t="s">
        <v>10</v>
      </c>
      <c r="G1289" s="1" t="s">
        <v>10</v>
      </c>
      <c r="H1289" s="1" t="s">
        <v>10</v>
      </c>
      <c r="I1289" s="1" t="s">
        <v>3941</v>
      </c>
      <c r="J1289" s="1" t="s">
        <v>10</v>
      </c>
      <c r="K1289" s="1" t="s">
        <v>64</v>
      </c>
      <c r="L1289" s="1" t="s">
        <v>4748</v>
      </c>
      <c r="M1289" s="1" t="s">
        <v>5</v>
      </c>
      <c r="N1289" s="1" t="s">
        <v>6</v>
      </c>
      <c r="O1289" s="1" t="s">
        <v>38</v>
      </c>
      <c r="P1289" s="5" t="s">
        <v>31220</v>
      </c>
    </row>
    <row r="1290" spans="1:16" x14ac:dyDescent="0.2">
      <c r="A1290" s="1" t="s">
        <v>1086</v>
      </c>
      <c r="B1290" s="1" t="s">
        <v>4754</v>
      </c>
      <c r="C1290" s="1" t="s">
        <v>4751</v>
      </c>
      <c r="D1290" s="1" t="s">
        <v>4752</v>
      </c>
      <c r="E1290" s="1" t="s">
        <v>4753</v>
      </c>
      <c r="F1290" s="1" t="s">
        <v>10</v>
      </c>
      <c r="G1290" s="1" t="s">
        <v>10</v>
      </c>
      <c r="H1290" s="1" t="s">
        <v>10</v>
      </c>
      <c r="I1290" s="1" t="s">
        <v>3941</v>
      </c>
      <c r="J1290" s="1" t="s">
        <v>10</v>
      </c>
      <c r="K1290" s="1" t="s">
        <v>64</v>
      </c>
      <c r="L1290" s="1" t="s">
        <v>4750</v>
      </c>
      <c r="M1290" s="1" t="s">
        <v>5</v>
      </c>
      <c r="N1290" s="1" t="s">
        <v>6</v>
      </c>
      <c r="O1290" s="1" t="s">
        <v>38</v>
      </c>
      <c r="P1290" s="5" t="s">
        <v>31221</v>
      </c>
    </row>
    <row r="1291" spans="1:16" x14ac:dyDescent="0.2">
      <c r="A1291" s="1" t="s">
        <v>10</v>
      </c>
      <c r="B1291" s="1" t="s">
        <v>10</v>
      </c>
      <c r="C1291" s="1" t="s">
        <v>4756</v>
      </c>
      <c r="D1291" s="1" t="s">
        <v>4757</v>
      </c>
      <c r="E1291" s="1" t="s">
        <v>4758</v>
      </c>
      <c r="F1291" s="1" t="s">
        <v>10</v>
      </c>
      <c r="G1291" s="1" t="s">
        <v>10</v>
      </c>
      <c r="H1291" s="1" t="s">
        <v>10</v>
      </c>
      <c r="I1291" s="1" t="s">
        <v>3941</v>
      </c>
      <c r="J1291" s="1" t="s">
        <v>10</v>
      </c>
      <c r="K1291" s="1" t="s">
        <v>64</v>
      </c>
      <c r="L1291" s="1" t="s">
        <v>4755</v>
      </c>
      <c r="M1291" s="1" t="s">
        <v>5</v>
      </c>
      <c r="N1291" s="1" t="s">
        <v>6</v>
      </c>
      <c r="O1291" s="1" t="s">
        <v>38</v>
      </c>
      <c r="P1291" s="5" t="s">
        <v>31221</v>
      </c>
    </row>
    <row r="1292" spans="1:16" x14ac:dyDescent="0.2">
      <c r="A1292" s="1" t="s">
        <v>10</v>
      </c>
      <c r="B1292" s="1" t="s">
        <v>10</v>
      </c>
      <c r="C1292" s="1" t="s">
        <v>4760</v>
      </c>
      <c r="D1292" s="1" t="s">
        <v>4761</v>
      </c>
      <c r="E1292" s="1" t="s">
        <v>4762</v>
      </c>
      <c r="F1292" s="1" t="s">
        <v>10</v>
      </c>
      <c r="G1292" s="1" t="s">
        <v>10</v>
      </c>
      <c r="H1292" s="1" t="s">
        <v>10</v>
      </c>
      <c r="I1292" s="1" t="s">
        <v>3941</v>
      </c>
      <c r="J1292" s="1" t="s">
        <v>10</v>
      </c>
      <c r="K1292" s="1" t="s">
        <v>64</v>
      </c>
      <c r="L1292" s="1" t="s">
        <v>4759</v>
      </c>
      <c r="M1292" s="1" t="s">
        <v>5</v>
      </c>
      <c r="N1292" s="1" t="s">
        <v>6</v>
      </c>
      <c r="O1292" s="1" t="s">
        <v>38</v>
      </c>
      <c r="P1292" s="5" t="s">
        <v>31221</v>
      </c>
    </row>
    <row r="1293" spans="1:16" x14ac:dyDescent="0.2">
      <c r="A1293" s="1" t="s">
        <v>10</v>
      </c>
      <c r="B1293" s="1" t="s">
        <v>10</v>
      </c>
      <c r="C1293" s="1" t="s">
        <v>4764</v>
      </c>
      <c r="D1293" s="1" t="s">
        <v>4765</v>
      </c>
      <c r="E1293" s="1" t="s">
        <v>4766</v>
      </c>
      <c r="F1293" s="1" t="s">
        <v>10</v>
      </c>
      <c r="G1293" s="1" t="s">
        <v>10</v>
      </c>
      <c r="H1293" s="1" t="s">
        <v>10</v>
      </c>
      <c r="I1293" s="1" t="s">
        <v>3941</v>
      </c>
      <c r="J1293" s="1" t="s">
        <v>10</v>
      </c>
      <c r="K1293" s="1" t="s">
        <v>64</v>
      </c>
      <c r="L1293" s="1" t="s">
        <v>4763</v>
      </c>
      <c r="M1293" s="1" t="s">
        <v>5</v>
      </c>
      <c r="N1293" s="1" t="s">
        <v>6</v>
      </c>
      <c r="O1293" s="1" t="s">
        <v>38</v>
      </c>
      <c r="P1293" s="5" t="s">
        <v>31221</v>
      </c>
    </row>
    <row r="1294" spans="1:16" x14ac:dyDescent="0.2">
      <c r="A1294" s="1" t="s">
        <v>10</v>
      </c>
      <c r="B1294" s="1" t="s">
        <v>10</v>
      </c>
      <c r="C1294" s="1" t="s">
        <v>4768</v>
      </c>
      <c r="D1294" s="1" t="s">
        <v>4769</v>
      </c>
      <c r="E1294" s="1" t="s">
        <v>4770</v>
      </c>
      <c r="F1294" s="1" t="s">
        <v>10</v>
      </c>
      <c r="G1294" s="1" t="s">
        <v>10</v>
      </c>
      <c r="H1294" s="1" t="s">
        <v>10</v>
      </c>
      <c r="I1294" s="1" t="s">
        <v>3941</v>
      </c>
      <c r="J1294" s="1" t="s">
        <v>10</v>
      </c>
      <c r="K1294" s="1" t="s">
        <v>64</v>
      </c>
      <c r="L1294" s="1" t="s">
        <v>4767</v>
      </c>
      <c r="M1294" s="1" t="s">
        <v>5</v>
      </c>
      <c r="N1294" s="1" t="s">
        <v>6</v>
      </c>
      <c r="O1294" s="1" t="s">
        <v>38</v>
      </c>
      <c r="P1294" s="5" t="s">
        <v>31221</v>
      </c>
    </row>
    <row r="1295" spans="1:16" x14ac:dyDescent="0.2">
      <c r="A1295" s="1" t="s">
        <v>10</v>
      </c>
      <c r="B1295" s="1" t="s">
        <v>10</v>
      </c>
      <c r="C1295" s="1" t="s">
        <v>4772</v>
      </c>
      <c r="D1295" s="1" t="s">
        <v>4773</v>
      </c>
      <c r="E1295" s="1" t="s">
        <v>4774</v>
      </c>
      <c r="F1295" s="1" t="s">
        <v>10</v>
      </c>
      <c r="G1295" s="1" t="s">
        <v>10</v>
      </c>
      <c r="H1295" s="1" t="s">
        <v>10</v>
      </c>
      <c r="I1295" s="1" t="s">
        <v>3941</v>
      </c>
      <c r="J1295" s="1" t="s">
        <v>10</v>
      </c>
      <c r="K1295" s="1" t="s">
        <v>64</v>
      </c>
      <c r="L1295" s="1" t="s">
        <v>4771</v>
      </c>
      <c r="M1295" s="1" t="s">
        <v>5</v>
      </c>
      <c r="N1295" s="1" t="s">
        <v>6</v>
      </c>
      <c r="O1295" s="1" t="s">
        <v>38</v>
      </c>
      <c r="P1295" s="5" t="s">
        <v>31221</v>
      </c>
    </row>
    <row r="1296" spans="1:16" x14ac:dyDescent="0.2">
      <c r="A1296" s="1" t="s">
        <v>10</v>
      </c>
      <c r="B1296" s="1" t="s">
        <v>10</v>
      </c>
      <c r="C1296" s="1" t="s">
        <v>4776</v>
      </c>
      <c r="D1296" s="1" t="s">
        <v>4777</v>
      </c>
      <c r="E1296" s="1" t="s">
        <v>4778</v>
      </c>
      <c r="F1296" s="1" t="s">
        <v>10</v>
      </c>
      <c r="G1296" s="1" t="s">
        <v>10</v>
      </c>
      <c r="H1296" s="1" t="s">
        <v>10</v>
      </c>
      <c r="I1296" s="1" t="s">
        <v>3941</v>
      </c>
      <c r="J1296" s="1" t="s">
        <v>10</v>
      </c>
      <c r="K1296" s="1" t="s">
        <v>64</v>
      </c>
      <c r="L1296" s="1" t="s">
        <v>4775</v>
      </c>
      <c r="M1296" s="1" t="s">
        <v>5</v>
      </c>
      <c r="N1296" s="1" t="s">
        <v>6</v>
      </c>
      <c r="O1296" s="1" t="s">
        <v>38</v>
      </c>
      <c r="P1296" s="5" t="s">
        <v>31221</v>
      </c>
    </row>
    <row r="1297" spans="1:16" x14ac:dyDescent="0.2">
      <c r="A1297" s="1" t="s">
        <v>10</v>
      </c>
      <c r="B1297" s="1" t="s">
        <v>10</v>
      </c>
      <c r="C1297" s="1" t="s">
        <v>4780</v>
      </c>
      <c r="D1297" s="1" t="s">
        <v>4781</v>
      </c>
      <c r="E1297" s="1" t="s">
        <v>4782</v>
      </c>
      <c r="F1297" s="1" t="s">
        <v>10</v>
      </c>
      <c r="G1297" s="1" t="s">
        <v>10</v>
      </c>
      <c r="H1297" s="1" t="s">
        <v>10</v>
      </c>
      <c r="I1297" s="1" t="s">
        <v>3941</v>
      </c>
      <c r="J1297" s="1" t="s">
        <v>10</v>
      </c>
      <c r="K1297" s="1" t="s">
        <v>64</v>
      </c>
      <c r="L1297" s="1" t="s">
        <v>4779</v>
      </c>
      <c r="M1297" s="1" t="s">
        <v>5</v>
      </c>
      <c r="N1297" s="1" t="s">
        <v>6</v>
      </c>
      <c r="O1297" s="1" t="s">
        <v>38</v>
      </c>
      <c r="P1297" s="5" t="s">
        <v>31222</v>
      </c>
    </row>
    <row r="1298" spans="1:16" x14ac:dyDescent="0.2">
      <c r="A1298" s="1" t="s">
        <v>10</v>
      </c>
      <c r="B1298" s="1" t="s">
        <v>10</v>
      </c>
      <c r="C1298" s="1" t="s">
        <v>4784</v>
      </c>
      <c r="D1298" s="1" t="s">
        <v>4785</v>
      </c>
      <c r="E1298" s="1" t="s">
        <v>4778</v>
      </c>
      <c r="F1298" s="1" t="s">
        <v>10</v>
      </c>
      <c r="G1298" s="1" t="s">
        <v>10</v>
      </c>
      <c r="H1298" s="1" t="s">
        <v>10</v>
      </c>
      <c r="I1298" s="1" t="s">
        <v>3941</v>
      </c>
      <c r="J1298" s="1" t="s">
        <v>10</v>
      </c>
      <c r="K1298" s="1" t="s">
        <v>64</v>
      </c>
      <c r="L1298" s="1" t="s">
        <v>4783</v>
      </c>
      <c r="M1298" s="1" t="s">
        <v>5</v>
      </c>
      <c r="N1298" s="1" t="s">
        <v>6</v>
      </c>
      <c r="O1298" s="1" t="s">
        <v>38</v>
      </c>
      <c r="P1298" s="5" t="s">
        <v>31222</v>
      </c>
    </row>
    <row r="1299" spans="1:16" x14ac:dyDescent="0.2">
      <c r="A1299" s="1" t="s">
        <v>329</v>
      </c>
      <c r="B1299" s="1" t="s">
        <v>1168</v>
      </c>
      <c r="C1299" s="1" t="s">
        <v>4787</v>
      </c>
      <c r="D1299" s="1" t="s">
        <v>4788</v>
      </c>
      <c r="E1299" s="1" t="s">
        <v>4789</v>
      </c>
      <c r="F1299" s="1" t="s">
        <v>10</v>
      </c>
      <c r="G1299" s="1" t="s">
        <v>10</v>
      </c>
      <c r="H1299" s="1" t="s">
        <v>10</v>
      </c>
      <c r="I1299" s="1" t="s">
        <v>3941</v>
      </c>
      <c r="J1299" s="1" t="s">
        <v>10</v>
      </c>
      <c r="K1299" s="1" t="s">
        <v>64</v>
      </c>
      <c r="L1299" s="1" t="s">
        <v>4786</v>
      </c>
      <c r="M1299" s="1" t="s">
        <v>5</v>
      </c>
      <c r="N1299" s="1" t="s">
        <v>6</v>
      </c>
      <c r="O1299" s="1" t="s">
        <v>38</v>
      </c>
      <c r="P1299" s="5" t="s">
        <v>31221</v>
      </c>
    </row>
    <row r="1300" spans="1:16" x14ac:dyDescent="0.2">
      <c r="A1300" s="1" t="s">
        <v>10</v>
      </c>
      <c r="B1300" s="1" t="s">
        <v>10</v>
      </c>
      <c r="C1300" s="1" t="s">
        <v>4791</v>
      </c>
      <c r="D1300" s="1" t="s">
        <v>4542</v>
      </c>
      <c r="E1300" s="1" t="s">
        <v>4792</v>
      </c>
      <c r="F1300" s="1" t="s">
        <v>10</v>
      </c>
      <c r="G1300" s="1" t="s">
        <v>10</v>
      </c>
      <c r="H1300" s="1" t="s">
        <v>10</v>
      </c>
      <c r="I1300" s="1" t="s">
        <v>3941</v>
      </c>
      <c r="J1300" s="1" t="s">
        <v>10</v>
      </c>
      <c r="K1300" s="1" t="s">
        <v>64</v>
      </c>
      <c r="L1300" s="1" t="s">
        <v>4790</v>
      </c>
      <c r="M1300" s="1" t="s">
        <v>5</v>
      </c>
      <c r="N1300" s="1" t="s">
        <v>6</v>
      </c>
      <c r="O1300" s="1" t="s">
        <v>38</v>
      </c>
      <c r="P1300" s="5" t="s">
        <v>31222</v>
      </c>
    </row>
    <row r="1301" spans="1:16" x14ac:dyDescent="0.2">
      <c r="A1301" s="1" t="s">
        <v>10</v>
      </c>
      <c r="B1301" s="1" t="s">
        <v>10</v>
      </c>
      <c r="C1301" s="1" t="s">
        <v>4794</v>
      </c>
      <c r="D1301" s="1" t="s">
        <v>4795</v>
      </c>
      <c r="E1301" s="1" t="s">
        <v>4796</v>
      </c>
      <c r="F1301" s="1" t="s">
        <v>10</v>
      </c>
      <c r="G1301" s="1" t="s">
        <v>10</v>
      </c>
      <c r="H1301" s="1" t="s">
        <v>10</v>
      </c>
      <c r="I1301" s="1" t="s">
        <v>3941</v>
      </c>
      <c r="J1301" s="1" t="s">
        <v>10</v>
      </c>
      <c r="K1301" s="1" t="s">
        <v>64</v>
      </c>
      <c r="L1301" s="1" t="s">
        <v>4793</v>
      </c>
      <c r="M1301" s="1" t="s">
        <v>5</v>
      </c>
      <c r="N1301" s="1" t="s">
        <v>6</v>
      </c>
      <c r="O1301" s="1" t="s">
        <v>38</v>
      </c>
      <c r="P1301" s="5" t="s">
        <v>31222</v>
      </c>
    </row>
    <row r="1302" spans="1:16" x14ac:dyDescent="0.2">
      <c r="A1302" s="1" t="s">
        <v>10</v>
      </c>
      <c r="B1302" s="1" t="s">
        <v>10</v>
      </c>
      <c r="C1302" s="1" t="s">
        <v>4798</v>
      </c>
      <c r="D1302" s="1" t="s">
        <v>4799</v>
      </c>
      <c r="E1302" s="1" t="s">
        <v>4800</v>
      </c>
      <c r="F1302" s="1" t="s">
        <v>10</v>
      </c>
      <c r="G1302" s="1" t="s">
        <v>10</v>
      </c>
      <c r="H1302" s="1" t="s">
        <v>10</v>
      </c>
      <c r="I1302" s="1" t="s">
        <v>3941</v>
      </c>
      <c r="J1302" s="1" t="s">
        <v>10</v>
      </c>
      <c r="K1302" s="1" t="s">
        <v>64</v>
      </c>
      <c r="L1302" s="1" t="s">
        <v>4797</v>
      </c>
      <c r="M1302" s="1" t="s">
        <v>5</v>
      </c>
      <c r="N1302" s="1" t="s">
        <v>6</v>
      </c>
      <c r="O1302" s="1" t="s">
        <v>38</v>
      </c>
      <c r="P1302" s="5" t="s">
        <v>31222</v>
      </c>
    </row>
    <row r="1303" spans="1:16" x14ac:dyDescent="0.2">
      <c r="A1303" s="1" t="s">
        <v>329</v>
      </c>
      <c r="B1303" s="1" t="s">
        <v>1168</v>
      </c>
      <c r="C1303" s="1" t="s">
        <v>4802</v>
      </c>
      <c r="D1303" s="1" t="s">
        <v>4803</v>
      </c>
      <c r="E1303" s="1" t="s">
        <v>4804</v>
      </c>
      <c r="F1303" s="1" t="s">
        <v>10</v>
      </c>
      <c r="G1303" s="1" t="s">
        <v>10</v>
      </c>
      <c r="H1303" s="1" t="s">
        <v>10</v>
      </c>
      <c r="I1303" s="1" t="s">
        <v>3941</v>
      </c>
      <c r="J1303" s="1" t="s">
        <v>10</v>
      </c>
      <c r="K1303" s="1" t="s">
        <v>64</v>
      </c>
      <c r="L1303" s="1" t="s">
        <v>4801</v>
      </c>
      <c r="M1303" s="1" t="s">
        <v>5</v>
      </c>
      <c r="N1303" s="1" t="s">
        <v>6</v>
      </c>
      <c r="O1303" s="1" t="s">
        <v>38</v>
      </c>
      <c r="P1303" s="5" t="s">
        <v>31221</v>
      </c>
    </row>
    <row r="1304" spans="1:16" x14ac:dyDescent="0.2">
      <c r="A1304" s="1" t="s">
        <v>10</v>
      </c>
      <c r="B1304" s="1" t="s">
        <v>10</v>
      </c>
      <c r="C1304" s="1" t="s">
        <v>4806</v>
      </c>
      <c r="D1304" s="1" t="s">
        <v>4019</v>
      </c>
      <c r="E1304" s="1" t="s">
        <v>4020</v>
      </c>
      <c r="F1304" s="1" t="s">
        <v>10</v>
      </c>
      <c r="G1304" s="1" t="s">
        <v>10</v>
      </c>
      <c r="H1304" s="1" t="s">
        <v>10</v>
      </c>
      <c r="I1304" s="1" t="s">
        <v>3941</v>
      </c>
      <c r="J1304" s="1" t="s">
        <v>10</v>
      </c>
      <c r="K1304" s="1" t="s">
        <v>64</v>
      </c>
      <c r="L1304" s="1" t="s">
        <v>4805</v>
      </c>
      <c r="M1304" s="1" t="s">
        <v>5</v>
      </c>
      <c r="N1304" s="1" t="s">
        <v>6</v>
      </c>
      <c r="O1304" s="1" t="s">
        <v>38</v>
      </c>
      <c r="P1304" s="5" t="s">
        <v>31223</v>
      </c>
    </row>
    <row r="1305" spans="1:16" x14ac:dyDescent="0.2">
      <c r="A1305" s="1" t="s">
        <v>10</v>
      </c>
      <c r="B1305" s="1" t="s">
        <v>10</v>
      </c>
      <c r="C1305" s="1" t="s">
        <v>4808</v>
      </c>
      <c r="D1305" s="1" t="s">
        <v>1207</v>
      </c>
      <c r="E1305" s="1" t="s">
        <v>4809</v>
      </c>
      <c r="F1305" s="1" t="s">
        <v>10</v>
      </c>
      <c r="G1305" s="1" t="s">
        <v>10</v>
      </c>
      <c r="H1305" s="1" t="s">
        <v>10</v>
      </c>
      <c r="I1305" s="1" t="s">
        <v>3941</v>
      </c>
      <c r="J1305" s="1" t="s">
        <v>10</v>
      </c>
      <c r="K1305" s="1" t="s">
        <v>64</v>
      </c>
      <c r="L1305" s="1" t="s">
        <v>4807</v>
      </c>
      <c r="M1305" s="1" t="s">
        <v>5</v>
      </c>
      <c r="N1305" s="1" t="s">
        <v>6</v>
      </c>
      <c r="O1305" s="1" t="s">
        <v>38</v>
      </c>
      <c r="P1305" s="5" t="s">
        <v>31224</v>
      </c>
    </row>
    <row r="1306" spans="1:16" x14ac:dyDescent="0.2">
      <c r="A1306" s="1" t="s">
        <v>10</v>
      </c>
      <c r="B1306" s="1" t="s">
        <v>10</v>
      </c>
      <c r="C1306" s="1" t="s">
        <v>4811</v>
      </c>
      <c r="D1306" s="1" t="s">
        <v>4812</v>
      </c>
      <c r="E1306" s="1" t="s">
        <v>4813</v>
      </c>
      <c r="F1306" s="1" t="s">
        <v>10</v>
      </c>
      <c r="G1306" s="1" t="s">
        <v>10</v>
      </c>
      <c r="H1306" s="1" t="s">
        <v>10</v>
      </c>
      <c r="I1306" s="1" t="s">
        <v>3941</v>
      </c>
      <c r="J1306" s="1" t="s">
        <v>10</v>
      </c>
      <c r="K1306" s="1" t="s">
        <v>64</v>
      </c>
      <c r="L1306" s="1" t="s">
        <v>4810</v>
      </c>
      <c r="M1306" s="1" t="s">
        <v>5</v>
      </c>
      <c r="N1306" s="1" t="s">
        <v>6</v>
      </c>
      <c r="O1306" s="1" t="s">
        <v>38</v>
      </c>
      <c r="P1306" s="5" t="s">
        <v>31224</v>
      </c>
    </row>
    <row r="1307" spans="1:16" x14ac:dyDescent="0.2">
      <c r="A1307" s="1" t="s">
        <v>10</v>
      </c>
      <c r="B1307" s="1" t="s">
        <v>10</v>
      </c>
      <c r="C1307" s="1" t="s">
        <v>4815</v>
      </c>
      <c r="D1307" s="1" t="s">
        <v>4816</v>
      </c>
      <c r="E1307" s="1" t="s">
        <v>4817</v>
      </c>
      <c r="F1307" s="1" t="s">
        <v>10</v>
      </c>
      <c r="G1307" s="1" t="s">
        <v>10</v>
      </c>
      <c r="H1307" s="1" t="s">
        <v>10</v>
      </c>
      <c r="I1307" s="1" t="s">
        <v>3941</v>
      </c>
      <c r="J1307" s="1" t="s">
        <v>10</v>
      </c>
      <c r="K1307" s="1" t="s">
        <v>64</v>
      </c>
      <c r="L1307" s="1" t="s">
        <v>4814</v>
      </c>
      <c r="M1307" s="1" t="s">
        <v>5</v>
      </c>
      <c r="N1307" s="1" t="s">
        <v>6</v>
      </c>
      <c r="O1307" s="1" t="s">
        <v>38</v>
      </c>
      <c r="P1307" s="5" t="s">
        <v>31224</v>
      </c>
    </row>
    <row r="1308" spans="1:16" x14ac:dyDescent="0.2">
      <c r="A1308" s="1" t="s">
        <v>66</v>
      </c>
      <c r="B1308" s="1" t="s">
        <v>4741</v>
      </c>
      <c r="C1308" s="1" t="s">
        <v>4819</v>
      </c>
      <c r="D1308" s="1" t="s">
        <v>4820</v>
      </c>
      <c r="E1308" s="1" t="s">
        <v>4821</v>
      </c>
      <c r="F1308" s="1" t="s">
        <v>10</v>
      </c>
      <c r="G1308" s="1" t="s">
        <v>10</v>
      </c>
      <c r="H1308" s="1" t="s">
        <v>10</v>
      </c>
      <c r="I1308" s="1" t="s">
        <v>3941</v>
      </c>
      <c r="J1308" s="1" t="s">
        <v>10</v>
      </c>
      <c r="K1308" s="1" t="s">
        <v>64</v>
      </c>
      <c r="L1308" s="1" t="s">
        <v>4818</v>
      </c>
      <c r="M1308" s="1" t="s">
        <v>5</v>
      </c>
      <c r="N1308" s="1" t="s">
        <v>6</v>
      </c>
      <c r="O1308" s="1" t="s">
        <v>38</v>
      </c>
      <c r="P1308" s="5" t="s">
        <v>31221</v>
      </c>
    </row>
    <row r="1309" spans="1:16" x14ac:dyDescent="0.2">
      <c r="A1309" s="1" t="s">
        <v>10</v>
      </c>
      <c r="B1309" s="1" t="s">
        <v>10</v>
      </c>
      <c r="C1309" s="1" t="s">
        <v>4823</v>
      </c>
      <c r="D1309" s="1" t="s">
        <v>4824</v>
      </c>
      <c r="E1309" s="1" t="s">
        <v>4825</v>
      </c>
      <c r="F1309" s="1" t="s">
        <v>10</v>
      </c>
      <c r="G1309" s="1" t="s">
        <v>10</v>
      </c>
      <c r="H1309" s="1" t="s">
        <v>10</v>
      </c>
      <c r="I1309" s="1" t="s">
        <v>3941</v>
      </c>
      <c r="J1309" s="1" t="s">
        <v>10</v>
      </c>
      <c r="K1309" s="1" t="s">
        <v>64</v>
      </c>
      <c r="L1309" s="1" t="s">
        <v>4822</v>
      </c>
      <c r="M1309" s="1" t="s">
        <v>5</v>
      </c>
      <c r="N1309" s="1" t="s">
        <v>6</v>
      </c>
      <c r="O1309" s="1" t="s">
        <v>38</v>
      </c>
      <c r="P1309" s="5" t="s">
        <v>31224</v>
      </c>
    </row>
    <row r="1310" spans="1:16" x14ac:dyDescent="0.2">
      <c r="A1310" s="1" t="s">
        <v>329</v>
      </c>
      <c r="B1310" s="1" t="s">
        <v>1168</v>
      </c>
      <c r="C1310" s="1" t="s">
        <v>4827</v>
      </c>
      <c r="D1310" s="1" t="s">
        <v>4828</v>
      </c>
      <c r="E1310" s="1" t="s">
        <v>4829</v>
      </c>
      <c r="F1310" s="1" t="s">
        <v>10</v>
      </c>
      <c r="G1310" s="1" t="s">
        <v>10</v>
      </c>
      <c r="H1310" s="1" t="s">
        <v>10</v>
      </c>
      <c r="I1310" s="1" t="s">
        <v>3941</v>
      </c>
      <c r="J1310" s="1" t="s">
        <v>10</v>
      </c>
      <c r="K1310" s="1" t="s">
        <v>64</v>
      </c>
      <c r="L1310" s="1" t="s">
        <v>4826</v>
      </c>
      <c r="M1310" s="1" t="s">
        <v>5</v>
      </c>
      <c r="N1310" s="1" t="s">
        <v>6</v>
      </c>
      <c r="O1310" s="1" t="s">
        <v>38</v>
      </c>
      <c r="P1310" s="5" t="s">
        <v>31221</v>
      </c>
    </row>
    <row r="1311" spans="1:16" x14ac:dyDescent="0.2">
      <c r="A1311" s="1" t="s">
        <v>10</v>
      </c>
      <c r="B1311" s="1" t="s">
        <v>10</v>
      </c>
      <c r="C1311" s="1" t="s">
        <v>4831</v>
      </c>
      <c r="D1311" s="1" t="s">
        <v>4832</v>
      </c>
      <c r="E1311" s="1" t="s">
        <v>4833</v>
      </c>
      <c r="F1311" s="1" t="s">
        <v>10</v>
      </c>
      <c r="G1311" s="1" t="s">
        <v>10</v>
      </c>
      <c r="H1311" s="1" t="s">
        <v>10</v>
      </c>
      <c r="I1311" s="1" t="s">
        <v>3941</v>
      </c>
      <c r="J1311" s="1" t="s">
        <v>10</v>
      </c>
      <c r="K1311" s="1" t="s">
        <v>64</v>
      </c>
      <c r="L1311" s="1" t="s">
        <v>4830</v>
      </c>
      <c r="M1311" s="1" t="s">
        <v>5</v>
      </c>
      <c r="N1311" s="1" t="s">
        <v>6</v>
      </c>
      <c r="O1311" s="1" t="s">
        <v>38</v>
      </c>
      <c r="P1311" s="5" t="s">
        <v>31222</v>
      </c>
    </row>
    <row r="1312" spans="1:16" x14ac:dyDescent="0.2">
      <c r="A1312" s="1" t="s">
        <v>10</v>
      </c>
      <c r="B1312" s="1" t="s">
        <v>10</v>
      </c>
      <c r="C1312" s="1" t="s">
        <v>4835</v>
      </c>
      <c r="D1312" s="1" t="s">
        <v>4836</v>
      </c>
      <c r="E1312" s="1" t="s">
        <v>10</v>
      </c>
      <c r="F1312" s="1" t="s">
        <v>10</v>
      </c>
      <c r="G1312" s="1" t="s">
        <v>10</v>
      </c>
      <c r="H1312" s="1" t="s">
        <v>10</v>
      </c>
      <c r="I1312" s="1" t="s">
        <v>3941</v>
      </c>
      <c r="J1312" s="1" t="s">
        <v>10</v>
      </c>
      <c r="K1312" s="1" t="s">
        <v>64</v>
      </c>
      <c r="L1312" s="1" t="s">
        <v>4834</v>
      </c>
      <c r="M1312" s="1" t="s">
        <v>5</v>
      </c>
      <c r="N1312" s="1" t="s">
        <v>6</v>
      </c>
      <c r="O1312" s="1" t="s">
        <v>38</v>
      </c>
      <c r="P1312" s="5" t="s">
        <v>31222</v>
      </c>
    </row>
    <row r="1313" spans="1:16" x14ac:dyDescent="0.2">
      <c r="A1313" s="1" t="s">
        <v>10</v>
      </c>
      <c r="B1313" s="1" t="s">
        <v>10</v>
      </c>
      <c r="C1313" s="1" t="s">
        <v>4838</v>
      </c>
      <c r="D1313" s="1" t="s">
        <v>4839</v>
      </c>
      <c r="E1313" s="1" t="s">
        <v>10</v>
      </c>
      <c r="F1313" s="1" t="s">
        <v>10</v>
      </c>
      <c r="G1313" s="1" t="s">
        <v>10</v>
      </c>
      <c r="H1313" s="1" t="s">
        <v>10</v>
      </c>
      <c r="I1313" s="1" t="s">
        <v>3941</v>
      </c>
      <c r="J1313" s="1" t="s">
        <v>10</v>
      </c>
      <c r="K1313" s="1" t="s">
        <v>64</v>
      </c>
      <c r="L1313" s="1" t="s">
        <v>4837</v>
      </c>
      <c r="M1313" s="1" t="s">
        <v>5</v>
      </c>
      <c r="N1313" s="1" t="s">
        <v>6</v>
      </c>
      <c r="O1313" s="1" t="s">
        <v>38</v>
      </c>
      <c r="P1313" s="5" t="s">
        <v>31222</v>
      </c>
    </row>
    <row r="1314" spans="1:16" x14ac:dyDescent="0.2">
      <c r="A1314" s="1" t="s">
        <v>66</v>
      </c>
      <c r="B1314" s="1" t="s">
        <v>4741</v>
      </c>
      <c r="C1314" s="1" t="s">
        <v>4841</v>
      </c>
      <c r="D1314" s="1" t="s">
        <v>4842</v>
      </c>
      <c r="E1314" s="1" t="s">
        <v>4843</v>
      </c>
      <c r="F1314" s="1" t="s">
        <v>10</v>
      </c>
      <c r="G1314" s="1" t="s">
        <v>10</v>
      </c>
      <c r="H1314" s="1" t="s">
        <v>10</v>
      </c>
      <c r="I1314" s="1" t="s">
        <v>3941</v>
      </c>
      <c r="J1314" s="1" t="s">
        <v>10</v>
      </c>
      <c r="K1314" s="1" t="s">
        <v>64</v>
      </c>
      <c r="L1314" s="1" t="s">
        <v>4840</v>
      </c>
      <c r="M1314" s="1" t="s">
        <v>5</v>
      </c>
      <c r="N1314" s="1" t="s">
        <v>6</v>
      </c>
      <c r="O1314" s="1" t="s">
        <v>38</v>
      </c>
      <c r="P1314" s="5" t="s">
        <v>31225</v>
      </c>
    </row>
    <row r="1315" spans="1:16" x14ac:dyDescent="0.2">
      <c r="A1315" s="1" t="s">
        <v>10</v>
      </c>
      <c r="B1315" s="1" t="s">
        <v>10</v>
      </c>
      <c r="C1315" s="1" t="s">
        <v>4845</v>
      </c>
      <c r="D1315" s="1" t="s">
        <v>1420</v>
      </c>
      <c r="E1315" s="1" t="s">
        <v>10</v>
      </c>
      <c r="F1315" s="1" t="s">
        <v>10</v>
      </c>
      <c r="G1315" s="1" t="s">
        <v>10</v>
      </c>
      <c r="H1315" s="1" t="s">
        <v>10</v>
      </c>
      <c r="I1315" s="1" t="s">
        <v>3941</v>
      </c>
      <c r="J1315" s="1" t="s">
        <v>10</v>
      </c>
      <c r="K1315" s="1" t="s">
        <v>64</v>
      </c>
      <c r="L1315" s="1" t="s">
        <v>4844</v>
      </c>
      <c r="M1315" s="1" t="s">
        <v>5</v>
      </c>
      <c r="N1315" s="1" t="s">
        <v>6</v>
      </c>
      <c r="O1315" s="1" t="s">
        <v>38</v>
      </c>
      <c r="P1315" s="5" t="s">
        <v>31222</v>
      </c>
    </row>
    <row r="1316" spans="1:16" x14ac:dyDescent="0.2">
      <c r="A1316" s="1" t="s">
        <v>10</v>
      </c>
      <c r="B1316" s="1" t="s">
        <v>10</v>
      </c>
      <c r="C1316" s="1" t="s">
        <v>4847</v>
      </c>
      <c r="D1316" s="1" t="s">
        <v>4848</v>
      </c>
      <c r="E1316" s="1" t="s">
        <v>4849</v>
      </c>
      <c r="F1316" s="1" t="s">
        <v>10</v>
      </c>
      <c r="G1316" s="1" t="s">
        <v>10</v>
      </c>
      <c r="H1316" s="1" t="s">
        <v>10</v>
      </c>
      <c r="I1316" s="1" t="s">
        <v>3941</v>
      </c>
      <c r="J1316" s="1" t="s">
        <v>10</v>
      </c>
      <c r="K1316" s="1" t="s">
        <v>64</v>
      </c>
      <c r="L1316" s="1" t="s">
        <v>4846</v>
      </c>
      <c r="M1316" s="1" t="s">
        <v>5</v>
      </c>
      <c r="N1316" s="1" t="s">
        <v>6</v>
      </c>
      <c r="O1316" s="1" t="s">
        <v>38</v>
      </c>
      <c r="P1316" s="5" t="s">
        <v>31222</v>
      </c>
    </row>
    <row r="1317" spans="1:16" x14ac:dyDescent="0.2">
      <c r="A1317" s="1" t="s">
        <v>10</v>
      </c>
      <c r="B1317" s="1" t="s">
        <v>10</v>
      </c>
      <c r="C1317" s="1" t="s">
        <v>4851</v>
      </c>
      <c r="D1317" s="1" t="s">
        <v>4852</v>
      </c>
      <c r="E1317" s="1" t="s">
        <v>4853</v>
      </c>
      <c r="F1317" s="1" t="s">
        <v>10</v>
      </c>
      <c r="G1317" s="1" t="s">
        <v>10</v>
      </c>
      <c r="H1317" s="1" t="s">
        <v>10</v>
      </c>
      <c r="I1317" s="1" t="s">
        <v>3941</v>
      </c>
      <c r="J1317" s="1" t="s">
        <v>10</v>
      </c>
      <c r="K1317" s="1" t="s">
        <v>64</v>
      </c>
      <c r="L1317" s="1" t="s">
        <v>4850</v>
      </c>
      <c r="M1317" s="1" t="s">
        <v>5</v>
      </c>
      <c r="N1317" s="1" t="s">
        <v>6</v>
      </c>
      <c r="O1317" s="1" t="s">
        <v>38</v>
      </c>
      <c r="P1317" s="5" t="s">
        <v>31222</v>
      </c>
    </row>
    <row r="1318" spans="1:16" x14ac:dyDescent="0.2">
      <c r="A1318" s="1" t="s">
        <v>66</v>
      </c>
      <c r="B1318" s="1" t="s">
        <v>4741</v>
      </c>
      <c r="C1318" s="1" t="s">
        <v>4855</v>
      </c>
      <c r="D1318" s="1" t="s">
        <v>4856</v>
      </c>
      <c r="E1318" s="1" t="s">
        <v>4857</v>
      </c>
      <c r="F1318" s="1" t="s">
        <v>10</v>
      </c>
      <c r="G1318" s="1" t="s">
        <v>10</v>
      </c>
      <c r="H1318" s="1" t="s">
        <v>10</v>
      </c>
      <c r="I1318" s="1" t="s">
        <v>3941</v>
      </c>
      <c r="J1318" s="1" t="s">
        <v>10</v>
      </c>
      <c r="K1318" s="1" t="s">
        <v>64</v>
      </c>
      <c r="L1318" s="1" t="s">
        <v>4854</v>
      </c>
      <c r="M1318" s="1" t="s">
        <v>5</v>
      </c>
      <c r="N1318" s="1" t="s">
        <v>6</v>
      </c>
      <c r="O1318" s="1" t="s">
        <v>38</v>
      </c>
      <c r="P1318" s="5" t="s">
        <v>31225</v>
      </c>
    </row>
    <row r="1319" spans="1:16" x14ac:dyDescent="0.2">
      <c r="A1319" s="1" t="s">
        <v>10</v>
      </c>
      <c r="B1319" s="1" t="s">
        <v>10</v>
      </c>
      <c r="C1319" s="1" t="s">
        <v>4859</v>
      </c>
      <c r="D1319" s="1" t="s">
        <v>4860</v>
      </c>
      <c r="E1319" s="1" t="s">
        <v>10</v>
      </c>
      <c r="F1319" s="1" t="s">
        <v>10</v>
      </c>
      <c r="G1319" s="1" t="s">
        <v>10</v>
      </c>
      <c r="H1319" s="1" t="s">
        <v>10</v>
      </c>
      <c r="I1319" s="1" t="s">
        <v>3941</v>
      </c>
      <c r="J1319" s="1" t="s">
        <v>10</v>
      </c>
      <c r="K1319" s="1" t="s">
        <v>64</v>
      </c>
      <c r="L1319" s="1" t="s">
        <v>4858</v>
      </c>
      <c r="M1319" s="1" t="s">
        <v>5</v>
      </c>
      <c r="N1319" s="1" t="s">
        <v>6</v>
      </c>
      <c r="O1319" s="1" t="s">
        <v>38</v>
      </c>
      <c r="P1319" s="5" t="s">
        <v>31222</v>
      </c>
    </row>
    <row r="1320" spans="1:16" x14ac:dyDescent="0.2">
      <c r="A1320" s="1" t="s">
        <v>329</v>
      </c>
      <c r="B1320" s="1" t="s">
        <v>1168</v>
      </c>
      <c r="C1320" s="1" t="s">
        <v>4862</v>
      </c>
      <c r="D1320" s="1" t="s">
        <v>4863</v>
      </c>
      <c r="E1320" s="1" t="s">
        <v>4864</v>
      </c>
      <c r="F1320" s="1" t="s">
        <v>10</v>
      </c>
      <c r="G1320" s="1" t="s">
        <v>10</v>
      </c>
      <c r="H1320" s="1" t="s">
        <v>10</v>
      </c>
      <c r="I1320" s="1" t="s">
        <v>3941</v>
      </c>
      <c r="J1320" s="1" t="s">
        <v>10</v>
      </c>
      <c r="K1320" s="1" t="s">
        <v>64</v>
      </c>
      <c r="L1320" s="1" t="s">
        <v>4861</v>
      </c>
      <c r="M1320" s="1" t="s">
        <v>5</v>
      </c>
      <c r="N1320" s="1" t="s">
        <v>6</v>
      </c>
      <c r="O1320" s="1" t="s">
        <v>38</v>
      </c>
      <c r="P1320" s="5" t="s">
        <v>31225</v>
      </c>
    </row>
    <row r="1321" spans="1:16" x14ac:dyDescent="0.2">
      <c r="A1321" s="1" t="s">
        <v>66</v>
      </c>
      <c r="B1321" s="1" t="s">
        <v>4741</v>
      </c>
      <c r="C1321" s="1" t="s">
        <v>4866</v>
      </c>
      <c r="D1321" s="1" t="s">
        <v>4867</v>
      </c>
      <c r="E1321" s="1" t="s">
        <v>4868</v>
      </c>
      <c r="F1321" s="1" t="s">
        <v>10</v>
      </c>
      <c r="G1321" s="1" t="s">
        <v>10</v>
      </c>
      <c r="H1321" s="1" t="s">
        <v>10</v>
      </c>
      <c r="I1321" s="1" t="s">
        <v>3941</v>
      </c>
      <c r="J1321" s="1" t="s">
        <v>10</v>
      </c>
      <c r="K1321" s="1" t="s">
        <v>64</v>
      </c>
      <c r="L1321" s="1" t="s">
        <v>4865</v>
      </c>
      <c r="M1321" s="1" t="s">
        <v>5</v>
      </c>
      <c r="N1321" s="1" t="s">
        <v>6</v>
      </c>
      <c r="O1321" s="1" t="s">
        <v>38</v>
      </c>
      <c r="P1321" s="5" t="s">
        <v>31221</v>
      </c>
    </row>
    <row r="1322" spans="1:16" x14ac:dyDescent="0.2">
      <c r="A1322" s="1" t="s">
        <v>10</v>
      </c>
      <c r="B1322" s="1" t="s">
        <v>10</v>
      </c>
      <c r="C1322" s="1" t="s">
        <v>4871</v>
      </c>
      <c r="D1322" s="1" t="s">
        <v>4872</v>
      </c>
      <c r="E1322" s="1" t="s">
        <v>10</v>
      </c>
      <c r="F1322" s="1" t="s">
        <v>10</v>
      </c>
      <c r="G1322" s="1" t="s">
        <v>10</v>
      </c>
      <c r="H1322" s="1" t="s">
        <v>10</v>
      </c>
      <c r="I1322" s="1" t="s">
        <v>3941</v>
      </c>
      <c r="J1322" s="1" t="s">
        <v>10</v>
      </c>
      <c r="K1322" s="1" t="s">
        <v>64</v>
      </c>
      <c r="L1322" s="1" t="s">
        <v>4870</v>
      </c>
      <c r="M1322" s="1" t="s">
        <v>5</v>
      </c>
      <c r="N1322" s="1" t="s">
        <v>6</v>
      </c>
      <c r="O1322" s="1" t="s">
        <v>38</v>
      </c>
      <c r="P1322" s="5" t="s">
        <v>31222</v>
      </c>
    </row>
    <row r="1323" spans="1:16" x14ac:dyDescent="0.2">
      <c r="A1323" s="1" t="s">
        <v>10</v>
      </c>
      <c r="B1323" s="1" t="s">
        <v>10</v>
      </c>
      <c r="C1323" s="1" t="s">
        <v>4874</v>
      </c>
      <c r="D1323" s="1" t="s">
        <v>4875</v>
      </c>
      <c r="E1323" s="1" t="s">
        <v>4876</v>
      </c>
      <c r="F1323" s="1" t="s">
        <v>10</v>
      </c>
      <c r="G1323" s="1" t="s">
        <v>10</v>
      </c>
      <c r="H1323" s="1" t="s">
        <v>10</v>
      </c>
      <c r="I1323" s="1" t="s">
        <v>3941</v>
      </c>
      <c r="J1323" s="1" t="s">
        <v>10</v>
      </c>
      <c r="K1323" s="1" t="s">
        <v>64</v>
      </c>
      <c r="L1323" s="1" t="s">
        <v>4873</v>
      </c>
      <c r="M1323" s="1" t="s">
        <v>5</v>
      </c>
      <c r="N1323" s="1" t="s">
        <v>6</v>
      </c>
      <c r="O1323" s="1" t="s">
        <v>38</v>
      </c>
      <c r="P1323" s="5" t="s">
        <v>31222</v>
      </c>
    </row>
    <row r="1324" spans="1:16" x14ac:dyDescent="0.2">
      <c r="A1324" s="1" t="s">
        <v>10</v>
      </c>
      <c r="B1324" s="1" t="s">
        <v>10</v>
      </c>
      <c r="C1324" s="1" t="s">
        <v>4878</v>
      </c>
      <c r="D1324" s="1" t="s">
        <v>4879</v>
      </c>
      <c r="E1324" s="1" t="s">
        <v>10</v>
      </c>
      <c r="F1324" s="1" t="s">
        <v>10</v>
      </c>
      <c r="G1324" s="1" t="s">
        <v>10</v>
      </c>
      <c r="H1324" s="1" t="s">
        <v>10</v>
      </c>
      <c r="I1324" s="1" t="s">
        <v>3941</v>
      </c>
      <c r="J1324" s="1" t="s">
        <v>10</v>
      </c>
      <c r="K1324" s="1" t="s">
        <v>64</v>
      </c>
      <c r="L1324" s="1" t="s">
        <v>4877</v>
      </c>
      <c r="M1324" s="1" t="s">
        <v>5</v>
      </c>
      <c r="N1324" s="1" t="s">
        <v>6</v>
      </c>
      <c r="O1324" s="1" t="s">
        <v>38</v>
      </c>
      <c r="P1324" s="5" t="s">
        <v>31222</v>
      </c>
    </row>
    <row r="1325" spans="1:16" x14ac:dyDescent="0.2">
      <c r="A1325" s="1" t="s">
        <v>10</v>
      </c>
      <c r="B1325" s="1" t="s">
        <v>10</v>
      </c>
      <c r="C1325" s="1" t="s">
        <v>4881</v>
      </c>
      <c r="D1325" s="1" t="s">
        <v>4882</v>
      </c>
      <c r="E1325" s="1" t="s">
        <v>4883</v>
      </c>
      <c r="F1325" s="1" t="s">
        <v>10</v>
      </c>
      <c r="G1325" s="1" t="s">
        <v>10</v>
      </c>
      <c r="H1325" s="1" t="s">
        <v>10</v>
      </c>
      <c r="I1325" s="1" t="s">
        <v>3941</v>
      </c>
      <c r="J1325" s="1" t="s">
        <v>10</v>
      </c>
      <c r="K1325" s="1" t="s">
        <v>64</v>
      </c>
      <c r="L1325" s="1" t="s">
        <v>4880</v>
      </c>
      <c r="M1325" s="1" t="s">
        <v>5</v>
      </c>
      <c r="N1325" s="1" t="s">
        <v>6</v>
      </c>
      <c r="O1325" s="1" t="s">
        <v>38</v>
      </c>
      <c r="P1325" s="5" t="s">
        <v>31222</v>
      </c>
    </row>
    <row r="1326" spans="1:16" x14ac:dyDescent="0.2">
      <c r="A1326" s="1" t="s">
        <v>10</v>
      </c>
      <c r="B1326" s="1" t="s">
        <v>10</v>
      </c>
      <c r="C1326" s="1" t="s">
        <v>4885</v>
      </c>
      <c r="D1326" s="1" t="s">
        <v>4886</v>
      </c>
      <c r="E1326" s="1" t="s">
        <v>4883</v>
      </c>
      <c r="F1326" s="1" t="s">
        <v>10</v>
      </c>
      <c r="G1326" s="1" t="s">
        <v>10</v>
      </c>
      <c r="H1326" s="1" t="s">
        <v>10</v>
      </c>
      <c r="I1326" s="1" t="s">
        <v>3941</v>
      </c>
      <c r="J1326" s="1" t="s">
        <v>10</v>
      </c>
      <c r="K1326" s="1" t="s">
        <v>64</v>
      </c>
      <c r="L1326" s="1" t="s">
        <v>4884</v>
      </c>
      <c r="M1326" s="1" t="s">
        <v>5</v>
      </c>
      <c r="N1326" s="1" t="s">
        <v>6</v>
      </c>
      <c r="O1326" s="1" t="s">
        <v>38</v>
      </c>
      <c r="P1326" s="5" t="s">
        <v>31222</v>
      </c>
    </row>
    <row r="1327" spans="1:16" x14ac:dyDescent="0.2">
      <c r="A1327" s="1" t="s">
        <v>10</v>
      </c>
      <c r="B1327" s="1" t="s">
        <v>10</v>
      </c>
      <c r="C1327" s="1" t="s">
        <v>4888</v>
      </c>
      <c r="D1327" s="1" t="s">
        <v>4889</v>
      </c>
      <c r="E1327" s="1" t="s">
        <v>10</v>
      </c>
      <c r="F1327" s="1" t="s">
        <v>10</v>
      </c>
      <c r="G1327" s="1" t="s">
        <v>10</v>
      </c>
      <c r="H1327" s="1" t="s">
        <v>10</v>
      </c>
      <c r="I1327" s="1" t="s">
        <v>3941</v>
      </c>
      <c r="J1327" s="1" t="s">
        <v>10</v>
      </c>
      <c r="K1327" s="1" t="s">
        <v>64</v>
      </c>
      <c r="L1327" s="1" t="s">
        <v>4887</v>
      </c>
      <c r="M1327" s="1" t="s">
        <v>5</v>
      </c>
      <c r="N1327" s="1" t="s">
        <v>6</v>
      </c>
      <c r="O1327" s="1" t="s">
        <v>38</v>
      </c>
      <c r="P1327" s="5" t="s">
        <v>31222</v>
      </c>
    </row>
    <row r="1328" spans="1:16" x14ac:dyDescent="0.2">
      <c r="A1328" s="1" t="s">
        <v>10</v>
      </c>
      <c r="B1328" s="1" t="s">
        <v>10</v>
      </c>
      <c r="C1328" s="1" t="s">
        <v>4891</v>
      </c>
      <c r="D1328" s="1" t="s">
        <v>4892</v>
      </c>
      <c r="E1328" s="1" t="s">
        <v>4893</v>
      </c>
      <c r="F1328" s="1" t="s">
        <v>10</v>
      </c>
      <c r="G1328" s="1" t="s">
        <v>10</v>
      </c>
      <c r="H1328" s="1" t="s">
        <v>10</v>
      </c>
      <c r="I1328" s="1" t="s">
        <v>3941</v>
      </c>
      <c r="J1328" s="1" t="s">
        <v>10</v>
      </c>
      <c r="K1328" s="1" t="s">
        <v>64</v>
      </c>
      <c r="L1328" s="1" t="s">
        <v>4890</v>
      </c>
      <c r="M1328" s="1" t="s">
        <v>5</v>
      </c>
      <c r="N1328" s="1" t="s">
        <v>6</v>
      </c>
      <c r="O1328" s="1" t="s">
        <v>38</v>
      </c>
      <c r="P1328" s="5" t="s">
        <v>31222</v>
      </c>
    </row>
    <row r="1329" spans="1:16" x14ac:dyDescent="0.2">
      <c r="A1329" s="1" t="s">
        <v>10</v>
      </c>
      <c r="B1329" s="1" t="s">
        <v>10</v>
      </c>
      <c r="C1329" s="1" t="s">
        <v>4895</v>
      </c>
      <c r="D1329" s="1" t="s">
        <v>4896</v>
      </c>
      <c r="E1329" s="1" t="s">
        <v>4897</v>
      </c>
      <c r="F1329" s="1" t="s">
        <v>10</v>
      </c>
      <c r="G1329" s="1" t="s">
        <v>10</v>
      </c>
      <c r="H1329" s="1" t="s">
        <v>10</v>
      </c>
      <c r="I1329" s="1" t="s">
        <v>3941</v>
      </c>
      <c r="J1329" s="1" t="s">
        <v>10</v>
      </c>
      <c r="K1329" s="1" t="s">
        <v>64</v>
      </c>
      <c r="L1329" s="1" t="s">
        <v>4894</v>
      </c>
      <c r="M1329" s="1" t="s">
        <v>5</v>
      </c>
      <c r="N1329" s="1" t="s">
        <v>6</v>
      </c>
      <c r="O1329" s="1" t="s">
        <v>38</v>
      </c>
      <c r="P1329" s="5" t="s">
        <v>31222</v>
      </c>
    </row>
    <row r="1330" spans="1:16" x14ac:dyDescent="0.2">
      <c r="A1330" s="1" t="s">
        <v>10</v>
      </c>
      <c r="B1330" s="1" t="s">
        <v>10</v>
      </c>
      <c r="C1330" s="1" t="s">
        <v>4899</v>
      </c>
      <c r="D1330" s="1" t="s">
        <v>4900</v>
      </c>
      <c r="E1330" s="1" t="s">
        <v>4901</v>
      </c>
      <c r="F1330" s="1" t="s">
        <v>10</v>
      </c>
      <c r="G1330" s="1" t="s">
        <v>10</v>
      </c>
      <c r="H1330" s="1" t="s">
        <v>10</v>
      </c>
      <c r="I1330" s="1" t="s">
        <v>3941</v>
      </c>
      <c r="J1330" s="1" t="s">
        <v>10</v>
      </c>
      <c r="K1330" s="1" t="s">
        <v>64</v>
      </c>
      <c r="L1330" s="1" t="s">
        <v>4898</v>
      </c>
      <c r="M1330" s="1" t="s">
        <v>5</v>
      </c>
      <c r="N1330" s="1" t="s">
        <v>6</v>
      </c>
      <c r="O1330" s="1" t="s">
        <v>38</v>
      </c>
      <c r="P1330" s="5" t="s">
        <v>31222</v>
      </c>
    </row>
    <row r="1331" spans="1:16" x14ac:dyDescent="0.2">
      <c r="A1331" s="1" t="s">
        <v>10</v>
      </c>
      <c r="B1331" s="1" t="s">
        <v>10</v>
      </c>
      <c r="C1331" s="1" t="s">
        <v>4903</v>
      </c>
      <c r="D1331" s="1" t="s">
        <v>4904</v>
      </c>
      <c r="E1331" s="1" t="s">
        <v>10</v>
      </c>
      <c r="F1331" s="1" t="s">
        <v>10</v>
      </c>
      <c r="G1331" s="1" t="s">
        <v>10</v>
      </c>
      <c r="H1331" s="1" t="s">
        <v>10</v>
      </c>
      <c r="I1331" s="1" t="s">
        <v>3941</v>
      </c>
      <c r="J1331" s="1" t="s">
        <v>10</v>
      </c>
      <c r="K1331" s="1" t="s">
        <v>64</v>
      </c>
      <c r="L1331" s="1" t="s">
        <v>4902</v>
      </c>
      <c r="M1331" s="1" t="s">
        <v>5</v>
      </c>
      <c r="N1331" s="1" t="s">
        <v>6</v>
      </c>
      <c r="O1331" s="1" t="s">
        <v>38</v>
      </c>
      <c r="P1331" s="5" t="s">
        <v>31222</v>
      </c>
    </row>
    <row r="1332" spans="1:16" x14ac:dyDescent="0.2">
      <c r="A1332" s="1" t="s">
        <v>10</v>
      </c>
      <c r="B1332" s="1" t="s">
        <v>10</v>
      </c>
      <c r="C1332" s="1" t="s">
        <v>4906</v>
      </c>
      <c r="D1332" s="1" t="s">
        <v>4907</v>
      </c>
      <c r="E1332" s="1" t="s">
        <v>4908</v>
      </c>
      <c r="F1332" s="1" t="s">
        <v>10</v>
      </c>
      <c r="G1332" s="1" t="s">
        <v>10</v>
      </c>
      <c r="H1332" s="1" t="s">
        <v>10</v>
      </c>
      <c r="I1332" s="1" t="s">
        <v>3941</v>
      </c>
      <c r="J1332" s="1" t="s">
        <v>10</v>
      </c>
      <c r="K1332" s="1" t="s">
        <v>64</v>
      </c>
      <c r="L1332" s="1" t="s">
        <v>4905</v>
      </c>
      <c r="M1332" s="1" t="s">
        <v>5</v>
      </c>
      <c r="N1332" s="1" t="s">
        <v>6</v>
      </c>
      <c r="O1332" s="1" t="s">
        <v>38</v>
      </c>
      <c r="P1332" s="5" t="s">
        <v>31222</v>
      </c>
    </row>
    <row r="1333" spans="1:16" x14ac:dyDescent="0.2">
      <c r="A1333" s="1" t="s">
        <v>329</v>
      </c>
      <c r="B1333" s="1" t="s">
        <v>1168</v>
      </c>
      <c r="C1333" s="1" t="s">
        <v>4910</v>
      </c>
      <c r="D1333" s="1" t="s">
        <v>4911</v>
      </c>
      <c r="E1333" s="1" t="s">
        <v>4912</v>
      </c>
      <c r="F1333" s="1" t="s">
        <v>10</v>
      </c>
      <c r="G1333" s="1" t="s">
        <v>10</v>
      </c>
      <c r="H1333" s="1" t="s">
        <v>10</v>
      </c>
      <c r="I1333" s="1" t="s">
        <v>3941</v>
      </c>
      <c r="J1333" s="1" t="s">
        <v>10</v>
      </c>
      <c r="K1333" s="1" t="s">
        <v>64</v>
      </c>
      <c r="L1333" s="1" t="s">
        <v>4909</v>
      </c>
      <c r="M1333" s="1" t="s">
        <v>5</v>
      </c>
      <c r="N1333" s="1" t="s">
        <v>6</v>
      </c>
      <c r="O1333" s="1" t="s">
        <v>38</v>
      </c>
      <c r="P1333" s="5" t="s">
        <v>31221</v>
      </c>
    </row>
    <row r="1334" spans="1:16" x14ac:dyDescent="0.2">
      <c r="A1334" s="1" t="s">
        <v>10</v>
      </c>
      <c r="B1334" s="1" t="s">
        <v>10</v>
      </c>
      <c r="C1334" s="1" t="s">
        <v>4914</v>
      </c>
      <c r="D1334" s="1" t="s">
        <v>4915</v>
      </c>
      <c r="E1334" s="1" t="s">
        <v>4916</v>
      </c>
      <c r="F1334" s="1" t="s">
        <v>10</v>
      </c>
      <c r="G1334" s="1" t="s">
        <v>10</v>
      </c>
      <c r="H1334" s="1" t="s">
        <v>10</v>
      </c>
      <c r="I1334" s="1" t="s">
        <v>3941</v>
      </c>
      <c r="J1334" s="1" t="s">
        <v>10</v>
      </c>
      <c r="K1334" s="1" t="s">
        <v>64</v>
      </c>
      <c r="L1334" s="1" t="s">
        <v>4913</v>
      </c>
      <c r="M1334" s="1" t="s">
        <v>5</v>
      </c>
      <c r="N1334" s="1" t="s">
        <v>6</v>
      </c>
      <c r="O1334" s="1" t="s">
        <v>38</v>
      </c>
      <c r="P1334" s="5" t="s">
        <v>31222</v>
      </c>
    </row>
    <row r="1335" spans="1:16" x14ac:dyDescent="0.2">
      <c r="A1335" s="1" t="s">
        <v>10</v>
      </c>
      <c r="B1335" s="1" t="s">
        <v>10</v>
      </c>
      <c r="C1335" s="1" t="s">
        <v>4918</v>
      </c>
      <c r="D1335" s="1" t="s">
        <v>4919</v>
      </c>
      <c r="E1335" s="1" t="s">
        <v>4920</v>
      </c>
      <c r="F1335" s="1" t="s">
        <v>10</v>
      </c>
      <c r="G1335" s="1" t="s">
        <v>10</v>
      </c>
      <c r="H1335" s="1" t="s">
        <v>10</v>
      </c>
      <c r="I1335" s="1" t="s">
        <v>3941</v>
      </c>
      <c r="J1335" s="1" t="s">
        <v>10</v>
      </c>
      <c r="K1335" s="1" t="s">
        <v>64</v>
      </c>
      <c r="L1335" s="1" t="s">
        <v>4917</v>
      </c>
      <c r="M1335" s="1" t="s">
        <v>5</v>
      </c>
      <c r="N1335" s="1" t="s">
        <v>6</v>
      </c>
      <c r="O1335" s="1" t="s">
        <v>38</v>
      </c>
      <c r="P1335" s="5" t="s">
        <v>31222</v>
      </c>
    </row>
    <row r="1336" spans="1:16" x14ac:dyDescent="0.2">
      <c r="A1336" s="1" t="s">
        <v>329</v>
      </c>
      <c r="B1336" s="1" t="s">
        <v>1168</v>
      </c>
      <c r="C1336" s="1" t="s">
        <v>4922</v>
      </c>
      <c r="D1336" s="1" t="s">
        <v>4923</v>
      </c>
      <c r="E1336" s="1" t="s">
        <v>4924</v>
      </c>
      <c r="F1336" s="1" t="s">
        <v>10</v>
      </c>
      <c r="G1336" s="1" t="s">
        <v>10</v>
      </c>
      <c r="H1336" s="1" t="s">
        <v>10</v>
      </c>
      <c r="I1336" s="1" t="s">
        <v>3941</v>
      </c>
      <c r="J1336" s="1" t="s">
        <v>10</v>
      </c>
      <c r="K1336" s="1" t="s">
        <v>64</v>
      </c>
      <c r="L1336" s="1" t="s">
        <v>4921</v>
      </c>
      <c r="M1336" s="1" t="s">
        <v>5</v>
      </c>
      <c r="N1336" s="1" t="s">
        <v>6</v>
      </c>
      <c r="O1336" s="1" t="s">
        <v>38</v>
      </c>
      <c r="P1336" s="5" t="s">
        <v>31221</v>
      </c>
    </row>
    <row r="1337" spans="1:16" x14ac:dyDescent="0.2">
      <c r="A1337" s="1" t="s">
        <v>10</v>
      </c>
      <c r="B1337" s="1" t="s">
        <v>10</v>
      </c>
      <c r="C1337" s="1" t="s">
        <v>4926</v>
      </c>
      <c r="D1337" s="1" t="s">
        <v>4927</v>
      </c>
      <c r="E1337" s="1" t="s">
        <v>10</v>
      </c>
      <c r="F1337" s="1" t="s">
        <v>10</v>
      </c>
      <c r="G1337" s="1" t="s">
        <v>10</v>
      </c>
      <c r="H1337" s="1" t="s">
        <v>10</v>
      </c>
      <c r="I1337" s="1" t="s">
        <v>3941</v>
      </c>
      <c r="J1337" s="1" t="s">
        <v>10</v>
      </c>
      <c r="K1337" s="1" t="s">
        <v>64</v>
      </c>
      <c r="L1337" s="1" t="s">
        <v>4925</v>
      </c>
      <c r="M1337" s="1" t="s">
        <v>5</v>
      </c>
      <c r="N1337" s="1" t="s">
        <v>6</v>
      </c>
      <c r="O1337" s="1" t="s">
        <v>38</v>
      </c>
      <c r="P1337" s="5" t="s">
        <v>31222</v>
      </c>
    </row>
    <row r="1338" spans="1:16" x14ac:dyDescent="0.2">
      <c r="A1338" s="1" t="s">
        <v>10</v>
      </c>
      <c r="B1338" s="1" t="s">
        <v>10</v>
      </c>
      <c r="C1338" s="1" t="s">
        <v>4929</v>
      </c>
      <c r="D1338" s="1" t="s">
        <v>4929</v>
      </c>
      <c r="E1338" s="1" t="s">
        <v>10</v>
      </c>
      <c r="F1338" s="1" t="s">
        <v>10</v>
      </c>
      <c r="G1338" s="1" t="s">
        <v>10</v>
      </c>
      <c r="H1338" s="1" t="s">
        <v>10</v>
      </c>
      <c r="I1338" s="1" t="s">
        <v>3941</v>
      </c>
      <c r="J1338" s="1" t="s">
        <v>10</v>
      </c>
      <c r="K1338" s="1" t="s">
        <v>64</v>
      </c>
      <c r="L1338" s="1" t="s">
        <v>4928</v>
      </c>
      <c r="M1338" s="1" t="s">
        <v>5</v>
      </c>
      <c r="N1338" s="1" t="s">
        <v>6</v>
      </c>
      <c r="O1338" s="1" t="s">
        <v>38</v>
      </c>
      <c r="P1338" s="5" t="s">
        <v>31222</v>
      </c>
    </row>
    <row r="1339" spans="1:16" x14ac:dyDescent="0.2">
      <c r="A1339" s="1" t="s">
        <v>10</v>
      </c>
      <c r="B1339" s="1" t="s">
        <v>10</v>
      </c>
      <c r="C1339" s="1" t="s">
        <v>4931</v>
      </c>
      <c r="D1339" s="1" t="s">
        <v>4931</v>
      </c>
      <c r="E1339" s="1" t="s">
        <v>10</v>
      </c>
      <c r="F1339" s="1" t="s">
        <v>10</v>
      </c>
      <c r="G1339" s="1" t="s">
        <v>10</v>
      </c>
      <c r="H1339" s="1" t="s">
        <v>10</v>
      </c>
      <c r="I1339" s="1" t="s">
        <v>3941</v>
      </c>
      <c r="J1339" s="1" t="s">
        <v>10</v>
      </c>
      <c r="K1339" s="1" t="s">
        <v>10</v>
      </c>
      <c r="L1339" s="1" t="s">
        <v>4930</v>
      </c>
      <c r="M1339" s="1" t="s">
        <v>5</v>
      </c>
      <c r="N1339" s="1" t="s">
        <v>6</v>
      </c>
      <c r="O1339" s="1" t="s">
        <v>38</v>
      </c>
      <c r="P1339" s="5" t="s">
        <v>30431</v>
      </c>
    </row>
    <row r="1340" spans="1:16" x14ac:dyDescent="0.2">
      <c r="A1340" s="1" t="s">
        <v>10</v>
      </c>
      <c r="B1340" s="1" t="s">
        <v>10</v>
      </c>
      <c r="C1340" s="1" t="s">
        <v>4933</v>
      </c>
      <c r="D1340" s="1" t="s">
        <v>4933</v>
      </c>
      <c r="E1340" s="1" t="s">
        <v>4934</v>
      </c>
      <c r="F1340" s="1" t="s">
        <v>10</v>
      </c>
      <c r="G1340" s="1" t="s">
        <v>10</v>
      </c>
      <c r="H1340" s="1" t="s">
        <v>10</v>
      </c>
      <c r="I1340" s="1" t="s">
        <v>3941</v>
      </c>
      <c r="J1340" s="1" t="s">
        <v>10</v>
      </c>
      <c r="K1340" s="1" t="s">
        <v>64</v>
      </c>
      <c r="L1340" s="1" t="s">
        <v>4932</v>
      </c>
      <c r="M1340" s="1" t="s">
        <v>5</v>
      </c>
      <c r="N1340" s="1" t="s">
        <v>6</v>
      </c>
      <c r="O1340" s="1" t="s">
        <v>38</v>
      </c>
      <c r="P1340" s="5" t="s">
        <v>31222</v>
      </c>
    </row>
    <row r="1341" spans="1:16" x14ac:dyDescent="0.2">
      <c r="A1341" s="1" t="s">
        <v>10</v>
      </c>
      <c r="B1341" s="1" t="s">
        <v>10</v>
      </c>
      <c r="C1341" s="1" t="s">
        <v>4936</v>
      </c>
      <c r="D1341" s="1" t="s">
        <v>4937</v>
      </c>
      <c r="E1341" s="1" t="s">
        <v>10</v>
      </c>
      <c r="F1341" s="1" t="s">
        <v>10</v>
      </c>
      <c r="G1341" s="1" t="s">
        <v>10</v>
      </c>
      <c r="H1341" s="1" t="s">
        <v>10</v>
      </c>
      <c r="I1341" s="1" t="s">
        <v>3941</v>
      </c>
      <c r="J1341" s="1" t="s">
        <v>10</v>
      </c>
      <c r="K1341" s="1" t="s">
        <v>64</v>
      </c>
      <c r="L1341" s="1" t="s">
        <v>4935</v>
      </c>
      <c r="M1341" s="1" t="s">
        <v>5</v>
      </c>
      <c r="N1341" s="1" t="s">
        <v>6</v>
      </c>
      <c r="O1341" s="1" t="s">
        <v>38</v>
      </c>
      <c r="P1341" s="5" t="s">
        <v>31222</v>
      </c>
    </row>
    <row r="1342" spans="1:16" x14ac:dyDescent="0.2">
      <c r="A1342" s="1" t="s">
        <v>10</v>
      </c>
      <c r="B1342" s="1" t="s">
        <v>10</v>
      </c>
      <c r="C1342" s="1" t="s">
        <v>4939</v>
      </c>
      <c r="D1342" s="1" t="s">
        <v>4940</v>
      </c>
      <c r="E1342" s="1" t="s">
        <v>10</v>
      </c>
      <c r="F1342" s="1" t="s">
        <v>10</v>
      </c>
      <c r="G1342" s="1" t="s">
        <v>10</v>
      </c>
      <c r="H1342" s="1" t="s">
        <v>10</v>
      </c>
      <c r="I1342" s="1" t="s">
        <v>3941</v>
      </c>
      <c r="J1342" s="1" t="s">
        <v>10</v>
      </c>
      <c r="K1342" s="1" t="s">
        <v>64</v>
      </c>
      <c r="L1342" s="1" t="s">
        <v>4938</v>
      </c>
      <c r="M1342" s="1" t="s">
        <v>5</v>
      </c>
      <c r="N1342" s="1" t="s">
        <v>6</v>
      </c>
      <c r="O1342" s="1" t="s">
        <v>38</v>
      </c>
      <c r="P1342" s="5" t="s">
        <v>31222</v>
      </c>
    </row>
    <row r="1343" spans="1:16" x14ac:dyDescent="0.2">
      <c r="A1343" s="1" t="s">
        <v>10</v>
      </c>
      <c r="B1343" s="1" t="s">
        <v>10</v>
      </c>
      <c r="C1343" s="1" t="s">
        <v>4942</v>
      </c>
      <c r="D1343" s="1" t="s">
        <v>4942</v>
      </c>
      <c r="E1343" s="1" t="s">
        <v>4943</v>
      </c>
      <c r="F1343" s="1" t="s">
        <v>10</v>
      </c>
      <c r="G1343" s="1" t="s">
        <v>10</v>
      </c>
      <c r="H1343" s="1" t="s">
        <v>10</v>
      </c>
      <c r="I1343" s="1" t="s">
        <v>3941</v>
      </c>
      <c r="J1343" s="1" t="s">
        <v>10</v>
      </c>
      <c r="K1343" s="1" t="s">
        <v>64</v>
      </c>
      <c r="L1343" s="1" t="s">
        <v>4941</v>
      </c>
      <c r="M1343" s="1" t="s">
        <v>5</v>
      </c>
      <c r="N1343" s="1" t="s">
        <v>6</v>
      </c>
      <c r="O1343" s="1" t="s">
        <v>38</v>
      </c>
      <c r="P1343" s="5" t="s">
        <v>31222</v>
      </c>
    </row>
    <row r="1344" spans="1:16" x14ac:dyDescent="0.2">
      <c r="A1344" s="1" t="s">
        <v>10</v>
      </c>
      <c r="B1344" s="1" t="s">
        <v>10</v>
      </c>
      <c r="C1344" s="1" t="s">
        <v>4945</v>
      </c>
      <c r="D1344" s="1" t="s">
        <v>4946</v>
      </c>
      <c r="E1344" s="1" t="s">
        <v>10</v>
      </c>
      <c r="F1344" s="1" t="s">
        <v>10</v>
      </c>
      <c r="G1344" s="1" t="s">
        <v>10</v>
      </c>
      <c r="H1344" s="1" t="s">
        <v>10</v>
      </c>
      <c r="I1344" s="1" t="s">
        <v>3941</v>
      </c>
      <c r="J1344" s="1" t="s">
        <v>10</v>
      </c>
      <c r="K1344" s="1" t="s">
        <v>64</v>
      </c>
      <c r="L1344" s="1" t="s">
        <v>4944</v>
      </c>
      <c r="M1344" s="1" t="s">
        <v>5</v>
      </c>
      <c r="N1344" s="1" t="s">
        <v>6</v>
      </c>
      <c r="O1344" s="1" t="s">
        <v>38</v>
      </c>
      <c r="P1344" s="5" t="s">
        <v>31222</v>
      </c>
    </row>
    <row r="1345" spans="1:16" x14ac:dyDescent="0.2">
      <c r="A1345" s="1" t="s">
        <v>66</v>
      </c>
      <c r="B1345" s="1" t="s">
        <v>4741</v>
      </c>
      <c r="C1345" s="1" t="s">
        <v>4948</v>
      </c>
      <c r="D1345" s="1" t="s">
        <v>4949</v>
      </c>
      <c r="E1345" s="1" t="s">
        <v>4950</v>
      </c>
      <c r="F1345" s="1" t="s">
        <v>10</v>
      </c>
      <c r="G1345" s="1" t="s">
        <v>10</v>
      </c>
      <c r="H1345" s="1" t="s">
        <v>10</v>
      </c>
      <c r="I1345" s="1" t="s">
        <v>3941</v>
      </c>
      <c r="J1345" s="1" t="s">
        <v>10</v>
      </c>
      <c r="K1345" s="1" t="s">
        <v>64</v>
      </c>
      <c r="L1345" s="1" t="s">
        <v>4947</v>
      </c>
      <c r="M1345" s="1" t="s">
        <v>5</v>
      </c>
      <c r="N1345" s="1" t="s">
        <v>6</v>
      </c>
      <c r="O1345" s="1" t="s">
        <v>38</v>
      </c>
      <c r="P1345" s="5" t="s">
        <v>31221</v>
      </c>
    </row>
    <row r="1346" spans="1:16" x14ac:dyDescent="0.2">
      <c r="A1346" s="1" t="s">
        <v>10</v>
      </c>
      <c r="B1346" s="1" t="s">
        <v>10</v>
      </c>
      <c r="C1346" s="1" t="s">
        <v>4952</v>
      </c>
      <c r="D1346" s="1" t="s">
        <v>4953</v>
      </c>
      <c r="E1346" s="1" t="s">
        <v>10</v>
      </c>
      <c r="F1346" s="1" t="s">
        <v>10</v>
      </c>
      <c r="G1346" s="1" t="s">
        <v>10</v>
      </c>
      <c r="H1346" s="1" t="s">
        <v>10</v>
      </c>
      <c r="I1346" s="1" t="s">
        <v>3941</v>
      </c>
      <c r="J1346" s="1" t="s">
        <v>10</v>
      </c>
      <c r="K1346" s="1" t="s">
        <v>64</v>
      </c>
      <c r="L1346" s="1" t="s">
        <v>4951</v>
      </c>
      <c r="M1346" s="1" t="s">
        <v>5</v>
      </c>
      <c r="N1346" s="1" t="s">
        <v>6</v>
      </c>
      <c r="O1346" s="1" t="s">
        <v>38</v>
      </c>
      <c r="P1346" s="5" t="s">
        <v>31222</v>
      </c>
    </row>
    <row r="1347" spans="1:16" x14ac:dyDescent="0.2">
      <c r="A1347" s="1" t="s">
        <v>10</v>
      </c>
      <c r="B1347" s="1" t="s">
        <v>10</v>
      </c>
      <c r="C1347" s="1" t="s">
        <v>4955</v>
      </c>
      <c r="D1347" s="1" t="s">
        <v>125</v>
      </c>
      <c r="E1347" s="1" t="s">
        <v>10</v>
      </c>
      <c r="F1347" s="1" t="s">
        <v>10</v>
      </c>
      <c r="G1347" s="1" t="s">
        <v>10</v>
      </c>
      <c r="H1347" s="1" t="s">
        <v>10</v>
      </c>
      <c r="I1347" s="1" t="s">
        <v>3941</v>
      </c>
      <c r="J1347" s="1" t="s">
        <v>10</v>
      </c>
      <c r="K1347" s="1" t="s">
        <v>64</v>
      </c>
      <c r="L1347" s="1" t="s">
        <v>4954</v>
      </c>
      <c r="M1347" s="1" t="s">
        <v>5</v>
      </c>
      <c r="N1347" s="1" t="s">
        <v>6</v>
      </c>
      <c r="O1347" s="1" t="s">
        <v>38</v>
      </c>
      <c r="P1347" s="5" t="s">
        <v>31224</v>
      </c>
    </row>
    <row r="1348" spans="1:16" x14ac:dyDescent="0.2">
      <c r="A1348" s="1" t="s">
        <v>10</v>
      </c>
      <c r="B1348" s="1" t="s">
        <v>10</v>
      </c>
      <c r="C1348" s="1" t="s">
        <v>4957</v>
      </c>
      <c r="D1348" s="1" t="s">
        <v>4958</v>
      </c>
      <c r="E1348" s="1" t="s">
        <v>10</v>
      </c>
      <c r="F1348" s="1" t="s">
        <v>10</v>
      </c>
      <c r="G1348" s="1" t="s">
        <v>10</v>
      </c>
      <c r="H1348" s="1" t="s">
        <v>10</v>
      </c>
      <c r="I1348" s="1" t="s">
        <v>3941</v>
      </c>
      <c r="J1348" s="1" t="s">
        <v>10</v>
      </c>
      <c r="K1348" s="1" t="s">
        <v>64</v>
      </c>
      <c r="L1348" s="1" t="s">
        <v>4956</v>
      </c>
      <c r="M1348" s="1" t="s">
        <v>5</v>
      </c>
      <c r="N1348" s="1" t="s">
        <v>6</v>
      </c>
      <c r="O1348" s="1" t="s">
        <v>38</v>
      </c>
      <c r="P1348" s="5" t="s">
        <v>31222</v>
      </c>
    </row>
    <row r="1349" spans="1:16" x14ac:dyDescent="0.2">
      <c r="A1349" s="1" t="s">
        <v>10</v>
      </c>
      <c r="B1349" s="1" t="s">
        <v>10</v>
      </c>
      <c r="C1349" s="1" t="s">
        <v>4960</v>
      </c>
      <c r="D1349" s="1" t="s">
        <v>4961</v>
      </c>
      <c r="E1349" s="1" t="s">
        <v>10</v>
      </c>
      <c r="F1349" s="1" t="s">
        <v>10</v>
      </c>
      <c r="G1349" s="1" t="s">
        <v>10</v>
      </c>
      <c r="H1349" s="1" t="s">
        <v>10</v>
      </c>
      <c r="I1349" s="1" t="s">
        <v>3941</v>
      </c>
      <c r="J1349" s="1" t="s">
        <v>10</v>
      </c>
      <c r="K1349" s="1" t="s">
        <v>64</v>
      </c>
      <c r="L1349" s="1" t="s">
        <v>4959</v>
      </c>
      <c r="M1349" s="1" t="s">
        <v>5</v>
      </c>
      <c r="N1349" s="1" t="s">
        <v>6</v>
      </c>
      <c r="O1349" s="1" t="s">
        <v>38</v>
      </c>
      <c r="P1349" s="5" t="s">
        <v>31224</v>
      </c>
    </row>
    <row r="1350" spans="1:16" x14ac:dyDescent="0.2">
      <c r="A1350" s="1" t="s">
        <v>329</v>
      </c>
      <c r="B1350" s="1" t="s">
        <v>1168</v>
      </c>
      <c r="C1350" s="1" t="s">
        <v>4963</v>
      </c>
      <c r="D1350" s="1" t="s">
        <v>4964</v>
      </c>
      <c r="E1350" s="1" t="s">
        <v>4965</v>
      </c>
      <c r="F1350" s="1" t="s">
        <v>10</v>
      </c>
      <c r="G1350" s="1" t="s">
        <v>10</v>
      </c>
      <c r="H1350" s="1" t="s">
        <v>10</v>
      </c>
      <c r="I1350" s="1" t="s">
        <v>3941</v>
      </c>
      <c r="J1350" s="1" t="s">
        <v>10</v>
      </c>
      <c r="K1350" s="1" t="s">
        <v>64</v>
      </c>
      <c r="L1350" s="1" t="s">
        <v>4962</v>
      </c>
      <c r="M1350" s="1" t="s">
        <v>5</v>
      </c>
      <c r="N1350" s="1" t="s">
        <v>6</v>
      </c>
      <c r="O1350" s="1" t="s">
        <v>38</v>
      </c>
      <c r="P1350" s="5" t="s">
        <v>31225</v>
      </c>
    </row>
    <row r="1351" spans="1:16" x14ac:dyDescent="0.2">
      <c r="A1351" s="1" t="s">
        <v>10</v>
      </c>
      <c r="B1351" s="1" t="s">
        <v>10</v>
      </c>
      <c r="C1351" s="1" t="s">
        <v>4967</v>
      </c>
      <c r="D1351" s="1" t="s">
        <v>4968</v>
      </c>
      <c r="E1351" s="1" t="s">
        <v>4969</v>
      </c>
      <c r="F1351" s="1" t="s">
        <v>10</v>
      </c>
      <c r="G1351" s="1" t="s">
        <v>10</v>
      </c>
      <c r="H1351" s="1" t="s">
        <v>10</v>
      </c>
      <c r="I1351" s="1" t="s">
        <v>3941</v>
      </c>
      <c r="J1351" s="1" t="s">
        <v>10</v>
      </c>
      <c r="K1351" s="1" t="s">
        <v>64</v>
      </c>
      <c r="L1351" s="1" t="s">
        <v>4966</v>
      </c>
      <c r="M1351" s="1" t="s">
        <v>5</v>
      </c>
      <c r="N1351" s="1" t="s">
        <v>6</v>
      </c>
      <c r="O1351" s="1" t="s">
        <v>38</v>
      </c>
      <c r="P1351" s="5" t="s">
        <v>31222</v>
      </c>
    </row>
    <row r="1352" spans="1:16" x14ac:dyDescent="0.2">
      <c r="A1352" s="1" t="s">
        <v>10</v>
      </c>
      <c r="B1352" s="1" t="s">
        <v>10</v>
      </c>
      <c r="C1352" s="1" t="s">
        <v>4971</v>
      </c>
      <c r="D1352" s="1" t="s">
        <v>4972</v>
      </c>
      <c r="E1352" s="1" t="s">
        <v>4973</v>
      </c>
      <c r="F1352" s="1" t="s">
        <v>10</v>
      </c>
      <c r="G1352" s="1" t="s">
        <v>10</v>
      </c>
      <c r="H1352" s="1" t="s">
        <v>10</v>
      </c>
      <c r="I1352" s="1" t="s">
        <v>3941</v>
      </c>
      <c r="J1352" s="1" t="s">
        <v>10</v>
      </c>
      <c r="K1352" s="1" t="s">
        <v>64</v>
      </c>
      <c r="L1352" s="1" t="s">
        <v>4970</v>
      </c>
      <c r="M1352" s="1" t="s">
        <v>5</v>
      </c>
      <c r="N1352" s="1" t="s">
        <v>6</v>
      </c>
      <c r="O1352" s="1" t="s">
        <v>38</v>
      </c>
      <c r="P1352" s="5" t="s">
        <v>31222</v>
      </c>
    </row>
    <row r="1353" spans="1:16" x14ac:dyDescent="0.2">
      <c r="A1353" s="1" t="s">
        <v>10</v>
      </c>
      <c r="B1353" s="1" t="s">
        <v>10</v>
      </c>
      <c r="C1353" s="1" t="s">
        <v>4975</v>
      </c>
      <c r="D1353" s="1" t="s">
        <v>4976</v>
      </c>
      <c r="E1353" s="1" t="s">
        <v>4977</v>
      </c>
      <c r="F1353" s="1" t="s">
        <v>10</v>
      </c>
      <c r="G1353" s="1" t="s">
        <v>10</v>
      </c>
      <c r="H1353" s="1" t="s">
        <v>10</v>
      </c>
      <c r="I1353" s="1" t="s">
        <v>3941</v>
      </c>
      <c r="J1353" s="1" t="s">
        <v>10</v>
      </c>
      <c r="K1353" s="1" t="s">
        <v>64</v>
      </c>
      <c r="L1353" s="1" t="s">
        <v>4974</v>
      </c>
      <c r="M1353" s="1" t="s">
        <v>5</v>
      </c>
      <c r="N1353" s="1" t="s">
        <v>6</v>
      </c>
      <c r="O1353" s="1" t="s">
        <v>38</v>
      </c>
      <c r="P1353" s="5" t="s">
        <v>31226</v>
      </c>
    </row>
    <row r="1354" spans="1:16" x14ac:dyDescent="0.2">
      <c r="A1354" s="1" t="s">
        <v>10</v>
      </c>
      <c r="B1354" s="1" t="s">
        <v>10</v>
      </c>
      <c r="C1354" s="1" t="s">
        <v>4979</v>
      </c>
      <c r="D1354" s="1" t="s">
        <v>4980</v>
      </c>
      <c r="E1354" s="1" t="s">
        <v>4981</v>
      </c>
      <c r="F1354" s="1" t="s">
        <v>10</v>
      </c>
      <c r="G1354" s="1" t="s">
        <v>10</v>
      </c>
      <c r="H1354" s="1" t="s">
        <v>10</v>
      </c>
      <c r="I1354" s="1" t="s">
        <v>3941</v>
      </c>
      <c r="J1354" s="1" t="s">
        <v>10</v>
      </c>
      <c r="K1354" s="1" t="s">
        <v>64</v>
      </c>
      <c r="L1354" s="1" t="s">
        <v>4978</v>
      </c>
      <c r="M1354" s="1" t="s">
        <v>5</v>
      </c>
      <c r="N1354" s="1" t="s">
        <v>6</v>
      </c>
      <c r="O1354" s="1" t="s">
        <v>38</v>
      </c>
      <c r="P1354" s="5" t="s">
        <v>31222</v>
      </c>
    </row>
    <row r="1355" spans="1:16" x14ac:dyDescent="0.2">
      <c r="A1355" s="1" t="s">
        <v>10</v>
      </c>
      <c r="B1355" s="1" t="s">
        <v>10</v>
      </c>
      <c r="C1355" s="1" t="s">
        <v>4983</v>
      </c>
      <c r="D1355" s="1" t="s">
        <v>4984</v>
      </c>
      <c r="E1355" s="1" t="s">
        <v>10</v>
      </c>
      <c r="F1355" s="1" t="s">
        <v>10</v>
      </c>
      <c r="G1355" s="1" t="s">
        <v>10</v>
      </c>
      <c r="H1355" s="1" t="s">
        <v>10</v>
      </c>
      <c r="I1355" s="1" t="s">
        <v>3941</v>
      </c>
      <c r="J1355" s="1" t="s">
        <v>10</v>
      </c>
      <c r="K1355" s="1" t="s">
        <v>64</v>
      </c>
      <c r="L1355" s="1" t="s">
        <v>4982</v>
      </c>
      <c r="M1355" s="1" t="s">
        <v>5</v>
      </c>
      <c r="N1355" s="1" t="s">
        <v>6</v>
      </c>
      <c r="O1355" s="1" t="s">
        <v>38</v>
      </c>
      <c r="P1355" s="5" t="s">
        <v>31227</v>
      </c>
    </row>
    <row r="1356" spans="1:16" x14ac:dyDescent="0.2">
      <c r="A1356" s="1" t="s">
        <v>10</v>
      </c>
      <c r="B1356" s="1" t="s">
        <v>10</v>
      </c>
      <c r="C1356" s="1" t="s">
        <v>4986</v>
      </c>
      <c r="D1356" s="1" t="s">
        <v>4987</v>
      </c>
      <c r="E1356" s="1" t="s">
        <v>4988</v>
      </c>
      <c r="F1356" s="1" t="s">
        <v>10</v>
      </c>
      <c r="G1356" s="1" t="s">
        <v>10</v>
      </c>
      <c r="H1356" s="1" t="s">
        <v>10</v>
      </c>
      <c r="I1356" s="1" t="s">
        <v>3941</v>
      </c>
      <c r="J1356" s="1" t="s">
        <v>10</v>
      </c>
      <c r="K1356" s="1" t="s">
        <v>64</v>
      </c>
      <c r="L1356" s="1" t="s">
        <v>4985</v>
      </c>
      <c r="M1356" s="1" t="s">
        <v>5</v>
      </c>
      <c r="N1356" s="1" t="s">
        <v>6</v>
      </c>
      <c r="O1356" s="1" t="s">
        <v>38</v>
      </c>
      <c r="P1356" s="5" t="s">
        <v>31222</v>
      </c>
    </row>
    <row r="1357" spans="1:16" x14ac:dyDescent="0.2">
      <c r="A1357" s="1" t="s">
        <v>10</v>
      </c>
      <c r="B1357" s="1" t="s">
        <v>10</v>
      </c>
      <c r="C1357" s="1" t="s">
        <v>4990</v>
      </c>
      <c r="D1357" s="1" t="s">
        <v>4991</v>
      </c>
      <c r="E1357" s="1" t="s">
        <v>4992</v>
      </c>
      <c r="F1357" s="1" t="s">
        <v>10</v>
      </c>
      <c r="G1357" s="1" t="s">
        <v>10</v>
      </c>
      <c r="H1357" s="1" t="s">
        <v>10</v>
      </c>
      <c r="I1357" s="1" t="s">
        <v>3941</v>
      </c>
      <c r="J1357" s="1" t="s">
        <v>10</v>
      </c>
      <c r="K1357" s="1" t="s">
        <v>64</v>
      </c>
      <c r="L1357" s="1" t="s">
        <v>4989</v>
      </c>
      <c r="M1357" s="1" t="s">
        <v>5</v>
      </c>
      <c r="N1357" s="1" t="s">
        <v>6</v>
      </c>
      <c r="O1357" s="1" t="s">
        <v>38</v>
      </c>
      <c r="P1357" s="5" t="s">
        <v>31222</v>
      </c>
    </row>
    <row r="1358" spans="1:16" x14ac:dyDescent="0.2">
      <c r="A1358" s="1" t="s">
        <v>10</v>
      </c>
      <c r="B1358" s="1" t="s">
        <v>10</v>
      </c>
      <c r="C1358" s="1" t="s">
        <v>4994</v>
      </c>
      <c r="D1358" s="1" t="s">
        <v>4994</v>
      </c>
      <c r="E1358" s="1" t="s">
        <v>10</v>
      </c>
      <c r="F1358" s="1" t="s">
        <v>10</v>
      </c>
      <c r="G1358" s="1" t="s">
        <v>10</v>
      </c>
      <c r="H1358" s="1" t="s">
        <v>10</v>
      </c>
      <c r="I1358" s="1" t="s">
        <v>3941</v>
      </c>
      <c r="J1358" s="1" t="s">
        <v>10</v>
      </c>
      <c r="K1358" s="1" t="s">
        <v>64</v>
      </c>
      <c r="L1358" s="1" t="s">
        <v>4993</v>
      </c>
      <c r="M1358" s="1" t="s">
        <v>5</v>
      </c>
      <c r="N1358" s="1" t="s">
        <v>6</v>
      </c>
      <c r="O1358" s="1" t="s">
        <v>38</v>
      </c>
      <c r="P1358" s="5" t="s">
        <v>31222</v>
      </c>
    </row>
    <row r="1359" spans="1:16" x14ac:dyDescent="0.2">
      <c r="A1359" s="1" t="s">
        <v>10</v>
      </c>
      <c r="B1359" s="1" t="s">
        <v>10</v>
      </c>
      <c r="C1359" s="1" t="s">
        <v>4996</v>
      </c>
      <c r="D1359" s="1" t="s">
        <v>4997</v>
      </c>
      <c r="E1359" s="1" t="s">
        <v>4998</v>
      </c>
      <c r="F1359" s="1" t="s">
        <v>10</v>
      </c>
      <c r="G1359" s="1" t="s">
        <v>10</v>
      </c>
      <c r="H1359" s="1" t="s">
        <v>10</v>
      </c>
      <c r="I1359" s="1" t="s">
        <v>3941</v>
      </c>
      <c r="J1359" s="1" t="s">
        <v>10</v>
      </c>
      <c r="K1359" s="1" t="s">
        <v>64</v>
      </c>
      <c r="L1359" s="1" t="s">
        <v>4995</v>
      </c>
      <c r="M1359" s="1" t="s">
        <v>5</v>
      </c>
      <c r="N1359" s="1" t="s">
        <v>6</v>
      </c>
      <c r="O1359" s="1" t="s">
        <v>38</v>
      </c>
      <c r="P1359" s="5" t="s">
        <v>31222</v>
      </c>
    </row>
    <row r="1360" spans="1:16" x14ac:dyDescent="0.2">
      <c r="A1360" s="1" t="s">
        <v>10</v>
      </c>
      <c r="B1360" s="1" t="s">
        <v>10</v>
      </c>
      <c r="C1360" s="1" t="s">
        <v>5000</v>
      </c>
      <c r="D1360" s="1" t="s">
        <v>5001</v>
      </c>
      <c r="E1360" s="1" t="s">
        <v>5002</v>
      </c>
      <c r="F1360" s="1" t="s">
        <v>10</v>
      </c>
      <c r="G1360" s="1" t="s">
        <v>10</v>
      </c>
      <c r="H1360" s="1" t="s">
        <v>10</v>
      </c>
      <c r="I1360" s="1" t="s">
        <v>3941</v>
      </c>
      <c r="J1360" s="1" t="s">
        <v>10</v>
      </c>
      <c r="K1360" s="1" t="s">
        <v>64</v>
      </c>
      <c r="L1360" s="1" t="s">
        <v>4999</v>
      </c>
      <c r="M1360" s="1" t="s">
        <v>5</v>
      </c>
      <c r="N1360" s="1" t="s">
        <v>6</v>
      </c>
      <c r="O1360" s="1" t="s">
        <v>38</v>
      </c>
      <c r="P1360" s="5" t="s">
        <v>31222</v>
      </c>
    </row>
    <row r="1361" spans="1:16" x14ac:dyDescent="0.2">
      <c r="A1361" s="1" t="s">
        <v>10</v>
      </c>
      <c r="B1361" s="1" t="s">
        <v>10</v>
      </c>
      <c r="C1361" s="1" t="s">
        <v>5004</v>
      </c>
      <c r="D1361" s="1" t="s">
        <v>5005</v>
      </c>
      <c r="E1361" s="1" t="s">
        <v>5006</v>
      </c>
      <c r="F1361" s="1" t="s">
        <v>10</v>
      </c>
      <c r="G1361" s="1" t="s">
        <v>10</v>
      </c>
      <c r="H1361" s="1" t="s">
        <v>10</v>
      </c>
      <c r="I1361" s="1" t="s">
        <v>3941</v>
      </c>
      <c r="J1361" s="1" t="s">
        <v>10</v>
      </c>
      <c r="K1361" s="1" t="s">
        <v>64</v>
      </c>
      <c r="L1361" s="1" t="s">
        <v>5003</v>
      </c>
      <c r="M1361" s="1" t="s">
        <v>5</v>
      </c>
      <c r="N1361" s="1" t="s">
        <v>6</v>
      </c>
      <c r="O1361" s="1" t="s">
        <v>38</v>
      </c>
      <c r="P1361" s="5" t="s">
        <v>31224</v>
      </c>
    </row>
    <row r="1362" spans="1:16" x14ac:dyDescent="0.2">
      <c r="A1362" s="1" t="s">
        <v>66</v>
      </c>
      <c r="B1362" s="1" t="s">
        <v>4741</v>
      </c>
      <c r="C1362" s="1" t="s">
        <v>5008</v>
      </c>
      <c r="D1362" s="1" t="s">
        <v>5009</v>
      </c>
      <c r="E1362" s="1" t="s">
        <v>5010</v>
      </c>
      <c r="F1362" s="1" t="s">
        <v>10</v>
      </c>
      <c r="G1362" s="1" t="s">
        <v>10</v>
      </c>
      <c r="H1362" s="1" t="s">
        <v>10</v>
      </c>
      <c r="I1362" s="1" t="s">
        <v>3941</v>
      </c>
      <c r="J1362" s="1" t="s">
        <v>10</v>
      </c>
      <c r="K1362" s="1" t="s">
        <v>64</v>
      </c>
      <c r="L1362" s="1" t="s">
        <v>5007</v>
      </c>
      <c r="M1362" s="1" t="s">
        <v>5</v>
      </c>
      <c r="N1362" s="1" t="s">
        <v>6</v>
      </c>
      <c r="O1362" s="1" t="s">
        <v>38</v>
      </c>
      <c r="P1362" s="5" t="s">
        <v>31221</v>
      </c>
    </row>
    <row r="1363" spans="1:16" x14ac:dyDescent="0.2">
      <c r="A1363" s="1" t="s">
        <v>66</v>
      </c>
      <c r="B1363" s="1" t="s">
        <v>4741</v>
      </c>
      <c r="C1363" s="1" t="s">
        <v>5012</v>
      </c>
      <c r="D1363" s="1" t="s">
        <v>10</v>
      </c>
      <c r="E1363" s="1" t="s">
        <v>5013</v>
      </c>
      <c r="F1363" s="1" t="s">
        <v>10</v>
      </c>
      <c r="G1363" s="1" t="s">
        <v>10</v>
      </c>
      <c r="H1363" s="1" t="s">
        <v>10</v>
      </c>
      <c r="I1363" s="1" t="s">
        <v>3941</v>
      </c>
      <c r="J1363" s="1" t="s">
        <v>10</v>
      </c>
      <c r="K1363" s="1" t="s">
        <v>64</v>
      </c>
      <c r="L1363" s="1" t="s">
        <v>5011</v>
      </c>
      <c r="M1363" s="1" t="s">
        <v>5</v>
      </c>
      <c r="N1363" s="1" t="s">
        <v>6</v>
      </c>
      <c r="O1363" s="1" t="s">
        <v>38</v>
      </c>
      <c r="P1363" s="5" t="s">
        <v>31221</v>
      </c>
    </row>
    <row r="1364" spans="1:16" x14ac:dyDescent="0.2">
      <c r="A1364" s="1" t="s">
        <v>10</v>
      </c>
      <c r="B1364" s="1" t="s">
        <v>10</v>
      </c>
      <c r="C1364" s="1" t="s">
        <v>5015</v>
      </c>
      <c r="D1364" s="1" t="s">
        <v>10</v>
      </c>
      <c r="E1364" s="1" t="s">
        <v>10</v>
      </c>
      <c r="F1364" s="1" t="s">
        <v>10</v>
      </c>
      <c r="G1364" s="1" t="s">
        <v>10</v>
      </c>
      <c r="H1364" s="1" t="s">
        <v>10</v>
      </c>
      <c r="I1364" s="1" t="s">
        <v>3941</v>
      </c>
      <c r="J1364" s="1" t="s">
        <v>10</v>
      </c>
      <c r="K1364" s="1" t="s">
        <v>64</v>
      </c>
      <c r="L1364" s="1" t="s">
        <v>5014</v>
      </c>
      <c r="M1364" s="1" t="s">
        <v>5</v>
      </c>
      <c r="N1364" s="1" t="s">
        <v>6</v>
      </c>
      <c r="O1364" s="1" t="s">
        <v>38</v>
      </c>
      <c r="P1364" s="5" t="s">
        <v>31222</v>
      </c>
    </row>
    <row r="1365" spans="1:16" x14ac:dyDescent="0.2">
      <c r="A1365" s="1" t="s">
        <v>10</v>
      </c>
      <c r="B1365" s="1" t="s">
        <v>10</v>
      </c>
      <c r="C1365" s="1" t="s">
        <v>5017</v>
      </c>
      <c r="D1365" s="1" t="s">
        <v>10</v>
      </c>
      <c r="E1365" s="1" t="s">
        <v>5018</v>
      </c>
      <c r="F1365" s="1" t="s">
        <v>10</v>
      </c>
      <c r="G1365" s="1" t="s">
        <v>10</v>
      </c>
      <c r="H1365" s="1" t="s">
        <v>10</v>
      </c>
      <c r="I1365" s="1" t="s">
        <v>3941</v>
      </c>
      <c r="J1365" s="1" t="s">
        <v>10</v>
      </c>
      <c r="K1365" s="1" t="s">
        <v>64</v>
      </c>
      <c r="L1365" s="1" t="s">
        <v>5016</v>
      </c>
      <c r="M1365" s="1" t="s">
        <v>5</v>
      </c>
      <c r="N1365" s="1" t="s">
        <v>6</v>
      </c>
      <c r="O1365" s="1" t="s">
        <v>38</v>
      </c>
      <c r="P1365" s="5" t="s">
        <v>31224</v>
      </c>
    </row>
    <row r="1366" spans="1:16" x14ac:dyDescent="0.2">
      <c r="A1366" s="1" t="s">
        <v>329</v>
      </c>
      <c r="B1366" s="1" t="s">
        <v>1168</v>
      </c>
      <c r="C1366" s="1" t="s">
        <v>5020</v>
      </c>
      <c r="D1366" s="1" t="s">
        <v>10</v>
      </c>
      <c r="E1366" s="1" t="s">
        <v>5021</v>
      </c>
      <c r="F1366" s="1" t="s">
        <v>10</v>
      </c>
      <c r="G1366" s="1" t="s">
        <v>10</v>
      </c>
      <c r="H1366" s="1" t="s">
        <v>10</v>
      </c>
      <c r="I1366" s="1" t="s">
        <v>3941</v>
      </c>
      <c r="J1366" s="1" t="s">
        <v>10</v>
      </c>
      <c r="K1366" s="1" t="s">
        <v>64</v>
      </c>
      <c r="L1366" s="1" t="s">
        <v>5019</v>
      </c>
      <c r="M1366" s="1" t="s">
        <v>5</v>
      </c>
      <c r="N1366" s="1" t="s">
        <v>6</v>
      </c>
      <c r="O1366" s="1" t="s">
        <v>38</v>
      </c>
      <c r="P1366" s="5" t="s">
        <v>31221</v>
      </c>
    </row>
    <row r="1367" spans="1:16" x14ac:dyDescent="0.2">
      <c r="A1367" s="1" t="s">
        <v>10</v>
      </c>
      <c r="B1367" s="1" t="s">
        <v>10</v>
      </c>
      <c r="C1367" s="1" t="s">
        <v>5023</v>
      </c>
      <c r="D1367" s="1" t="s">
        <v>10</v>
      </c>
      <c r="E1367" s="1" t="s">
        <v>5024</v>
      </c>
      <c r="F1367" s="1" t="s">
        <v>10</v>
      </c>
      <c r="G1367" s="1" t="s">
        <v>10</v>
      </c>
      <c r="H1367" s="1" t="s">
        <v>10</v>
      </c>
      <c r="I1367" s="1" t="s">
        <v>3941</v>
      </c>
      <c r="J1367" s="1" t="s">
        <v>10</v>
      </c>
      <c r="K1367" s="1" t="s">
        <v>64</v>
      </c>
      <c r="L1367" s="1" t="s">
        <v>5022</v>
      </c>
      <c r="M1367" s="1" t="s">
        <v>5</v>
      </c>
      <c r="N1367" s="1" t="s">
        <v>6</v>
      </c>
      <c r="O1367" s="1" t="s">
        <v>38</v>
      </c>
      <c r="P1367" s="5" t="s">
        <v>31224</v>
      </c>
    </row>
    <row r="1368" spans="1:16" x14ac:dyDescent="0.2">
      <c r="A1368" s="1" t="s">
        <v>10</v>
      </c>
      <c r="B1368" s="1" t="s">
        <v>10</v>
      </c>
      <c r="C1368" s="1" t="s">
        <v>5026</v>
      </c>
      <c r="D1368" s="1" t="s">
        <v>10</v>
      </c>
      <c r="E1368" s="1" t="s">
        <v>10</v>
      </c>
      <c r="F1368" s="1" t="s">
        <v>10</v>
      </c>
      <c r="G1368" s="1" t="s">
        <v>10</v>
      </c>
      <c r="H1368" s="1" t="s">
        <v>10</v>
      </c>
      <c r="I1368" s="1" t="s">
        <v>3941</v>
      </c>
      <c r="J1368" s="1" t="s">
        <v>10</v>
      </c>
      <c r="K1368" s="1" t="s">
        <v>64</v>
      </c>
      <c r="L1368" s="1" t="s">
        <v>5025</v>
      </c>
      <c r="M1368" s="1" t="s">
        <v>5</v>
      </c>
      <c r="N1368" s="1" t="s">
        <v>6</v>
      </c>
      <c r="O1368" s="1" t="s">
        <v>38</v>
      </c>
      <c r="P1368" s="5" t="s">
        <v>31224</v>
      </c>
    </row>
    <row r="1369" spans="1:16" x14ac:dyDescent="0.2">
      <c r="A1369" s="1" t="s">
        <v>10</v>
      </c>
      <c r="B1369" s="1" t="s">
        <v>10</v>
      </c>
      <c r="C1369" s="1" t="s">
        <v>5028</v>
      </c>
      <c r="D1369" s="1" t="s">
        <v>10</v>
      </c>
      <c r="E1369" s="1" t="s">
        <v>5029</v>
      </c>
      <c r="F1369" s="1" t="s">
        <v>10</v>
      </c>
      <c r="G1369" s="1" t="s">
        <v>10</v>
      </c>
      <c r="H1369" s="1" t="s">
        <v>10</v>
      </c>
      <c r="I1369" s="1" t="s">
        <v>3941</v>
      </c>
      <c r="J1369" s="1" t="s">
        <v>10</v>
      </c>
      <c r="K1369" s="1" t="s">
        <v>64</v>
      </c>
      <c r="L1369" s="1" t="s">
        <v>5027</v>
      </c>
      <c r="M1369" s="1" t="s">
        <v>5</v>
      </c>
      <c r="N1369" s="1" t="s">
        <v>6</v>
      </c>
      <c r="O1369" s="1" t="s">
        <v>38</v>
      </c>
      <c r="P1369" s="5" t="s">
        <v>31224</v>
      </c>
    </row>
    <row r="1370" spans="1:16" x14ac:dyDescent="0.2">
      <c r="A1370" s="1" t="s">
        <v>10</v>
      </c>
      <c r="B1370" s="1" t="s">
        <v>10</v>
      </c>
      <c r="C1370" s="1" t="s">
        <v>5031</v>
      </c>
      <c r="D1370" s="1" t="s">
        <v>10</v>
      </c>
      <c r="E1370" s="1" t="s">
        <v>10</v>
      </c>
      <c r="F1370" s="1" t="s">
        <v>10</v>
      </c>
      <c r="G1370" s="1" t="s">
        <v>10</v>
      </c>
      <c r="H1370" s="1" t="s">
        <v>10</v>
      </c>
      <c r="I1370" s="1" t="s">
        <v>3941</v>
      </c>
      <c r="J1370" s="1" t="s">
        <v>10</v>
      </c>
      <c r="K1370" s="1" t="s">
        <v>64</v>
      </c>
      <c r="L1370" s="1" t="s">
        <v>5030</v>
      </c>
      <c r="M1370" s="1" t="s">
        <v>5</v>
      </c>
      <c r="N1370" s="1" t="s">
        <v>6</v>
      </c>
      <c r="O1370" s="1" t="s">
        <v>38</v>
      </c>
      <c r="P1370" s="5" t="s">
        <v>31224</v>
      </c>
    </row>
    <row r="1371" spans="1:16" x14ac:dyDescent="0.2">
      <c r="A1371" s="1" t="s">
        <v>10</v>
      </c>
      <c r="B1371" s="1" t="s">
        <v>10</v>
      </c>
      <c r="C1371" s="1" t="s">
        <v>5033</v>
      </c>
      <c r="D1371" s="1" t="s">
        <v>10</v>
      </c>
      <c r="E1371" s="1" t="s">
        <v>10</v>
      </c>
      <c r="F1371" s="1" t="s">
        <v>10</v>
      </c>
      <c r="G1371" s="1" t="s">
        <v>10</v>
      </c>
      <c r="H1371" s="1" t="s">
        <v>10</v>
      </c>
      <c r="I1371" s="1" t="s">
        <v>3941</v>
      </c>
      <c r="J1371" s="1" t="s">
        <v>10</v>
      </c>
      <c r="K1371" s="1" t="s">
        <v>64</v>
      </c>
      <c r="L1371" s="1" t="s">
        <v>5032</v>
      </c>
      <c r="M1371" s="1" t="s">
        <v>5</v>
      </c>
      <c r="N1371" s="1" t="s">
        <v>6</v>
      </c>
      <c r="O1371" s="1" t="s">
        <v>38</v>
      </c>
      <c r="P1371" s="5" t="s">
        <v>31222</v>
      </c>
    </row>
    <row r="1372" spans="1:16" x14ac:dyDescent="0.2">
      <c r="A1372" s="1" t="s">
        <v>10</v>
      </c>
      <c r="B1372" s="1" t="s">
        <v>10</v>
      </c>
      <c r="C1372" s="1" t="s">
        <v>5035</v>
      </c>
      <c r="D1372" s="1" t="s">
        <v>10</v>
      </c>
      <c r="E1372" s="1" t="s">
        <v>10</v>
      </c>
      <c r="F1372" s="1" t="s">
        <v>10</v>
      </c>
      <c r="G1372" s="1" t="s">
        <v>10</v>
      </c>
      <c r="H1372" s="1" t="s">
        <v>10</v>
      </c>
      <c r="I1372" s="1" t="s">
        <v>3941</v>
      </c>
      <c r="J1372" s="1" t="s">
        <v>10</v>
      </c>
      <c r="K1372" s="1" t="s">
        <v>64</v>
      </c>
      <c r="L1372" s="1" t="s">
        <v>5034</v>
      </c>
      <c r="M1372" s="1" t="s">
        <v>5</v>
      </c>
      <c r="N1372" s="1" t="s">
        <v>6</v>
      </c>
      <c r="O1372" s="1" t="s">
        <v>38</v>
      </c>
      <c r="P1372" s="5" t="s">
        <v>31222</v>
      </c>
    </row>
    <row r="1373" spans="1:16" x14ac:dyDescent="0.2">
      <c r="A1373" s="1" t="s">
        <v>10</v>
      </c>
      <c r="B1373" s="1" t="s">
        <v>10</v>
      </c>
      <c r="C1373" s="1" t="s">
        <v>5037</v>
      </c>
      <c r="D1373" s="1" t="s">
        <v>10</v>
      </c>
      <c r="E1373" s="1" t="s">
        <v>5038</v>
      </c>
      <c r="F1373" s="1" t="s">
        <v>10</v>
      </c>
      <c r="G1373" s="1" t="s">
        <v>10</v>
      </c>
      <c r="H1373" s="1" t="s">
        <v>10</v>
      </c>
      <c r="I1373" s="1" t="s">
        <v>3941</v>
      </c>
      <c r="J1373" s="1" t="s">
        <v>10</v>
      </c>
      <c r="K1373" s="1" t="s">
        <v>64</v>
      </c>
      <c r="L1373" s="1" t="s">
        <v>5036</v>
      </c>
      <c r="M1373" s="1" t="s">
        <v>5</v>
      </c>
      <c r="N1373" s="1" t="s">
        <v>6</v>
      </c>
      <c r="O1373" s="1" t="s">
        <v>38</v>
      </c>
      <c r="P1373" s="5" t="s">
        <v>31224</v>
      </c>
    </row>
    <row r="1374" spans="1:16" x14ac:dyDescent="0.2">
      <c r="A1374" s="1" t="s">
        <v>10</v>
      </c>
      <c r="B1374" s="1" t="s">
        <v>10</v>
      </c>
      <c r="C1374" s="1" t="s">
        <v>5040</v>
      </c>
      <c r="D1374" s="1" t="s">
        <v>10</v>
      </c>
      <c r="E1374" s="1" t="s">
        <v>5041</v>
      </c>
      <c r="F1374" s="1" t="s">
        <v>10</v>
      </c>
      <c r="G1374" s="1" t="s">
        <v>10</v>
      </c>
      <c r="H1374" s="1" t="s">
        <v>10</v>
      </c>
      <c r="I1374" s="1" t="s">
        <v>3941</v>
      </c>
      <c r="J1374" s="1" t="s">
        <v>10</v>
      </c>
      <c r="K1374" s="1" t="s">
        <v>64</v>
      </c>
      <c r="L1374" s="1" t="s">
        <v>5039</v>
      </c>
      <c r="M1374" s="1" t="s">
        <v>5</v>
      </c>
      <c r="N1374" s="1" t="s">
        <v>6</v>
      </c>
      <c r="O1374" s="1" t="s">
        <v>38</v>
      </c>
      <c r="P1374" s="5" t="s">
        <v>31224</v>
      </c>
    </row>
    <row r="1375" spans="1:16" x14ac:dyDescent="0.2">
      <c r="A1375" s="1" t="s">
        <v>10</v>
      </c>
      <c r="B1375" s="1" t="s">
        <v>10</v>
      </c>
      <c r="C1375" s="1" t="s">
        <v>5043</v>
      </c>
      <c r="D1375" s="1" t="s">
        <v>10</v>
      </c>
      <c r="E1375" s="1" t="s">
        <v>10</v>
      </c>
      <c r="F1375" s="1" t="s">
        <v>10</v>
      </c>
      <c r="G1375" s="1" t="s">
        <v>10</v>
      </c>
      <c r="H1375" s="1" t="s">
        <v>10</v>
      </c>
      <c r="I1375" s="1" t="s">
        <v>3941</v>
      </c>
      <c r="J1375" s="1" t="s">
        <v>10</v>
      </c>
      <c r="K1375" s="1" t="s">
        <v>64</v>
      </c>
      <c r="L1375" s="1" t="s">
        <v>5042</v>
      </c>
      <c r="M1375" s="1" t="s">
        <v>5</v>
      </c>
      <c r="N1375" s="1" t="s">
        <v>6</v>
      </c>
      <c r="O1375" s="1" t="s">
        <v>38</v>
      </c>
      <c r="P1375" s="5" t="s">
        <v>31222</v>
      </c>
    </row>
    <row r="1376" spans="1:16" x14ac:dyDescent="0.2">
      <c r="A1376" s="1" t="s">
        <v>10</v>
      </c>
      <c r="B1376" s="1" t="s">
        <v>10</v>
      </c>
      <c r="C1376" s="1" t="s">
        <v>5045</v>
      </c>
      <c r="D1376" s="1" t="s">
        <v>10</v>
      </c>
      <c r="E1376" s="1" t="s">
        <v>5046</v>
      </c>
      <c r="F1376" s="1" t="s">
        <v>10</v>
      </c>
      <c r="G1376" s="1" t="s">
        <v>10</v>
      </c>
      <c r="H1376" s="1" t="s">
        <v>10</v>
      </c>
      <c r="I1376" s="1" t="s">
        <v>3941</v>
      </c>
      <c r="J1376" s="1" t="s">
        <v>10</v>
      </c>
      <c r="K1376" s="1" t="s">
        <v>64</v>
      </c>
      <c r="L1376" s="1" t="s">
        <v>5044</v>
      </c>
      <c r="M1376" s="1" t="s">
        <v>5</v>
      </c>
      <c r="N1376" s="1" t="s">
        <v>6</v>
      </c>
      <c r="O1376" s="1" t="s">
        <v>38</v>
      </c>
      <c r="P1376" s="5" t="s">
        <v>31224</v>
      </c>
    </row>
    <row r="1377" spans="1:16" x14ac:dyDescent="0.2">
      <c r="A1377" s="1" t="s">
        <v>10</v>
      </c>
      <c r="B1377" s="1" t="s">
        <v>10</v>
      </c>
      <c r="C1377" s="1" t="s">
        <v>5048</v>
      </c>
      <c r="D1377" s="1" t="s">
        <v>10</v>
      </c>
      <c r="E1377" s="1" t="s">
        <v>10</v>
      </c>
      <c r="F1377" s="1" t="s">
        <v>10</v>
      </c>
      <c r="G1377" s="1" t="s">
        <v>10</v>
      </c>
      <c r="H1377" s="1" t="s">
        <v>10</v>
      </c>
      <c r="I1377" s="1" t="s">
        <v>3941</v>
      </c>
      <c r="J1377" s="1" t="s">
        <v>10</v>
      </c>
      <c r="K1377" s="1" t="s">
        <v>64</v>
      </c>
      <c r="L1377" s="1" t="s">
        <v>5047</v>
      </c>
      <c r="M1377" s="1" t="s">
        <v>5</v>
      </c>
      <c r="N1377" s="1" t="s">
        <v>6</v>
      </c>
      <c r="O1377" s="1" t="s">
        <v>38</v>
      </c>
      <c r="P1377" s="5" t="s">
        <v>31222</v>
      </c>
    </row>
    <row r="1378" spans="1:16" x14ac:dyDescent="0.2">
      <c r="A1378" s="1" t="s">
        <v>10</v>
      </c>
      <c r="B1378" s="1" t="s">
        <v>10</v>
      </c>
      <c r="C1378" s="1" t="s">
        <v>5050</v>
      </c>
      <c r="D1378" s="1" t="s">
        <v>10</v>
      </c>
      <c r="E1378" s="1" t="s">
        <v>10</v>
      </c>
      <c r="F1378" s="1" t="s">
        <v>10</v>
      </c>
      <c r="G1378" s="1" t="s">
        <v>10</v>
      </c>
      <c r="H1378" s="1" t="s">
        <v>10</v>
      </c>
      <c r="I1378" s="1" t="s">
        <v>3941</v>
      </c>
      <c r="J1378" s="1" t="s">
        <v>10</v>
      </c>
      <c r="K1378" s="1" t="s">
        <v>64</v>
      </c>
      <c r="L1378" s="1" t="s">
        <v>5049</v>
      </c>
      <c r="M1378" s="1" t="s">
        <v>5</v>
      </c>
      <c r="N1378" s="1" t="s">
        <v>6</v>
      </c>
      <c r="O1378" s="1" t="s">
        <v>38</v>
      </c>
      <c r="P1378" s="5" t="s">
        <v>31224</v>
      </c>
    </row>
    <row r="1379" spans="1:16" x14ac:dyDescent="0.2">
      <c r="A1379" s="1" t="s">
        <v>10</v>
      </c>
      <c r="B1379" s="1" t="s">
        <v>10</v>
      </c>
      <c r="C1379" s="1" t="s">
        <v>5052</v>
      </c>
      <c r="D1379" s="1" t="s">
        <v>10</v>
      </c>
      <c r="E1379" s="1" t="s">
        <v>5053</v>
      </c>
      <c r="F1379" s="1" t="s">
        <v>10</v>
      </c>
      <c r="G1379" s="1" t="s">
        <v>10</v>
      </c>
      <c r="H1379" s="1" t="s">
        <v>10</v>
      </c>
      <c r="I1379" s="1" t="s">
        <v>3941</v>
      </c>
      <c r="J1379" s="1" t="s">
        <v>10</v>
      </c>
      <c r="K1379" s="1" t="s">
        <v>64</v>
      </c>
      <c r="L1379" s="1" t="s">
        <v>5051</v>
      </c>
      <c r="M1379" s="1" t="s">
        <v>5</v>
      </c>
      <c r="N1379" s="1" t="s">
        <v>6</v>
      </c>
      <c r="O1379" s="1" t="s">
        <v>38</v>
      </c>
      <c r="P1379" s="5" t="s">
        <v>31228</v>
      </c>
    </row>
    <row r="1380" spans="1:16" x14ac:dyDescent="0.2">
      <c r="A1380" s="1" t="s">
        <v>10</v>
      </c>
      <c r="B1380" s="1" t="s">
        <v>10</v>
      </c>
      <c r="C1380" s="1" t="s">
        <v>5055</v>
      </c>
      <c r="D1380" s="1" t="s">
        <v>10</v>
      </c>
      <c r="E1380" s="1" t="s">
        <v>5056</v>
      </c>
      <c r="F1380" s="1" t="s">
        <v>10</v>
      </c>
      <c r="G1380" s="1" t="s">
        <v>10</v>
      </c>
      <c r="H1380" s="1" t="s">
        <v>10</v>
      </c>
      <c r="I1380" s="1" t="s">
        <v>3941</v>
      </c>
      <c r="J1380" s="1" t="s">
        <v>10</v>
      </c>
      <c r="K1380" s="1" t="s">
        <v>64</v>
      </c>
      <c r="L1380" s="1" t="s">
        <v>5054</v>
      </c>
      <c r="M1380" s="1" t="s">
        <v>5</v>
      </c>
      <c r="N1380" s="1" t="s">
        <v>6</v>
      </c>
      <c r="O1380" s="1" t="s">
        <v>38</v>
      </c>
      <c r="P1380" s="5" t="s">
        <v>31224</v>
      </c>
    </row>
    <row r="1381" spans="1:16" x14ac:dyDescent="0.2">
      <c r="A1381" s="1" t="s">
        <v>10</v>
      </c>
      <c r="B1381" s="1" t="s">
        <v>10</v>
      </c>
      <c r="C1381" s="1" t="s">
        <v>5058</v>
      </c>
      <c r="D1381" s="1" t="s">
        <v>10</v>
      </c>
      <c r="E1381" s="1" t="s">
        <v>5059</v>
      </c>
      <c r="F1381" s="1" t="s">
        <v>10</v>
      </c>
      <c r="G1381" s="1" t="s">
        <v>10</v>
      </c>
      <c r="H1381" s="1" t="s">
        <v>10</v>
      </c>
      <c r="I1381" s="1" t="s">
        <v>3941</v>
      </c>
      <c r="J1381" s="1" t="s">
        <v>10</v>
      </c>
      <c r="K1381" s="1" t="s">
        <v>64</v>
      </c>
      <c r="L1381" s="1" t="s">
        <v>5057</v>
      </c>
      <c r="M1381" s="1" t="s">
        <v>5</v>
      </c>
      <c r="N1381" s="1" t="s">
        <v>6</v>
      </c>
      <c r="O1381" s="1" t="s">
        <v>38</v>
      </c>
      <c r="P1381" s="5" t="s">
        <v>31224</v>
      </c>
    </row>
    <row r="1382" spans="1:16" x14ac:dyDescent="0.2">
      <c r="A1382" s="1" t="s">
        <v>10</v>
      </c>
      <c r="B1382" s="1" t="s">
        <v>10</v>
      </c>
      <c r="C1382" s="1" t="s">
        <v>5061</v>
      </c>
      <c r="D1382" s="1" t="s">
        <v>10</v>
      </c>
      <c r="E1382" s="1" t="s">
        <v>5062</v>
      </c>
      <c r="F1382" s="1" t="s">
        <v>10</v>
      </c>
      <c r="G1382" s="1" t="s">
        <v>10</v>
      </c>
      <c r="H1382" s="1" t="s">
        <v>10</v>
      </c>
      <c r="I1382" s="1" t="s">
        <v>3941</v>
      </c>
      <c r="J1382" s="1" t="s">
        <v>10</v>
      </c>
      <c r="K1382" s="1" t="s">
        <v>64</v>
      </c>
      <c r="L1382" s="1" t="s">
        <v>5060</v>
      </c>
      <c r="M1382" s="1" t="s">
        <v>5</v>
      </c>
      <c r="N1382" s="1" t="s">
        <v>6</v>
      </c>
      <c r="O1382" s="1" t="s">
        <v>38</v>
      </c>
      <c r="P1382" s="5" t="s">
        <v>31224</v>
      </c>
    </row>
    <row r="1383" spans="1:16" x14ac:dyDescent="0.2">
      <c r="A1383" s="1" t="s">
        <v>10</v>
      </c>
      <c r="B1383" s="1" t="s">
        <v>10</v>
      </c>
      <c r="C1383" s="1" t="s">
        <v>5064</v>
      </c>
      <c r="D1383" s="1" t="s">
        <v>10</v>
      </c>
      <c r="E1383" s="1" t="s">
        <v>5065</v>
      </c>
      <c r="F1383" s="1" t="s">
        <v>10</v>
      </c>
      <c r="G1383" s="1" t="s">
        <v>10</v>
      </c>
      <c r="H1383" s="1" t="s">
        <v>10</v>
      </c>
      <c r="I1383" s="1" t="s">
        <v>3941</v>
      </c>
      <c r="J1383" s="1" t="s">
        <v>10</v>
      </c>
      <c r="K1383" s="1" t="s">
        <v>64</v>
      </c>
      <c r="L1383" s="1" t="s">
        <v>5063</v>
      </c>
      <c r="M1383" s="1" t="s">
        <v>5</v>
      </c>
      <c r="N1383" s="1" t="s">
        <v>6</v>
      </c>
      <c r="O1383" s="1" t="s">
        <v>38</v>
      </c>
      <c r="P1383" s="5" t="s">
        <v>31224</v>
      </c>
    </row>
    <row r="1384" spans="1:16" x14ac:dyDescent="0.2">
      <c r="A1384" s="1" t="s">
        <v>10</v>
      </c>
      <c r="B1384" s="1" t="s">
        <v>10</v>
      </c>
      <c r="C1384" s="1" t="s">
        <v>5067</v>
      </c>
      <c r="D1384" s="1" t="s">
        <v>10</v>
      </c>
      <c r="E1384" s="1" t="s">
        <v>5068</v>
      </c>
      <c r="F1384" s="1" t="s">
        <v>10</v>
      </c>
      <c r="G1384" s="1" t="s">
        <v>10</v>
      </c>
      <c r="H1384" s="1" t="s">
        <v>10</v>
      </c>
      <c r="I1384" s="1" t="s">
        <v>3941</v>
      </c>
      <c r="J1384" s="1" t="s">
        <v>10</v>
      </c>
      <c r="K1384" s="1" t="s">
        <v>64</v>
      </c>
      <c r="L1384" s="1" t="s">
        <v>5066</v>
      </c>
      <c r="M1384" s="1" t="s">
        <v>5</v>
      </c>
      <c r="N1384" s="1" t="s">
        <v>6</v>
      </c>
      <c r="O1384" s="1" t="s">
        <v>38</v>
      </c>
      <c r="P1384" s="5" t="s">
        <v>31224</v>
      </c>
    </row>
    <row r="1385" spans="1:16" x14ac:dyDescent="0.2">
      <c r="A1385" s="1" t="s">
        <v>10</v>
      </c>
      <c r="B1385" s="1" t="s">
        <v>10</v>
      </c>
      <c r="C1385" s="1" t="s">
        <v>5070</v>
      </c>
      <c r="D1385" s="1" t="s">
        <v>10</v>
      </c>
      <c r="E1385" s="1" t="s">
        <v>5071</v>
      </c>
      <c r="F1385" s="1" t="s">
        <v>10</v>
      </c>
      <c r="G1385" s="1" t="s">
        <v>10</v>
      </c>
      <c r="H1385" s="1" t="s">
        <v>10</v>
      </c>
      <c r="I1385" s="1" t="s">
        <v>3941</v>
      </c>
      <c r="J1385" s="1" t="s">
        <v>10</v>
      </c>
      <c r="K1385" s="1" t="s">
        <v>64</v>
      </c>
      <c r="L1385" s="1" t="s">
        <v>5069</v>
      </c>
      <c r="M1385" s="1" t="s">
        <v>5</v>
      </c>
      <c r="N1385" s="1" t="s">
        <v>6</v>
      </c>
      <c r="O1385" s="1" t="s">
        <v>38</v>
      </c>
      <c r="P1385" s="5" t="s">
        <v>31224</v>
      </c>
    </row>
    <row r="1386" spans="1:16" x14ac:dyDescent="0.2">
      <c r="A1386" s="1" t="s">
        <v>10</v>
      </c>
      <c r="B1386" s="1" t="s">
        <v>10</v>
      </c>
      <c r="C1386" s="1" t="s">
        <v>5073</v>
      </c>
      <c r="D1386" s="1" t="s">
        <v>10</v>
      </c>
      <c r="E1386" s="1" t="s">
        <v>5074</v>
      </c>
      <c r="F1386" s="1" t="s">
        <v>10</v>
      </c>
      <c r="G1386" s="1" t="s">
        <v>10</v>
      </c>
      <c r="H1386" s="1" t="s">
        <v>10</v>
      </c>
      <c r="I1386" s="1" t="s">
        <v>3941</v>
      </c>
      <c r="J1386" s="1" t="s">
        <v>10</v>
      </c>
      <c r="K1386" s="1" t="s">
        <v>64</v>
      </c>
      <c r="L1386" s="1" t="s">
        <v>5072</v>
      </c>
      <c r="M1386" s="1" t="s">
        <v>5</v>
      </c>
      <c r="N1386" s="1" t="s">
        <v>6</v>
      </c>
      <c r="O1386" s="1" t="s">
        <v>38</v>
      </c>
      <c r="P1386" s="5" t="s">
        <v>31224</v>
      </c>
    </row>
    <row r="1387" spans="1:16" x14ac:dyDescent="0.2">
      <c r="A1387" s="1" t="s">
        <v>10</v>
      </c>
      <c r="B1387" s="1" t="s">
        <v>10</v>
      </c>
      <c r="C1387" s="1" t="s">
        <v>5076</v>
      </c>
      <c r="D1387" s="1" t="s">
        <v>10</v>
      </c>
      <c r="E1387" s="1" t="s">
        <v>5077</v>
      </c>
      <c r="F1387" s="1" t="s">
        <v>10</v>
      </c>
      <c r="G1387" s="1" t="s">
        <v>10</v>
      </c>
      <c r="H1387" s="1" t="s">
        <v>10</v>
      </c>
      <c r="I1387" s="1" t="s">
        <v>3941</v>
      </c>
      <c r="J1387" s="1" t="s">
        <v>10</v>
      </c>
      <c r="K1387" s="1" t="s">
        <v>64</v>
      </c>
      <c r="L1387" s="1" t="s">
        <v>5075</v>
      </c>
      <c r="M1387" s="1" t="s">
        <v>5</v>
      </c>
      <c r="N1387" s="1" t="s">
        <v>6</v>
      </c>
      <c r="O1387" s="1" t="s">
        <v>38</v>
      </c>
      <c r="P1387" s="5" t="s">
        <v>31224</v>
      </c>
    </row>
    <row r="1388" spans="1:16" x14ac:dyDescent="0.2">
      <c r="A1388" s="1" t="s">
        <v>10</v>
      </c>
      <c r="B1388" s="1" t="s">
        <v>10</v>
      </c>
      <c r="C1388" s="1" t="s">
        <v>5079</v>
      </c>
      <c r="D1388" s="1" t="s">
        <v>10</v>
      </c>
      <c r="E1388" s="1" t="s">
        <v>5080</v>
      </c>
      <c r="F1388" s="1" t="s">
        <v>10</v>
      </c>
      <c r="G1388" s="1" t="s">
        <v>10</v>
      </c>
      <c r="H1388" s="1" t="s">
        <v>10</v>
      </c>
      <c r="I1388" s="1" t="s">
        <v>3941</v>
      </c>
      <c r="J1388" s="1" t="s">
        <v>10</v>
      </c>
      <c r="K1388" s="1" t="s">
        <v>64</v>
      </c>
      <c r="L1388" s="1" t="s">
        <v>5078</v>
      </c>
      <c r="M1388" s="1" t="s">
        <v>5</v>
      </c>
      <c r="N1388" s="1" t="s">
        <v>6</v>
      </c>
      <c r="O1388" s="1" t="s">
        <v>38</v>
      </c>
      <c r="P1388" s="5" t="s">
        <v>31224</v>
      </c>
    </row>
    <row r="1389" spans="1:16" x14ac:dyDescent="0.2">
      <c r="A1389" s="1" t="s">
        <v>10</v>
      </c>
      <c r="B1389" s="1" t="s">
        <v>10</v>
      </c>
      <c r="C1389" s="1" t="s">
        <v>5082</v>
      </c>
      <c r="D1389" s="1" t="s">
        <v>10</v>
      </c>
      <c r="E1389" s="1" t="s">
        <v>5083</v>
      </c>
      <c r="F1389" s="1" t="s">
        <v>10</v>
      </c>
      <c r="G1389" s="1" t="s">
        <v>10</v>
      </c>
      <c r="H1389" s="1" t="s">
        <v>10</v>
      </c>
      <c r="I1389" s="1" t="s">
        <v>3941</v>
      </c>
      <c r="J1389" s="1" t="s">
        <v>10</v>
      </c>
      <c r="K1389" s="1" t="s">
        <v>64</v>
      </c>
      <c r="L1389" s="1" t="s">
        <v>5081</v>
      </c>
      <c r="M1389" s="1" t="s">
        <v>5</v>
      </c>
      <c r="N1389" s="1" t="s">
        <v>6</v>
      </c>
      <c r="O1389" s="1" t="s">
        <v>38</v>
      </c>
      <c r="P1389" s="5" t="s">
        <v>31222</v>
      </c>
    </row>
    <row r="1390" spans="1:16" x14ac:dyDescent="0.2">
      <c r="A1390" s="1" t="s">
        <v>10</v>
      </c>
      <c r="B1390" s="1" t="s">
        <v>10</v>
      </c>
      <c r="C1390" s="1" t="s">
        <v>5085</v>
      </c>
      <c r="D1390" s="1" t="s">
        <v>10</v>
      </c>
      <c r="E1390" s="1" t="s">
        <v>5086</v>
      </c>
      <c r="F1390" s="1" t="s">
        <v>10</v>
      </c>
      <c r="G1390" s="1" t="s">
        <v>10</v>
      </c>
      <c r="H1390" s="1" t="s">
        <v>10</v>
      </c>
      <c r="I1390" s="1" t="s">
        <v>3941</v>
      </c>
      <c r="J1390" s="1" t="s">
        <v>10</v>
      </c>
      <c r="K1390" s="1" t="s">
        <v>64</v>
      </c>
      <c r="L1390" s="1" t="s">
        <v>5084</v>
      </c>
      <c r="M1390" s="1" t="s">
        <v>5</v>
      </c>
      <c r="N1390" s="1" t="s">
        <v>6</v>
      </c>
      <c r="O1390" s="1" t="s">
        <v>38</v>
      </c>
      <c r="P1390" s="5" t="s">
        <v>31222</v>
      </c>
    </row>
    <row r="1391" spans="1:16" x14ac:dyDescent="0.2">
      <c r="A1391" s="1" t="s">
        <v>10</v>
      </c>
      <c r="B1391" s="1" t="s">
        <v>10</v>
      </c>
      <c r="C1391" s="1" t="s">
        <v>5088</v>
      </c>
      <c r="D1391" s="1" t="s">
        <v>10</v>
      </c>
      <c r="E1391" s="1" t="s">
        <v>5089</v>
      </c>
      <c r="F1391" s="1" t="s">
        <v>10</v>
      </c>
      <c r="G1391" s="1" t="s">
        <v>10</v>
      </c>
      <c r="H1391" s="1" t="s">
        <v>10</v>
      </c>
      <c r="I1391" s="1" t="s">
        <v>3941</v>
      </c>
      <c r="J1391" s="1" t="s">
        <v>10</v>
      </c>
      <c r="K1391" s="1" t="s">
        <v>64</v>
      </c>
      <c r="L1391" s="1" t="s">
        <v>5087</v>
      </c>
      <c r="M1391" s="1" t="s">
        <v>5</v>
      </c>
      <c r="N1391" s="1" t="s">
        <v>6</v>
      </c>
      <c r="O1391" s="1" t="s">
        <v>38</v>
      </c>
      <c r="P1391" s="5" t="s">
        <v>31222</v>
      </c>
    </row>
    <row r="1392" spans="1:16" x14ac:dyDescent="0.2">
      <c r="A1392" s="1" t="s">
        <v>10</v>
      </c>
      <c r="B1392" s="1" t="s">
        <v>10</v>
      </c>
      <c r="C1392" s="1" t="s">
        <v>5091</v>
      </c>
      <c r="D1392" s="1" t="s">
        <v>10</v>
      </c>
      <c r="E1392" s="1" t="s">
        <v>5092</v>
      </c>
      <c r="F1392" s="1" t="s">
        <v>10</v>
      </c>
      <c r="G1392" s="1" t="s">
        <v>10</v>
      </c>
      <c r="H1392" s="1" t="s">
        <v>10</v>
      </c>
      <c r="I1392" s="1" t="s">
        <v>3941</v>
      </c>
      <c r="J1392" s="1" t="s">
        <v>10</v>
      </c>
      <c r="K1392" s="1" t="s">
        <v>64</v>
      </c>
      <c r="L1392" s="1" t="s">
        <v>5090</v>
      </c>
      <c r="M1392" s="1" t="s">
        <v>5</v>
      </c>
      <c r="N1392" s="1" t="s">
        <v>6</v>
      </c>
      <c r="O1392" s="1" t="s">
        <v>38</v>
      </c>
      <c r="P1392" s="5" t="s">
        <v>31224</v>
      </c>
    </row>
    <row r="1393" spans="1:16" x14ac:dyDescent="0.2">
      <c r="A1393" s="1" t="s">
        <v>10</v>
      </c>
      <c r="B1393" s="1" t="s">
        <v>10</v>
      </c>
      <c r="C1393" s="1" t="s">
        <v>5094</v>
      </c>
      <c r="D1393" s="1" t="s">
        <v>10</v>
      </c>
      <c r="E1393" s="1" t="s">
        <v>10</v>
      </c>
      <c r="F1393" s="1" t="s">
        <v>10</v>
      </c>
      <c r="G1393" s="1" t="s">
        <v>10</v>
      </c>
      <c r="H1393" s="1" t="s">
        <v>10</v>
      </c>
      <c r="I1393" s="1" t="s">
        <v>3941</v>
      </c>
      <c r="J1393" s="1" t="s">
        <v>10</v>
      </c>
      <c r="K1393" s="1" t="s">
        <v>64</v>
      </c>
      <c r="L1393" s="1" t="s">
        <v>5093</v>
      </c>
      <c r="M1393" s="1" t="s">
        <v>5</v>
      </c>
      <c r="N1393" s="1" t="s">
        <v>6</v>
      </c>
      <c r="O1393" s="1" t="s">
        <v>38</v>
      </c>
      <c r="P1393" s="5" t="s">
        <v>31222</v>
      </c>
    </row>
    <row r="1394" spans="1:16" x14ac:dyDescent="0.2">
      <c r="A1394" s="1" t="s">
        <v>10</v>
      </c>
      <c r="B1394" s="1" t="s">
        <v>10</v>
      </c>
      <c r="C1394" s="1" t="s">
        <v>5096</v>
      </c>
      <c r="D1394" s="1" t="s">
        <v>10</v>
      </c>
      <c r="E1394" s="1" t="s">
        <v>5097</v>
      </c>
      <c r="F1394" s="1" t="s">
        <v>10</v>
      </c>
      <c r="G1394" s="1" t="s">
        <v>10</v>
      </c>
      <c r="H1394" s="1" t="s">
        <v>10</v>
      </c>
      <c r="I1394" s="1" t="s">
        <v>3941</v>
      </c>
      <c r="J1394" s="1" t="s">
        <v>10</v>
      </c>
      <c r="K1394" s="1" t="s">
        <v>64</v>
      </c>
      <c r="L1394" s="1" t="s">
        <v>5095</v>
      </c>
      <c r="M1394" s="1" t="s">
        <v>5</v>
      </c>
      <c r="N1394" s="1" t="s">
        <v>6</v>
      </c>
      <c r="O1394" s="1" t="s">
        <v>38</v>
      </c>
      <c r="P1394" s="5" t="s">
        <v>31222</v>
      </c>
    </row>
    <row r="1395" spans="1:16" x14ac:dyDescent="0.2">
      <c r="A1395" s="1" t="s">
        <v>10</v>
      </c>
      <c r="B1395" s="1" t="s">
        <v>10</v>
      </c>
      <c r="C1395" s="1" t="s">
        <v>5099</v>
      </c>
      <c r="D1395" s="1" t="s">
        <v>10</v>
      </c>
      <c r="E1395" s="1" t="s">
        <v>5100</v>
      </c>
      <c r="F1395" s="1" t="s">
        <v>10</v>
      </c>
      <c r="G1395" s="1" t="s">
        <v>10</v>
      </c>
      <c r="H1395" s="1" t="s">
        <v>10</v>
      </c>
      <c r="I1395" s="1" t="s">
        <v>3941</v>
      </c>
      <c r="J1395" s="1" t="s">
        <v>10</v>
      </c>
      <c r="K1395" s="1" t="s">
        <v>64</v>
      </c>
      <c r="L1395" s="1" t="s">
        <v>5098</v>
      </c>
      <c r="M1395" s="1" t="s">
        <v>5</v>
      </c>
      <c r="N1395" s="1" t="s">
        <v>6</v>
      </c>
      <c r="O1395" s="1" t="s">
        <v>38</v>
      </c>
      <c r="P1395" s="5" t="s">
        <v>31222</v>
      </c>
    </row>
    <row r="1396" spans="1:16" x14ac:dyDescent="0.2">
      <c r="A1396" s="1" t="s">
        <v>10</v>
      </c>
      <c r="B1396" s="1" t="s">
        <v>10</v>
      </c>
      <c r="C1396" s="1" t="s">
        <v>5102</v>
      </c>
      <c r="D1396" s="1" t="s">
        <v>10</v>
      </c>
      <c r="E1396" s="1" t="s">
        <v>5103</v>
      </c>
      <c r="F1396" s="1" t="s">
        <v>10</v>
      </c>
      <c r="G1396" s="1" t="s">
        <v>10</v>
      </c>
      <c r="H1396" s="1" t="s">
        <v>10</v>
      </c>
      <c r="I1396" s="1" t="s">
        <v>3941</v>
      </c>
      <c r="J1396" s="1" t="s">
        <v>10</v>
      </c>
      <c r="K1396" s="1" t="s">
        <v>64</v>
      </c>
      <c r="L1396" s="1" t="s">
        <v>5101</v>
      </c>
      <c r="M1396" s="1" t="s">
        <v>5</v>
      </c>
      <c r="N1396" s="1" t="s">
        <v>6</v>
      </c>
      <c r="O1396" s="1" t="s">
        <v>38</v>
      </c>
      <c r="P1396" s="5" t="s">
        <v>31222</v>
      </c>
    </row>
    <row r="1397" spans="1:16" x14ac:dyDescent="0.2">
      <c r="A1397" s="1" t="s">
        <v>66</v>
      </c>
      <c r="B1397" s="1" t="s">
        <v>4741</v>
      </c>
      <c r="C1397" s="1" t="s">
        <v>5105</v>
      </c>
      <c r="D1397" s="1" t="s">
        <v>10</v>
      </c>
      <c r="E1397" s="1" t="s">
        <v>5106</v>
      </c>
      <c r="F1397" s="1" t="s">
        <v>10</v>
      </c>
      <c r="G1397" s="1" t="s">
        <v>10</v>
      </c>
      <c r="H1397" s="1" t="s">
        <v>10</v>
      </c>
      <c r="I1397" s="1" t="s">
        <v>3941</v>
      </c>
      <c r="J1397" s="1" t="s">
        <v>10</v>
      </c>
      <c r="K1397" s="1" t="s">
        <v>64</v>
      </c>
      <c r="L1397" s="1" t="s">
        <v>5104</v>
      </c>
      <c r="M1397" s="1" t="s">
        <v>5</v>
      </c>
      <c r="N1397" s="1" t="s">
        <v>6</v>
      </c>
      <c r="O1397" s="1" t="s">
        <v>38</v>
      </c>
      <c r="P1397" s="5" t="s">
        <v>31221</v>
      </c>
    </row>
    <row r="1398" spans="1:16" x14ac:dyDescent="0.2">
      <c r="A1398" s="1" t="s">
        <v>10</v>
      </c>
      <c r="B1398" s="1" t="s">
        <v>10</v>
      </c>
      <c r="C1398" s="1" t="s">
        <v>5108</v>
      </c>
      <c r="D1398" s="1" t="s">
        <v>10</v>
      </c>
      <c r="E1398" s="1" t="s">
        <v>5109</v>
      </c>
      <c r="F1398" s="1" t="s">
        <v>10</v>
      </c>
      <c r="G1398" s="1" t="s">
        <v>10</v>
      </c>
      <c r="H1398" s="1" t="s">
        <v>10</v>
      </c>
      <c r="I1398" s="1" t="s">
        <v>3941</v>
      </c>
      <c r="J1398" s="1" t="s">
        <v>10</v>
      </c>
      <c r="K1398" s="1" t="s">
        <v>64</v>
      </c>
      <c r="L1398" s="1" t="s">
        <v>5107</v>
      </c>
      <c r="M1398" s="1" t="s">
        <v>5</v>
      </c>
      <c r="N1398" s="1" t="s">
        <v>6</v>
      </c>
      <c r="O1398" s="1" t="s">
        <v>38</v>
      </c>
      <c r="P1398" s="5" t="s">
        <v>31222</v>
      </c>
    </row>
    <row r="1399" spans="1:16" x14ac:dyDescent="0.2">
      <c r="A1399" s="1" t="s">
        <v>10</v>
      </c>
      <c r="B1399" s="1" t="s">
        <v>10</v>
      </c>
      <c r="C1399" s="1" t="s">
        <v>5111</v>
      </c>
      <c r="D1399" s="1" t="s">
        <v>10</v>
      </c>
      <c r="E1399" s="1" t="s">
        <v>5112</v>
      </c>
      <c r="F1399" s="1" t="s">
        <v>10</v>
      </c>
      <c r="G1399" s="1" t="s">
        <v>10</v>
      </c>
      <c r="H1399" s="1" t="s">
        <v>10</v>
      </c>
      <c r="I1399" s="1" t="s">
        <v>3941</v>
      </c>
      <c r="J1399" s="1" t="s">
        <v>10</v>
      </c>
      <c r="K1399" s="1" t="s">
        <v>64</v>
      </c>
      <c r="L1399" s="1" t="s">
        <v>5110</v>
      </c>
      <c r="M1399" s="1" t="s">
        <v>5</v>
      </c>
      <c r="N1399" s="1" t="s">
        <v>6</v>
      </c>
      <c r="O1399" s="1" t="s">
        <v>38</v>
      </c>
      <c r="P1399" s="5" t="s">
        <v>31222</v>
      </c>
    </row>
    <row r="1400" spans="1:16" x14ac:dyDescent="0.2">
      <c r="A1400" s="1" t="s">
        <v>10</v>
      </c>
      <c r="B1400" s="1" t="s">
        <v>10</v>
      </c>
      <c r="C1400" s="1" t="s">
        <v>5114</v>
      </c>
      <c r="D1400" s="1" t="s">
        <v>10</v>
      </c>
      <c r="E1400" s="1" t="s">
        <v>10</v>
      </c>
      <c r="F1400" s="1" t="s">
        <v>10</v>
      </c>
      <c r="G1400" s="1" t="s">
        <v>10</v>
      </c>
      <c r="H1400" s="1" t="s">
        <v>10</v>
      </c>
      <c r="I1400" s="1" t="s">
        <v>3941</v>
      </c>
      <c r="J1400" s="1" t="s">
        <v>10</v>
      </c>
      <c r="K1400" s="1" t="s">
        <v>64</v>
      </c>
      <c r="L1400" s="1" t="s">
        <v>5113</v>
      </c>
      <c r="M1400" s="1" t="s">
        <v>5</v>
      </c>
      <c r="N1400" s="1" t="s">
        <v>6</v>
      </c>
      <c r="O1400" s="1" t="s">
        <v>38</v>
      </c>
      <c r="P1400" s="5" t="s">
        <v>31222</v>
      </c>
    </row>
    <row r="1401" spans="1:16" x14ac:dyDescent="0.2">
      <c r="A1401" s="1" t="s">
        <v>10</v>
      </c>
      <c r="B1401" s="1" t="s">
        <v>10</v>
      </c>
      <c r="C1401" s="1" t="s">
        <v>5116</v>
      </c>
      <c r="D1401" s="1" t="s">
        <v>10</v>
      </c>
      <c r="E1401" s="1" t="s">
        <v>10</v>
      </c>
      <c r="F1401" s="1" t="s">
        <v>10</v>
      </c>
      <c r="G1401" s="1" t="s">
        <v>10</v>
      </c>
      <c r="H1401" s="1" t="s">
        <v>10</v>
      </c>
      <c r="I1401" s="1" t="s">
        <v>3941</v>
      </c>
      <c r="J1401" s="1" t="s">
        <v>10</v>
      </c>
      <c r="K1401" s="1" t="s">
        <v>64</v>
      </c>
      <c r="L1401" s="1" t="s">
        <v>5115</v>
      </c>
      <c r="M1401" s="1" t="s">
        <v>5</v>
      </c>
      <c r="N1401" s="1" t="s">
        <v>6</v>
      </c>
      <c r="O1401" s="1" t="s">
        <v>38</v>
      </c>
      <c r="P1401" s="5" t="s">
        <v>31224</v>
      </c>
    </row>
    <row r="1402" spans="1:16" x14ac:dyDescent="0.2">
      <c r="A1402" s="1" t="s">
        <v>10</v>
      </c>
      <c r="B1402" s="1" t="s">
        <v>10</v>
      </c>
      <c r="C1402" s="1" t="s">
        <v>5118</v>
      </c>
      <c r="D1402" s="1" t="s">
        <v>10</v>
      </c>
      <c r="E1402" s="1" t="s">
        <v>5119</v>
      </c>
      <c r="F1402" s="1" t="s">
        <v>10</v>
      </c>
      <c r="G1402" s="1" t="s">
        <v>10</v>
      </c>
      <c r="H1402" s="1" t="s">
        <v>10</v>
      </c>
      <c r="I1402" s="1" t="s">
        <v>3941</v>
      </c>
      <c r="J1402" s="1" t="s">
        <v>10</v>
      </c>
      <c r="K1402" s="1" t="s">
        <v>64</v>
      </c>
      <c r="L1402" s="1" t="s">
        <v>5117</v>
      </c>
      <c r="M1402" s="1" t="s">
        <v>5</v>
      </c>
      <c r="N1402" s="1" t="s">
        <v>6</v>
      </c>
      <c r="O1402" s="1" t="s">
        <v>38</v>
      </c>
      <c r="P1402" s="5" t="s">
        <v>31224</v>
      </c>
    </row>
    <row r="1403" spans="1:16" x14ac:dyDescent="0.2">
      <c r="A1403" s="1" t="s">
        <v>194</v>
      </c>
      <c r="B1403" s="1" t="s">
        <v>10</v>
      </c>
      <c r="C1403" s="1" t="s">
        <v>5121</v>
      </c>
      <c r="D1403" s="1" t="s">
        <v>10</v>
      </c>
      <c r="E1403" s="1" t="s">
        <v>10</v>
      </c>
      <c r="F1403" s="1" t="s">
        <v>10</v>
      </c>
      <c r="G1403" s="1" t="s">
        <v>10</v>
      </c>
      <c r="H1403" s="1" t="s">
        <v>10</v>
      </c>
      <c r="I1403" s="1" t="s">
        <v>3941</v>
      </c>
      <c r="J1403" s="1" t="s">
        <v>10</v>
      </c>
      <c r="K1403" s="1" t="s">
        <v>64</v>
      </c>
      <c r="L1403" s="1" t="s">
        <v>5120</v>
      </c>
      <c r="M1403" s="1" t="s">
        <v>5</v>
      </c>
      <c r="N1403" s="1" t="s">
        <v>6</v>
      </c>
      <c r="O1403" s="1" t="s">
        <v>38</v>
      </c>
      <c r="P1403" s="5" t="s">
        <v>31222</v>
      </c>
    </row>
    <row r="1404" spans="1:16" x14ac:dyDescent="0.2">
      <c r="A1404" s="1" t="s">
        <v>10</v>
      </c>
      <c r="B1404" s="1" t="s">
        <v>10</v>
      </c>
      <c r="C1404" s="1" t="s">
        <v>5123</v>
      </c>
      <c r="D1404" s="1" t="s">
        <v>10</v>
      </c>
      <c r="E1404" s="1" t="s">
        <v>10</v>
      </c>
      <c r="F1404" s="1" t="s">
        <v>10</v>
      </c>
      <c r="G1404" s="1" t="s">
        <v>10</v>
      </c>
      <c r="H1404" s="1" t="s">
        <v>10</v>
      </c>
      <c r="I1404" s="1" t="s">
        <v>3941</v>
      </c>
      <c r="J1404" s="1" t="s">
        <v>10</v>
      </c>
      <c r="K1404" s="1" t="s">
        <v>64</v>
      </c>
      <c r="L1404" s="1" t="s">
        <v>5122</v>
      </c>
      <c r="M1404" s="1" t="s">
        <v>5</v>
      </c>
      <c r="N1404" s="1" t="s">
        <v>6</v>
      </c>
      <c r="O1404" s="1" t="s">
        <v>38</v>
      </c>
      <c r="P1404" s="5" t="s">
        <v>31224</v>
      </c>
    </row>
    <row r="1405" spans="1:16" x14ac:dyDescent="0.2">
      <c r="A1405" s="1" t="s">
        <v>10</v>
      </c>
      <c r="B1405" s="1" t="s">
        <v>10</v>
      </c>
      <c r="C1405" s="1" t="s">
        <v>5125</v>
      </c>
      <c r="D1405" s="1" t="s">
        <v>10</v>
      </c>
      <c r="E1405" s="1" t="s">
        <v>10</v>
      </c>
      <c r="F1405" s="1" t="s">
        <v>10</v>
      </c>
      <c r="G1405" s="1" t="s">
        <v>10</v>
      </c>
      <c r="H1405" s="1" t="s">
        <v>10</v>
      </c>
      <c r="I1405" s="1" t="s">
        <v>3941</v>
      </c>
      <c r="J1405" s="1" t="s">
        <v>10</v>
      </c>
      <c r="K1405" s="1" t="s">
        <v>64</v>
      </c>
      <c r="L1405" s="1" t="s">
        <v>5124</v>
      </c>
      <c r="M1405" s="1" t="s">
        <v>5</v>
      </c>
      <c r="N1405" s="1" t="s">
        <v>6</v>
      </c>
      <c r="O1405" s="1" t="s">
        <v>38</v>
      </c>
      <c r="P1405" s="5" t="s">
        <v>31229</v>
      </c>
    </row>
    <row r="1406" spans="1:16" x14ac:dyDescent="0.2">
      <c r="A1406" s="1" t="s">
        <v>10</v>
      </c>
      <c r="B1406" s="1" t="s">
        <v>10</v>
      </c>
      <c r="C1406" s="1" t="s">
        <v>5127</v>
      </c>
      <c r="D1406" s="1" t="s">
        <v>10</v>
      </c>
      <c r="E1406" s="1" t="s">
        <v>10</v>
      </c>
      <c r="F1406" s="1" t="s">
        <v>10</v>
      </c>
      <c r="G1406" s="1" t="s">
        <v>10</v>
      </c>
      <c r="H1406" s="1" t="s">
        <v>10</v>
      </c>
      <c r="I1406" s="1" t="s">
        <v>3941</v>
      </c>
      <c r="J1406" s="1" t="s">
        <v>10</v>
      </c>
      <c r="K1406" s="1" t="s">
        <v>64</v>
      </c>
      <c r="L1406" s="1" t="s">
        <v>5126</v>
      </c>
      <c r="M1406" s="1" t="s">
        <v>5</v>
      </c>
      <c r="N1406" s="1" t="s">
        <v>6</v>
      </c>
      <c r="O1406" s="1" t="s">
        <v>38</v>
      </c>
      <c r="P1406" s="5" t="s">
        <v>31229</v>
      </c>
    </row>
    <row r="1407" spans="1:16" x14ac:dyDescent="0.2">
      <c r="A1407" s="1" t="s">
        <v>10</v>
      </c>
      <c r="B1407" s="1" t="s">
        <v>10</v>
      </c>
      <c r="C1407" s="1" t="s">
        <v>5129</v>
      </c>
      <c r="D1407" s="1" t="s">
        <v>10</v>
      </c>
      <c r="E1407" s="1" t="s">
        <v>10</v>
      </c>
      <c r="F1407" s="1" t="s">
        <v>10</v>
      </c>
      <c r="G1407" s="1" t="s">
        <v>10</v>
      </c>
      <c r="H1407" s="1" t="s">
        <v>10</v>
      </c>
      <c r="I1407" s="1" t="s">
        <v>3941</v>
      </c>
      <c r="J1407" s="1" t="s">
        <v>10</v>
      </c>
      <c r="K1407" s="1" t="s">
        <v>64</v>
      </c>
      <c r="L1407" s="1" t="s">
        <v>5128</v>
      </c>
      <c r="M1407" s="1" t="s">
        <v>5</v>
      </c>
      <c r="N1407" s="1" t="s">
        <v>6</v>
      </c>
      <c r="O1407" s="1" t="s">
        <v>38</v>
      </c>
      <c r="P1407" s="5" t="s">
        <v>31229</v>
      </c>
    </row>
    <row r="1408" spans="1:16" x14ac:dyDescent="0.2">
      <c r="A1408" s="1" t="s">
        <v>10</v>
      </c>
      <c r="B1408" s="1" t="s">
        <v>10</v>
      </c>
      <c r="C1408" s="1" t="s">
        <v>5131</v>
      </c>
      <c r="D1408" s="1" t="s">
        <v>10</v>
      </c>
      <c r="E1408" s="1" t="s">
        <v>10</v>
      </c>
      <c r="F1408" s="1" t="s">
        <v>10</v>
      </c>
      <c r="G1408" s="1" t="s">
        <v>10</v>
      </c>
      <c r="H1408" s="1" t="s">
        <v>10</v>
      </c>
      <c r="I1408" s="1" t="s">
        <v>3941</v>
      </c>
      <c r="J1408" s="1" t="s">
        <v>10</v>
      </c>
      <c r="K1408" s="1" t="s">
        <v>64</v>
      </c>
      <c r="L1408" s="1" t="s">
        <v>5130</v>
      </c>
      <c r="M1408" s="1" t="s">
        <v>5</v>
      </c>
      <c r="N1408" s="1" t="s">
        <v>6</v>
      </c>
      <c r="O1408" s="1" t="s">
        <v>38</v>
      </c>
      <c r="P1408" s="5" t="s">
        <v>31229</v>
      </c>
    </row>
    <row r="1409" spans="1:16" x14ac:dyDescent="0.2">
      <c r="A1409" s="1" t="s">
        <v>10</v>
      </c>
      <c r="B1409" s="1" t="s">
        <v>10</v>
      </c>
      <c r="C1409" s="1" t="s">
        <v>5133</v>
      </c>
      <c r="D1409" s="1" t="s">
        <v>10</v>
      </c>
      <c r="E1409" s="1" t="s">
        <v>10</v>
      </c>
      <c r="F1409" s="1" t="s">
        <v>10</v>
      </c>
      <c r="G1409" s="1" t="s">
        <v>10</v>
      </c>
      <c r="H1409" s="1" t="s">
        <v>10</v>
      </c>
      <c r="I1409" s="1" t="s">
        <v>3941</v>
      </c>
      <c r="J1409" s="1" t="s">
        <v>10</v>
      </c>
      <c r="K1409" s="1" t="s">
        <v>64</v>
      </c>
      <c r="L1409" s="1" t="s">
        <v>5132</v>
      </c>
      <c r="M1409" s="1" t="s">
        <v>5</v>
      </c>
      <c r="N1409" s="1" t="s">
        <v>6</v>
      </c>
      <c r="O1409" s="1" t="s">
        <v>38</v>
      </c>
      <c r="P1409" s="5" t="s">
        <v>31224</v>
      </c>
    </row>
    <row r="1410" spans="1:16" x14ac:dyDescent="0.2">
      <c r="A1410" s="1" t="s">
        <v>10</v>
      </c>
      <c r="B1410" s="1" t="s">
        <v>10</v>
      </c>
      <c r="C1410" s="1" t="s">
        <v>5135</v>
      </c>
      <c r="D1410" s="1" t="s">
        <v>10</v>
      </c>
      <c r="E1410" s="1" t="s">
        <v>5136</v>
      </c>
      <c r="F1410" s="1" t="s">
        <v>10</v>
      </c>
      <c r="G1410" s="1" t="s">
        <v>10</v>
      </c>
      <c r="H1410" s="1" t="s">
        <v>10</v>
      </c>
      <c r="I1410" s="1" t="s">
        <v>3941</v>
      </c>
      <c r="J1410" s="1" t="s">
        <v>10</v>
      </c>
      <c r="K1410" s="1" t="s">
        <v>64</v>
      </c>
      <c r="L1410" s="1" t="s">
        <v>5134</v>
      </c>
      <c r="M1410" s="1" t="s">
        <v>5</v>
      </c>
      <c r="N1410" s="1" t="s">
        <v>6</v>
      </c>
      <c r="O1410" s="1" t="s">
        <v>38</v>
      </c>
      <c r="P1410" s="5" t="s">
        <v>31224</v>
      </c>
    </row>
    <row r="1411" spans="1:16" x14ac:dyDescent="0.2">
      <c r="A1411" s="1" t="s">
        <v>10</v>
      </c>
      <c r="B1411" s="1" t="s">
        <v>10</v>
      </c>
      <c r="C1411" s="1" t="s">
        <v>5138</v>
      </c>
      <c r="D1411" s="1" t="s">
        <v>10</v>
      </c>
      <c r="E1411" s="1" t="s">
        <v>5139</v>
      </c>
      <c r="F1411" s="1" t="s">
        <v>10</v>
      </c>
      <c r="G1411" s="1" t="s">
        <v>10</v>
      </c>
      <c r="H1411" s="1" t="s">
        <v>10</v>
      </c>
      <c r="I1411" s="1" t="s">
        <v>3941</v>
      </c>
      <c r="J1411" s="1" t="s">
        <v>10</v>
      </c>
      <c r="K1411" s="1" t="s">
        <v>64</v>
      </c>
      <c r="L1411" s="1" t="s">
        <v>5137</v>
      </c>
      <c r="M1411" s="1" t="s">
        <v>5</v>
      </c>
      <c r="N1411" s="1" t="s">
        <v>6</v>
      </c>
      <c r="O1411" s="1" t="s">
        <v>38</v>
      </c>
      <c r="P1411" s="5" t="s">
        <v>31224</v>
      </c>
    </row>
    <row r="1412" spans="1:16" x14ac:dyDescent="0.2">
      <c r="A1412" s="1" t="s">
        <v>10</v>
      </c>
      <c r="B1412" s="1" t="s">
        <v>10</v>
      </c>
      <c r="C1412" s="1" t="s">
        <v>5141</v>
      </c>
      <c r="D1412" s="1" t="s">
        <v>10</v>
      </c>
      <c r="E1412" s="1" t="s">
        <v>5142</v>
      </c>
      <c r="F1412" s="1" t="s">
        <v>10</v>
      </c>
      <c r="G1412" s="1" t="s">
        <v>10</v>
      </c>
      <c r="H1412" s="1" t="s">
        <v>10</v>
      </c>
      <c r="I1412" s="1" t="s">
        <v>3941</v>
      </c>
      <c r="J1412" s="1" t="s">
        <v>10</v>
      </c>
      <c r="K1412" s="1" t="s">
        <v>64</v>
      </c>
      <c r="L1412" s="1" t="s">
        <v>5140</v>
      </c>
      <c r="M1412" s="1" t="s">
        <v>5</v>
      </c>
      <c r="N1412" s="1" t="s">
        <v>6</v>
      </c>
      <c r="O1412" s="1" t="s">
        <v>38</v>
      </c>
      <c r="P1412" s="5" t="s">
        <v>31224</v>
      </c>
    </row>
    <row r="1413" spans="1:16" x14ac:dyDescent="0.2">
      <c r="A1413" s="1" t="s">
        <v>10</v>
      </c>
      <c r="B1413" s="1" t="s">
        <v>10</v>
      </c>
      <c r="C1413" s="1" t="s">
        <v>5144</v>
      </c>
      <c r="D1413" s="1" t="s">
        <v>10</v>
      </c>
      <c r="E1413" s="1" t="s">
        <v>10</v>
      </c>
      <c r="F1413" s="1" t="s">
        <v>10</v>
      </c>
      <c r="G1413" s="1" t="s">
        <v>10</v>
      </c>
      <c r="H1413" s="1" t="s">
        <v>10</v>
      </c>
      <c r="I1413" s="1" t="s">
        <v>3941</v>
      </c>
      <c r="J1413" s="1" t="s">
        <v>10</v>
      </c>
      <c r="K1413" s="1" t="s">
        <v>64</v>
      </c>
      <c r="L1413" s="1" t="s">
        <v>5143</v>
      </c>
      <c r="M1413" s="1" t="s">
        <v>5</v>
      </c>
      <c r="N1413" s="1" t="s">
        <v>6</v>
      </c>
      <c r="O1413" s="1" t="s">
        <v>38</v>
      </c>
      <c r="P1413" s="5" t="s">
        <v>31222</v>
      </c>
    </row>
    <row r="1414" spans="1:16" x14ac:dyDescent="0.2">
      <c r="A1414" s="1" t="s">
        <v>10</v>
      </c>
      <c r="B1414" s="1" t="s">
        <v>10</v>
      </c>
      <c r="C1414" s="1" t="s">
        <v>5146</v>
      </c>
      <c r="D1414" s="1" t="s">
        <v>10</v>
      </c>
      <c r="E1414" s="1" t="s">
        <v>5147</v>
      </c>
      <c r="F1414" s="1" t="s">
        <v>10</v>
      </c>
      <c r="G1414" s="1" t="s">
        <v>10</v>
      </c>
      <c r="H1414" s="1" t="s">
        <v>10</v>
      </c>
      <c r="I1414" s="1" t="s">
        <v>3941</v>
      </c>
      <c r="J1414" s="1" t="s">
        <v>10</v>
      </c>
      <c r="K1414" s="1" t="s">
        <v>64</v>
      </c>
      <c r="L1414" s="1" t="s">
        <v>5145</v>
      </c>
      <c r="M1414" s="1" t="s">
        <v>5</v>
      </c>
      <c r="N1414" s="1" t="s">
        <v>6</v>
      </c>
      <c r="O1414" s="1" t="s">
        <v>38</v>
      </c>
      <c r="P1414" s="5" t="s">
        <v>31224</v>
      </c>
    </row>
    <row r="1415" spans="1:16" x14ac:dyDescent="0.2">
      <c r="A1415" s="1" t="s">
        <v>10</v>
      </c>
      <c r="B1415" s="1" t="s">
        <v>10</v>
      </c>
      <c r="C1415" s="1" t="s">
        <v>5149</v>
      </c>
      <c r="D1415" s="1" t="s">
        <v>10</v>
      </c>
      <c r="E1415" s="1" t="s">
        <v>10</v>
      </c>
      <c r="F1415" s="1" t="s">
        <v>10</v>
      </c>
      <c r="G1415" s="1" t="s">
        <v>10</v>
      </c>
      <c r="H1415" s="1" t="s">
        <v>10</v>
      </c>
      <c r="I1415" s="1" t="s">
        <v>3941</v>
      </c>
      <c r="J1415" s="1" t="s">
        <v>10</v>
      </c>
      <c r="K1415" s="1" t="s">
        <v>64</v>
      </c>
      <c r="L1415" s="1" t="s">
        <v>5148</v>
      </c>
      <c r="M1415" s="1" t="s">
        <v>5</v>
      </c>
      <c r="N1415" s="1" t="s">
        <v>6</v>
      </c>
      <c r="O1415" s="1" t="s">
        <v>38</v>
      </c>
      <c r="P1415" s="5" t="s">
        <v>31222</v>
      </c>
    </row>
    <row r="1416" spans="1:16" x14ac:dyDescent="0.2">
      <c r="A1416" s="1" t="s">
        <v>10</v>
      </c>
      <c r="B1416" s="1" t="s">
        <v>10</v>
      </c>
      <c r="C1416" s="1" t="s">
        <v>5151</v>
      </c>
      <c r="D1416" s="1" t="s">
        <v>10</v>
      </c>
      <c r="E1416" s="1" t="s">
        <v>5152</v>
      </c>
      <c r="F1416" s="1" t="s">
        <v>10</v>
      </c>
      <c r="G1416" s="1" t="s">
        <v>10</v>
      </c>
      <c r="H1416" s="1" t="s">
        <v>10</v>
      </c>
      <c r="I1416" s="1" t="s">
        <v>3941</v>
      </c>
      <c r="J1416" s="1" t="s">
        <v>10</v>
      </c>
      <c r="K1416" s="1" t="s">
        <v>64</v>
      </c>
      <c r="L1416" s="1" t="s">
        <v>5150</v>
      </c>
      <c r="M1416" s="1" t="s">
        <v>5</v>
      </c>
      <c r="N1416" s="1" t="s">
        <v>6</v>
      </c>
      <c r="O1416" s="1" t="s">
        <v>38</v>
      </c>
      <c r="P1416" s="5" t="s">
        <v>31224</v>
      </c>
    </row>
    <row r="1417" spans="1:16" x14ac:dyDescent="0.2">
      <c r="A1417" s="1" t="s">
        <v>10</v>
      </c>
      <c r="B1417" s="1" t="s">
        <v>10</v>
      </c>
      <c r="C1417" s="1" t="s">
        <v>5154</v>
      </c>
      <c r="D1417" s="1" t="s">
        <v>10</v>
      </c>
      <c r="E1417" s="1" t="s">
        <v>10</v>
      </c>
      <c r="F1417" s="1" t="s">
        <v>10</v>
      </c>
      <c r="G1417" s="1" t="s">
        <v>10</v>
      </c>
      <c r="H1417" s="1" t="s">
        <v>10</v>
      </c>
      <c r="I1417" s="1" t="s">
        <v>3941</v>
      </c>
      <c r="J1417" s="1" t="s">
        <v>10</v>
      </c>
      <c r="K1417" s="1" t="s">
        <v>64</v>
      </c>
      <c r="L1417" s="1" t="s">
        <v>5153</v>
      </c>
      <c r="M1417" s="1" t="s">
        <v>5</v>
      </c>
      <c r="N1417" s="1" t="s">
        <v>6</v>
      </c>
      <c r="O1417" s="1" t="s">
        <v>38</v>
      </c>
      <c r="P1417" s="5" t="s">
        <v>31230</v>
      </c>
    </row>
    <row r="1418" spans="1:16" x14ac:dyDescent="0.2">
      <c r="A1418" s="1" t="s">
        <v>10</v>
      </c>
      <c r="B1418" s="1" t="s">
        <v>10</v>
      </c>
      <c r="C1418" s="1" t="s">
        <v>5156</v>
      </c>
      <c r="D1418" s="1" t="s">
        <v>10</v>
      </c>
      <c r="E1418" s="1" t="s">
        <v>10</v>
      </c>
      <c r="F1418" s="1" t="s">
        <v>10</v>
      </c>
      <c r="G1418" s="1" t="s">
        <v>10</v>
      </c>
      <c r="H1418" s="1" t="s">
        <v>10</v>
      </c>
      <c r="I1418" s="1" t="s">
        <v>3941</v>
      </c>
      <c r="J1418" s="1" t="s">
        <v>10</v>
      </c>
      <c r="K1418" s="1" t="s">
        <v>64</v>
      </c>
      <c r="L1418" s="1" t="s">
        <v>5155</v>
      </c>
      <c r="M1418" s="1" t="s">
        <v>5</v>
      </c>
      <c r="N1418" s="1" t="s">
        <v>6</v>
      </c>
      <c r="O1418" s="1" t="s">
        <v>38</v>
      </c>
      <c r="P1418" s="5" t="s">
        <v>31222</v>
      </c>
    </row>
    <row r="1419" spans="1:16" x14ac:dyDescent="0.2">
      <c r="A1419" s="1" t="s">
        <v>10</v>
      </c>
      <c r="B1419" s="1" t="s">
        <v>10</v>
      </c>
      <c r="C1419" s="1" t="s">
        <v>5160</v>
      </c>
      <c r="D1419" s="1" t="s">
        <v>10</v>
      </c>
      <c r="E1419" s="1" t="s">
        <v>10</v>
      </c>
      <c r="F1419" s="1" t="s">
        <v>10</v>
      </c>
      <c r="G1419" s="1" t="s">
        <v>10</v>
      </c>
      <c r="H1419" s="1" t="s">
        <v>5158</v>
      </c>
      <c r="I1419" s="1" t="s">
        <v>3941</v>
      </c>
      <c r="J1419" s="1" t="s">
        <v>10</v>
      </c>
      <c r="K1419" s="1" t="s">
        <v>64</v>
      </c>
      <c r="L1419" s="1" t="s">
        <v>5159</v>
      </c>
      <c r="M1419" s="1" t="s">
        <v>5</v>
      </c>
      <c r="N1419" s="1" t="s">
        <v>6</v>
      </c>
      <c r="O1419" s="1" t="s">
        <v>8</v>
      </c>
      <c r="P1419" s="5" t="s">
        <v>31079</v>
      </c>
    </row>
    <row r="1420" spans="1:16" x14ac:dyDescent="0.2">
      <c r="A1420" s="1" t="s">
        <v>10</v>
      </c>
      <c r="B1420" s="1" t="s">
        <v>10</v>
      </c>
      <c r="C1420" s="1" t="s">
        <v>5162</v>
      </c>
      <c r="D1420" s="1" t="s">
        <v>10</v>
      </c>
      <c r="E1420" s="1" t="s">
        <v>10</v>
      </c>
      <c r="F1420" s="1" t="s">
        <v>10</v>
      </c>
      <c r="G1420" s="1" t="s">
        <v>10</v>
      </c>
      <c r="H1420" s="1" t="s">
        <v>5163</v>
      </c>
      <c r="I1420" s="1" t="s">
        <v>3941</v>
      </c>
      <c r="J1420" s="1" t="s">
        <v>10</v>
      </c>
      <c r="K1420" s="1" t="s">
        <v>64</v>
      </c>
      <c r="L1420" s="1" t="s">
        <v>5161</v>
      </c>
      <c r="M1420" s="1" t="s">
        <v>5</v>
      </c>
      <c r="N1420" s="1" t="s">
        <v>6</v>
      </c>
      <c r="O1420" s="1" t="s">
        <v>8</v>
      </c>
      <c r="P1420" s="5" t="s">
        <v>31079</v>
      </c>
    </row>
    <row r="1421" spans="1:16" x14ac:dyDescent="0.2">
      <c r="A1421" s="1" t="s">
        <v>10</v>
      </c>
      <c r="B1421" s="1" t="s">
        <v>10</v>
      </c>
      <c r="C1421" s="1" t="s">
        <v>5165</v>
      </c>
      <c r="D1421" s="1" t="s">
        <v>10</v>
      </c>
      <c r="E1421" s="1" t="s">
        <v>10</v>
      </c>
      <c r="F1421" s="1" t="s">
        <v>10</v>
      </c>
      <c r="G1421" s="1" t="s">
        <v>10</v>
      </c>
      <c r="H1421" s="1" t="s">
        <v>5163</v>
      </c>
      <c r="I1421" s="1" t="s">
        <v>3941</v>
      </c>
      <c r="J1421" s="1" t="s">
        <v>10</v>
      </c>
      <c r="K1421" s="1" t="s">
        <v>64</v>
      </c>
      <c r="L1421" s="1" t="s">
        <v>5164</v>
      </c>
      <c r="M1421" s="1" t="s">
        <v>5</v>
      </c>
      <c r="N1421" s="1" t="s">
        <v>6</v>
      </c>
      <c r="O1421" s="1" t="s">
        <v>8</v>
      </c>
      <c r="P1421" s="5" t="s">
        <v>31079</v>
      </c>
    </row>
    <row r="1422" spans="1:16" x14ac:dyDescent="0.2">
      <c r="A1422" s="1" t="s">
        <v>10</v>
      </c>
      <c r="B1422" s="1" t="s">
        <v>10</v>
      </c>
      <c r="C1422" s="1" t="s">
        <v>5167</v>
      </c>
      <c r="D1422" s="1" t="s">
        <v>10</v>
      </c>
      <c r="E1422" s="1" t="s">
        <v>10</v>
      </c>
      <c r="F1422" s="1" t="s">
        <v>10</v>
      </c>
      <c r="G1422" s="1" t="s">
        <v>10</v>
      </c>
      <c r="H1422" s="1" t="s">
        <v>4366</v>
      </c>
      <c r="I1422" s="1" t="s">
        <v>3941</v>
      </c>
      <c r="J1422" s="1" t="s">
        <v>10</v>
      </c>
      <c r="K1422" s="1" t="s">
        <v>64</v>
      </c>
      <c r="L1422" s="1" t="s">
        <v>5166</v>
      </c>
      <c r="M1422" s="1" t="s">
        <v>5</v>
      </c>
      <c r="N1422" s="1" t="s">
        <v>6</v>
      </c>
      <c r="O1422" s="1" t="s">
        <v>8</v>
      </c>
      <c r="P1422" s="5" t="s">
        <v>31079</v>
      </c>
    </row>
    <row r="1423" spans="1:16" x14ac:dyDescent="0.2">
      <c r="A1423" s="1" t="s">
        <v>10</v>
      </c>
      <c r="B1423" s="1" t="s">
        <v>10</v>
      </c>
      <c r="C1423" s="1" t="s">
        <v>5169</v>
      </c>
      <c r="D1423" s="1" t="s">
        <v>10</v>
      </c>
      <c r="E1423" s="1" t="s">
        <v>10</v>
      </c>
      <c r="F1423" s="1" t="s">
        <v>10</v>
      </c>
      <c r="G1423" s="1" t="s">
        <v>10</v>
      </c>
      <c r="H1423" s="1" t="s">
        <v>4366</v>
      </c>
      <c r="I1423" s="1" t="s">
        <v>3941</v>
      </c>
      <c r="J1423" s="1" t="s">
        <v>10</v>
      </c>
      <c r="K1423" s="1" t="s">
        <v>64</v>
      </c>
      <c r="L1423" s="1" t="s">
        <v>5168</v>
      </c>
      <c r="M1423" s="1" t="s">
        <v>5</v>
      </c>
      <c r="N1423" s="1" t="s">
        <v>6</v>
      </c>
      <c r="O1423" s="1" t="s">
        <v>8</v>
      </c>
      <c r="P1423" s="5" t="s">
        <v>31079</v>
      </c>
    </row>
    <row r="1424" spans="1:16" x14ac:dyDescent="0.2">
      <c r="A1424" s="1" t="s">
        <v>10</v>
      </c>
      <c r="B1424" s="1" t="s">
        <v>10</v>
      </c>
      <c r="C1424" s="1" t="s">
        <v>5171</v>
      </c>
      <c r="D1424" s="1" t="s">
        <v>10</v>
      </c>
      <c r="E1424" s="1" t="s">
        <v>10</v>
      </c>
      <c r="F1424" s="1" t="s">
        <v>10</v>
      </c>
      <c r="G1424" s="1" t="s">
        <v>10</v>
      </c>
      <c r="H1424" s="1" t="s">
        <v>4366</v>
      </c>
      <c r="I1424" s="1" t="s">
        <v>3941</v>
      </c>
      <c r="J1424" s="1" t="s">
        <v>10</v>
      </c>
      <c r="K1424" s="1" t="s">
        <v>64</v>
      </c>
      <c r="L1424" s="1" t="s">
        <v>5170</v>
      </c>
      <c r="M1424" s="1" t="s">
        <v>5</v>
      </c>
      <c r="N1424" s="1" t="s">
        <v>6</v>
      </c>
      <c r="O1424" s="1" t="s">
        <v>8</v>
      </c>
      <c r="P1424" s="5" t="s">
        <v>31210</v>
      </c>
    </row>
    <row r="1425" spans="1:16" x14ac:dyDescent="0.2">
      <c r="A1425" s="1" t="s">
        <v>10</v>
      </c>
      <c r="B1425" s="1" t="s">
        <v>10</v>
      </c>
      <c r="C1425" s="1" t="s">
        <v>5173</v>
      </c>
      <c r="D1425" s="1" t="s">
        <v>10</v>
      </c>
      <c r="E1425" s="1" t="s">
        <v>10</v>
      </c>
      <c r="F1425" s="1" t="s">
        <v>10</v>
      </c>
      <c r="G1425" s="1" t="s">
        <v>10</v>
      </c>
      <c r="H1425" s="1" t="s">
        <v>4366</v>
      </c>
      <c r="I1425" s="1" t="s">
        <v>3941</v>
      </c>
      <c r="J1425" s="1" t="s">
        <v>10</v>
      </c>
      <c r="K1425" s="1" t="s">
        <v>64</v>
      </c>
      <c r="L1425" s="1" t="s">
        <v>5172</v>
      </c>
      <c r="M1425" s="1" t="s">
        <v>5</v>
      </c>
      <c r="N1425" s="1" t="s">
        <v>6</v>
      </c>
      <c r="O1425" s="1" t="s">
        <v>8</v>
      </c>
      <c r="P1425" s="5" t="s">
        <v>31210</v>
      </c>
    </row>
    <row r="1426" spans="1:16" x14ac:dyDescent="0.2">
      <c r="A1426" s="1" t="s">
        <v>10</v>
      </c>
      <c r="B1426" s="1" t="s">
        <v>10</v>
      </c>
      <c r="C1426" s="1" t="s">
        <v>5178</v>
      </c>
      <c r="D1426" s="1" t="s">
        <v>10</v>
      </c>
      <c r="E1426" s="1" t="s">
        <v>10</v>
      </c>
      <c r="F1426" s="1" t="s">
        <v>10</v>
      </c>
      <c r="G1426" s="1" t="s">
        <v>10</v>
      </c>
      <c r="H1426" s="1" t="s">
        <v>5174</v>
      </c>
      <c r="I1426" s="1" t="s">
        <v>3941</v>
      </c>
      <c r="J1426" s="1" t="s">
        <v>10</v>
      </c>
      <c r="K1426" s="1" t="s">
        <v>64</v>
      </c>
      <c r="L1426" s="1" t="s">
        <v>5177</v>
      </c>
      <c r="M1426" s="1" t="s">
        <v>5</v>
      </c>
      <c r="N1426" s="1" t="s">
        <v>6</v>
      </c>
      <c r="O1426" s="1" t="s">
        <v>8</v>
      </c>
      <c r="P1426" s="5" t="s">
        <v>31232</v>
      </c>
    </row>
    <row r="1427" spans="1:16" x14ac:dyDescent="0.2">
      <c r="A1427" s="1" t="s">
        <v>10</v>
      </c>
      <c r="B1427" s="1" t="s">
        <v>10</v>
      </c>
      <c r="C1427" s="1" t="s">
        <v>5180</v>
      </c>
      <c r="D1427" s="1" t="s">
        <v>10</v>
      </c>
      <c r="E1427" s="1" t="s">
        <v>10</v>
      </c>
      <c r="F1427" s="1" t="s">
        <v>10</v>
      </c>
      <c r="G1427" s="1" t="s">
        <v>10</v>
      </c>
      <c r="H1427" s="1" t="s">
        <v>5181</v>
      </c>
      <c r="I1427" s="1" t="s">
        <v>3941</v>
      </c>
      <c r="J1427" s="1" t="s">
        <v>10</v>
      </c>
      <c r="K1427" s="1" t="s">
        <v>64</v>
      </c>
      <c r="L1427" s="1" t="s">
        <v>5179</v>
      </c>
      <c r="M1427" s="1" t="s">
        <v>5</v>
      </c>
      <c r="N1427" s="1" t="s">
        <v>6</v>
      </c>
      <c r="O1427" s="1" t="s">
        <v>8</v>
      </c>
      <c r="P1427" s="5" t="s">
        <v>31232</v>
      </c>
    </row>
    <row r="1428" spans="1:16" x14ac:dyDescent="0.2">
      <c r="A1428" s="1" t="s">
        <v>10</v>
      </c>
      <c r="B1428" s="1" t="s">
        <v>10</v>
      </c>
      <c r="C1428" s="1" t="s">
        <v>5183</v>
      </c>
      <c r="D1428" s="1" t="s">
        <v>10</v>
      </c>
      <c r="E1428" s="1" t="s">
        <v>10</v>
      </c>
      <c r="F1428" s="1" t="s">
        <v>10</v>
      </c>
      <c r="G1428" s="1" t="s">
        <v>10</v>
      </c>
      <c r="H1428" s="1" t="s">
        <v>5184</v>
      </c>
      <c r="I1428" s="1" t="s">
        <v>3941</v>
      </c>
      <c r="J1428" s="1" t="s">
        <v>10</v>
      </c>
      <c r="K1428" s="1" t="s">
        <v>64</v>
      </c>
      <c r="L1428" s="1" t="s">
        <v>5182</v>
      </c>
      <c r="M1428" s="1" t="s">
        <v>5</v>
      </c>
      <c r="N1428" s="1" t="s">
        <v>6</v>
      </c>
      <c r="O1428" s="1" t="s">
        <v>8</v>
      </c>
      <c r="P1428" s="5" t="s">
        <v>31232</v>
      </c>
    </row>
    <row r="1429" spans="1:16" x14ac:dyDescent="0.2">
      <c r="A1429" s="1" t="s">
        <v>10</v>
      </c>
      <c r="B1429" s="1" t="s">
        <v>10</v>
      </c>
      <c r="C1429" s="1" t="s">
        <v>5186</v>
      </c>
      <c r="D1429" s="1" t="s">
        <v>10</v>
      </c>
      <c r="E1429" s="1" t="s">
        <v>10</v>
      </c>
      <c r="F1429" s="1" t="s">
        <v>10</v>
      </c>
      <c r="G1429" s="1" t="s">
        <v>10</v>
      </c>
      <c r="H1429" s="1" t="s">
        <v>5184</v>
      </c>
      <c r="I1429" s="1" t="s">
        <v>3941</v>
      </c>
      <c r="J1429" s="1" t="s">
        <v>10</v>
      </c>
      <c r="K1429" s="1" t="s">
        <v>64</v>
      </c>
      <c r="L1429" s="1" t="s">
        <v>5185</v>
      </c>
      <c r="M1429" s="1" t="s">
        <v>5</v>
      </c>
      <c r="N1429" s="1" t="s">
        <v>6</v>
      </c>
      <c r="O1429" s="1" t="s">
        <v>8</v>
      </c>
      <c r="P1429" s="5" t="s">
        <v>31232</v>
      </c>
    </row>
    <row r="1430" spans="1:16" x14ac:dyDescent="0.2">
      <c r="A1430" s="1" t="s">
        <v>10</v>
      </c>
      <c r="B1430" s="1" t="s">
        <v>10</v>
      </c>
      <c r="C1430" s="1" t="s">
        <v>5188</v>
      </c>
      <c r="D1430" s="1" t="s">
        <v>10</v>
      </c>
      <c r="E1430" s="1" t="s">
        <v>10</v>
      </c>
      <c r="F1430" s="1" t="s">
        <v>10</v>
      </c>
      <c r="G1430" s="1" t="s">
        <v>10</v>
      </c>
      <c r="H1430" s="1" t="s">
        <v>5189</v>
      </c>
      <c r="I1430" s="1" t="s">
        <v>3941</v>
      </c>
      <c r="J1430" s="1" t="s">
        <v>10</v>
      </c>
      <c r="K1430" s="1" t="s">
        <v>64</v>
      </c>
      <c r="L1430" s="1" t="s">
        <v>5187</v>
      </c>
      <c r="M1430" s="1" t="s">
        <v>5</v>
      </c>
      <c r="N1430" s="1" t="s">
        <v>6</v>
      </c>
      <c r="O1430" s="1" t="s">
        <v>8</v>
      </c>
      <c r="P1430" s="5" t="s">
        <v>31232</v>
      </c>
    </row>
    <row r="1431" spans="1:16" x14ac:dyDescent="0.2">
      <c r="A1431" s="1" t="s">
        <v>10</v>
      </c>
      <c r="B1431" s="1" t="s">
        <v>10</v>
      </c>
      <c r="C1431" s="1" t="s">
        <v>5191</v>
      </c>
      <c r="D1431" s="1" t="s">
        <v>10</v>
      </c>
      <c r="E1431" s="1" t="s">
        <v>10</v>
      </c>
      <c r="F1431" s="1" t="s">
        <v>10</v>
      </c>
      <c r="G1431" s="1" t="s">
        <v>10</v>
      </c>
      <c r="H1431" s="1" t="s">
        <v>5189</v>
      </c>
      <c r="I1431" s="1" t="s">
        <v>3941</v>
      </c>
      <c r="J1431" s="1" t="s">
        <v>10</v>
      </c>
      <c r="K1431" s="1" t="s">
        <v>64</v>
      </c>
      <c r="L1431" s="1" t="s">
        <v>5190</v>
      </c>
      <c r="M1431" s="1" t="s">
        <v>5</v>
      </c>
      <c r="N1431" s="1" t="s">
        <v>6</v>
      </c>
      <c r="O1431" s="1" t="s">
        <v>8</v>
      </c>
      <c r="P1431" s="5" t="s">
        <v>31232</v>
      </c>
    </row>
    <row r="1432" spans="1:16" x14ac:dyDescent="0.2">
      <c r="A1432" s="1" t="s">
        <v>10</v>
      </c>
      <c r="B1432" s="1" t="s">
        <v>10</v>
      </c>
      <c r="C1432" s="1" t="s">
        <v>5195</v>
      </c>
      <c r="D1432" s="1" t="s">
        <v>10</v>
      </c>
      <c r="E1432" s="1" t="s">
        <v>10</v>
      </c>
      <c r="F1432" s="1" t="s">
        <v>10</v>
      </c>
      <c r="G1432" s="1" t="s">
        <v>10</v>
      </c>
      <c r="H1432" s="1" t="s">
        <v>5196</v>
      </c>
      <c r="I1432" s="1" t="s">
        <v>3941</v>
      </c>
      <c r="J1432" s="1" t="s">
        <v>10</v>
      </c>
      <c r="K1432" s="1" t="s">
        <v>64</v>
      </c>
      <c r="L1432" s="1" t="s">
        <v>5194</v>
      </c>
      <c r="M1432" s="1" t="s">
        <v>5</v>
      </c>
      <c r="N1432" s="1" t="s">
        <v>6</v>
      </c>
      <c r="O1432" s="1" t="s">
        <v>8</v>
      </c>
      <c r="P1432" s="5" t="s">
        <v>31232</v>
      </c>
    </row>
    <row r="1433" spans="1:16" x14ac:dyDescent="0.2">
      <c r="A1433" s="1" t="s">
        <v>10</v>
      </c>
      <c r="B1433" s="1" t="s">
        <v>10</v>
      </c>
      <c r="C1433" s="1" t="s">
        <v>5198</v>
      </c>
      <c r="D1433" s="1" t="s">
        <v>10</v>
      </c>
      <c r="E1433" s="1" t="s">
        <v>10</v>
      </c>
      <c r="F1433" s="1" t="s">
        <v>10</v>
      </c>
      <c r="G1433" s="1" t="s">
        <v>10</v>
      </c>
      <c r="H1433" s="1" t="s">
        <v>5199</v>
      </c>
      <c r="I1433" s="1" t="s">
        <v>3941</v>
      </c>
      <c r="J1433" s="1" t="s">
        <v>10</v>
      </c>
      <c r="K1433" s="1" t="s">
        <v>64</v>
      </c>
      <c r="L1433" s="1" t="s">
        <v>5197</v>
      </c>
      <c r="M1433" s="1" t="s">
        <v>5</v>
      </c>
      <c r="N1433" s="1" t="s">
        <v>6</v>
      </c>
      <c r="O1433" s="1" t="s">
        <v>8</v>
      </c>
      <c r="P1433" s="5" t="s">
        <v>31232</v>
      </c>
    </row>
    <row r="1434" spans="1:16" x14ac:dyDescent="0.2">
      <c r="A1434" s="1" t="s">
        <v>10</v>
      </c>
      <c r="B1434" s="1" t="s">
        <v>10</v>
      </c>
      <c r="C1434" s="1" t="s">
        <v>5202</v>
      </c>
      <c r="D1434" s="1" t="s">
        <v>10</v>
      </c>
      <c r="E1434" s="1" t="s">
        <v>10</v>
      </c>
      <c r="F1434" s="1" t="s">
        <v>10</v>
      </c>
      <c r="G1434" s="1" t="s">
        <v>10</v>
      </c>
      <c r="H1434" s="1" t="s">
        <v>5200</v>
      </c>
      <c r="I1434" s="1" t="s">
        <v>3941</v>
      </c>
      <c r="J1434" s="1" t="s">
        <v>10</v>
      </c>
      <c r="K1434" s="1" t="s">
        <v>64</v>
      </c>
      <c r="L1434" s="1" t="s">
        <v>5201</v>
      </c>
      <c r="M1434" s="1" t="s">
        <v>5</v>
      </c>
      <c r="N1434" s="1" t="s">
        <v>6</v>
      </c>
      <c r="O1434" s="1" t="s">
        <v>8</v>
      </c>
      <c r="P1434" s="5" t="s">
        <v>31231</v>
      </c>
    </row>
    <row r="1435" spans="1:16" x14ac:dyDescent="0.2">
      <c r="A1435" s="1" t="s">
        <v>10</v>
      </c>
      <c r="B1435" s="1" t="s">
        <v>10</v>
      </c>
      <c r="C1435" s="1" t="s">
        <v>5204</v>
      </c>
      <c r="D1435" s="1" t="s">
        <v>10</v>
      </c>
      <c r="E1435" s="1" t="s">
        <v>10</v>
      </c>
      <c r="F1435" s="1" t="s">
        <v>10</v>
      </c>
      <c r="G1435" s="1" t="s">
        <v>10</v>
      </c>
      <c r="H1435" s="1" t="s">
        <v>5157</v>
      </c>
      <c r="I1435" s="1" t="s">
        <v>3941</v>
      </c>
      <c r="J1435" s="1" t="s">
        <v>10</v>
      </c>
      <c r="K1435" s="1" t="s">
        <v>64</v>
      </c>
      <c r="L1435" s="1" t="s">
        <v>5203</v>
      </c>
      <c r="M1435" s="1" t="s">
        <v>5</v>
      </c>
      <c r="N1435" s="1" t="s">
        <v>6</v>
      </c>
      <c r="O1435" s="1" t="s">
        <v>8</v>
      </c>
      <c r="P1435" s="5" t="s">
        <v>31232</v>
      </c>
    </row>
    <row r="1436" spans="1:16" x14ac:dyDescent="0.2">
      <c r="A1436" s="1" t="s">
        <v>10</v>
      </c>
      <c r="B1436" s="1" t="s">
        <v>10</v>
      </c>
      <c r="C1436" s="1" t="s">
        <v>5206</v>
      </c>
      <c r="D1436" s="1" t="s">
        <v>10</v>
      </c>
      <c r="E1436" s="1" t="s">
        <v>10</v>
      </c>
      <c r="F1436" s="1" t="s">
        <v>10</v>
      </c>
      <c r="G1436" s="1" t="s">
        <v>10</v>
      </c>
      <c r="H1436" s="1" t="s">
        <v>5157</v>
      </c>
      <c r="I1436" s="1" t="s">
        <v>3941</v>
      </c>
      <c r="J1436" s="1" t="s">
        <v>10</v>
      </c>
      <c r="K1436" s="1" t="s">
        <v>64</v>
      </c>
      <c r="L1436" s="1" t="s">
        <v>5205</v>
      </c>
      <c r="M1436" s="1" t="s">
        <v>5</v>
      </c>
      <c r="N1436" s="1" t="s">
        <v>6</v>
      </c>
      <c r="O1436" s="1" t="s">
        <v>8</v>
      </c>
      <c r="P1436" s="5" t="s">
        <v>31232</v>
      </c>
    </row>
    <row r="1437" spans="1:16" x14ac:dyDescent="0.2">
      <c r="A1437" s="1" t="s">
        <v>10</v>
      </c>
      <c r="B1437" s="1" t="s">
        <v>10</v>
      </c>
      <c r="C1437" s="1" t="s">
        <v>5208</v>
      </c>
      <c r="D1437" s="1" t="s">
        <v>10</v>
      </c>
      <c r="E1437" s="1" t="s">
        <v>10</v>
      </c>
      <c r="F1437" s="1" t="s">
        <v>10</v>
      </c>
      <c r="G1437" s="1" t="s">
        <v>10</v>
      </c>
      <c r="H1437" s="1" t="s">
        <v>5157</v>
      </c>
      <c r="I1437" s="1" t="s">
        <v>3941</v>
      </c>
      <c r="J1437" s="1" t="s">
        <v>10</v>
      </c>
      <c r="K1437" s="1" t="s">
        <v>64</v>
      </c>
      <c r="L1437" s="1" t="s">
        <v>5207</v>
      </c>
      <c r="M1437" s="1" t="s">
        <v>5</v>
      </c>
      <c r="N1437" s="1" t="s">
        <v>6</v>
      </c>
      <c r="O1437" s="1" t="s">
        <v>8</v>
      </c>
      <c r="P1437" s="5" t="s">
        <v>31232</v>
      </c>
    </row>
    <row r="1438" spans="1:16" x14ac:dyDescent="0.2">
      <c r="A1438" s="1" t="s">
        <v>10</v>
      </c>
      <c r="B1438" s="1" t="s">
        <v>10</v>
      </c>
      <c r="C1438" s="1" t="s">
        <v>5210</v>
      </c>
      <c r="D1438" s="1" t="s">
        <v>10</v>
      </c>
      <c r="E1438" s="1" t="s">
        <v>10</v>
      </c>
      <c r="F1438" s="1" t="s">
        <v>10</v>
      </c>
      <c r="G1438" s="1" t="s">
        <v>10</v>
      </c>
      <c r="H1438" s="1" t="s">
        <v>5211</v>
      </c>
      <c r="I1438" s="1" t="s">
        <v>3941</v>
      </c>
      <c r="J1438" s="1" t="s">
        <v>10</v>
      </c>
      <c r="K1438" s="1" t="s">
        <v>64</v>
      </c>
      <c r="L1438" s="1" t="s">
        <v>5209</v>
      </c>
      <c r="M1438" s="1" t="s">
        <v>5</v>
      </c>
      <c r="N1438" s="1" t="s">
        <v>6</v>
      </c>
      <c r="O1438" s="1" t="s">
        <v>8</v>
      </c>
      <c r="P1438" s="5" t="s">
        <v>31232</v>
      </c>
    </row>
    <row r="1439" spans="1:16" x14ac:dyDescent="0.2">
      <c r="A1439" s="1" t="s">
        <v>10</v>
      </c>
      <c r="B1439" s="1" t="s">
        <v>10</v>
      </c>
      <c r="C1439" s="1" t="s">
        <v>5213</v>
      </c>
      <c r="D1439" s="1" t="s">
        <v>10</v>
      </c>
      <c r="E1439" s="1" t="s">
        <v>10</v>
      </c>
      <c r="F1439" s="1" t="s">
        <v>10</v>
      </c>
      <c r="G1439" s="1" t="s">
        <v>10</v>
      </c>
      <c r="H1439" s="1" t="s">
        <v>5214</v>
      </c>
      <c r="I1439" s="1" t="s">
        <v>3941</v>
      </c>
      <c r="J1439" s="1" t="s">
        <v>10</v>
      </c>
      <c r="K1439" s="1" t="s">
        <v>64</v>
      </c>
      <c r="L1439" s="1" t="s">
        <v>5212</v>
      </c>
      <c r="M1439" s="1" t="s">
        <v>5</v>
      </c>
      <c r="N1439" s="1" t="s">
        <v>6</v>
      </c>
      <c r="O1439" s="1" t="s">
        <v>8</v>
      </c>
      <c r="P1439" s="5" t="s">
        <v>31232</v>
      </c>
    </row>
    <row r="1440" spans="1:16" x14ac:dyDescent="0.2">
      <c r="A1440" s="1" t="s">
        <v>10</v>
      </c>
      <c r="B1440" s="1" t="s">
        <v>10</v>
      </c>
      <c r="C1440" s="1" t="s">
        <v>5216</v>
      </c>
      <c r="D1440" s="1" t="s">
        <v>10</v>
      </c>
      <c r="E1440" s="1" t="s">
        <v>10</v>
      </c>
      <c r="F1440" s="1" t="s">
        <v>10</v>
      </c>
      <c r="G1440" s="1" t="s">
        <v>10</v>
      </c>
      <c r="H1440" s="1" t="s">
        <v>5217</v>
      </c>
      <c r="I1440" s="1" t="s">
        <v>3941</v>
      </c>
      <c r="J1440" s="1" t="s">
        <v>10</v>
      </c>
      <c r="K1440" s="1" t="s">
        <v>64</v>
      </c>
      <c r="L1440" s="1" t="s">
        <v>5215</v>
      </c>
      <c r="M1440" s="1" t="s">
        <v>5</v>
      </c>
      <c r="N1440" s="1" t="s">
        <v>6</v>
      </c>
      <c r="O1440" s="1" t="s">
        <v>8</v>
      </c>
      <c r="P1440" s="5" t="s">
        <v>31232</v>
      </c>
    </row>
    <row r="1441" spans="1:16" x14ac:dyDescent="0.2">
      <c r="A1441" s="1" t="s">
        <v>10</v>
      </c>
      <c r="B1441" s="1" t="s">
        <v>10</v>
      </c>
      <c r="C1441" s="1" t="s">
        <v>5220</v>
      </c>
      <c r="D1441" s="1" t="s">
        <v>10</v>
      </c>
      <c r="E1441" s="1" t="s">
        <v>10</v>
      </c>
      <c r="F1441" s="1" t="s">
        <v>10</v>
      </c>
      <c r="G1441" s="1" t="s">
        <v>10</v>
      </c>
      <c r="H1441" s="1" t="s">
        <v>5218</v>
      </c>
      <c r="I1441" s="1" t="s">
        <v>3941</v>
      </c>
      <c r="J1441" s="1" t="s">
        <v>10</v>
      </c>
      <c r="K1441" s="1" t="s">
        <v>64</v>
      </c>
      <c r="L1441" s="1" t="s">
        <v>5219</v>
      </c>
      <c r="M1441" s="1" t="s">
        <v>5</v>
      </c>
      <c r="N1441" s="1" t="s">
        <v>6</v>
      </c>
      <c r="O1441" s="1" t="s">
        <v>8</v>
      </c>
      <c r="P1441" s="5" t="s">
        <v>31232</v>
      </c>
    </row>
    <row r="1442" spans="1:16" x14ac:dyDescent="0.2">
      <c r="A1442" s="1" t="s">
        <v>10</v>
      </c>
      <c r="B1442" s="1" t="s">
        <v>10</v>
      </c>
      <c r="C1442" s="1" t="s">
        <v>5222</v>
      </c>
      <c r="D1442" s="1" t="s">
        <v>10</v>
      </c>
      <c r="E1442" s="1" t="s">
        <v>10</v>
      </c>
      <c r="F1442" s="1" t="s">
        <v>10</v>
      </c>
      <c r="G1442" s="1" t="s">
        <v>10</v>
      </c>
      <c r="H1442" s="1" t="s">
        <v>5223</v>
      </c>
      <c r="I1442" s="1" t="s">
        <v>3941</v>
      </c>
      <c r="J1442" s="1" t="s">
        <v>10</v>
      </c>
      <c r="K1442" s="1" t="s">
        <v>64</v>
      </c>
      <c r="L1442" s="1" t="s">
        <v>5221</v>
      </c>
      <c r="M1442" s="1" t="s">
        <v>5</v>
      </c>
      <c r="N1442" s="1" t="s">
        <v>6</v>
      </c>
      <c r="O1442" s="1" t="s">
        <v>8</v>
      </c>
      <c r="P1442" s="5" t="s">
        <v>31232</v>
      </c>
    </row>
    <row r="1443" spans="1:16" x14ac:dyDescent="0.2">
      <c r="A1443" s="1" t="s">
        <v>10</v>
      </c>
      <c r="B1443" s="1" t="s">
        <v>10</v>
      </c>
      <c r="C1443" s="1" t="s">
        <v>5226</v>
      </c>
      <c r="D1443" s="1" t="s">
        <v>10</v>
      </c>
      <c r="E1443" s="1" t="s">
        <v>10</v>
      </c>
      <c r="F1443" s="1" t="s">
        <v>10</v>
      </c>
      <c r="G1443" s="1" t="s">
        <v>10</v>
      </c>
      <c r="H1443" s="1" t="s">
        <v>5227</v>
      </c>
      <c r="I1443" s="1" t="s">
        <v>3941</v>
      </c>
      <c r="J1443" s="1" t="s">
        <v>10</v>
      </c>
      <c r="K1443" s="1" t="s">
        <v>64</v>
      </c>
      <c r="L1443" s="1" t="s">
        <v>5225</v>
      </c>
      <c r="M1443" s="1" t="s">
        <v>5</v>
      </c>
      <c r="N1443" s="1" t="s">
        <v>6</v>
      </c>
      <c r="O1443" s="1" t="s">
        <v>8</v>
      </c>
      <c r="P1443" s="5" t="s">
        <v>31079</v>
      </c>
    </row>
    <row r="1444" spans="1:16" x14ac:dyDescent="0.2">
      <c r="A1444" s="1" t="s">
        <v>10</v>
      </c>
      <c r="B1444" s="1" t="s">
        <v>10</v>
      </c>
      <c r="C1444" s="1" t="s">
        <v>5229</v>
      </c>
      <c r="D1444" s="1" t="s">
        <v>10</v>
      </c>
      <c r="E1444" s="1" t="s">
        <v>10</v>
      </c>
      <c r="F1444" s="1" t="s">
        <v>10</v>
      </c>
      <c r="G1444" s="1" t="s">
        <v>10</v>
      </c>
      <c r="H1444" s="1" t="s">
        <v>5227</v>
      </c>
      <c r="I1444" s="1" t="s">
        <v>3941</v>
      </c>
      <c r="J1444" s="1" t="s">
        <v>10</v>
      </c>
      <c r="K1444" s="1" t="s">
        <v>64</v>
      </c>
      <c r="L1444" s="1" t="s">
        <v>5228</v>
      </c>
      <c r="M1444" s="1" t="s">
        <v>5</v>
      </c>
      <c r="N1444" s="1" t="s">
        <v>6</v>
      </c>
      <c r="O1444" s="1" t="s">
        <v>8</v>
      </c>
      <c r="P1444" s="5" t="s">
        <v>31079</v>
      </c>
    </row>
    <row r="1445" spans="1:16" x14ac:dyDescent="0.2">
      <c r="A1445" s="1" t="s">
        <v>10</v>
      </c>
      <c r="B1445" s="1" t="s">
        <v>10</v>
      </c>
      <c r="C1445" s="1" t="s">
        <v>5231</v>
      </c>
      <c r="D1445" s="1" t="s">
        <v>10</v>
      </c>
      <c r="E1445" s="1" t="s">
        <v>10</v>
      </c>
      <c r="F1445" s="1" t="s">
        <v>10</v>
      </c>
      <c r="G1445" s="1" t="s">
        <v>10</v>
      </c>
      <c r="H1445" s="1" t="s">
        <v>5227</v>
      </c>
      <c r="I1445" s="1" t="s">
        <v>3941</v>
      </c>
      <c r="J1445" s="1" t="s">
        <v>10</v>
      </c>
      <c r="K1445" s="1" t="s">
        <v>64</v>
      </c>
      <c r="L1445" s="1" t="s">
        <v>5230</v>
      </c>
      <c r="M1445" s="1" t="s">
        <v>5</v>
      </c>
      <c r="N1445" s="1" t="s">
        <v>6</v>
      </c>
      <c r="O1445" s="1" t="s">
        <v>8</v>
      </c>
      <c r="P1445" s="5" t="s">
        <v>31079</v>
      </c>
    </row>
    <row r="1446" spans="1:16" x14ac:dyDescent="0.2">
      <c r="A1446" s="1" t="s">
        <v>10</v>
      </c>
      <c r="B1446" s="1" t="s">
        <v>10</v>
      </c>
      <c r="C1446" s="1" t="s">
        <v>5233</v>
      </c>
      <c r="D1446" s="1" t="s">
        <v>10</v>
      </c>
      <c r="E1446" s="1" t="s">
        <v>10</v>
      </c>
      <c r="F1446" s="1" t="s">
        <v>10</v>
      </c>
      <c r="G1446" s="1" t="s">
        <v>10</v>
      </c>
      <c r="H1446" s="1" t="s">
        <v>5227</v>
      </c>
      <c r="I1446" s="1" t="s">
        <v>3941</v>
      </c>
      <c r="J1446" s="1" t="s">
        <v>10</v>
      </c>
      <c r="K1446" s="1" t="s">
        <v>64</v>
      </c>
      <c r="L1446" s="1" t="s">
        <v>5232</v>
      </c>
      <c r="M1446" s="1" t="s">
        <v>5</v>
      </c>
      <c r="N1446" s="1" t="s">
        <v>6</v>
      </c>
      <c r="O1446" s="1" t="s">
        <v>8</v>
      </c>
      <c r="P1446" s="5" t="s">
        <v>31232</v>
      </c>
    </row>
    <row r="1447" spans="1:16" x14ac:dyDescent="0.2">
      <c r="A1447" s="1" t="s">
        <v>10</v>
      </c>
      <c r="B1447" s="1" t="s">
        <v>10</v>
      </c>
      <c r="C1447" s="1" t="s">
        <v>5235</v>
      </c>
      <c r="D1447" s="1" t="s">
        <v>10</v>
      </c>
      <c r="E1447" s="1" t="s">
        <v>10</v>
      </c>
      <c r="F1447" s="1" t="s">
        <v>10</v>
      </c>
      <c r="G1447" s="1" t="s">
        <v>10</v>
      </c>
      <c r="H1447" s="1" t="s">
        <v>5227</v>
      </c>
      <c r="I1447" s="1" t="s">
        <v>3941</v>
      </c>
      <c r="J1447" s="1" t="s">
        <v>10</v>
      </c>
      <c r="K1447" s="1" t="s">
        <v>64</v>
      </c>
      <c r="L1447" s="1" t="s">
        <v>5234</v>
      </c>
      <c r="M1447" s="1" t="s">
        <v>5</v>
      </c>
      <c r="N1447" s="1" t="s">
        <v>6</v>
      </c>
      <c r="O1447" s="1" t="s">
        <v>8</v>
      </c>
      <c r="P1447" s="5" t="s">
        <v>31232</v>
      </c>
    </row>
    <row r="1448" spans="1:16" x14ac:dyDescent="0.2">
      <c r="A1448" s="1" t="s">
        <v>10</v>
      </c>
      <c r="B1448" s="1" t="s">
        <v>10</v>
      </c>
      <c r="C1448" s="1" t="s">
        <v>5237</v>
      </c>
      <c r="D1448" s="1" t="s">
        <v>10</v>
      </c>
      <c r="E1448" s="1" t="s">
        <v>10</v>
      </c>
      <c r="F1448" s="1" t="s">
        <v>10</v>
      </c>
      <c r="G1448" s="1" t="s">
        <v>10</v>
      </c>
      <c r="H1448" s="1" t="s">
        <v>5238</v>
      </c>
      <c r="I1448" s="1" t="s">
        <v>3941</v>
      </c>
      <c r="J1448" s="1" t="s">
        <v>10</v>
      </c>
      <c r="K1448" s="1" t="s">
        <v>64</v>
      </c>
      <c r="L1448" s="1" t="s">
        <v>5236</v>
      </c>
      <c r="M1448" s="1" t="s">
        <v>5</v>
      </c>
      <c r="N1448" s="1" t="s">
        <v>6</v>
      </c>
      <c r="O1448" s="1" t="s">
        <v>8</v>
      </c>
      <c r="P1448" s="5" t="s">
        <v>31232</v>
      </c>
    </row>
    <row r="1449" spans="1:16" x14ac:dyDescent="0.2">
      <c r="A1449" s="1" t="s">
        <v>10</v>
      </c>
      <c r="B1449" s="1" t="s">
        <v>10</v>
      </c>
      <c r="C1449" s="1" t="s">
        <v>5240</v>
      </c>
      <c r="D1449" s="1" t="s">
        <v>10</v>
      </c>
      <c r="E1449" s="1" t="s">
        <v>10</v>
      </c>
      <c r="F1449" s="1" t="s">
        <v>10</v>
      </c>
      <c r="G1449" s="1" t="s">
        <v>10</v>
      </c>
      <c r="H1449" s="1" t="s">
        <v>5241</v>
      </c>
      <c r="I1449" s="1" t="s">
        <v>3941</v>
      </c>
      <c r="J1449" s="1" t="s">
        <v>10</v>
      </c>
      <c r="K1449" s="1" t="s">
        <v>64</v>
      </c>
      <c r="L1449" s="1" t="s">
        <v>5239</v>
      </c>
      <c r="M1449" s="1" t="s">
        <v>5</v>
      </c>
      <c r="N1449" s="1" t="s">
        <v>6</v>
      </c>
      <c r="O1449" s="1" t="s">
        <v>8</v>
      </c>
      <c r="P1449" s="5" t="s">
        <v>31232</v>
      </c>
    </row>
    <row r="1450" spans="1:16" x14ac:dyDescent="0.2">
      <c r="A1450" s="1" t="s">
        <v>10</v>
      </c>
      <c r="B1450" s="1" t="s">
        <v>10</v>
      </c>
      <c r="C1450" s="1" t="s">
        <v>5243</v>
      </c>
      <c r="D1450" s="1" t="s">
        <v>10</v>
      </c>
      <c r="E1450" s="1" t="s">
        <v>10</v>
      </c>
      <c r="F1450" s="1" t="s">
        <v>10</v>
      </c>
      <c r="G1450" s="1" t="s">
        <v>10</v>
      </c>
      <c r="H1450" s="1" t="s">
        <v>4729</v>
      </c>
      <c r="I1450" s="1" t="s">
        <v>3941</v>
      </c>
      <c r="J1450" s="1" t="s">
        <v>10</v>
      </c>
      <c r="K1450" s="1" t="s">
        <v>64</v>
      </c>
      <c r="L1450" s="1" t="s">
        <v>5242</v>
      </c>
      <c r="M1450" s="1" t="s">
        <v>5</v>
      </c>
      <c r="N1450" s="1" t="s">
        <v>6</v>
      </c>
      <c r="O1450" s="1" t="s">
        <v>8</v>
      </c>
      <c r="P1450" s="5" t="s">
        <v>31232</v>
      </c>
    </row>
    <row r="1451" spans="1:16" x14ac:dyDescent="0.2">
      <c r="A1451" s="1" t="s">
        <v>10</v>
      </c>
      <c r="B1451" s="1" t="s">
        <v>10</v>
      </c>
      <c r="C1451" s="1" t="s">
        <v>5246</v>
      </c>
      <c r="D1451" s="1" t="s">
        <v>10</v>
      </c>
      <c r="E1451" s="1" t="s">
        <v>10</v>
      </c>
      <c r="F1451" s="1" t="s">
        <v>10</v>
      </c>
      <c r="G1451" s="1" t="s">
        <v>10</v>
      </c>
      <c r="H1451" s="1" t="s">
        <v>5244</v>
      </c>
      <c r="I1451" s="1" t="s">
        <v>3941</v>
      </c>
      <c r="J1451" s="1" t="s">
        <v>10</v>
      </c>
      <c r="K1451" s="1" t="s">
        <v>64</v>
      </c>
      <c r="L1451" s="1" t="s">
        <v>5245</v>
      </c>
      <c r="M1451" s="1" t="s">
        <v>5</v>
      </c>
      <c r="N1451" s="1" t="s">
        <v>6</v>
      </c>
      <c r="O1451" s="1" t="s">
        <v>8</v>
      </c>
      <c r="P1451" s="5" t="s">
        <v>31232</v>
      </c>
    </row>
    <row r="1452" spans="1:16" x14ac:dyDescent="0.2">
      <c r="A1452" s="1" t="s">
        <v>10</v>
      </c>
      <c r="B1452" s="1" t="s">
        <v>10</v>
      </c>
      <c r="C1452" s="1" t="s">
        <v>5248</v>
      </c>
      <c r="D1452" s="1" t="s">
        <v>10</v>
      </c>
      <c r="E1452" s="1" t="s">
        <v>10</v>
      </c>
      <c r="F1452" s="1" t="s">
        <v>10</v>
      </c>
      <c r="G1452" s="1" t="s">
        <v>10</v>
      </c>
      <c r="H1452" s="1" t="s">
        <v>5249</v>
      </c>
      <c r="I1452" s="1" t="s">
        <v>3941</v>
      </c>
      <c r="J1452" s="1" t="s">
        <v>10</v>
      </c>
      <c r="K1452" s="1" t="s">
        <v>64</v>
      </c>
      <c r="L1452" s="1" t="s">
        <v>5247</v>
      </c>
      <c r="M1452" s="1" t="s">
        <v>5</v>
      </c>
      <c r="N1452" s="1" t="s">
        <v>6</v>
      </c>
      <c r="O1452" s="1" t="s">
        <v>8</v>
      </c>
      <c r="P1452" s="5" t="s">
        <v>31232</v>
      </c>
    </row>
    <row r="1453" spans="1:16" x14ac:dyDescent="0.2">
      <c r="A1453" s="1" t="s">
        <v>10</v>
      </c>
      <c r="B1453" s="1" t="s">
        <v>10</v>
      </c>
      <c r="C1453" s="1" t="s">
        <v>5251</v>
      </c>
      <c r="D1453" s="1" t="s">
        <v>10</v>
      </c>
      <c r="E1453" s="1" t="s">
        <v>10</v>
      </c>
      <c r="F1453" s="1" t="s">
        <v>10</v>
      </c>
      <c r="G1453" s="1" t="s">
        <v>10</v>
      </c>
      <c r="H1453" s="1" t="s">
        <v>5252</v>
      </c>
      <c r="I1453" s="1" t="s">
        <v>3941</v>
      </c>
      <c r="J1453" s="1" t="s">
        <v>10</v>
      </c>
      <c r="K1453" s="1" t="s">
        <v>64</v>
      </c>
      <c r="L1453" s="1" t="s">
        <v>5250</v>
      </c>
      <c r="M1453" s="1" t="s">
        <v>5</v>
      </c>
      <c r="N1453" s="1" t="s">
        <v>6</v>
      </c>
      <c r="O1453" s="1" t="s">
        <v>8</v>
      </c>
      <c r="P1453" s="5" t="s">
        <v>31232</v>
      </c>
    </row>
    <row r="1454" spans="1:16" x14ac:dyDescent="0.2">
      <c r="A1454" s="1" t="s">
        <v>10</v>
      </c>
      <c r="B1454" s="1" t="s">
        <v>10</v>
      </c>
      <c r="C1454" s="1" t="s">
        <v>5254</v>
      </c>
      <c r="D1454" s="1" t="s">
        <v>10</v>
      </c>
      <c r="E1454" s="1" t="s">
        <v>10</v>
      </c>
      <c r="F1454" s="1" t="s">
        <v>10</v>
      </c>
      <c r="G1454" s="1" t="s">
        <v>10</v>
      </c>
      <c r="H1454" s="1" t="s">
        <v>5252</v>
      </c>
      <c r="I1454" s="1" t="s">
        <v>3941</v>
      </c>
      <c r="J1454" s="1" t="s">
        <v>10</v>
      </c>
      <c r="K1454" s="1" t="s">
        <v>64</v>
      </c>
      <c r="L1454" s="1" t="s">
        <v>5253</v>
      </c>
      <c r="M1454" s="1" t="s">
        <v>5</v>
      </c>
      <c r="N1454" s="1" t="s">
        <v>6</v>
      </c>
      <c r="O1454" s="1" t="s">
        <v>8</v>
      </c>
      <c r="P1454" s="5" t="s">
        <v>31079</v>
      </c>
    </row>
    <row r="1455" spans="1:16" x14ac:dyDescent="0.2">
      <c r="A1455" s="1" t="s">
        <v>10</v>
      </c>
      <c r="B1455" s="1" t="s">
        <v>10</v>
      </c>
      <c r="C1455" s="1" t="s">
        <v>5256</v>
      </c>
      <c r="D1455" s="1" t="s">
        <v>10</v>
      </c>
      <c r="E1455" s="1" t="s">
        <v>10</v>
      </c>
      <c r="F1455" s="1" t="s">
        <v>10</v>
      </c>
      <c r="G1455" s="1" t="s">
        <v>10</v>
      </c>
      <c r="H1455" s="1" t="s">
        <v>5189</v>
      </c>
      <c r="I1455" s="1" t="s">
        <v>3941</v>
      </c>
      <c r="J1455" s="1" t="s">
        <v>10</v>
      </c>
      <c r="K1455" s="1" t="s">
        <v>64</v>
      </c>
      <c r="L1455" s="1" t="s">
        <v>5255</v>
      </c>
      <c r="M1455" s="1" t="s">
        <v>5</v>
      </c>
      <c r="N1455" s="1" t="s">
        <v>6</v>
      </c>
      <c r="O1455" s="1" t="s">
        <v>8</v>
      </c>
      <c r="P1455" s="5" t="s">
        <v>31079</v>
      </c>
    </row>
    <row r="1456" spans="1:16" x14ac:dyDescent="0.2">
      <c r="A1456" s="1" t="s">
        <v>10</v>
      </c>
      <c r="B1456" s="1" t="s">
        <v>10</v>
      </c>
      <c r="C1456" s="1" t="s">
        <v>5259</v>
      </c>
      <c r="D1456" s="1" t="s">
        <v>10</v>
      </c>
      <c r="E1456" s="1" t="s">
        <v>10</v>
      </c>
      <c r="F1456" s="1" t="s">
        <v>10</v>
      </c>
      <c r="G1456" s="1" t="s">
        <v>10</v>
      </c>
      <c r="H1456" s="1" t="s">
        <v>5257</v>
      </c>
      <c r="I1456" s="1" t="s">
        <v>3941</v>
      </c>
      <c r="J1456" s="1" t="s">
        <v>10</v>
      </c>
      <c r="K1456" s="1" t="s">
        <v>64</v>
      </c>
      <c r="L1456" s="1" t="s">
        <v>5258</v>
      </c>
      <c r="M1456" s="1" t="s">
        <v>5</v>
      </c>
      <c r="N1456" s="1" t="s">
        <v>6</v>
      </c>
      <c r="O1456" s="1" t="s">
        <v>8</v>
      </c>
      <c r="P1456" s="5" t="s">
        <v>31079</v>
      </c>
    </row>
    <row r="1457" spans="1:16" x14ac:dyDescent="0.2">
      <c r="A1457" s="1" t="s">
        <v>10</v>
      </c>
      <c r="B1457" s="1" t="s">
        <v>10</v>
      </c>
      <c r="C1457" s="1" t="s">
        <v>5261</v>
      </c>
      <c r="D1457" s="1" t="s">
        <v>10</v>
      </c>
      <c r="E1457" s="1" t="s">
        <v>10</v>
      </c>
      <c r="F1457" s="1" t="s">
        <v>10</v>
      </c>
      <c r="G1457" s="1" t="s">
        <v>10</v>
      </c>
      <c r="H1457" s="1" t="s">
        <v>5257</v>
      </c>
      <c r="I1457" s="1" t="s">
        <v>3941</v>
      </c>
      <c r="J1457" s="1" t="s">
        <v>10</v>
      </c>
      <c r="K1457" s="1" t="s">
        <v>64</v>
      </c>
      <c r="L1457" s="1" t="s">
        <v>5260</v>
      </c>
      <c r="M1457" s="1" t="s">
        <v>5</v>
      </c>
      <c r="N1457" s="1" t="s">
        <v>6</v>
      </c>
      <c r="O1457" s="1" t="s">
        <v>8</v>
      </c>
      <c r="P1457" s="5" t="s">
        <v>31079</v>
      </c>
    </row>
    <row r="1458" spans="1:16" x14ac:dyDescent="0.2">
      <c r="A1458" s="1" t="s">
        <v>10</v>
      </c>
      <c r="B1458" s="1" t="s">
        <v>10</v>
      </c>
      <c r="C1458" s="1" t="s">
        <v>5264</v>
      </c>
      <c r="D1458" s="1" t="s">
        <v>10</v>
      </c>
      <c r="E1458" s="1" t="s">
        <v>10</v>
      </c>
      <c r="F1458" s="1" t="s">
        <v>10</v>
      </c>
      <c r="G1458" s="1" t="s">
        <v>10</v>
      </c>
      <c r="H1458" s="1" t="s">
        <v>5262</v>
      </c>
      <c r="I1458" s="1" t="s">
        <v>3941</v>
      </c>
      <c r="J1458" s="1" t="s">
        <v>10</v>
      </c>
      <c r="K1458" s="1" t="s">
        <v>64</v>
      </c>
      <c r="L1458" s="1" t="s">
        <v>5263</v>
      </c>
      <c r="M1458" s="1" t="s">
        <v>5</v>
      </c>
      <c r="N1458" s="1" t="s">
        <v>6</v>
      </c>
      <c r="O1458" s="1" t="s">
        <v>8</v>
      </c>
      <c r="P1458" s="5" t="s">
        <v>31079</v>
      </c>
    </row>
    <row r="1459" spans="1:16" x14ac:dyDescent="0.2">
      <c r="A1459" s="1" t="s">
        <v>10</v>
      </c>
      <c r="B1459" s="1" t="s">
        <v>10</v>
      </c>
      <c r="C1459" s="1" t="s">
        <v>5266</v>
      </c>
      <c r="D1459" s="1" t="s">
        <v>10</v>
      </c>
      <c r="E1459" s="1" t="s">
        <v>10</v>
      </c>
      <c r="F1459" s="1" t="s">
        <v>10</v>
      </c>
      <c r="G1459" s="1" t="s">
        <v>10</v>
      </c>
      <c r="H1459" s="1" t="s">
        <v>5267</v>
      </c>
      <c r="I1459" s="1" t="s">
        <v>3941</v>
      </c>
      <c r="J1459" s="1" t="s">
        <v>10</v>
      </c>
      <c r="K1459" s="1" t="s">
        <v>64</v>
      </c>
      <c r="L1459" s="1" t="s">
        <v>5265</v>
      </c>
      <c r="M1459" s="1" t="s">
        <v>5</v>
      </c>
      <c r="N1459" s="1" t="s">
        <v>6</v>
      </c>
      <c r="O1459" s="1" t="s">
        <v>8</v>
      </c>
      <c r="P1459" s="5" t="s">
        <v>31079</v>
      </c>
    </row>
    <row r="1460" spans="1:16" x14ac:dyDescent="0.2">
      <c r="A1460" s="1" t="s">
        <v>10</v>
      </c>
      <c r="B1460" s="1" t="s">
        <v>10</v>
      </c>
      <c r="C1460" s="1" t="s">
        <v>5269</v>
      </c>
      <c r="D1460" s="1" t="s">
        <v>10</v>
      </c>
      <c r="E1460" s="1" t="s">
        <v>10</v>
      </c>
      <c r="F1460" s="1" t="s">
        <v>10</v>
      </c>
      <c r="G1460" s="1" t="s">
        <v>10</v>
      </c>
      <c r="H1460" s="1" t="s">
        <v>5270</v>
      </c>
      <c r="I1460" s="1" t="s">
        <v>3941</v>
      </c>
      <c r="J1460" s="1" t="s">
        <v>10</v>
      </c>
      <c r="K1460" s="1" t="s">
        <v>64</v>
      </c>
      <c r="L1460" s="1" t="s">
        <v>5268</v>
      </c>
      <c r="M1460" s="1" t="s">
        <v>5</v>
      </c>
      <c r="N1460" s="1" t="s">
        <v>6</v>
      </c>
      <c r="O1460" s="1" t="s">
        <v>8</v>
      </c>
      <c r="P1460" s="5" t="s">
        <v>31079</v>
      </c>
    </row>
    <row r="1461" spans="1:16" x14ac:dyDescent="0.2">
      <c r="A1461" s="1" t="s">
        <v>10</v>
      </c>
      <c r="B1461" s="1" t="s">
        <v>10</v>
      </c>
      <c r="C1461" s="1" t="s">
        <v>5272</v>
      </c>
      <c r="D1461" s="1" t="s">
        <v>10</v>
      </c>
      <c r="E1461" s="1" t="s">
        <v>10</v>
      </c>
      <c r="F1461" s="1" t="s">
        <v>10</v>
      </c>
      <c r="G1461" s="1" t="s">
        <v>10</v>
      </c>
      <c r="H1461" s="1" t="s">
        <v>5273</v>
      </c>
      <c r="I1461" s="1" t="s">
        <v>3941</v>
      </c>
      <c r="J1461" s="1" t="s">
        <v>10</v>
      </c>
      <c r="K1461" s="1" t="s">
        <v>64</v>
      </c>
      <c r="L1461" s="1" t="s">
        <v>5271</v>
      </c>
      <c r="M1461" s="1" t="s">
        <v>5</v>
      </c>
      <c r="N1461" s="1" t="s">
        <v>6</v>
      </c>
      <c r="O1461" s="1" t="s">
        <v>8</v>
      </c>
      <c r="P1461" s="5" t="s">
        <v>31079</v>
      </c>
    </row>
    <row r="1462" spans="1:16" x14ac:dyDescent="0.2">
      <c r="A1462" s="1" t="s">
        <v>10</v>
      </c>
      <c r="B1462" s="1" t="s">
        <v>10</v>
      </c>
      <c r="C1462" s="1" t="s">
        <v>5276</v>
      </c>
      <c r="D1462" s="1" t="s">
        <v>10</v>
      </c>
      <c r="E1462" s="1" t="s">
        <v>10</v>
      </c>
      <c r="F1462" s="1" t="s">
        <v>10</v>
      </c>
      <c r="G1462" s="1" t="s">
        <v>10</v>
      </c>
      <c r="H1462" s="1" t="s">
        <v>5274</v>
      </c>
      <c r="I1462" s="1" t="s">
        <v>3941</v>
      </c>
      <c r="J1462" s="1" t="s">
        <v>10</v>
      </c>
      <c r="K1462" s="1" t="s">
        <v>64</v>
      </c>
      <c r="L1462" s="1" t="s">
        <v>5275</v>
      </c>
      <c r="M1462" s="1" t="s">
        <v>5</v>
      </c>
      <c r="N1462" s="1" t="s">
        <v>6</v>
      </c>
      <c r="O1462" s="1" t="s">
        <v>8</v>
      </c>
      <c r="P1462" s="5" t="s">
        <v>31233</v>
      </c>
    </row>
    <row r="1463" spans="1:16" x14ac:dyDescent="0.2">
      <c r="A1463" s="1" t="s">
        <v>10</v>
      </c>
      <c r="B1463" s="1" t="s">
        <v>10</v>
      </c>
      <c r="C1463" s="1" t="s">
        <v>5278</v>
      </c>
      <c r="D1463" s="1" t="s">
        <v>10</v>
      </c>
      <c r="E1463" s="1" t="s">
        <v>10</v>
      </c>
      <c r="F1463" s="1" t="s">
        <v>10</v>
      </c>
      <c r="G1463" s="1" t="s">
        <v>10</v>
      </c>
      <c r="H1463" s="1" t="s">
        <v>5279</v>
      </c>
      <c r="I1463" s="1" t="s">
        <v>3941</v>
      </c>
      <c r="J1463" s="1" t="s">
        <v>10</v>
      </c>
      <c r="K1463" s="1" t="s">
        <v>64</v>
      </c>
      <c r="L1463" s="1" t="s">
        <v>5277</v>
      </c>
      <c r="M1463" s="1" t="s">
        <v>5</v>
      </c>
      <c r="N1463" s="1" t="s">
        <v>6</v>
      </c>
      <c r="O1463" s="1" t="s">
        <v>8</v>
      </c>
      <c r="P1463" s="5" t="s">
        <v>31079</v>
      </c>
    </row>
    <row r="1464" spans="1:16" x14ac:dyDescent="0.2">
      <c r="A1464" s="1" t="s">
        <v>10</v>
      </c>
      <c r="B1464" s="1" t="s">
        <v>10</v>
      </c>
      <c r="C1464" s="1" t="s">
        <v>5281</v>
      </c>
      <c r="D1464" s="1" t="s">
        <v>10</v>
      </c>
      <c r="E1464" s="1" t="s">
        <v>10</v>
      </c>
      <c r="F1464" s="1" t="s">
        <v>10</v>
      </c>
      <c r="G1464" s="1" t="s">
        <v>10</v>
      </c>
      <c r="H1464" s="1" t="s">
        <v>5282</v>
      </c>
      <c r="I1464" s="1" t="s">
        <v>3941</v>
      </c>
      <c r="J1464" s="1" t="s">
        <v>10</v>
      </c>
      <c r="K1464" s="1" t="s">
        <v>64</v>
      </c>
      <c r="L1464" s="1" t="s">
        <v>5280</v>
      </c>
      <c r="M1464" s="1" t="s">
        <v>5</v>
      </c>
      <c r="N1464" s="1" t="s">
        <v>6</v>
      </c>
      <c r="O1464" s="1" t="s">
        <v>8</v>
      </c>
      <c r="P1464" s="5" t="s">
        <v>31079</v>
      </c>
    </row>
    <row r="1465" spans="1:16" x14ac:dyDescent="0.2">
      <c r="A1465" s="1" t="s">
        <v>10</v>
      </c>
      <c r="B1465" s="1" t="s">
        <v>10</v>
      </c>
      <c r="C1465" s="1" t="s">
        <v>5284</v>
      </c>
      <c r="D1465" s="1" t="s">
        <v>10</v>
      </c>
      <c r="E1465" s="1" t="s">
        <v>10</v>
      </c>
      <c r="F1465" s="1" t="s">
        <v>10</v>
      </c>
      <c r="G1465" s="1" t="s">
        <v>10</v>
      </c>
      <c r="H1465" s="1" t="s">
        <v>5285</v>
      </c>
      <c r="I1465" s="1" t="s">
        <v>3941</v>
      </c>
      <c r="J1465" s="1" t="s">
        <v>10</v>
      </c>
      <c r="K1465" s="1" t="s">
        <v>64</v>
      </c>
      <c r="L1465" s="1" t="s">
        <v>5283</v>
      </c>
      <c r="M1465" s="1" t="s">
        <v>5</v>
      </c>
      <c r="N1465" s="1" t="s">
        <v>6</v>
      </c>
      <c r="O1465" s="1" t="s">
        <v>8</v>
      </c>
      <c r="P1465" s="5" t="s">
        <v>31079</v>
      </c>
    </row>
    <row r="1466" spans="1:16" x14ac:dyDescent="0.2">
      <c r="A1466" s="1" t="s">
        <v>10</v>
      </c>
      <c r="B1466" s="1" t="s">
        <v>10</v>
      </c>
      <c r="C1466" s="1" t="s">
        <v>5287</v>
      </c>
      <c r="D1466" s="1" t="s">
        <v>10</v>
      </c>
      <c r="E1466" s="1" t="s">
        <v>10</v>
      </c>
      <c r="F1466" s="1" t="s">
        <v>10</v>
      </c>
      <c r="G1466" s="1" t="s">
        <v>10</v>
      </c>
      <c r="H1466" s="1" t="s">
        <v>5285</v>
      </c>
      <c r="I1466" s="1" t="s">
        <v>3941</v>
      </c>
      <c r="J1466" s="1" t="s">
        <v>10</v>
      </c>
      <c r="K1466" s="1" t="s">
        <v>64</v>
      </c>
      <c r="L1466" s="1" t="s">
        <v>5286</v>
      </c>
      <c r="M1466" s="1" t="s">
        <v>5</v>
      </c>
      <c r="N1466" s="1" t="s">
        <v>6</v>
      </c>
      <c r="O1466" s="1" t="s">
        <v>8</v>
      </c>
      <c r="P1466" s="5" t="s">
        <v>30431</v>
      </c>
    </row>
    <row r="1467" spans="1:16" x14ac:dyDescent="0.2">
      <c r="A1467" s="1" t="s">
        <v>10</v>
      </c>
      <c r="B1467" s="1" t="s">
        <v>10</v>
      </c>
      <c r="C1467" s="1" t="s">
        <v>5290</v>
      </c>
      <c r="D1467" s="1" t="s">
        <v>10</v>
      </c>
      <c r="E1467" s="1" t="s">
        <v>10</v>
      </c>
      <c r="F1467" s="1" t="s">
        <v>10</v>
      </c>
      <c r="G1467" s="1" t="s">
        <v>10</v>
      </c>
      <c r="H1467" s="1" t="s">
        <v>5288</v>
      </c>
      <c r="I1467" s="1" t="s">
        <v>3941</v>
      </c>
      <c r="J1467" s="1" t="s">
        <v>10</v>
      </c>
      <c r="K1467" s="1" t="s">
        <v>64</v>
      </c>
      <c r="L1467" s="1" t="s">
        <v>5289</v>
      </c>
      <c r="M1467" s="1" t="s">
        <v>5</v>
      </c>
      <c r="N1467" s="1" t="s">
        <v>6</v>
      </c>
      <c r="O1467" s="1" t="s">
        <v>8</v>
      </c>
      <c r="P1467" s="5" t="s">
        <v>30431</v>
      </c>
    </row>
    <row r="1468" spans="1:16" x14ac:dyDescent="0.2">
      <c r="A1468" s="1" t="s">
        <v>10</v>
      </c>
      <c r="B1468" s="1" t="s">
        <v>10</v>
      </c>
      <c r="C1468" s="1" t="s">
        <v>5292</v>
      </c>
      <c r="D1468" s="1" t="s">
        <v>10</v>
      </c>
      <c r="E1468" s="1" t="s">
        <v>10</v>
      </c>
      <c r="F1468" s="1" t="s">
        <v>10</v>
      </c>
      <c r="G1468" s="1" t="s">
        <v>10</v>
      </c>
      <c r="H1468" s="1" t="s">
        <v>5293</v>
      </c>
      <c r="I1468" s="1" t="s">
        <v>3941</v>
      </c>
      <c r="J1468" s="1" t="s">
        <v>10</v>
      </c>
      <c r="K1468" s="1" t="s">
        <v>64</v>
      </c>
      <c r="L1468" s="1" t="s">
        <v>5291</v>
      </c>
      <c r="M1468" s="1" t="s">
        <v>5</v>
      </c>
      <c r="N1468" s="1" t="s">
        <v>6</v>
      </c>
      <c r="O1468" s="1" t="s">
        <v>8</v>
      </c>
      <c r="P1468" s="5" t="s">
        <v>30431</v>
      </c>
    </row>
    <row r="1469" spans="1:16" x14ac:dyDescent="0.2">
      <c r="A1469" s="1" t="s">
        <v>10</v>
      </c>
      <c r="B1469" s="1" t="s">
        <v>10</v>
      </c>
      <c r="C1469" s="1" t="s">
        <v>5297</v>
      </c>
      <c r="D1469" s="1" t="s">
        <v>10</v>
      </c>
      <c r="E1469" s="1" t="s">
        <v>10</v>
      </c>
      <c r="F1469" s="1" t="s">
        <v>10</v>
      </c>
      <c r="G1469" s="1" t="s">
        <v>10</v>
      </c>
      <c r="H1469" s="1" t="s">
        <v>5295</v>
      </c>
      <c r="I1469" s="1" t="s">
        <v>3941</v>
      </c>
      <c r="J1469" s="1" t="s">
        <v>10</v>
      </c>
      <c r="K1469" s="1" t="s">
        <v>64</v>
      </c>
      <c r="L1469" s="1" t="s">
        <v>5296</v>
      </c>
      <c r="M1469" s="1" t="s">
        <v>5</v>
      </c>
      <c r="N1469" s="1" t="s">
        <v>6</v>
      </c>
      <c r="O1469" s="1" t="s">
        <v>8</v>
      </c>
      <c r="P1469" s="5" t="s">
        <v>30431</v>
      </c>
    </row>
    <row r="1470" spans="1:16" x14ac:dyDescent="0.2">
      <c r="A1470" s="1" t="s">
        <v>42</v>
      </c>
      <c r="B1470" s="1" t="s">
        <v>10</v>
      </c>
      <c r="C1470" s="1" t="s">
        <v>5299</v>
      </c>
      <c r="D1470" s="1" t="s">
        <v>5300</v>
      </c>
      <c r="E1470" s="1" t="s">
        <v>5301</v>
      </c>
      <c r="F1470" s="1" t="s">
        <v>10</v>
      </c>
      <c r="G1470" s="1" t="s">
        <v>10</v>
      </c>
      <c r="H1470" s="1" t="s">
        <v>10</v>
      </c>
      <c r="I1470" s="1" t="s">
        <v>3941</v>
      </c>
      <c r="J1470" s="1" t="s">
        <v>10</v>
      </c>
      <c r="K1470" s="1" t="s">
        <v>64</v>
      </c>
      <c r="L1470" s="1" t="s">
        <v>5298</v>
      </c>
      <c r="M1470" s="1" t="s">
        <v>5</v>
      </c>
      <c r="N1470" s="1" t="s">
        <v>6</v>
      </c>
      <c r="O1470" s="1" t="s">
        <v>38</v>
      </c>
      <c r="P1470" s="5" t="s">
        <v>30431</v>
      </c>
    </row>
    <row r="1471" spans="1:16" x14ac:dyDescent="0.2">
      <c r="A1471" s="1" t="s">
        <v>10</v>
      </c>
      <c r="B1471" s="1" t="s">
        <v>10</v>
      </c>
      <c r="C1471" s="1" t="s">
        <v>5303</v>
      </c>
      <c r="D1471" s="1" t="s">
        <v>5304</v>
      </c>
      <c r="E1471" s="1" t="s">
        <v>5305</v>
      </c>
      <c r="F1471" s="1" t="s">
        <v>10</v>
      </c>
      <c r="G1471" s="1" t="s">
        <v>10</v>
      </c>
      <c r="H1471" s="1" t="s">
        <v>10</v>
      </c>
      <c r="I1471" s="1" t="s">
        <v>3941</v>
      </c>
      <c r="J1471" s="1" t="s">
        <v>10</v>
      </c>
      <c r="K1471" s="1" t="s">
        <v>64</v>
      </c>
      <c r="L1471" s="1" t="s">
        <v>5302</v>
      </c>
      <c r="M1471" s="1" t="s">
        <v>5</v>
      </c>
      <c r="N1471" s="1" t="s">
        <v>6</v>
      </c>
      <c r="O1471" s="1" t="s">
        <v>38</v>
      </c>
      <c r="P1471" s="5" t="s">
        <v>30431</v>
      </c>
    </row>
    <row r="1472" spans="1:16" x14ac:dyDescent="0.2">
      <c r="A1472" s="1" t="s">
        <v>10</v>
      </c>
      <c r="B1472" s="1" t="s">
        <v>10</v>
      </c>
      <c r="C1472" s="1" t="s">
        <v>5309</v>
      </c>
      <c r="D1472" s="1" t="s">
        <v>10</v>
      </c>
      <c r="E1472" s="1" t="s">
        <v>10</v>
      </c>
      <c r="F1472" s="1" t="s">
        <v>10</v>
      </c>
      <c r="G1472" s="1" t="s">
        <v>10</v>
      </c>
      <c r="H1472" s="1" t="s">
        <v>5307</v>
      </c>
      <c r="I1472" s="1" t="s">
        <v>3941</v>
      </c>
      <c r="J1472" s="1" t="s">
        <v>10</v>
      </c>
      <c r="K1472" s="1" t="s">
        <v>64</v>
      </c>
      <c r="L1472" s="1" t="s">
        <v>5308</v>
      </c>
      <c r="M1472" s="1" t="s">
        <v>5</v>
      </c>
      <c r="N1472" s="1" t="s">
        <v>6</v>
      </c>
      <c r="O1472" s="1" t="s">
        <v>8</v>
      </c>
      <c r="P1472" s="5" t="s">
        <v>30431</v>
      </c>
    </row>
    <row r="1473" spans="1:16" x14ac:dyDescent="0.2">
      <c r="A1473" s="1" t="s">
        <v>10</v>
      </c>
      <c r="B1473" s="1" t="s">
        <v>10</v>
      </c>
      <c r="C1473" s="1" t="s">
        <v>5311</v>
      </c>
      <c r="D1473" s="1" t="s">
        <v>10</v>
      </c>
      <c r="E1473" s="1" t="s">
        <v>10</v>
      </c>
      <c r="F1473" s="1" t="s">
        <v>10</v>
      </c>
      <c r="G1473" s="1" t="s">
        <v>10</v>
      </c>
      <c r="H1473" s="1" t="s">
        <v>5312</v>
      </c>
      <c r="I1473" s="1" t="s">
        <v>3941</v>
      </c>
      <c r="J1473" s="1" t="s">
        <v>10</v>
      </c>
      <c r="K1473" s="1" t="s">
        <v>64</v>
      </c>
      <c r="L1473" s="1" t="s">
        <v>5310</v>
      </c>
      <c r="M1473" s="1" t="s">
        <v>5</v>
      </c>
      <c r="N1473" s="1" t="s">
        <v>6</v>
      </c>
      <c r="O1473" s="1" t="s">
        <v>8</v>
      </c>
      <c r="P1473" s="5" t="s">
        <v>30431</v>
      </c>
    </row>
    <row r="1474" spans="1:16" x14ac:dyDescent="0.2">
      <c r="A1474" s="1" t="s">
        <v>10</v>
      </c>
      <c r="B1474" s="1" t="s">
        <v>10</v>
      </c>
      <c r="C1474" s="1" t="s">
        <v>5315</v>
      </c>
      <c r="D1474" s="1" t="s">
        <v>10</v>
      </c>
      <c r="E1474" s="1" t="s">
        <v>10</v>
      </c>
      <c r="F1474" s="1" t="s">
        <v>10</v>
      </c>
      <c r="G1474" s="1" t="s">
        <v>10</v>
      </c>
      <c r="H1474" s="1" t="s">
        <v>5313</v>
      </c>
      <c r="I1474" s="1" t="s">
        <v>3941</v>
      </c>
      <c r="J1474" s="1" t="s">
        <v>10</v>
      </c>
      <c r="K1474" s="1" t="s">
        <v>64</v>
      </c>
      <c r="L1474" s="1" t="s">
        <v>5314</v>
      </c>
      <c r="M1474" s="1" t="s">
        <v>5</v>
      </c>
      <c r="N1474" s="1" t="s">
        <v>6</v>
      </c>
      <c r="O1474" s="1" t="s">
        <v>8</v>
      </c>
      <c r="P1474" s="5" t="s">
        <v>31234</v>
      </c>
    </row>
    <row r="1475" spans="1:16" x14ac:dyDescent="0.2">
      <c r="A1475" s="1" t="s">
        <v>10</v>
      </c>
      <c r="B1475" s="1" t="s">
        <v>10</v>
      </c>
      <c r="C1475" s="1" t="s">
        <v>5320</v>
      </c>
      <c r="D1475" s="1" t="s">
        <v>10</v>
      </c>
      <c r="E1475" s="1" t="s">
        <v>10</v>
      </c>
      <c r="F1475" s="1" t="s">
        <v>10</v>
      </c>
      <c r="G1475" s="1" t="s">
        <v>10</v>
      </c>
      <c r="H1475" s="1" t="s">
        <v>5318</v>
      </c>
      <c r="I1475" s="1" t="s">
        <v>3941</v>
      </c>
      <c r="J1475" s="1" t="s">
        <v>10</v>
      </c>
      <c r="K1475" s="1" t="s">
        <v>64</v>
      </c>
      <c r="L1475" s="1" t="s">
        <v>5319</v>
      </c>
      <c r="M1475" s="1" t="s">
        <v>5</v>
      </c>
      <c r="N1475" s="1" t="s">
        <v>6</v>
      </c>
      <c r="O1475" s="1" t="s">
        <v>8</v>
      </c>
      <c r="P1475" s="5" t="s">
        <v>31234</v>
      </c>
    </row>
    <row r="1476" spans="1:16" x14ac:dyDescent="0.2">
      <c r="A1476" s="1" t="s">
        <v>10</v>
      </c>
      <c r="B1476" s="1" t="s">
        <v>10</v>
      </c>
      <c r="C1476" s="1" t="s">
        <v>5322</v>
      </c>
      <c r="D1476" s="1" t="s">
        <v>10</v>
      </c>
      <c r="E1476" s="1" t="s">
        <v>10</v>
      </c>
      <c r="F1476" s="1" t="s">
        <v>10</v>
      </c>
      <c r="G1476" s="1" t="s">
        <v>10</v>
      </c>
      <c r="H1476" s="1" t="s">
        <v>5306</v>
      </c>
      <c r="I1476" s="1" t="s">
        <v>3941</v>
      </c>
      <c r="J1476" s="1" t="s">
        <v>10</v>
      </c>
      <c r="K1476" s="1" t="s">
        <v>64</v>
      </c>
      <c r="L1476" s="1" t="s">
        <v>5321</v>
      </c>
      <c r="M1476" s="1" t="s">
        <v>5</v>
      </c>
      <c r="N1476" s="1" t="s">
        <v>6</v>
      </c>
      <c r="O1476" s="1" t="s">
        <v>8</v>
      </c>
      <c r="P1476" s="5" t="s">
        <v>31234</v>
      </c>
    </row>
    <row r="1477" spans="1:16" x14ac:dyDescent="0.2">
      <c r="A1477" s="1" t="s">
        <v>10</v>
      </c>
      <c r="B1477" s="1" t="s">
        <v>10</v>
      </c>
      <c r="C1477" s="1" t="s">
        <v>5324</v>
      </c>
      <c r="D1477" s="1" t="s">
        <v>10</v>
      </c>
      <c r="E1477" s="1" t="s">
        <v>10</v>
      </c>
      <c r="F1477" s="1" t="s">
        <v>10</v>
      </c>
      <c r="G1477" s="1" t="s">
        <v>10</v>
      </c>
      <c r="H1477" s="1" t="s">
        <v>5174</v>
      </c>
      <c r="I1477" s="1" t="s">
        <v>3941</v>
      </c>
      <c r="J1477" s="1" t="s">
        <v>10</v>
      </c>
      <c r="K1477" s="1" t="s">
        <v>64</v>
      </c>
      <c r="L1477" s="1" t="s">
        <v>5323</v>
      </c>
      <c r="M1477" s="1" t="s">
        <v>5</v>
      </c>
      <c r="N1477" s="1" t="s">
        <v>6</v>
      </c>
      <c r="O1477" s="1" t="s">
        <v>8</v>
      </c>
      <c r="P1477" s="5" t="s">
        <v>31234</v>
      </c>
    </row>
    <row r="1478" spans="1:16" x14ac:dyDescent="0.2">
      <c r="A1478" s="1" t="s">
        <v>10</v>
      </c>
      <c r="B1478" s="1" t="s">
        <v>10</v>
      </c>
      <c r="C1478" s="1" t="s">
        <v>5326</v>
      </c>
      <c r="D1478" s="1" t="s">
        <v>10</v>
      </c>
      <c r="E1478" s="1" t="s">
        <v>10</v>
      </c>
      <c r="F1478" s="1" t="s">
        <v>10</v>
      </c>
      <c r="G1478" s="1" t="s">
        <v>10</v>
      </c>
      <c r="H1478" s="1" t="s">
        <v>5327</v>
      </c>
      <c r="I1478" s="1" t="s">
        <v>3941</v>
      </c>
      <c r="J1478" s="1" t="s">
        <v>10</v>
      </c>
      <c r="K1478" s="1" t="s">
        <v>64</v>
      </c>
      <c r="L1478" s="1" t="s">
        <v>5325</v>
      </c>
      <c r="M1478" s="1" t="s">
        <v>5</v>
      </c>
      <c r="N1478" s="1" t="s">
        <v>6</v>
      </c>
      <c r="O1478" s="1" t="s">
        <v>8</v>
      </c>
      <c r="P1478" s="5" t="s">
        <v>31234</v>
      </c>
    </row>
    <row r="1479" spans="1:16" x14ac:dyDescent="0.2">
      <c r="A1479" s="1" t="s">
        <v>10</v>
      </c>
      <c r="B1479" s="1" t="s">
        <v>10</v>
      </c>
      <c r="C1479" s="1" t="s">
        <v>5329</v>
      </c>
      <c r="D1479" s="1" t="s">
        <v>10</v>
      </c>
      <c r="E1479" s="1" t="s">
        <v>10</v>
      </c>
      <c r="F1479" s="1" t="s">
        <v>10</v>
      </c>
      <c r="G1479" s="1" t="s">
        <v>10</v>
      </c>
      <c r="H1479" s="1" t="s">
        <v>5330</v>
      </c>
      <c r="I1479" s="1" t="s">
        <v>3941</v>
      </c>
      <c r="J1479" s="1" t="s">
        <v>10</v>
      </c>
      <c r="K1479" s="1" t="s">
        <v>64</v>
      </c>
      <c r="L1479" s="1" t="s">
        <v>5328</v>
      </c>
      <c r="M1479" s="1" t="s">
        <v>5</v>
      </c>
      <c r="N1479" s="1" t="s">
        <v>6</v>
      </c>
      <c r="O1479" s="1" t="s">
        <v>8</v>
      </c>
      <c r="P1479" s="5" t="s">
        <v>31234</v>
      </c>
    </row>
    <row r="1480" spans="1:16" x14ac:dyDescent="0.2">
      <c r="A1480" s="1" t="s">
        <v>10</v>
      </c>
      <c r="B1480" s="1" t="s">
        <v>10</v>
      </c>
      <c r="C1480" s="1" t="s">
        <v>5332</v>
      </c>
      <c r="D1480" s="1" t="s">
        <v>10</v>
      </c>
      <c r="E1480" s="1" t="s">
        <v>10</v>
      </c>
      <c r="F1480" s="1" t="s">
        <v>10</v>
      </c>
      <c r="G1480" s="1" t="s">
        <v>10</v>
      </c>
      <c r="H1480" s="1" t="s">
        <v>5193</v>
      </c>
      <c r="I1480" s="1" t="s">
        <v>3941</v>
      </c>
      <c r="J1480" s="1" t="s">
        <v>10</v>
      </c>
      <c r="K1480" s="1" t="s">
        <v>64</v>
      </c>
      <c r="L1480" s="1" t="s">
        <v>5331</v>
      </c>
      <c r="M1480" s="1" t="s">
        <v>5</v>
      </c>
      <c r="N1480" s="1" t="s">
        <v>6</v>
      </c>
      <c r="O1480" s="1" t="s">
        <v>8</v>
      </c>
      <c r="P1480" s="5" t="s">
        <v>31234</v>
      </c>
    </row>
    <row r="1481" spans="1:16" x14ac:dyDescent="0.2">
      <c r="A1481" s="1" t="s">
        <v>10</v>
      </c>
      <c r="B1481" s="1" t="s">
        <v>10</v>
      </c>
      <c r="C1481" s="1" t="s">
        <v>5334</v>
      </c>
      <c r="D1481" s="1" t="s">
        <v>10</v>
      </c>
      <c r="E1481" s="1" t="s">
        <v>10</v>
      </c>
      <c r="F1481" s="1" t="s">
        <v>10</v>
      </c>
      <c r="G1481" s="1" t="s">
        <v>10</v>
      </c>
      <c r="H1481" s="1" t="s">
        <v>5193</v>
      </c>
      <c r="I1481" s="1" t="s">
        <v>3941</v>
      </c>
      <c r="J1481" s="1" t="s">
        <v>10</v>
      </c>
      <c r="K1481" s="1" t="s">
        <v>64</v>
      </c>
      <c r="L1481" s="1" t="s">
        <v>5333</v>
      </c>
      <c r="M1481" s="1" t="s">
        <v>5</v>
      </c>
      <c r="N1481" s="1" t="s">
        <v>6</v>
      </c>
      <c r="O1481" s="1" t="s">
        <v>8</v>
      </c>
      <c r="P1481" s="5" t="s">
        <v>31234</v>
      </c>
    </row>
    <row r="1482" spans="1:16" x14ac:dyDescent="0.2">
      <c r="A1482" s="1" t="s">
        <v>10</v>
      </c>
      <c r="B1482" s="1" t="s">
        <v>10</v>
      </c>
      <c r="C1482" s="1" t="s">
        <v>5336</v>
      </c>
      <c r="D1482" s="1" t="s">
        <v>10</v>
      </c>
      <c r="E1482" s="1" t="s">
        <v>10</v>
      </c>
      <c r="F1482" s="1" t="s">
        <v>10</v>
      </c>
      <c r="G1482" s="1" t="s">
        <v>10</v>
      </c>
      <c r="H1482" s="1" t="s">
        <v>5337</v>
      </c>
      <c r="I1482" s="1" t="s">
        <v>3941</v>
      </c>
      <c r="J1482" s="1" t="s">
        <v>10</v>
      </c>
      <c r="K1482" s="1" t="s">
        <v>64</v>
      </c>
      <c r="L1482" s="1" t="s">
        <v>5335</v>
      </c>
      <c r="M1482" s="1" t="s">
        <v>5</v>
      </c>
      <c r="N1482" s="1" t="s">
        <v>6</v>
      </c>
      <c r="O1482" s="1" t="s">
        <v>8</v>
      </c>
      <c r="P1482" s="5" t="s">
        <v>30431</v>
      </c>
    </row>
    <row r="1483" spans="1:16" x14ac:dyDescent="0.2">
      <c r="A1483" s="1" t="s">
        <v>10</v>
      </c>
      <c r="B1483" s="1" t="s">
        <v>10</v>
      </c>
      <c r="C1483" s="1" t="s">
        <v>5339</v>
      </c>
      <c r="D1483" s="1" t="s">
        <v>10</v>
      </c>
      <c r="E1483" s="1" t="s">
        <v>10</v>
      </c>
      <c r="F1483" s="1" t="s">
        <v>10</v>
      </c>
      <c r="G1483" s="1" t="s">
        <v>10</v>
      </c>
      <c r="H1483" s="1" t="s">
        <v>5193</v>
      </c>
      <c r="I1483" s="1" t="s">
        <v>3941</v>
      </c>
      <c r="J1483" s="1" t="s">
        <v>10</v>
      </c>
      <c r="K1483" s="1" t="s">
        <v>64</v>
      </c>
      <c r="L1483" s="1" t="s">
        <v>5338</v>
      </c>
      <c r="M1483" s="1" t="s">
        <v>5</v>
      </c>
      <c r="N1483" s="1" t="s">
        <v>6</v>
      </c>
      <c r="O1483" s="1" t="s">
        <v>8</v>
      </c>
      <c r="P1483" s="5" t="s">
        <v>30431</v>
      </c>
    </row>
    <row r="1484" spans="1:16" x14ac:dyDescent="0.2">
      <c r="A1484" s="1" t="s">
        <v>10</v>
      </c>
      <c r="B1484" s="1" t="s">
        <v>10</v>
      </c>
      <c r="C1484" s="1" t="s">
        <v>5341</v>
      </c>
      <c r="D1484" s="1" t="s">
        <v>10</v>
      </c>
      <c r="E1484" s="1" t="s">
        <v>10</v>
      </c>
      <c r="F1484" s="1" t="s">
        <v>10</v>
      </c>
      <c r="G1484" s="1" t="s">
        <v>10</v>
      </c>
      <c r="H1484" s="1" t="s">
        <v>4160</v>
      </c>
      <c r="I1484" s="1" t="s">
        <v>3941</v>
      </c>
      <c r="J1484" s="1" t="s">
        <v>10</v>
      </c>
      <c r="K1484" s="1" t="s">
        <v>64</v>
      </c>
      <c r="L1484" s="1" t="s">
        <v>5340</v>
      </c>
      <c r="M1484" s="1" t="s">
        <v>5</v>
      </c>
      <c r="N1484" s="1" t="s">
        <v>6</v>
      </c>
      <c r="O1484" s="1" t="s">
        <v>8</v>
      </c>
      <c r="P1484" s="5" t="s">
        <v>30431</v>
      </c>
    </row>
    <row r="1485" spans="1:16" x14ac:dyDescent="0.2">
      <c r="A1485" s="1" t="s">
        <v>10</v>
      </c>
      <c r="B1485" s="1" t="s">
        <v>10</v>
      </c>
      <c r="C1485" s="1" t="s">
        <v>5343</v>
      </c>
      <c r="D1485" s="1" t="s">
        <v>10</v>
      </c>
      <c r="E1485" s="1" t="s">
        <v>10</v>
      </c>
      <c r="F1485" s="1" t="s">
        <v>10</v>
      </c>
      <c r="G1485" s="1" t="s">
        <v>10</v>
      </c>
      <c r="H1485" s="1" t="s">
        <v>5189</v>
      </c>
      <c r="I1485" s="1" t="s">
        <v>3941</v>
      </c>
      <c r="J1485" s="1" t="s">
        <v>10</v>
      </c>
      <c r="K1485" s="1" t="s">
        <v>64</v>
      </c>
      <c r="L1485" s="1" t="s">
        <v>5342</v>
      </c>
      <c r="M1485" s="1" t="s">
        <v>5</v>
      </c>
      <c r="N1485" s="1" t="s">
        <v>6</v>
      </c>
      <c r="O1485" s="1" t="s">
        <v>8</v>
      </c>
      <c r="P1485" s="5" t="s">
        <v>30431</v>
      </c>
    </row>
    <row r="1486" spans="1:16" x14ac:dyDescent="0.2">
      <c r="A1486" s="1" t="s">
        <v>10</v>
      </c>
      <c r="B1486" s="1" t="s">
        <v>10</v>
      </c>
      <c r="C1486" s="1" t="s">
        <v>5345</v>
      </c>
      <c r="D1486" s="1" t="s">
        <v>10</v>
      </c>
      <c r="E1486" s="1" t="s">
        <v>10</v>
      </c>
      <c r="F1486" s="1" t="s">
        <v>10</v>
      </c>
      <c r="G1486" s="1" t="s">
        <v>10</v>
      </c>
      <c r="H1486" s="1" t="s">
        <v>5175</v>
      </c>
      <c r="I1486" s="1" t="s">
        <v>3941</v>
      </c>
      <c r="J1486" s="1" t="s">
        <v>10</v>
      </c>
      <c r="K1486" s="1" t="s">
        <v>64</v>
      </c>
      <c r="L1486" s="1" t="s">
        <v>5344</v>
      </c>
      <c r="M1486" s="1" t="s">
        <v>5</v>
      </c>
      <c r="N1486" s="1" t="s">
        <v>6</v>
      </c>
      <c r="O1486" s="1" t="s">
        <v>8</v>
      </c>
      <c r="P1486" s="5" t="s">
        <v>30431</v>
      </c>
    </row>
    <row r="1487" spans="1:16" x14ac:dyDescent="0.2">
      <c r="A1487" s="1" t="s">
        <v>10</v>
      </c>
      <c r="B1487" s="1" t="s">
        <v>10</v>
      </c>
      <c r="C1487" s="1" t="s">
        <v>5347</v>
      </c>
      <c r="D1487" s="1" t="s">
        <v>10</v>
      </c>
      <c r="E1487" s="1" t="s">
        <v>10</v>
      </c>
      <c r="F1487" s="1" t="s">
        <v>10</v>
      </c>
      <c r="G1487" s="1" t="s">
        <v>10</v>
      </c>
      <c r="H1487" s="1" t="s">
        <v>5348</v>
      </c>
      <c r="I1487" s="1" t="s">
        <v>3941</v>
      </c>
      <c r="J1487" s="1" t="s">
        <v>10</v>
      </c>
      <c r="K1487" s="1" t="s">
        <v>64</v>
      </c>
      <c r="L1487" s="1" t="s">
        <v>5346</v>
      </c>
      <c r="M1487" s="1" t="s">
        <v>5</v>
      </c>
      <c r="N1487" s="1" t="s">
        <v>6</v>
      </c>
      <c r="O1487" s="1" t="s">
        <v>8</v>
      </c>
      <c r="P1487" s="5" t="s">
        <v>30431</v>
      </c>
    </row>
    <row r="1488" spans="1:16" x14ac:dyDescent="0.2">
      <c r="A1488" s="1" t="s">
        <v>10</v>
      </c>
      <c r="B1488" s="1" t="s">
        <v>10</v>
      </c>
      <c r="C1488" s="1" t="s">
        <v>5350</v>
      </c>
      <c r="D1488" s="1" t="s">
        <v>10</v>
      </c>
      <c r="E1488" s="1" t="s">
        <v>10</v>
      </c>
      <c r="F1488" s="1" t="s">
        <v>10</v>
      </c>
      <c r="G1488" s="1" t="s">
        <v>10</v>
      </c>
      <c r="H1488" s="1" t="s">
        <v>5348</v>
      </c>
      <c r="I1488" s="1" t="s">
        <v>3941</v>
      </c>
      <c r="J1488" s="1" t="s">
        <v>10</v>
      </c>
      <c r="K1488" s="1" t="s">
        <v>64</v>
      </c>
      <c r="L1488" s="1" t="s">
        <v>5349</v>
      </c>
      <c r="M1488" s="1" t="s">
        <v>5</v>
      </c>
      <c r="N1488" s="1" t="s">
        <v>6</v>
      </c>
      <c r="O1488" s="1" t="s">
        <v>8</v>
      </c>
      <c r="P1488" s="5" t="s">
        <v>30431</v>
      </c>
    </row>
    <row r="1489" spans="1:16" x14ac:dyDescent="0.2">
      <c r="A1489" s="1" t="s">
        <v>10</v>
      </c>
      <c r="B1489" s="1" t="s">
        <v>10</v>
      </c>
      <c r="C1489" s="1" t="s">
        <v>5352</v>
      </c>
      <c r="D1489" s="1" t="s">
        <v>10</v>
      </c>
      <c r="E1489" s="1" t="s">
        <v>10</v>
      </c>
      <c r="F1489" s="1" t="s">
        <v>10</v>
      </c>
      <c r="G1489" s="1" t="s">
        <v>10</v>
      </c>
      <c r="H1489" s="1" t="s">
        <v>5348</v>
      </c>
      <c r="I1489" s="1" t="s">
        <v>3941</v>
      </c>
      <c r="J1489" s="1" t="s">
        <v>10</v>
      </c>
      <c r="K1489" s="1" t="s">
        <v>64</v>
      </c>
      <c r="L1489" s="1" t="s">
        <v>5351</v>
      </c>
      <c r="M1489" s="1" t="s">
        <v>5</v>
      </c>
      <c r="N1489" s="1" t="s">
        <v>6</v>
      </c>
      <c r="O1489" s="1" t="s">
        <v>8</v>
      </c>
      <c r="P1489" s="5" t="s">
        <v>30431</v>
      </c>
    </row>
    <row r="1490" spans="1:16" x14ac:dyDescent="0.2">
      <c r="A1490" s="1" t="s">
        <v>10</v>
      </c>
      <c r="B1490" s="1" t="s">
        <v>10</v>
      </c>
      <c r="C1490" s="1" t="s">
        <v>5354</v>
      </c>
      <c r="D1490" s="1" t="s">
        <v>10</v>
      </c>
      <c r="E1490" s="1" t="s">
        <v>10</v>
      </c>
      <c r="F1490" s="1" t="s">
        <v>10</v>
      </c>
      <c r="G1490" s="1" t="s">
        <v>10</v>
      </c>
      <c r="H1490" s="1" t="s">
        <v>5348</v>
      </c>
      <c r="I1490" s="1" t="s">
        <v>3941</v>
      </c>
      <c r="J1490" s="1" t="s">
        <v>10</v>
      </c>
      <c r="K1490" s="1" t="s">
        <v>64</v>
      </c>
      <c r="L1490" s="1" t="s">
        <v>5353</v>
      </c>
      <c r="M1490" s="1" t="s">
        <v>5</v>
      </c>
      <c r="N1490" s="1" t="s">
        <v>6</v>
      </c>
      <c r="O1490" s="1" t="s">
        <v>8</v>
      </c>
      <c r="P1490" s="5" t="s">
        <v>30431</v>
      </c>
    </row>
    <row r="1491" spans="1:16" x14ac:dyDescent="0.2">
      <c r="A1491" s="1" t="s">
        <v>10</v>
      </c>
      <c r="B1491" s="1" t="s">
        <v>10</v>
      </c>
      <c r="C1491" s="1" t="s">
        <v>5356</v>
      </c>
      <c r="D1491" s="1" t="s">
        <v>10</v>
      </c>
      <c r="E1491" s="1" t="s">
        <v>10</v>
      </c>
      <c r="F1491" s="1" t="s">
        <v>10</v>
      </c>
      <c r="G1491" s="1" t="s">
        <v>10</v>
      </c>
      <c r="H1491" s="1" t="s">
        <v>5357</v>
      </c>
      <c r="I1491" s="1" t="s">
        <v>3941</v>
      </c>
      <c r="J1491" s="1" t="s">
        <v>10</v>
      </c>
      <c r="K1491" s="1" t="s">
        <v>64</v>
      </c>
      <c r="L1491" s="1" t="s">
        <v>5355</v>
      </c>
      <c r="M1491" s="1" t="s">
        <v>5</v>
      </c>
      <c r="N1491" s="1" t="s">
        <v>6</v>
      </c>
      <c r="O1491" s="1" t="s">
        <v>8</v>
      </c>
      <c r="P1491" s="5" t="s">
        <v>30431</v>
      </c>
    </row>
    <row r="1492" spans="1:16" x14ac:dyDescent="0.2">
      <c r="A1492" s="1" t="s">
        <v>10</v>
      </c>
      <c r="B1492" s="1" t="s">
        <v>10</v>
      </c>
      <c r="C1492" s="1" t="s">
        <v>5359</v>
      </c>
      <c r="D1492" s="1" t="s">
        <v>10</v>
      </c>
      <c r="E1492" s="1" t="s">
        <v>10</v>
      </c>
      <c r="F1492" s="1" t="s">
        <v>10</v>
      </c>
      <c r="G1492" s="1" t="s">
        <v>10</v>
      </c>
      <c r="H1492" s="1" t="s">
        <v>5360</v>
      </c>
      <c r="I1492" s="1" t="s">
        <v>3941</v>
      </c>
      <c r="J1492" s="1" t="s">
        <v>10</v>
      </c>
      <c r="K1492" s="1" t="s">
        <v>64</v>
      </c>
      <c r="L1492" s="1" t="s">
        <v>5358</v>
      </c>
      <c r="M1492" s="1" t="s">
        <v>5</v>
      </c>
      <c r="N1492" s="1" t="s">
        <v>6</v>
      </c>
      <c r="O1492" s="1" t="s">
        <v>8</v>
      </c>
      <c r="P1492" s="5" t="s">
        <v>30431</v>
      </c>
    </row>
    <row r="1493" spans="1:16" x14ac:dyDescent="0.2">
      <c r="A1493" s="1" t="s">
        <v>10</v>
      </c>
      <c r="B1493" s="1" t="s">
        <v>10</v>
      </c>
      <c r="C1493" s="1" t="s">
        <v>5362</v>
      </c>
      <c r="D1493" s="1" t="s">
        <v>10</v>
      </c>
      <c r="E1493" s="1" t="s">
        <v>10</v>
      </c>
      <c r="F1493" s="1" t="s">
        <v>10</v>
      </c>
      <c r="G1493" s="1" t="s">
        <v>10</v>
      </c>
      <c r="H1493" s="1" t="s">
        <v>4160</v>
      </c>
      <c r="I1493" s="1" t="s">
        <v>3941</v>
      </c>
      <c r="J1493" s="1" t="s">
        <v>10</v>
      </c>
      <c r="K1493" s="1" t="s">
        <v>64</v>
      </c>
      <c r="L1493" s="1" t="s">
        <v>5361</v>
      </c>
      <c r="M1493" s="1" t="s">
        <v>5</v>
      </c>
      <c r="N1493" s="1" t="s">
        <v>6</v>
      </c>
      <c r="O1493" s="1" t="s">
        <v>8</v>
      </c>
      <c r="P1493" s="5" t="s">
        <v>31079</v>
      </c>
    </row>
    <row r="1494" spans="1:16" x14ac:dyDescent="0.2">
      <c r="A1494" s="1" t="s">
        <v>10</v>
      </c>
      <c r="B1494" s="1" t="s">
        <v>10</v>
      </c>
      <c r="C1494" s="1" t="s">
        <v>5364</v>
      </c>
      <c r="D1494" s="1" t="s">
        <v>10</v>
      </c>
      <c r="E1494" s="1" t="s">
        <v>10</v>
      </c>
      <c r="F1494" s="1" t="s">
        <v>10</v>
      </c>
      <c r="G1494" s="1" t="s">
        <v>10</v>
      </c>
      <c r="H1494" s="1" t="s">
        <v>5365</v>
      </c>
      <c r="I1494" s="1" t="s">
        <v>3941</v>
      </c>
      <c r="J1494" s="1" t="s">
        <v>10</v>
      </c>
      <c r="K1494" s="1" t="s">
        <v>64</v>
      </c>
      <c r="L1494" s="1" t="s">
        <v>5363</v>
      </c>
      <c r="M1494" s="1" t="s">
        <v>5</v>
      </c>
      <c r="N1494" s="1" t="s">
        <v>6</v>
      </c>
      <c r="O1494" s="1" t="s">
        <v>8</v>
      </c>
      <c r="P1494" s="5" t="s">
        <v>31079</v>
      </c>
    </row>
    <row r="1495" spans="1:16" x14ac:dyDescent="0.2">
      <c r="A1495" s="1" t="s">
        <v>10</v>
      </c>
      <c r="B1495" s="1" t="s">
        <v>10</v>
      </c>
      <c r="C1495" s="1" t="s">
        <v>5367</v>
      </c>
      <c r="D1495" s="1" t="s">
        <v>10</v>
      </c>
      <c r="E1495" s="1" t="s">
        <v>10</v>
      </c>
      <c r="F1495" s="1" t="s">
        <v>10</v>
      </c>
      <c r="G1495" s="1" t="s">
        <v>10</v>
      </c>
      <c r="H1495" s="1" t="s">
        <v>5368</v>
      </c>
      <c r="I1495" s="1" t="s">
        <v>3941</v>
      </c>
      <c r="J1495" s="1" t="s">
        <v>10</v>
      </c>
      <c r="K1495" s="1" t="s">
        <v>64</v>
      </c>
      <c r="L1495" s="1" t="s">
        <v>5366</v>
      </c>
      <c r="M1495" s="1" t="s">
        <v>5</v>
      </c>
      <c r="N1495" s="1" t="s">
        <v>6</v>
      </c>
      <c r="O1495" s="1" t="s">
        <v>8</v>
      </c>
      <c r="P1495" s="5" t="s">
        <v>30431</v>
      </c>
    </row>
    <row r="1496" spans="1:16" x14ac:dyDescent="0.2">
      <c r="A1496" s="1" t="s">
        <v>10</v>
      </c>
      <c r="B1496" s="1" t="s">
        <v>10</v>
      </c>
      <c r="C1496" s="1" t="s">
        <v>5370</v>
      </c>
      <c r="D1496" s="1" t="s">
        <v>10</v>
      </c>
      <c r="E1496" s="1" t="s">
        <v>10</v>
      </c>
      <c r="F1496" s="1" t="s">
        <v>10</v>
      </c>
      <c r="G1496" s="1" t="s">
        <v>10</v>
      </c>
      <c r="H1496" s="1" t="s">
        <v>5368</v>
      </c>
      <c r="I1496" s="1" t="s">
        <v>3941</v>
      </c>
      <c r="J1496" s="1" t="s">
        <v>10</v>
      </c>
      <c r="K1496" s="1" t="s">
        <v>64</v>
      </c>
      <c r="L1496" s="1" t="s">
        <v>5369</v>
      </c>
      <c r="M1496" s="1" t="s">
        <v>5</v>
      </c>
      <c r="N1496" s="1" t="s">
        <v>6</v>
      </c>
      <c r="O1496" s="1" t="s">
        <v>8</v>
      </c>
      <c r="P1496" s="5" t="s">
        <v>30431</v>
      </c>
    </row>
    <row r="1497" spans="1:16" x14ac:dyDescent="0.2">
      <c r="A1497" s="1" t="s">
        <v>10</v>
      </c>
      <c r="B1497" s="1" t="s">
        <v>10</v>
      </c>
      <c r="C1497" s="1" t="s">
        <v>5372</v>
      </c>
      <c r="D1497" s="1" t="s">
        <v>10</v>
      </c>
      <c r="E1497" s="1" t="s">
        <v>10</v>
      </c>
      <c r="F1497" s="1" t="s">
        <v>10</v>
      </c>
      <c r="G1497" s="1" t="s">
        <v>10</v>
      </c>
      <c r="H1497" s="1" t="s">
        <v>5373</v>
      </c>
      <c r="I1497" s="1" t="s">
        <v>3941</v>
      </c>
      <c r="J1497" s="1" t="s">
        <v>10</v>
      </c>
      <c r="K1497" s="1" t="s">
        <v>64</v>
      </c>
      <c r="L1497" s="1" t="s">
        <v>5371</v>
      </c>
      <c r="M1497" s="1" t="s">
        <v>5</v>
      </c>
      <c r="N1497" s="1" t="s">
        <v>6</v>
      </c>
      <c r="O1497" s="1" t="s">
        <v>8</v>
      </c>
      <c r="P1497" s="5" t="s">
        <v>30431</v>
      </c>
    </row>
    <row r="1498" spans="1:16" x14ac:dyDescent="0.2">
      <c r="A1498" s="1" t="s">
        <v>10</v>
      </c>
      <c r="B1498" s="1" t="s">
        <v>10</v>
      </c>
      <c r="C1498" s="1" t="s">
        <v>5375</v>
      </c>
      <c r="D1498" s="1" t="s">
        <v>10</v>
      </c>
      <c r="E1498" s="1" t="s">
        <v>10</v>
      </c>
      <c r="F1498" s="1" t="s">
        <v>10</v>
      </c>
      <c r="G1498" s="1" t="s">
        <v>10</v>
      </c>
      <c r="H1498" s="1" t="s">
        <v>5376</v>
      </c>
      <c r="I1498" s="1" t="s">
        <v>3941</v>
      </c>
      <c r="J1498" s="1" t="s">
        <v>10</v>
      </c>
      <c r="K1498" s="1" t="s">
        <v>64</v>
      </c>
      <c r="L1498" s="1" t="s">
        <v>5374</v>
      </c>
      <c r="M1498" s="1" t="s">
        <v>5</v>
      </c>
      <c r="N1498" s="1" t="s">
        <v>6</v>
      </c>
      <c r="O1498" s="1" t="s">
        <v>8</v>
      </c>
      <c r="P1498" s="5" t="s">
        <v>30431</v>
      </c>
    </row>
    <row r="1499" spans="1:16" x14ac:dyDescent="0.2">
      <c r="A1499" s="1" t="s">
        <v>10</v>
      </c>
      <c r="B1499" s="1" t="s">
        <v>10</v>
      </c>
      <c r="C1499" s="1" t="s">
        <v>5378</v>
      </c>
      <c r="D1499" s="1" t="s">
        <v>10</v>
      </c>
      <c r="E1499" s="1" t="s">
        <v>10</v>
      </c>
      <c r="F1499" s="1" t="s">
        <v>10</v>
      </c>
      <c r="G1499" s="1" t="s">
        <v>10</v>
      </c>
      <c r="H1499" s="1" t="s">
        <v>5376</v>
      </c>
      <c r="I1499" s="1" t="s">
        <v>3941</v>
      </c>
      <c r="J1499" s="1" t="s">
        <v>10</v>
      </c>
      <c r="K1499" s="1" t="s">
        <v>64</v>
      </c>
      <c r="L1499" s="1" t="s">
        <v>5377</v>
      </c>
      <c r="M1499" s="1" t="s">
        <v>5</v>
      </c>
      <c r="N1499" s="1" t="s">
        <v>6</v>
      </c>
      <c r="O1499" s="1" t="s">
        <v>8</v>
      </c>
      <c r="P1499" s="5" t="s">
        <v>30431</v>
      </c>
    </row>
    <row r="1500" spans="1:16" x14ac:dyDescent="0.2">
      <c r="A1500" s="1" t="s">
        <v>10</v>
      </c>
      <c r="B1500" s="1" t="s">
        <v>10</v>
      </c>
      <c r="C1500" s="1" t="s">
        <v>5380</v>
      </c>
      <c r="D1500" s="1" t="s">
        <v>10</v>
      </c>
      <c r="E1500" s="1" t="s">
        <v>10</v>
      </c>
      <c r="F1500" s="1" t="s">
        <v>10</v>
      </c>
      <c r="G1500" s="1" t="s">
        <v>10</v>
      </c>
      <c r="H1500" s="1" t="s">
        <v>5381</v>
      </c>
      <c r="I1500" s="1" t="s">
        <v>3941</v>
      </c>
      <c r="J1500" s="1" t="s">
        <v>10</v>
      </c>
      <c r="K1500" s="1" t="s">
        <v>64</v>
      </c>
      <c r="L1500" s="1" t="s">
        <v>5379</v>
      </c>
      <c r="M1500" s="1" t="s">
        <v>5</v>
      </c>
      <c r="N1500" s="1" t="s">
        <v>6</v>
      </c>
      <c r="O1500" s="1" t="s">
        <v>8</v>
      </c>
      <c r="P1500" s="5" t="s">
        <v>31235</v>
      </c>
    </row>
    <row r="1501" spans="1:16" x14ac:dyDescent="0.2">
      <c r="A1501" s="1" t="s">
        <v>10</v>
      </c>
      <c r="B1501" s="1" t="s">
        <v>10</v>
      </c>
      <c r="C1501" s="1" t="s">
        <v>5383</v>
      </c>
      <c r="D1501" s="1" t="s">
        <v>10</v>
      </c>
      <c r="E1501" s="1" t="s">
        <v>10</v>
      </c>
      <c r="F1501" s="1" t="s">
        <v>10</v>
      </c>
      <c r="G1501" s="1" t="s">
        <v>10</v>
      </c>
      <c r="H1501" s="1" t="s">
        <v>4160</v>
      </c>
      <c r="I1501" s="1" t="s">
        <v>3941</v>
      </c>
      <c r="J1501" s="1" t="s">
        <v>10</v>
      </c>
      <c r="K1501" s="1" t="s">
        <v>64</v>
      </c>
      <c r="L1501" s="1" t="s">
        <v>5382</v>
      </c>
      <c r="M1501" s="1" t="s">
        <v>5</v>
      </c>
      <c r="N1501" s="1" t="s">
        <v>6</v>
      </c>
      <c r="O1501" s="1" t="s">
        <v>8</v>
      </c>
      <c r="P1501" s="5" t="s">
        <v>31235</v>
      </c>
    </row>
    <row r="1502" spans="1:16" x14ac:dyDescent="0.2">
      <c r="A1502" s="1" t="s">
        <v>10</v>
      </c>
      <c r="B1502" s="1" t="s">
        <v>10</v>
      </c>
      <c r="C1502" s="1" t="s">
        <v>5385</v>
      </c>
      <c r="D1502" s="1" t="s">
        <v>10</v>
      </c>
      <c r="E1502" s="1" t="s">
        <v>10</v>
      </c>
      <c r="F1502" s="1" t="s">
        <v>10</v>
      </c>
      <c r="G1502" s="1" t="s">
        <v>10</v>
      </c>
      <c r="H1502" s="1" t="s">
        <v>5386</v>
      </c>
      <c r="I1502" s="1" t="s">
        <v>3941</v>
      </c>
      <c r="J1502" s="1" t="s">
        <v>10</v>
      </c>
      <c r="K1502" s="1" t="s">
        <v>64</v>
      </c>
      <c r="L1502" s="1" t="s">
        <v>5384</v>
      </c>
      <c r="M1502" s="1" t="s">
        <v>5</v>
      </c>
      <c r="N1502" s="1" t="s">
        <v>6</v>
      </c>
      <c r="O1502" s="1" t="s">
        <v>8</v>
      </c>
      <c r="P1502" s="5" t="s">
        <v>30431</v>
      </c>
    </row>
    <row r="1503" spans="1:16" x14ac:dyDescent="0.2">
      <c r="A1503" s="1" t="s">
        <v>10</v>
      </c>
      <c r="B1503" s="1" t="s">
        <v>10</v>
      </c>
      <c r="C1503" s="1" t="s">
        <v>5388</v>
      </c>
      <c r="D1503" s="1" t="s">
        <v>10</v>
      </c>
      <c r="E1503" s="1" t="s">
        <v>10</v>
      </c>
      <c r="F1503" s="1" t="s">
        <v>10</v>
      </c>
      <c r="G1503" s="1" t="s">
        <v>10</v>
      </c>
      <c r="H1503" s="1" t="s">
        <v>5389</v>
      </c>
      <c r="I1503" s="1" t="s">
        <v>3941</v>
      </c>
      <c r="J1503" s="1" t="s">
        <v>10</v>
      </c>
      <c r="K1503" s="1" t="s">
        <v>64</v>
      </c>
      <c r="L1503" s="1" t="s">
        <v>5387</v>
      </c>
      <c r="M1503" s="1" t="s">
        <v>5</v>
      </c>
      <c r="N1503" s="1" t="s">
        <v>6</v>
      </c>
      <c r="O1503" s="1" t="s">
        <v>8</v>
      </c>
      <c r="P1503" s="5" t="s">
        <v>30431</v>
      </c>
    </row>
    <row r="1504" spans="1:16" x14ac:dyDescent="0.2">
      <c r="A1504" s="1" t="s">
        <v>10</v>
      </c>
      <c r="B1504" s="1" t="s">
        <v>10</v>
      </c>
      <c r="C1504" s="1" t="s">
        <v>5391</v>
      </c>
      <c r="D1504" s="1" t="s">
        <v>10</v>
      </c>
      <c r="E1504" s="1" t="s">
        <v>10</v>
      </c>
      <c r="F1504" s="1" t="s">
        <v>10</v>
      </c>
      <c r="G1504" s="1" t="s">
        <v>10</v>
      </c>
      <c r="H1504" s="1" t="s">
        <v>5389</v>
      </c>
      <c r="I1504" s="1" t="s">
        <v>3941</v>
      </c>
      <c r="J1504" s="1" t="s">
        <v>10</v>
      </c>
      <c r="K1504" s="1" t="s">
        <v>64</v>
      </c>
      <c r="L1504" s="1" t="s">
        <v>5390</v>
      </c>
      <c r="M1504" s="1" t="s">
        <v>5</v>
      </c>
      <c r="N1504" s="1" t="s">
        <v>6</v>
      </c>
      <c r="O1504" s="1" t="s">
        <v>8</v>
      </c>
      <c r="P1504" s="5" t="s">
        <v>30431</v>
      </c>
    </row>
    <row r="1505" spans="1:16" x14ac:dyDescent="0.2">
      <c r="A1505" s="1" t="s">
        <v>10</v>
      </c>
      <c r="B1505" s="1" t="s">
        <v>10</v>
      </c>
      <c r="C1505" s="1" t="s">
        <v>5393</v>
      </c>
      <c r="D1505" s="1" t="s">
        <v>10</v>
      </c>
      <c r="E1505" s="1" t="s">
        <v>10</v>
      </c>
      <c r="F1505" s="1" t="s">
        <v>10</v>
      </c>
      <c r="G1505" s="1" t="s">
        <v>10</v>
      </c>
      <c r="H1505" s="1" t="s">
        <v>5389</v>
      </c>
      <c r="I1505" s="1" t="s">
        <v>3941</v>
      </c>
      <c r="J1505" s="1" t="s">
        <v>10</v>
      </c>
      <c r="K1505" s="1" t="s">
        <v>64</v>
      </c>
      <c r="L1505" s="1" t="s">
        <v>5392</v>
      </c>
      <c r="M1505" s="1" t="s">
        <v>5</v>
      </c>
      <c r="N1505" s="1" t="s">
        <v>6</v>
      </c>
      <c r="O1505" s="1" t="s">
        <v>8</v>
      </c>
      <c r="P1505" s="5" t="s">
        <v>30431</v>
      </c>
    </row>
    <row r="1506" spans="1:16" x14ac:dyDescent="0.2">
      <c r="A1506" s="1" t="s">
        <v>10</v>
      </c>
      <c r="B1506" s="1" t="s">
        <v>10</v>
      </c>
      <c r="C1506" s="1" t="s">
        <v>5395</v>
      </c>
      <c r="D1506" s="1" t="s">
        <v>10</v>
      </c>
      <c r="E1506" s="1" t="s">
        <v>10</v>
      </c>
      <c r="F1506" s="1" t="s">
        <v>10</v>
      </c>
      <c r="G1506" s="1" t="s">
        <v>10</v>
      </c>
      <c r="H1506" s="1" t="s">
        <v>5396</v>
      </c>
      <c r="I1506" s="1" t="s">
        <v>3941</v>
      </c>
      <c r="J1506" s="1" t="s">
        <v>10</v>
      </c>
      <c r="K1506" s="1" t="s">
        <v>64</v>
      </c>
      <c r="L1506" s="1" t="s">
        <v>5394</v>
      </c>
      <c r="M1506" s="1" t="s">
        <v>5</v>
      </c>
      <c r="N1506" s="1" t="s">
        <v>6</v>
      </c>
      <c r="O1506" s="1" t="s">
        <v>8</v>
      </c>
      <c r="P1506" s="5" t="s">
        <v>30431</v>
      </c>
    </row>
    <row r="1507" spans="1:16" x14ac:dyDescent="0.2">
      <c r="A1507" s="1" t="s">
        <v>10</v>
      </c>
      <c r="B1507" s="1" t="s">
        <v>10</v>
      </c>
      <c r="C1507" s="1" t="s">
        <v>5398</v>
      </c>
      <c r="D1507" s="1" t="s">
        <v>10</v>
      </c>
      <c r="E1507" s="1" t="s">
        <v>10</v>
      </c>
      <c r="F1507" s="1" t="s">
        <v>10</v>
      </c>
      <c r="G1507" s="1" t="s">
        <v>10</v>
      </c>
      <c r="H1507" s="1" t="s">
        <v>5396</v>
      </c>
      <c r="I1507" s="1" t="s">
        <v>3941</v>
      </c>
      <c r="J1507" s="1" t="s">
        <v>10</v>
      </c>
      <c r="K1507" s="1" t="s">
        <v>64</v>
      </c>
      <c r="L1507" s="1" t="s">
        <v>5397</v>
      </c>
      <c r="M1507" s="1" t="s">
        <v>5</v>
      </c>
      <c r="N1507" s="1" t="s">
        <v>6</v>
      </c>
      <c r="O1507" s="1" t="s">
        <v>8</v>
      </c>
      <c r="P1507" s="5" t="s">
        <v>30431</v>
      </c>
    </row>
    <row r="1508" spans="1:16" x14ac:dyDescent="0.2">
      <c r="A1508" s="1" t="s">
        <v>10</v>
      </c>
      <c r="B1508" s="1" t="s">
        <v>10</v>
      </c>
      <c r="C1508" s="1" t="s">
        <v>5400</v>
      </c>
      <c r="D1508" s="1" t="s">
        <v>10</v>
      </c>
      <c r="E1508" s="1" t="s">
        <v>10</v>
      </c>
      <c r="F1508" s="1" t="s">
        <v>10</v>
      </c>
      <c r="G1508" s="1" t="s">
        <v>10</v>
      </c>
      <c r="H1508" s="1" t="s">
        <v>5396</v>
      </c>
      <c r="I1508" s="1" t="s">
        <v>3941</v>
      </c>
      <c r="J1508" s="1" t="s">
        <v>10</v>
      </c>
      <c r="K1508" s="1" t="s">
        <v>64</v>
      </c>
      <c r="L1508" s="1" t="s">
        <v>5399</v>
      </c>
      <c r="M1508" s="1" t="s">
        <v>5</v>
      </c>
      <c r="N1508" s="1" t="s">
        <v>6</v>
      </c>
      <c r="O1508" s="1" t="s">
        <v>8</v>
      </c>
      <c r="P1508" s="5" t="s">
        <v>30431</v>
      </c>
    </row>
    <row r="1509" spans="1:16" x14ac:dyDescent="0.2">
      <c r="A1509" s="1" t="s">
        <v>10</v>
      </c>
      <c r="B1509" s="1" t="s">
        <v>10</v>
      </c>
      <c r="C1509" s="1" t="s">
        <v>5402</v>
      </c>
      <c r="D1509" s="1" t="s">
        <v>10</v>
      </c>
      <c r="E1509" s="1" t="s">
        <v>10</v>
      </c>
      <c r="F1509" s="1" t="s">
        <v>10</v>
      </c>
      <c r="G1509" s="1" t="s">
        <v>10</v>
      </c>
      <c r="H1509" s="1" t="s">
        <v>5396</v>
      </c>
      <c r="I1509" s="1" t="s">
        <v>3941</v>
      </c>
      <c r="J1509" s="1" t="s">
        <v>10</v>
      </c>
      <c r="K1509" s="1" t="s">
        <v>64</v>
      </c>
      <c r="L1509" s="1" t="s">
        <v>5401</v>
      </c>
      <c r="M1509" s="1" t="s">
        <v>5</v>
      </c>
      <c r="N1509" s="1" t="s">
        <v>6</v>
      </c>
      <c r="O1509" s="1" t="s">
        <v>8</v>
      </c>
      <c r="P1509" s="5" t="s">
        <v>30431</v>
      </c>
    </row>
    <row r="1510" spans="1:16" x14ac:dyDescent="0.2">
      <c r="A1510" s="1" t="s">
        <v>10</v>
      </c>
      <c r="B1510" s="1" t="s">
        <v>10</v>
      </c>
      <c r="C1510" s="1" t="s">
        <v>5404</v>
      </c>
      <c r="D1510" s="1" t="s">
        <v>10</v>
      </c>
      <c r="E1510" s="1" t="s">
        <v>10</v>
      </c>
      <c r="F1510" s="1" t="s">
        <v>10</v>
      </c>
      <c r="G1510" s="1" t="s">
        <v>10</v>
      </c>
      <c r="H1510" s="1" t="s">
        <v>5405</v>
      </c>
      <c r="I1510" s="1" t="s">
        <v>3941</v>
      </c>
      <c r="J1510" s="1" t="s">
        <v>10</v>
      </c>
      <c r="K1510" s="1" t="s">
        <v>64</v>
      </c>
      <c r="L1510" s="1" t="s">
        <v>5403</v>
      </c>
      <c r="M1510" s="1" t="s">
        <v>5</v>
      </c>
      <c r="N1510" s="1" t="s">
        <v>6</v>
      </c>
      <c r="O1510" s="1" t="s">
        <v>8</v>
      </c>
      <c r="P1510" s="5" t="s">
        <v>30431</v>
      </c>
    </row>
    <row r="1511" spans="1:16" x14ac:dyDescent="0.2">
      <c r="A1511" s="1" t="s">
        <v>10</v>
      </c>
      <c r="B1511" s="1" t="s">
        <v>10</v>
      </c>
      <c r="C1511" s="1" t="s">
        <v>5407</v>
      </c>
      <c r="D1511" s="1" t="s">
        <v>10</v>
      </c>
      <c r="E1511" s="1" t="s">
        <v>10</v>
      </c>
      <c r="F1511" s="1" t="s">
        <v>10</v>
      </c>
      <c r="G1511" s="1" t="s">
        <v>10</v>
      </c>
      <c r="H1511" s="1" t="s">
        <v>5408</v>
      </c>
      <c r="I1511" s="1" t="s">
        <v>3941</v>
      </c>
      <c r="J1511" s="1" t="s">
        <v>10</v>
      </c>
      <c r="K1511" s="1" t="s">
        <v>64</v>
      </c>
      <c r="L1511" s="1" t="s">
        <v>5406</v>
      </c>
      <c r="M1511" s="1" t="s">
        <v>5</v>
      </c>
      <c r="N1511" s="1" t="s">
        <v>6</v>
      </c>
      <c r="O1511" s="1" t="s">
        <v>8</v>
      </c>
      <c r="P1511" s="5" t="s">
        <v>30431</v>
      </c>
    </row>
    <row r="1512" spans="1:16" x14ac:dyDescent="0.2">
      <c r="A1512" s="1" t="s">
        <v>10</v>
      </c>
      <c r="B1512" s="1" t="s">
        <v>10</v>
      </c>
      <c r="C1512" s="1" t="s">
        <v>5411</v>
      </c>
      <c r="D1512" s="1" t="s">
        <v>10</v>
      </c>
      <c r="E1512" s="1" t="s">
        <v>10</v>
      </c>
      <c r="F1512" s="1" t="s">
        <v>10</v>
      </c>
      <c r="G1512" s="1" t="s">
        <v>10</v>
      </c>
      <c r="H1512" s="1" t="s">
        <v>5409</v>
      </c>
      <c r="I1512" s="1" t="s">
        <v>3941</v>
      </c>
      <c r="J1512" s="1" t="s">
        <v>10</v>
      </c>
      <c r="K1512" s="1" t="s">
        <v>64</v>
      </c>
      <c r="L1512" s="1" t="s">
        <v>5410</v>
      </c>
      <c r="M1512" s="1" t="s">
        <v>5</v>
      </c>
      <c r="N1512" s="1" t="s">
        <v>6</v>
      </c>
      <c r="O1512" s="1" t="s">
        <v>8</v>
      </c>
      <c r="P1512" s="5" t="s">
        <v>30431</v>
      </c>
    </row>
    <row r="1513" spans="1:16" x14ac:dyDescent="0.2">
      <c r="A1513" s="1" t="s">
        <v>10</v>
      </c>
      <c r="B1513" s="1" t="s">
        <v>10</v>
      </c>
      <c r="C1513" s="1" t="s">
        <v>5413</v>
      </c>
      <c r="D1513" s="1" t="s">
        <v>10</v>
      </c>
      <c r="E1513" s="1" t="s">
        <v>10</v>
      </c>
      <c r="F1513" s="1" t="s">
        <v>10</v>
      </c>
      <c r="G1513" s="1" t="s">
        <v>10</v>
      </c>
      <c r="H1513" s="1" t="s">
        <v>5414</v>
      </c>
      <c r="I1513" s="1" t="s">
        <v>3941</v>
      </c>
      <c r="J1513" s="1" t="s">
        <v>10</v>
      </c>
      <c r="K1513" s="1" t="s">
        <v>64</v>
      </c>
      <c r="L1513" s="1" t="s">
        <v>5412</v>
      </c>
      <c r="M1513" s="1" t="s">
        <v>5</v>
      </c>
      <c r="N1513" s="1" t="s">
        <v>6</v>
      </c>
      <c r="O1513" s="1" t="s">
        <v>8</v>
      </c>
      <c r="P1513" s="5" t="s">
        <v>30431</v>
      </c>
    </row>
    <row r="1514" spans="1:16" x14ac:dyDescent="0.2">
      <c r="A1514" s="1" t="s">
        <v>10</v>
      </c>
      <c r="B1514" s="1" t="s">
        <v>10</v>
      </c>
      <c r="C1514" s="1" t="s">
        <v>5417</v>
      </c>
      <c r="D1514" s="1" t="s">
        <v>10</v>
      </c>
      <c r="E1514" s="1" t="s">
        <v>10</v>
      </c>
      <c r="F1514" s="1" t="s">
        <v>10</v>
      </c>
      <c r="G1514" s="1" t="s">
        <v>10</v>
      </c>
      <c r="H1514" s="1" t="s">
        <v>5415</v>
      </c>
      <c r="I1514" s="1" t="s">
        <v>3941</v>
      </c>
      <c r="J1514" s="1" t="s">
        <v>10</v>
      </c>
      <c r="K1514" s="1" t="s">
        <v>64</v>
      </c>
      <c r="L1514" s="1" t="s">
        <v>5416</v>
      </c>
      <c r="M1514" s="1" t="s">
        <v>5</v>
      </c>
      <c r="N1514" s="1" t="s">
        <v>6</v>
      </c>
      <c r="O1514" s="1" t="s">
        <v>8</v>
      </c>
      <c r="P1514" s="5" t="s">
        <v>30431</v>
      </c>
    </row>
    <row r="1515" spans="1:16" x14ac:dyDescent="0.2">
      <c r="A1515" s="1" t="s">
        <v>10</v>
      </c>
      <c r="B1515" s="1" t="s">
        <v>10</v>
      </c>
      <c r="C1515" s="1" t="s">
        <v>5419</v>
      </c>
      <c r="D1515" s="1" t="s">
        <v>10</v>
      </c>
      <c r="E1515" s="1" t="s">
        <v>10</v>
      </c>
      <c r="F1515" s="1" t="s">
        <v>10</v>
      </c>
      <c r="G1515" s="1" t="s">
        <v>10</v>
      </c>
      <c r="H1515" s="1" t="s">
        <v>5217</v>
      </c>
      <c r="I1515" s="1" t="s">
        <v>3941</v>
      </c>
      <c r="J1515" s="1" t="s">
        <v>10</v>
      </c>
      <c r="K1515" s="1" t="s">
        <v>64</v>
      </c>
      <c r="L1515" s="1" t="s">
        <v>5418</v>
      </c>
      <c r="M1515" s="1" t="s">
        <v>5</v>
      </c>
      <c r="N1515" s="1" t="s">
        <v>6</v>
      </c>
      <c r="O1515" s="1" t="s">
        <v>8</v>
      </c>
      <c r="P1515" s="5" t="s">
        <v>30431</v>
      </c>
    </row>
    <row r="1516" spans="1:16" x14ac:dyDescent="0.2">
      <c r="A1516" s="1" t="s">
        <v>10</v>
      </c>
      <c r="B1516" s="1" t="s">
        <v>10</v>
      </c>
      <c r="C1516" s="1" t="s">
        <v>5421</v>
      </c>
      <c r="D1516" s="1" t="s">
        <v>10</v>
      </c>
      <c r="E1516" s="1" t="s">
        <v>10</v>
      </c>
      <c r="F1516" s="1" t="s">
        <v>10</v>
      </c>
      <c r="G1516" s="1" t="s">
        <v>10</v>
      </c>
      <c r="H1516" s="1" t="s">
        <v>5192</v>
      </c>
      <c r="I1516" s="1" t="s">
        <v>3941</v>
      </c>
      <c r="J1516" s="1" t="s">
        <v>10</v>
      </c>
      <c r="K1516" s="1" t="s">
        <v>64</v>
      </c>
      <c r="L1516" s="1" t="s">
        <v>5420</v>
      </c>
      <c r="M1516" s="1" t="s">
        <v>5</v>
      </c>
      <c r="N1516" s="1" t="s">
        <v>6</v>
      </c>
      <c r="O1516" s="1" t="s">
        <v>8</v>
      </c>
      <c r="P1516" s="5" t="s">
        <v>30431</v>
      </c>
    </row>
    <row r="1517" spans="1:16" x14ac:dyDescent="0.2">
      <c r="A1517" s="1" t="s">
        <v>10</v>
      </c>
      <c r="B1517" s="1" t="s">
        <v>10</v>
      </c>
      <c r="C1517" s="1" t="s">
        <v>5423</v>
      </c>
      <c r="D1517" s="1" t="s">
        <v>10</v>
      </c>
      <c r="E1517" s="1" t="s">
        <v>10</v>
      </c>
      <c r="F1517" s="1" t="s">
        <v>10</v>
      </c>
      <c r="G1517" s="1" t="s">
        <v>10</v>
      </c>
      <c r="H1517" s="1" t="s">
        <v>5424</v>
      </c>
      <c r="I1517" s="1" t="s">
        <v>3941</v>
      </c>
      <c r="J1517" s="1" t="s">
        <v>10</v>
      </c>
      <c r="K1517" s="1" t="s">
        <v>64</v>
      </c>
      <c r="L1517" s="1" t="s">
        <v>5422</v>
      </c>
      <c r="M1517" s="1" t="s">
        <v>5</v>
      </c>
      <c r="N1517" s="1" t="s">
        <v>6</v>
      </c>
      <c r="O1517" s="1" t="s">
        <v>8</v>
      </c>
      <c r="P1517" s="5" t="s">
        <v>30431</v>
      </c>
    </row>
    <row r="1518" spans="1:16" x14ac:dyDescent="0.2">
      <c r="A1518" s="1" t="s">
        <v>10</v>
      </c>
      <c r="B1518" s="1" t="s">
        <v>10</v>
      </c>
      <c r="C1518" s="1" t="s">
        <v>5427</v>
      </c>
      <c r="D1518" s="1" t="s">
        <v>10</v>
      </c>
      <c r="E1518" s="1" t="s">
        <v>10</v>
      </c>
      <c r="F1518" s="1" t="s">
        <v>10</v>
      </c>
      <c r="G1518" s="1" t="s">
        <v>10</v>
      </c>
      <c r="H1518" s="1" t="s">
        <v>5425</v>
      </c>
      <c r="I1518" s="1" t="s">
        <v>3941</v>
      </c>
      <c r="J1518" s="1" t="s">
        <v>10</v>
      </c>
      <c r="K1518" s="1" t="s">
        <v>64</v>
      </c>
      <c r="L1518" s="1" t="s">
        <v>5426</v>
      </c>
      <c r="M1518" s="1" t="s">
        <v>5</v>
      </c>
      <c r="N1518" s="1" t="s">
        <v>6</v>
      </c>
      <c r="O1518" s="1" t="s">
        <v>8</v>
      </c>
      <c r="P1518" s="5" t="s">
        <v>30431</v>
      </c>
    </row>
    <row r="1519" spans="1:16" x14ac:dyDescent="0.2">
      <c r="A1519" s="1" t="s">
        <v>10</v>
      </c>
      <c r="B1519" s="1" t="s">
        <v>10</v>
      </c>
      <c r="C1519" s="1" t="s">
        <v>5429</v>
      </c>
      <c r="D1519" s="1" t="s">
        <v>10</v>
      </c>
      <c r="E1519" s="1" t="s">
        <v>10</v>
      </c>
      <c r="F1519" s="1" t="s">
        <v>10</v>
      </c>
      <c r="G1519" s="1" t="s">
        <v>10</v>
      </c>
      <c r="H1519" s="1" t="s">
        <v>5425</v>
      </c>
      <c r="I1519" s="1" t="s">
        <v>3941</v>
      </c>
      <c r="J1519" s="1" t="s">
        <v>10</v>
      </c>
      <c r="K1519" s="1" t="s">
        <v>64</v>
      </c>
      <c r="L1519" s="1" t="s">
        <v>5428</v>
      </c>
      <c r="M1519" s="1" t="s">
        <v>5</v>
      </c>
      <c r="N1519" s="1" t="s">
        <v>6</v>
      </c>
      <c r="O1519" s="1" t="s">
        <v>8</v>
      </c>
      <c r="P1519" s="5" t="s">
        <v>30431</v>
      </c>
    </row>
    <row r="1520" spans="1:16" x14ac:dyDescent="0.2">
      <c r="A1520" s="1" t="s">
        <v>10</v>
      </c>
      <c r="B1520" s="1" t="s">
        <v>10</v>
      </c>
      <c r="C1520" s="1" t="s">
        <v>5431</v>
      </c>
      <c r="D1520" s="1" t="s">
        <v>10</v>
      </c>
      <c r="E1520" s="1" t="s">
        <v>10</v>
      </c>
      <c r="F1520" s="1" t="s">
        <v>10</v>
      </c>
      <c r="G1520" s="1" t="s">
        <v>10</v>
      </c>
      <c r="H1520" s="1" t="s">
        <v>5425</v>
      </c>
      <c r="I1520" s="1" t="s">
        <v>3941</v>
      </c>
      <c r="J1520" s="1" t="s">
        <v>10</v>
      </c>
      <c r="K1520" s="1" t="s">
        <v>64</v>
      </c>
      <c r="L1520" s="1" t="s">
        <v>5430</v>
      </c>
      <c r="M1520" s="1" t="s">
        <v>5</v>
      </c>
      <c r="N1520" s="1" t="s">
        <v>6</v>
      </c>
      <c r="O1520" s="1" t="s">
        <v>8</v>
      </c>
      <c r="P1520" s="5" t="s">
        <v>30431</v>
      </c>
    </row>
    <row r="1521" spans="1:16" x14ac:dyDescent="0.2">
      <c r="A1521" s="1" t="s">
        <v>10</v>
      </c>
      <c r="B1521" s="1" t="s">
        <v>10</v>
      </c>
      <c r="C1521" s="1" t="s">
        <v>5433</v>
      </c>
      <c r="D1521" s="1" t="s">
        <v>10</v>
      </c>
      <c r="E1521" s="1" t="s">
        <v>10</v>
      </c>
      <c r="F1521" s="1" t="s">
        <v>10</v>
      </c>
      <c r="G1521" s="1" t="s">
        <v>10</v>
      </c>
      <c r="H1521" s="1" t="s">
        <v>5425</v>
      </c>
      <c r="I1521" s="1" t="s">
        <v>3941</v>
      </c>
      <c r="J1521" s="1" t="s">
        <v>10</v>
      </c>
      <c r="K1521" s="1" t="s">
        <v>64</v>
      </c>
      <c r="L1521" s="1" t="s">
        <v>5432</v>
      </c>
      <c r="M1521" s="1" t="s">
        <v>5</v>
      </c>
      <c r="N1521" s="1" t="s">
        <v>6</v>
      </c>
      <c r="O1521" s="1" t="s">
        <v>8</v>
      </c>
      <c r="P1521" s="5" t="s">
        <v>30431</v>
      </c>
    </row>
    <row r="1522" spans="1:16" x14ac:dyDescent="0.2">
      <c r="A1522" s="1" t="s">
        <v>10</v>
      </c>
      <c r="B1522" s="1" t="s">
        <v>10</v>
      </c>
      <c r="C1522" s="1" t="s">
        <v>5435</v>
      </c>
      <c r="D1522" s="1" t="s">
        <v>10</v>
      </c>
      <c r="E1522" s="1" t="s">
        <v>10</v>
      </c>
      <c r="F1522" s="1" t="s">
        <v>10</v>
      </c>
      <c r="G1522" s="1" t="s">
        <v>10</v>
      </c>
      <c r="H1522" s="1" t="s">
        <v>5425</v>
      </c>
      <c r="I1522" s="1" t="s">
        <v>3941</v>
      </c>
      <c r="J1522" s="1" t="s">
        <v>10</v>
      </c>
      <c r="K1522" s="1" t="s">
        <v>64</v>
      </c>
      <c r="L1522" s="1" t="s">
        <v>5434</v>
      </c>
      <c r="M1522" s="1" t="s">
        <v>5</v>
      </c>
      <c r="N1522" s="1" t="s">
        <v>6</v>
      </c>
      <c r="O1522" s="1" t="s">
        <v>8</v>
      </c>
      <c r="P1522" s="5" t="s">
        <v>30431</v>
      </c>
    </row>
    <row r="1523" spans="1:16" x14ac:dyDescent="0.2">
      <c r="A1523" s="1" t="s">
        <v>10</v>
      </c>
      <c r="B1523" s="1" t="s">
        <v>10</v>
      </c>
      <c r="C1523" s="1" t="s">
        <v>5437</v>
      </c>
      <c r="D1523" s="1" t="s">
        <v>10</v>
      </c>
      <c r="E1523" s="1" t="s">
        <v>10</v>
      </c>
      <c r="F1523" s="1" t="s">
        <v>10</v>
      </c>
      <c r="G1523" s="1" t="s">
        <v>10</v>
      </c>
      <c r="H1523" s="1" t="s">
        <v>5425</v>
      </c>
      <c r="I1523" s="1" t="s">
        <v>3941</v>
      </c>
      <c r="J1523" s="1" t="s">
        <v>10</v>
      </c>
      <c r="K1523" s="1" t="s">
        <v>64</v>
      </c>
      <c r="L1523" s="1" t="s">
        <v>5436</v>
      </c>
      <c r="M1523" s="1" t="s">
        <v>5</v>
      </c>
      <c r="N1523" s="1" t="s">
        <v>6</v>
      </c>
      <c r="O1523" s="1" t="s">
        <v>8</v>
      </c>
      <c r="P1523" s="5" t="s">
        <v>30431</v>
      </c>
    </row>
    <row r="1524" spans="1:16" x14ac:dyDescent="0.2">
      <c r="A1524" s="1" t="s">
        <v>10</v>
      </c>
      <c r="B1524" s="1" t="s">
        <v>10</v>
      </c>
      <c r="C1524" s="1" t="s">
        <v>5439</v>
      </c>
      <c r="D1524" s="1" t="s">
        <v>10</v>
      </c>
      <c r="E1524" s="1" t="s">
        <v>10</v>
      </c>
      <c r="F1524" s="1" t="s">
        <v>10</v>
      </c>
      <c r="G1524" s="1" t="s">
        <v>10</v>
      </c>
      <c r="H1524" s="1" t="s">
        <v>5425</v>
      </c>
      <c r="I1524" s="1" t="s">
        <v>3941</v>
      </c>
      <c r="J1524" s="1" t="s">
        <v>10</v>
      </c>
      <c r="K1524" s="1" t="s">
        <v>64</v>
      </c>
      <c r="L1524" s="1" t="s">
        <v>5438</v>
      </c>
      <c r="M1524" s="1" t="s">
        <v>5</v>
      </c>
      <c r="N1524" s="1" t="s">
        <v>6</v>
      </c>
      <c r="O1524" s="1" t="s">
        <v>8</v>
      </c>
      <c r="P1524" s="5" t="s">
        <v>30431</v>
      </c>
    </row>
    <row r="1525" spans="1:16" x14ac:dyDescent="0.2">
      <c r="A1525" s="1" t="s">
        <v>10</v>
      </c>
      <c r="B1525" s="1" t="s">
        <v>10</v>
      </c>
      <c r="C1525" s="1" t="s">
        <v>5441</v>
      </c>
      <c r="D1525" s="1" t="s">
        <v>10</v>
      </c>
      <c r="E1525" s="1" t="s">
        <v>10</v>
      </c>
      <c r="F1525" s="1" t="s">
        <v>10</v>
      </c>
      <c r="G1525" s="1" t="s">
        <v>10</v>
      </c>
      <c r="H1525" s="1" t="s">
        <v>5425</v>
      </c>
      <c r="I1525" s="1" t="s">
        <v>3941</v>
      </c>
      <c r="J1525" s="1" t="s">
        <v>10</v>
      </c>
      <c r="K1525" s="1" t="s">
        <v>64</v>
      </c>
      <c r="L1525" s="1" t="s">
        <v>5440</v>
      </c>
      <c r="M1525" s="1" t="s">
        <v>5</v>
      </c>
      <c r="N1525" s="1" t="s">
        <v>6</v>
      </c>
      <c r="O1525" s="1" t="s">
        <v>8</v>
      </c>
      <c r="P1525" s="5" t="s">
        <v>30431</v>
      </c>
    </row>
    <row r="1526" spans="1:16" x14ac:dyDescent="0.2">
      <c r="A1526" s="1" t="s">
        <v>10</v>
      </c>
      <c r="B1526" s="1" t="s">
        <v>10</v>
      </c>
      <c r="C1526" s="1" t="s">
        <v>5443</v>
      </c>
      <c r="D1526" s="1" t="s">
        <v>10</v>
      </c>
      <c r="E1526" s="1" t="s">
        <v>10</v>
      </c>
      <c r="F1526" s="1" t="s">
        <v>10</v>
      </c>
      <c r="G1526" s="1" t="s">
        <v>10</v>
      </c>
      <c r="H1526" s="1" t="s">
        <v>5425</v>
      </c>
      <c r="I1526" s="1" t="s">
        <v>3941</v>
      </c>
      <c r="J1526" s="1" t="s">
        <v>10</v>
      </c>
      <c r="K1526" s="1" t="s">
        <v>64</v>
      </c>
      <c r="L1526" s="1" t="s">
        <v>5442</v>
      </c>
      <c r="M1526" s="1" t="s">
        <v>5</v>
      </c>
      <c r="N1526" s="1" t="s">
        <v>6</v>
      </c>
      <c r="O1526" s="1" t="s">
        <v>8</v>
      </c>
      <c r="P1526" s="5" t="s">
        <v>30431</v>
      </c>
    </row>
    <row r="1527" spans="1:16" x14ac:dyDescent="0.2">
      <c r="A1527" s="1" t="s">
        <v>10</v>
      </c>
      <c r="B1527" s="1" t="s">
        <v>10</v>
      </c>
      <c r="C1527" s="1" t="s">
        <v>5445</v>
      </c>
      <c r="D1527" s="1" t="s">
        <v>10</v>
      </c>
      <c r="E1527" s="1" t="s">
        <v>10</v>
      </c>
      <c r="F1527" s="1" t="s">
        <v>10</v>
      </c>
      <c r="G1527" s="1" t="s">
        <v>10</v>
      </c>
      <c r="H1527" s="1" t="s">
        <v>5294</v>
      </c>
      <c r="I1527" s="1" t="s">
        <v>3941</v>
      </c>
      <c r="J1527" s="1" t="s">
        <v>10</v>
      </c>
      <c r="K1527" s="1" t="s">
        <v>64</v>
      </c>
      <c r="L1527" s="1" t="s">
        <v>5444</v>
      </c>
      <c r="M1527" s="1" t="s">
        <v>5</v>
      </c>
      <c r="N1527" s="1" t="s">
        <v>6</v>
      </c>
      <c r="O1527" s="1" t="s">
        <v>8</v>
      </c>
      <c r="P1527" s="5" t="s">
        <v>30431</v>
      </c>
    </row>
    <row r="1528" spans="1:16" x14ac:dyDescent="0.2">
      <c r="A1528" s="1" t="s">
        <v>10</v>
      </c>
      <c r="B1528" s="1" t="s">
        <v>10</v>
      </c>
      <c r="C1528" s="1" t="s">
        <v>5447</v>
      </c>
      <c r="D1528" s="1" t="s">
        <v>10</v>
      </c>
      <c r="E1528" s="1" t="s">
        <v>10</v>
      </c>
      <c r="F1528" s="1" t="s">
        <v>10</v>
      </c>
      <c r="G1528" s="1" t="s">
        <v>10</v>
      </c>
      <c r="H1528" s="1" t="s">
        <v>5448</v>
      </c>
      <c r="I1528" s="1" t="s">
        <v>3941</v>
      </c>
      <c r="J1528" s="1" t="s">
        <v>10</v>
      </c>
      <c r="K1528" s="1" t="s">
        <v>64</v>
      </c>
      <c r="L1528" s="1" t="s">
        <v>5446</v>
      </c>
      <c r="M1528" s="1" t="s">
        <v>5</v>
      </c>
      <c r="N1528" s="1" t="s">
        <v>6</v>
      </c>
      <c r="O1528" s="1" t="s">
        <v>8</v>
      </c>
      <c r="P1528" s="5" t="s">
        <v>30431</v>
      </c>
    </row>
    <row r="1529" spans="1:16" x14ac:dyDescent="0.2">
      <c r="A1529" s="1" t="s">
        <v>10</v>
      </c>
      <c r="B1529" s="1" t="s">
        <v>10</v>
      </c>
      <c r="C1529" s="1" t="s">
        <v>5450</v>
      </c>
      <c r="D1529" s="1" t="s">
        <v>10</v>
      </c>
      <c r="E1529" s="1" t="s">
        <v>10</v>
      </c>
      <c r="F1529" s="1" t="s">
        <v>10</v>
      </c>
      <c r="G1529" s="1" t="s">
        <v>10</v>
      </c>
      <c r="H1529" s="1" t="s">
        <v>5448</v>
      </c>
      <c r="I1529" s="1" t="s">
        <v>3941</v>
      </c>
      <c r="J1529" s="1" t="s">
        <v>10</v>
      </c>
      <c r="K1529" s="1" t="s">
        <v>64</v>
      </c>
      <c r="L1529" s="1" t="s">
        <v>5449</v>
      </c>
      <c r="M1529" s="1" t="s">
        <v>5</v>
      </c>
      <c r="N1529" s="1" t="s">
        <v>6</v>
      </c>
      <c r="O1529" s="1" t="s">
        <v>8</v>
      </c>
      <c r="P1529" s="5" t="s">
        <v>30431</v>
      </c>
    </row>
    <row r="1530" spans="1:16" x14ac:dyDescent="0.2">
      <c r="A1530" s="1" t="s">
        <v>10</v>
      </c>
      <c r="B1530" s="1" t="s">
        <v>10</v>
      </c>
      <c r="C1530" s="1" t="s">
        <v>5452</v>
      </c>
      <c r="D1530" s="1" t="s">
        <v>10</v>
      </c>
      <c r="E1530" s="1" t="s">
        <v>10</v>
      </c>
      <c r="F1530" s="1" t="s">
        <v>10</v>
      </c>
      <c r="G1530" s="1" t="s">
        <v>10</v>
      </c>
      <c r="H1530" s="1" t="s">
        <v>5448</v>
      </c>
      <c r="I1530" s="1" t="s">
        <v>3941</v>
      </c>
      <c r="J1530" s="1" t="s">
        <v>10</v>
      </c>
      <c r="K1530" s="1" t="s">
        <v>64</v>
      </c>
      <c r="L1530" s="1" t="s">
        <v>5451</v>
      </c>
      <c r="M1530" s="1" t="s">
        <v>5</v>
      </c>
      <c r="N1530" s="1" t="s">
        <v>6</v>
      </c>
      <c r="O1530" s="1" t="s">
        <v>8</v>
      </c>
      <c r="P1530" s="5" t="s">
        <v>30431</v>
      </c>
    </row>
    <row r="1531" spans="1:16" x14ac:dyDescent="0.2">
      <c r="A1531" s="1" t="s">
        <v>10</v>
      </c>
      <c r="B1531" s="1" t="s">
        <v>10</v>
      </c>
      <c r="C1531" s="1" t="s">
        <v>5454</v>
      </c>
      <c r="D1531" s="1" t="s">
        <v>10</v>
      </c>
      <c r="E1531" s="1" t="s">
        <v>10</v>
      </c>
      <c r="F1531" s="1" t="s">
        <v>10</v>
      </c>
      <c r="G1531" s="1" t="s">
        <v>10</v>
      </c>
      <c r="H1531" s="1" t="s">
        <v>5455</v>
      </c>
      <c r="I1531" s="1" t="s">
        <v>3941</v>
      </c>
      <c r="J1531" s="1" t="s">
        <v>10</v>
      </c>
      <c r="K1531" s="1" t="s">
        <v>64</v>
      </c>
      <c r="L1531" s="1" t="s">
        <v>5453</v>
      </c>
      <c r="M1531" s="1" t="s">
        <v>5</v>
      </c>
      <c r="N1531" s="1" t="s">
        <v>6</v>
      </c>
      <c r="O1531" s="1" t="s">
        <v>8</v>
      </c>
      <c r="P1531" s="5" t="s">
        <v>30431</v>
      </c>
    </row>
    <row r="1532" spans="1:16" x14ac:dyDescent="0.2">
      <c r="A1532" s="1" t="s">
        <v>10</v>
      </c>
      <c r="B1532" s="1" t="s">
        <v>10</v>
      </c>
      <c r="C1532" s="1" t="s">
        <v>5457</v>
      </c>
      <c r="D1532" s="1" t="s">
        <v>10</v>
      </c>
      <c r="E1532" s="1" t="s">
        <v>10</v>
      </c>
      <c r="F1532" s="1" t="s">
        <v>10</v>
      </c>
      <c r="G1532" s="1" t="s">
        <v>10</v>
      </c>
      <c r="H1532" s="1" t="s">
        <v>5157</v>
      </c>
      <c r="I1532" s="1" t="s">
        <v>3941</v>
      </c>
      <c r="J1532" s="1" t="s">
        <v>10</v>
      </c>
      <c r="K1532" s="1" t="s">
        <v>64</v>
      </c>
      <c r="L1532" s="1" t="s">
        <v>5456</v>
      </c>
      <c r="M1532" s="1" t="s">
        <v>5</v>
      </c>
      <c r="N1532" s="1" t="s">
        <v>6</v>
      </c>
      <c r="O1532" s="1" t="s">
        <v>8</v>
      </c>
      <c r="P1532" s="5" t="s">
        <v>30431</v>
      </c>
    </row>
    <row r="1533" spans="1:16" x14ac:dyDescent="0.2">
      <c r="A1533" s="1" t="s">
        <v>10</v>
      </c>
      <c r="B1533" s="1" t="s">
        <v>10</v>
      </c>
      <c r="C1533" s="1" t="s">
        <v>5459</v>
      </c>
      <c r="D1533" s="1" t="s">
        <v>10</v>
      </c>
      <c r="E1533" s="1" t="s">
        <v>10</v>
      </c>
      <c r="F1533" s="1" t="s">
        <v>10</v>
      </c>
      <c r="G1533" s="1" t="s">
        <v>10</v>
      </c>
      <c r="H1533" s="1" t="s">
        <v>4366</v>
      </c>
      <c r="I1533" s="1" t="s">
        <v>3941</v>
      </c>
      <c r="J1533" s="1" t="s">
        <v>10</v>
      </c>
      <c r="K1533" s="1" t="s">
        <v>64</v>
      </c>
      <c r="L1533" s="1" t="s">
        <v>5458</v>
      </c>
      <c r="M1533" s="1" t="s">
        <v>5</v>
      </c>
      <c r="N1533" s="1" t="s">
        <v>6</v>
      </c>
      <c r="O1533" s="1" t="s">
        <v>8</v>
      </c>
      <c r="P1533" s="5" t="s">
        <v>30431</v>
      </c>
    </row>
    <row r="1534" spans="1:16" x14ac:dyDescent="0.2">
      <c r="A1534" s="1" t="s">
        <v>10</v>
      </c>
      <c r="B1534" s="1" t="s">
        <v>10</v>
      </c>
      <c r="C1534" s="1" t="s">
        <v>5461</v>
      </c>
      <c r="D1534" s="1" t="s">
        <v>10</v>
      </c>
      <c r="E1534" s="1" t="s">
        <v>10</v>
      </c>
      <c r="F1534" s="1" t="s">
        <v>10</v>
      </c>
      <c r="G1534" s="1" t="s">
        <v>10</v>
      </c>
      <c r="H1534" s="1" t="s">
        <v>5193</v>
      </c>
      <c r="I1534" s="1" t="s">
        <v>3941</v>
      </c>
      <c r="J1534" s="1" t="s">
        <v>10</v>
      </c>
      <c r="K1534" s="1" t="s">
        <v>64</v>
      </c>
      <c r="L1534" s="1" t="s">
        <v>5460</v>
      </c>
      <c r="M1534" s="1" t="s">
        <v>5</v>
      </c>
      <c r="N1534" s="1" t="s">
        <v>6</v>
      </c>
      <c r="O1534" s="1" t="s">
        <v>8</v>
      </c>
      <c r="P1534" s="5" t="s">
        <v>30431</v>
      </c>
    </row>
    <row r="1535" spans="1:16" x14ac:dyDescent="0.2">
      <c r="A1535" s="1" t="s">
        <v>10</v>
      </c>
      <c r="B1535" s="1" t="s">
        <v>10</v>
      </c>
      <c r="C1535" s="1" t="s">
        <v>5463</v>
      </c>
      <c r="D1535" s="1" t="s">
        <v>10</v>
      </c>
      <c r="E1535" s="1" t="s">
        <v>10</v>
      </c>
      <c r="F1535" s="1" t="s">
        <v>10</v>
      </c>
      <c r="G1535" s="1" t="s">
        <v>10</v>
      </c>
      <c r="H1535" s="1" t="s">
        <v>5464</v>
      </c>
      <c r="I1535" s="1" t="s">
        <v>3941</v>
      </c>
      <c r="J1535" s="1" t="s">
        <v>10</v>
      </c>
      <c r="K1535" s="1" t="s">
        <v>64</v>
      </c>
      <c r="L1535" s="1" t="s">
        <v>5462</v>
      </c>
      <c r="M1535" s="1" t="s">
        <v>5</v>
      </c>
      <c r="N1535" s="1" t="s">
        <v>6</v>
      </c>
      <c r="O1535" s="1" t="s">
        <v>8</v>
      </c>
      <c r="P1535" s="5" t="s">
        <v>30431</v>
      </c>
    </row>
    <row r="1536" spans="1:16" x14ac:dyDescent="0.2">
      <c r="A1536" s="1" t="s">
        <v>10</v>
      </c>
      <c r="B1536" s="1" t="s">
        <v>10</v>
      </c>
      <c r="C1536" s="1" t="s">
        <v>5466</v>
      </c>
      <c r="D1536" s="1" t="s">
        <v>10</v>
      </c>
      <c r="E1536" s="1" t="s">
        <v>10</v>
      </c>
      <c r="F1536" s="1" t="s">
        <v>10</v>
      </c>
      <c r="G1536" s="1" t="s">
        <v>10</v>
      </c>
      <c r="H1536" s="1" t="s">
        <v>5157</v>
      </c>
      <c r="I1536" s="1" t="s">
        <v>3941</v>
      </c>
      <c r="J1536" s="1" t="s">
        <v>10</v>
      </c>
      <c r="K1536" s="1" t="s">
        <v>64</v>
      </c>
      <c r="L1536" s="1" t="s">
        <v>5465</v>
      </c>
      <c r="M1536" s="1" t="s">
        <v>5</v>
      </c>
      <c r="N1536" s="1" t="s">
        <v>6</v>
      </c>
      <c r="O1536" s="1" t="s">
        <v>8</v>
      </c>
      <c r="P1536" s="5" t="s">
        <v>30431</v>
      </c>
    </row>
    <row r="1537" spans="1:16" x14ac:dyDescent="0.2">
      <c r="A1537" s="1" t="s">
        <v>10</v>
      </c>
      <c r="B1537" s="1" t="s">
        <v>10</v>
      </c>
      <c r="C1537" s="1" t="s">
        <v>5468</v>
      </c>
      <c r="D1537" s="1" t="s">
        <v>10</v>
      </c>
      <c r="E1537" s="1" t="s">
        <v>10</v>
      </c>
      <c r="F1537" s="1" t="s">
        <v>10</v>
      </c>
      <c r="G1537" s="1" t="s">
        <v>10</v>
      </c>
      <c r="H1537" s="1" t="s">
        <v>5218</v>
      </c>
      <c r="I1537" s="1" t="s">
        <v>3941</v>
      </c>
      <c r="J1537" s="1" t="s">
        <v>10</v>
      </c>
      <c r="K1537" s="1" t="s">
        <v>64</v>
      </c>
      <c r="L1537" s="1" t="s">
        <v>5467</v>
      </c>
      <c r="M1537" s="1" t="s">
        <v>5</v>
      </c>
      <c r="N1537" s="1" t="s">
        <v>6</v>
      </c>
      <c r="O1537" s="1" t="s">
        <v>8</v>
      </c>
      <c r="P1537" s="5" t="s">
        <v>30431</v>
      </c>
    </row>
    <row r="1538" spans="1:16" x14ac:dyDescent="0.2">
      <c r="A1538" s="1" t="s">
        <v>10</v>
      </c>
      <c r="B1538" s="1" t="s">
        <v>10</v>
      </c>
      <c r="C1538" s="1" t="s">
        <v>5470</v>
      </c>
      <c r="D1538" s="1" t="s">
        <v>10</v>
      </c>
      <c r="E1538" s="1" t="s">
        <v>10</v>
      </c>
      <c r="F1538" s="1" t="s">
        <v>10</v>
      </c>
      <c r="G1538" s="1" t="s">
        <v>10</v>
      </c>
      <c r="H1538" s="1" t="s">
        <v>5224</v>
      </c>
      <c r="I1538" s="1" t="s">
        <v>3941</v>
      </c>
      <c r="J1538" s="1" t="s">
        <v>10</v>
      </c>
      <c r="K1538" s="1" t="s">
        <v>64</v>
      </c>
      <c r="L1538" s="1" t="s">
        <v>5469</v>
      </c>
      <c r="M1538" s="1" t="s">
        <v>5</v>
      </c>
      <c r="N1538" s="1" t="s">
        <v>6</v>
      </c>
      <c r="O1538" s="1" t="s">
        <v>8</v>
      </c>
      <c r="P1538" s="5" t="s">
        <v>30431</v>
      </c>
    </row>
    <row r="1539" spans="1:16" x14ac:dyDescent="0.2">
      <c r="A1539" s="1" t="s">
        <v>10</v>
      </c>
      <c r="B1539" s="1" t="s">
        <v>10</v>
      </c>
      <c r="C1539" s="1" t="s">
        <v>5472</v>
      </c>
      <c r="D1539" s="1" t="s">
        <v>10</v>
      </c>
      <c r="E1539" s="1" t="s">
        <v>10</v>
      </c>
      <c r="F1539" s="1" t="s">
        <v>10</v>
      </c>
      <c r="G1539" s="1" t="s">
        <v>10</v>
      </c>
      <c r="H1539" s="1" t="s">
        <v>5224</v>
      </c>
      <c r="I1539" s="1" t="s">
        <v>3941</v>
      </c>
      <c r="J1539" s="1" t="s">
        <v>10</v>
      </c>
      <c r="K1539" s="1" t="s">
        <v>64</v>
      </c>
      <c r="L1539" s="1" t="s">
        <v>5471</v>
      </c>
      <c r="M1539" s="1" t="s">
        <v>5</v>
      </c>
      <c r="N1539" s="1" t="s">
        <v>6</v>
      </c>
      <c r="O1539" s="1" t="s">
        <v>8</v>
      </c>
      <c r="P1539" s="5" t="s">
        <v>30431</v>
      </c>
    </row>
    <row r="1540" spans="1:16" x14ac:dyDescent="0.2">
      <c r="A1540" s="1" t="s">
        <v>10</v>
      </c>
      <c r="B1540" s="1" t="s">
        <v>10</v>
      </c>
      <c r="C1540" s="1" t="s">
        <v>5474</v>
      </c>
      <c r="D1540" s="1" t="s">
        <v>10</v>
      </c>
      <c r="E1540" s="1" t="s">
        <v>10</v>
      </c>
      <c r="F1540" s="1" t="s">
        <v>10</v>
      </c>
      <c r="G1540" s="1" t="s">
        <v>10</v>
      </c>
      <c r="H1540" s="1" t="s">
        <v>5227</v>
      </c>
      <c r="I1540" s="1" t="s">
        <v>3941</v>
      </c>
      <c r="J1540" s="1" t="s">
        <v>10</v>
      </c>
      <c r="K1540" s="1" t="s">
        <v>64</v>
      </c>
      <c r="L1540" s="1" t="s">
        <v>5473</v>
      </c>
      <c r="M1540" s="1" t="s">
        <v>5</v>
      </c>
      <c r="N1540" s="1" t="s">
        <v>6</v>
      </c>
      <c r="O1540" s="1" t="s">
        <v>8</v>
      </c>
      <c r="P1540" s="5" t="s">
        <v>30431</v>
      </c>
    </row>
    <row r="1541" spans="1:16" x14ac:dyDescent="0.2">
      <c r="A1541" s="1" t="s">
        <v>10</v>
      </c>
      <c r="B1541" s="1" t="s">
        <v>10</v>
      </c>
      <c r="C1541" s="1" t="s">
        <v>5476</v>
      </c>
      <c r="D1541" s="1" t="s">
        <v>10</v>
      </c>
      <c r="E1541" s="1" t="s">
        <v>10</v>
      </c>
      <c r="F1541" s="1" t="s">
        <v>10</v>
      </c>
      <c r="G1541" s="1" t="s">
        <v>10</v>
      </c>
      <c r="H1541" s="1" t="s">
        <v>5227</v>
      </c>
      <c r="I1541" s="1" t="s">
        <v>3941</v>
      </c>
      <c r="J1541" s="1" t="s">
        <v>10</v>
      </c>
      <c r="K1541" s="1" t="s">
        <v>64</v>
      </c>
      <c r="L1541" s="1" t="s">
        <v>5475</v>
      </c>
      <c r="M1541" s="1" t="s">
        <v>5</v>
      </c>
      <c r="N1541" s="1" t="s">
        <v>6</v>
      </c>
      <c r="O1541" s="1" t="s">
        <v>8</v>
      </c>
      <c r="P1541" s="5" t="s">
        <v>30431</v>
      </c>
    </row>
    <row r="1542" spans="1:16" x14ac:dyDescent="0.2">
      <c r="A1542" s="1" t="s">
        <v>10</v>
      </c>
      <c r="B1542" s="1" t="s">
        <v>10</v>
      </c>
      <c r="C1542" s="1" t="s">
        <v>5478</v>
      </c>
      <c r="D1542" s="1" t="s">
        <v>10</v>
      </c>
      <c r="E1542" s="1" t="s">
        <v>10</v>
      </c>
      <c r="F1542" s="1" t="s">
        <v>10</v>
      </c>
      <c r="G1542" s="1" t="s">
        <v>10</v>
      </c>
      <c r="H1542" s="1" t="s">
        <v>5274</v>
      </c>
      <c r="I1542" s="1" t="s">
        <v>3941</v>
      </c>
      <c r="J1542" s="1" t="s">
        <v>10</v>
      </c>
      <c r="K1542" s="1" t="s">
        <v>64</v>
      </c>
      <c r="L1542" s="1" t="s">
        <v>5477</v>
      </c>
      <c r="M1542" s="1" t="s">
        <v>5</v>
      </c>
      <c r="N1542" s="1" t="s">
        <v>6</v>
      </c>
      <c r="O1542" s="1" t="s">
        <v>8</v>
      </c>
      <c r="P1542" s="5" t="s">
        <v>30431</v>
      </c>
    </row>
    <row r="1543" spans="1:16" x14ac:dyDescent="0.2">
      <c r="A1543" s="1" t="s">
        <v>10</v>
      </c>
      <c r="B1543" s="1" t="s">
        <v>10</v>
      </c>
      <c r="C1543" s="1" t="s">
        <v>5480</v>
      </c>
      <c r="D1543" s="1" t="s">
        <v>10</v>
      </c>
      <c r="E1543" s="1" t="s">
        <v>10</v>
      </c>
      <c r="F1543" s="1" t="s">
        <v>10</v>
      </c>
      <c r="G1543" s="1" t="s">
        <v>10</v>
      </c>
      <c r="H1543" s="1" t="s">
        <v>5288</v>
      </c>
      <c r="I1543" s="1" t="s">
        <v>3941</v>
      </c>
      <c r="J1543" s="1" t="s">
        <v>10</v>
      </c>
      <c r="K1543" s="1" t="s">
        <v>64</v>
      </c>
      <c r="L1543" s="1" t="s">
        <v>5479</v>
      </c>
      <c r="M1543" s="1" t="s">
        <v>5</v>
      </c>
      <c r="N1543" s="1" t="s">
        <v>6</v>
      </c>
      <c r="O1543" s="1" t="s">
        <v>8</v>
      </c>
      <c r="P1543" s="5" t="s">
        <v>30431</v>
      </c>
    </row>
    <row r="1544" spans="1:16" x14ac:dyDescent="0.2">
      <c r="A1544" s="1" t="s">
        <v>10</v>
      </c>
      <c r="B1544" s="1" t="s">
        <v>10</v>
      </c>
      <c r="C1544" s="1" t="s">
        <v>5482</v>
      </c>
      <c r="D1544" s="1" t="s">
        <v>10</v>
      </c>
      <c r="E1544" s="1" t="s">
        <v>10</v>
      </c>
      <c r="F1544" s="1" t="s">
        <v>10</v>
      </c>
      <c r="G1544" s="1" t="s">
        <v>10</v>
      </c>
      <c r="H1544" s="1" t="s">
        <v>5483</v>
      </c>
      <c r="I1544" s="1" t="s">
        <v>3941</v>
      </c>
      <c r="J1544" s="1" t="s">
        <v>10</v>
      </c>
      <c r="K1544" s="1" t="s">
        <v>64</v>
      </c>
      <c r="L1544" s="1" t="s">
        <v>5481</v>
      </c>
      <c r="M1544" s="1" t="s">
        <v>5</v>
      </c>
      <c r="N1544" s="1" t="s">
        <v>6</v>
      </c>
      <c r="O1544" s="1" t="s">
        <v>8</v>
      </c>
      <c r="P1544" s="5" t="s">
        <v>30431</v>
      </c>
    </row>
    <row r="1545" spans="1:16" x14ac:dyDescent="0.2">
      <c r="A1545" s="1" t="s">
        <v>10</v>
      </c>
      <c r="B1545" s="1" t="s">
        <v>10</v>
      </c>
      <c r="C1545" s="1" t="s">
        <v>5485</v>
      </c>
      <c r="D1545" s="1" t="s">
        <v>10</v>
      </c>
      <c r="E1545" s="1" t="s">
        <v>10</v>
      </c>
      <c r="F1545" s="1" t="s">
        <v>10</v>
      </c>
      <c r="G1545" s="1" t="s">
        <v>10</v>
      </c>
      <c r="H1545" s="1" t="s">
        <v>5175</v>
      </c>
      <c r="I1545" s="1" t="s">
        <v>3941</v>
      </c>
      <c r="J1545" s="1" t="s">
        <v>10</v>
      </c>
      <c r="K1545" s="1" t="s">
        <v>64</v>
      </c>
      <c r="L1545" s="1" t="s">
        <v>5484</v>
      </c>
      <c r="M1545" s="1" t="s">
        <v>5</v>
      </c>
      <c r="N1545" s="1" t="s">
        <v>6</v>
      </c>
      <c r="O1545" s="1" t="s">
        <v>8</v>
      </c>
      <c r="P1545" s="5" t="s">
        <v>30431</v>
      </c>
    </row>
    <row r="1546" spans="1:16" x14ac:dyDescent="0.2">
      <c r="A1546" s="1" t="s">
        <v>10</v>
      </c>
      <c r="B1546" s="1" t="s">
        <v>10</v>
      </c>
      <c r="C1546" s="1" t="s">
        <v>5487</v>
      </c>
      <c r="D1546" s="1" t="s">
        <v>10</v>
      </c>
      <c r="E1546" s="1" t="s">
        <v>10</v>
      </c>
      <c r="F1546" s="1" t="s">
        <v>10</v>
      </c>
      <c r="G1546" s="1" t="s">
        <v>10</v>
      </c>
      <c r="H1546" s="1" t="s">
        <v>5348</v>
      </c>
      <c r="I1546" s="1" t="s">
        <v>3941</v>
      </c>
      <c r="J1546" s="1" t="s">
        <v>10</v>
      </c>
      <c r="K1546" s="1" t="s">
        <v>64</v>
      </c>
      <c r="L1546" s="1" t="s">
        <v>5486</v>
      </c>
      <c r="M1546" s="1" t="s">
        <v>5</v>
      </c>
      <c r="N1546" s="1" t="s">
        <v>6</v>
      </c>
      <c r="O1546" s="1" t="s">
        <v>8</v>
      </c>
      <c r="P1546" s="5" t="s">
        <v>30431</v>
      </c>
    </row>
    <row r="1547" spans="1:16" x14ac:dyDescent="0.2">
      <c r="A1547" s="1" t="s">
        <v>10</v>
      </c>
      <c r="B1547" s="1" t="s">
        <v>10</v>
      </c>
      <c r="C1547" s="1" t="s">
        <v>5490</v>
      </c>
      <c r="D1547" s="1" t="s">
        <v>10</v>
      </c>
      <c r="E1547" s="1" t="s">
        <v>10</v>
      </c>
      <c r="F1547" s="1" t="s">
        <v>10</v>
      </c>
      <c r="G1547" s="1" t="s">
        <v>10</v>
      </c>
      <c r="H1547" s="1" t="s">
        <v>5348</v>
      </c>
      <c r="I1547" s="1" t="s">
        <v>3941</v>
      </c>
      <c r="J1547" s="1" t="s">
        <v>10</v>
      </c>
      <c r="K1547" s="1" t="s">
        <v>64</v>
      </c>
      <c r="L1547" s="1" t="s">
        <v>5489</v>
      </c>
      <c r="M1547" s="1" t="s">
        <v>5</v>
      </c>
      <c r="N1547" s="1" t="s">
        <v>6</v>
      </c>
      <c r="O1547" s="1" t="s">
        <v>8</v>
      </c>
      <c r="P1547" s="5" t="s">
        <v>30431</v>
      </c>
    </row>
    <row r="1548" spans="1:16" x14ac:dyDescent="0.2">
      <c r="A1548" s="1" t="s">
        <v>10</v>
      </c>
      <c r="B1548" s="1" t="s">
        <v>10</v>
      </c>
      <c r="C1548" s="1" t="s">
        <v>5492</v>
      </c>
      <c r="D1548" s="1" t="s">
        <v>10</v>
      </c>
      <c r="E1548" s="1" t="s">
        <v>10</v>
      </c>
      <c r="F1548" s="1" t="s">
        <v>10</v>
      </c>
      <c r="G1548" s="1" t="s">
        <v>10</v>
      </c>
      <c r="H1548" s="1" t="s">
        <v>5348</v>
      </c>
      <c r="I1548" s="1" t="s">
        <v>3941</v>
      </c>
      <c r="J1548" s="1" t="s">
        <v>10</v>
      </c>
      <c r="K1548" s="1" t="s">
        <v>64</v>
      </c>
      <c r="L1548" s="1" t="s">
        <v>5491</v>
      </c>
      <c r="M1548" s="1" t="s">
        <v>5</v>
      </c>
      <c r="N1548" s="1" t="s">
        <v>6</v>
      </c>
      <c r="O1548" s="1" t="s">
        <v>8</v>
      </c>
      <c r="P1548" s="5" t="s">
        <v>30431</v>
      </c>
    </row>
    <row r="1549" spans="1:16" x14ac:dyDescent="0.2">
      <c r="A1549" s="1" t="s">
        <v>10</v>
      </c>
      <c r="B1549" s="1" t="s">
        <v>10</v>
      </c>
      <c r="C1549" s="1" t="s">
        <v>5494</v>
      </c>
      <c r="D1549" s="1" t="s">
        <v>10</v>
      </c>
      <c r="E1549" s="1" t="s">
        <v>10</v>
      </c>
      <c r="F1549" s="1" t="s">
        <v>10</v>
      </c>
      <c r="G1549" s="1" t="s">
        <v>10</v>
      </c>
      <c r="H1549" s="1" t="s">
        <v>5368</v>
      </c>
      <c r="I1549" s="1" t="s">
        <v>3941</v>
      </c>
      <c r="J1549" s="1" t="s">
        <v>10</v>
      </c>
      <c r="K1549" s="1" t="s">
        <v>64</v>
      </c>
      <c r="L1549" s="1" t="s">
        <v>5493</v>
      </c>
      <c r="M1549" s="1" t="s">
        <v>5</v>
      </c>
      <c r="N1549" s="1" t="s">
        <v>6</v>
      </c>
      <c r="O1549" s="1" t="s">
        <v>8</v>
      </c>
      <c r="P1549" s="5" t="s">
        <v>30431</v>
      </c>
    </row>
    <row r="1550" spans="1:16" x14ac:dyDescent="0.2">
      <c r="A1550" s="1" t="s">
        <v>10</v>
      </c>
      <c r="B1550" s="1" t="s">
        <v>10</v>
      </c>
      <c r="C1550" s="1" t="s">
        <v>5496</v>
      </c>
      <c r="D1550" s="1" t="s">
        <v>10</v>
      </c>
      <c r="E1550" s="1" t="s">
        <v>10</v>
      </c>
      <c r="F1550" s="1" t="s">
        <v>10</v>
      </c>
      <c r="G1550" s="1" t="s">
        <v>10</v>
      </c>
      <c r="H1550" s="1" t="s">
        <v>5396</v>
      </c>
      <c r="I1550" s="1" t="s">
        <v>3941</v>
      </c>
      <c r="J1550" s="1" t="s">
        <v>10</v>
      </c>
      <c r="K1550" s="1" t="s">
        <v>64</v>
      </c>
      <c r="L1550" s="1" t="s">
        <v>5495</v>
      </c>
      <c r="M1550" s="1" t="s">
        <v>5</v>
      </c>
      <c r="N1550" s="1" t="s">
        <v>6</v>
      </c>
      <c r="O1550" s="1" t="s">
        <v>8</v>
      </c>
      <c r="P1550" s="5" t="s">
        <v>30431</v>
      </c>
    </row>
    <row r="1551" spans="1:16" x14ac:dyDescent="0.2">
      <c r="A1551" s="1" t="s">
        <v>10</v>
      </c>
      <c r="B1551" s="1" t="s">
        <v>10</v>
      </c>
      <c r="C1551" s="1" t="s">
        <v>5498</v>
      </c>
      <c r="D1551" s="1" t="s">
        <v>10</v>
      </c>
      <c r="E1551" s="1" t="s">
        <v>10</v>
      </c>
      <c r="F1551" s="1" t="s">
        <v>10</v>
      </c>
      <c r="G1551" s="1" t="s">
        <v>10</v>
      </c>
      <c r="H1551" s="1" t="s">
        <v>5455</v>
      </c>
      <c r="I1551" s="1" t="s">
        <v>3941</v>
      </c>
      <c r="J1551" s="1" t="s">
        <v>10</v>
      </c>
      <c r="K1551" s="1" t="s">
        <v>64</v>
      </c>
      <c r="L1551" s="1" t="s">
        <v>5497</v>
      </c>
      <c r="M1551" s="1" t="s">
        <v>5</v>
      </c>
      <c r="N1551" s="1" t="s">
        <v>6</v>
      </c>
      <c r="O1551" s="1" t="s">
        <v>8</v>
      </c>
      <c r="P1551" s="5" t="s">
        <v>30431</v>
      </c>
    </row>
    <row r="1552" spans="1:16" x14ac:dyDescent="0.2">
      <c r="A1552" s="1" t="s">
        <v>10</v>
      </c>
      <c r="B1552" s="1" t="s">
        <v>10</v>
      </c>
      <c r="C1552" s="1" t="s">
        <v>5500</v>
      </c>
      <c r="D1552" s="1" t="s">
        <v>10</v>
      </c>
      <c r="E1552" s="1" t="s">
        <v>10</v>
      </c>
      <c r="F1552" s="1" t="s">
        <v>10</v>
      </c>
      <c r="G1552" s="1" t="s">
        <v>10</v>
      </c>
      <c r="H1552" s="1" t="s">
        <v>5455</v>
      </c>
      <c r="I1552" s="1" t="s">
        <v>3941</v>
      </c>
      <c r="J1552" s="1" t="s">
        <v>10</v>
      </c>
      <c r="K1552" s="1" t="s">
        <v>64</v>
      </c>
      <c r="L1552" s="1" t="s">
        <v>5499</v>
      </c>
      <c r="M1552" s="1" t="s">
        <v>5</v>
      </c>
      <c r="N1552" s="1" t="s">
        <v>6</v>
      </c>
      <c r="O1552" s="1" t="s">
        <v>8</v>
      </c>
      <c r="P1552" s="5" t="s">
        <v>30431</v>
      </c>
    </row>
    <row r="1553" spans="1:16" x14ac:dyDescent="0.2">
      <c r="A1553" s="1" t="s">
        <v>10</v>
      </c>
      <c r="B1553" s="1" t="s">
        <v>10</v>
      </c>
      <c r="C1553" s="1" t="s">
        <v>5503</v>
      </c>
      <c r="D1553" s="1" t="s">
        <v>10</v>
      </c>
      <c r="E1553" s="1" t="s">
        <v>10</v>
      </c>
      <c r="F1553" s="1" t="s">
        <v>10</v>
      </c>
      <c r="G1553" s="1" t="s">
        <v>10</v>
      </c>
      <c r="H1553" s="1" t="s">
        <v>5501</v>
      </c>
      <c r="I1553" s="1" t="s">
        <v>3941</v>
      </c>
      <c r="J1553" s="1" t="s">
        <v>10</v>
      </c>
      <c r="K1553" s="1" t="s">
        <v>64</v>
      </c>
      <c r="L1553" s="1" t="s">
        <v>5502</v>
      </c>
      <c r="M1553" s="1" t="s">
        <v>5</v>
      </c>
      <c r="N1553" s="1" t="s">
        <v>6</v>
      </c>
      <c r="O1553" s="1" t="s">
        <v>8</v>
      </c>
      <c r="P1553" s="5" t="s">
        <v>30431</v>
      </c>
    </row>
    <row r="1554" spans="1:16" x14ac:dyDescent="0.2">
      <c r="A1554" s="1" t="s">
        <v>10</v>
      </c>
      <c r="B1554" s="1" t="s">
        <v>10</v>
      </c>
      <c r="C1554" s="1" t="s">
        <v>5505</v>
      </c>
      <c r="D1554" s="1" t="s">
        <v>10</v>
      </c>
      <c r="E1554" s="1" t="s">
        <v>10</v>
      </c>
      <c r="F1554" s="1" t="s">
        <v>10</v>
      </c>
      <c r="G1554" s="1" t="s">
        <v>10</v>
      </c>
      <c r="H1554" s="1" t="s">
        <v>10</v>
      </c>
      <c r="I1554" s="1" t="s">
        <v>3941</v>
      </c>
      <c r="J1554" s="1" t="s">
        <v>10</v>
      </c>
      <c r="K1554" s="1" t="s">
        <v>64</v>
      </c>
      <c r="L1554" s="1" t="s">
        <v>5504</v>
      </c>
      <c r="M1554" s="1" t="s">
        <v>5</v>
      </c>
      <c r="N1554" s="1" t="s">
        <v>6</v>
      </c>
      <c r="O1554" s="1" t="s">
        <v>8</v>
      </c>
      <c r="P1554" s="5" t="s">
        <v>30431</v>
      </c>
    </row>
    <row r="1555" spans="1:16" x14ac:dyDescent="0.2">
      <c r="A1555" s="1" t="s">
        <v>10</v>
      </c>
      <c r="B1555" s="1" t="s">
        <v>10</v>
      </c>
      <c r="C1555" s="1" t="s">
        <v>5508</v>
      </c>
      <c r="D1555" s="1" t="s">
        <v>10</v>
      </c>
      <c r="E1555" s="1" t="s">
        <v>10</v>
      </c>
      <c r="F1555" s="1" t="s">
        <v>10</v>
      </c>
      <c r="G1555" s="1" t="s">
        <v>10</v>
      </c>
      <c r="H1555" s="1" t="s">
        <v>5509</v>
      </c>
      <c r="I1555" s="1" t="s">
        <v>3941</v>
      </c>
      <c r="J1555" s="1" t="s">
        <v>10</v>
      </c>
      <c r="K1555" s="1" t="s">
        <v>64</v>
      </c>
      <c r="L1555" s="1" t="s">
        <v>5507</v>
      </c>
      <c r="M1555" s="1" t="s">
        <v>5</v>
      </c>
      <c r="N1555" s="1" t="s">
        <v>6</v>
      </c>
      <c r="O1555" s="1" t="s">
        <v>8</v>
      </c>
      <c r="P1555" s="5" t="s">
        <v>30431</v>
      </c>
    </row>
    <row r="1556" spans="1:16" x14ac:dyDescent="0.2">
      <c r="A1556" s="1" t="s">
        <v>10</v>
      </c>
      <c r="B1556" s="1" t="s">
        <v>10</v>
      </c>
      <c r="C1556" s="1" t="s">
        <v>5511</v>
      </c>
      <c r="D1556" s="1" t="s">
        <v>10</v>
      </c>
      <c r="E1556" s="1" t="s">
        <v>10</v>
      </c>
      <c r="F1556" s="1" t="s">
        <v>10</v>
      </c>
      <c r="G1556" s="1" t="s">
        <v>10</v>
      </c>
      <c r="H1556" s="1" t="s">
        <v>5512</v>
      </c>
      <c r="I1556" s="1" t="s">
        <v>3941</v>
      </c>
      <c r="J1556" s="1" t="s">
        <v>10</v>
      </c>
      <c r="K1556" s="1" t="s">
        <v>64</v>
      </c>
      <c r="L1556" s="1" t="s">
        <v>5510</v>
      </c>
      <c r="M1556" s="1" t="s">
        <v>5</v>
      </c>
      <c r="N1556" s="1" t="s">
        <v>6</v>
      </c>
      <c r="O1556" s="1" t="s">
        <v>8</v>
      </c>
      <c r="P1556" s="5" t="s">
        <v>30431</v>
      </c>
    </row>
    <row r="1557" spans="1:16" x14ac:dyDescent="0.2">
      <c r="A1557" s="1" t="s">
        <v>10</v>
      </c>
      <c r="B1557" s="1" t="s">
        <v>10</v>
      </c>
      <c r="C1557" s="1" t="s">
        <v>5514</v>
      </c>
      <c r="D1557" s="1" t="s">
        <v>10</v>
      </c>
      <c r="E1557" s="1" t="s">
        <v>10</v>
      </c>
      <c r="F1557" s="1" t="s">
        <v>10</v>
      </c>
      <c r="G1557" s="1" t="s">
        <v>10</v>
      </c>
      <c r="H1557" s="1" t="s">
        <v>4366</v>
      </c>
      <c r="I1557" s="1" t="s">
        <v>3941</v>
      </c>
      <c r="J1557" s="1" t="s">
        <v>10</v>
      </c>
      <c r="K1557" s="1" t="s">
        <v>64</v>
      </c>
      <c r="L1557" s="1" t="s">
        <v>5513</v>
      </c>
      <c r="M1557" s="1" t="s">
        <v>5</v>
      </c>
      <c r="N1557" s="1" t="s">
        <v>6</v>
      </c>
      <c r="O1557" s="1" t="s">
        <v>8</v>
      </c>
      <c r="P1557" s="5" t="s">
        <v>30431</v>
      </c>
    </row>
    <row r="1558" spans="1:16" x14ac:dyDescent="0.2">
      <c r="A1558" s="1" t="s">
        <v>10</v>
      </c>
      <c r="B1558" s="1" t="s">
        <v>10</v>
      </c>
      <c r="C1558" s="1" t="s">
        <v>5516</v>
      </c>
      <c r="D1558" s="1" t="s">
        <v>10</v>
      </c>
      <c r="E1558" s="1" t="s">
        <v>10</v>
      </c>
      <c r="F1558" s="1" t="s">
        <v>10</v>
      </c>
      <c r="G1558" s="1" t="s">
        <v>10</v>
      </c>
      <c r="H1558" s="1" t="s">
        <v>4366</v>
      </c>
      <c r="I1558" s="1" t="s">
        <v>3941</v>
      </c>
      <c r="J1558" s="1" t="s">
        <v>10</v>
      </c>
      <c r="K1558" s="1" t="s">
        <v>64</v>
      </c>
      <c r="L1558" s="1" t="s">
        <v>5515</v>
      </c>
      <c r="M1558" s="1" t="s">
        <v>5</v>
      </c>
      <c r="N1558" s="1" t="s">
        <v>6</v>
      </c>
      <c r="O1558" s="1" t="s">
        <v>8</v>
      </c>
      <c r="P1558" s="5" t="s">
        <v>30431</v>
      </c>
    </row>
    <row r="1559" spans="1:16" x14ac:dyDescent="0.2">
      <c r="A1559" s="1" t="s">
        <v>10</v>
      </c>
      <c r="B1559" s="1" t="s">
        <v>10</v>
      </c>
      <c r="C1559" s="1" t="s">
        <v>5518</v>
      </c>
      <c r="D1559" s="1" t="s">
        <v>10</v>
      </c>
      <c r="E1559" s="1" t="s">
        <v>10</v>
      </c>
      <c r="F1559" s="1" t="s">
        <v>10</v>
      </c>
      <c r="G1559" s="1" t="s">
        <v>10</v>
      </c>
      <c r="H1559" s="1" t="s">
        <v>4366</v>
      </c>
      <c r="I1559" s="1" t="s">
        <v>3941</v>
      </c>
      <c r="J1559" s="1" t="s">
        <v>10</v>
      </c>
      <c r="K1559" s="1" t="s">
        <v>64</v>
      </c>
      <c r="L1559" s="1" t="s">
        <v>5517</v>
      </c>
      <c r="M1559" s="1" t="s">
        <v>5</v>
      </c>
      <c r="N1559" s="1" t="s">
        <v>6</v>
      </c>
      <c r="O1559" s="1" t="s">
        <v>8</v>
      </c>
      <c r="P1559" s="5" t="s">
        <v>30431</v>
      </c>
    </row>
    <row r="1560" spans="1:16" x14ac:dyDescent="0.2">
      <c r="A1560" s="1" t="s">
        <v>10</v>
      </c>
      <c r="B1560" s="1" t="s">
        <v>10</v>
      </c>
      <c r="C1560" s="1" t="s">
        <v>5520</v>
      </c>
      <c r="D1560" s="1" t="s">
        <v>10</v>
      </c>
      <c r="E1560" s="1" t="s">
        <v>10</v>
      </c>
      <c r="F1560" s="1" t="s">
        <v>10</v>
      </c>
      <c r="G1560" s="1" t="s">
        <v>10</v>
      </c>
      <c r="H1560" s="1" t="s">
        <v>4366</v>
      </c>
      <c r="I1560" s="1" t="s">
        <v>3941</v>
      </c>
      <c r="J1560" s="1" t="s">
        <v>10</v>
      </c>
      <c r="K1560" s="1" t="s">
        <v>64</v>
      </c>
      <c r="L1560" s="1" t="s">
        <v>5519</v>
      </c>
      <c r="M1560" s="1" t="s">
        <v>5</v>
      </c>
      <c r="N1560" s="1" t="s">
        <v>6</v>
      </c>
      <c r="O1560" s="1" t="s">
        <v>8</v>
      </c>
      <c r="P1560" s="5" t="s">
        <v>30431</v>
      </c>
    </row>
    <row r="1561" spans="1:16" x14ac:dyDescent="0.2">
      <c r="A1561" s="1" t="s">
        <v>10</v>
      </c>
      <c r="B1561" s="1" t="s">
        <v>10</v>
      </c>
      <c r="C1561" s="1" t="s">
        <v>5522</v>
      </c>
      <c r="D1561" s="1" t="s">
        <v>10</v>
      </c>
      <c r="E1561" s="1" t="s">
        <v>10</v>
      </c>
      <c r="F1561" s="1" t="s">
        <v>10</v>
      </c>
      <c r="G1561" s="1" t="s">
        <v>10</v>
      </c>
      <c r="H1561" s="1" t="s">
        <v>4366</v>
      </c>
      <c r="I1561" s="1" t="s">
        <v>3941</v>
      </c>
      <c r="J1561" s="1" t="s">
        <v>10</v>
      </c>
      <c r="K1561" s="1" t="s">
        <v>64</v>
      </c>
      <c r="L1561" s="1" t="s">
        <v>5521</v>
      </c>
      <c r="M1561" s="1" t="s">
        <v>5</v>
      </c>
      <c r="N1561" s="1" t="s">
        <v>6</v>
      </c>
      <c r="O1561" s="1" t="s">
        <v>8</v>
      </c>
      <c r="P1561" s="5" t="s">
        <v>30431</v>
      </c>
    </row>
    <row r="1562" spans="1:16" x14ac:dyDescent="0.2">
      <c r="A1562" s="1" t="s">
        <v>10</v>
      </c>
      <c r="B1562" s="1" t="s">
        <v>10</v>
      </c>
      <c r="C1562" s="1" t="s">
        <v>5524</v>
      </c>
      <c r="D1562" s="1" t="s">
        <v>10</v>
      </c>
      <c r="E1562" s="1" t="s">
        <v>4869</v>
      </c>
      <c r="F1562" s="1" t="s">
        <v>10</v>
      </c>
      <c r="G1562" s="1" t="s">
        <v>10</v>
      </c>
      <c r="H1562" s="1" t="s">
        <v>4366</v>
      </c>
      <c r="I1562" s="1" t="s">
        <v>3941</v>
      </c>
      <c r="J1562" s="1" t="s">
        <v>10</v>
      </c>
      <c r="K1562" s="1" t="s">
        <v>64</v>
      </c>
      <c r="L1562" s="1" t="s">
        <v>5523</v>
      </c>
      <c r="M1562" s="1" t="s">
        <v>5</v>
      </c>
      <c r="N1562" s="1" t="s">
        <v>6</v>
      </c>
      <c r="O1562" s="1" t="s">
        <v>8</v>
      </c>
      <c r="P1562" s="5" t="s">
        <v>30431</v>
      </c>
    </row>
    <row r="1563" spans="1:16" x14ac:dyDescent="0.2">
      <c r="A1563" s="1" t="s">
        <v>10</v>
      </c>
      <c r="B1563" s="1" t="s">
        <v>10</v>
      </c>
      <c r="C1563" s="1" t="s">
        <v>5526</v>
      </c>
      <c r="D1563" s="1" t="s">
        <v>10</v>
      </c>
      <c r="E1563" s="1" t="s">
        <v>10</v>
      </c>
      <c r="F1563" s="1" t="s">
        <v>10</v>
      </c>
      <c r="G1563" s="1" t="s">
        <v>10</v>
      </c>
      <c r="H1563" s="1" t="s">
        <v>4366</v>
      </c>
      <c r="I1563" s="1" t="s">
        <v>3941</v>
      </c>
      <c r="J1563" s="1" t="s">
        <v>10</v>
      </c>
      <c r="K1563" s="1" t="s">
        <v>64</v>
      </c>
      <c r="L1563" s="1" t="s">
        <v>5525</v>
      </c>
      <c r="M1563" s="1" t="s">
        <v>5</v>
      </c>
      <c r="N1563" s="1" t="s">
        <v>6</v>
      </c>
      <c r="O1563" s="1" t="s">
        <v>8</v>
      </c>
      <c r="P1563" s="5" t="s">
        <v>30431</v>
      </c>
    </row>
    <row r="1564" spans="1:16" x14ac:dyDescent="0.2">
      <c r="A1564" s="1" t="s">
        <v>10</v>
      </c>
      <c r="B1564" s="1" t="s">
        <v>10</v>
      </c>
      <c r="C1564" s="1" t="s">
        <v>5528</v>
      </c>
      <c r="D1564" s="1" t="s">
        <v>10</v>
      </c>
      <c r="E1564" s="1" t="s">
        <v>10</v>
      </c>
      <c r="F1564" s="1" t="s">
        <v>10</v>
      </c>
      <c r="G1564" s="1" t="s">
        <v>10</v>
      </c>
      <c r="H1564" s="1" t="s">
        <v>4366</v>
      </c>
      <c r="I1564" s="1" t="s">
        <v>3941</v>
      </c>
      <c r="J1564" s="1" t="s">
        <v>10</v>
      </c>
      <c r="K1564" s="1" t="s">
        <v>64</v>
      </c>
      <c r="L1564" s="1" t="s">
        <v>5527</v>
      </c>
      <c r="M1564" s="1" t="s">
        <v>5</v>
      </c>
      <c r="N1564" s="1" t="s">
        <v>6</v>
      </c>
      <c r="O1564" s="1" t="s">
        <v>8</v>
      </c>
      <c r="P1564" s="5" t="s">
        <v>30431</v>
      </c>
    </row>
    <row r="1565" spans="1:16" x14ac:dyDescent="0.2">
      <c r="A1565" s="1" t="s">
        <v>10</v>
      </c>
      <c r="B1565" s="1" t="s">
        <v>10</v>
      </c>
      <c r="C1565" s="1" t="s">
        <v>5530</v>
      </c>
      <c r="D1565" s="1" t="s">
        <v>10</v>
      </c>
      <c r="E1565" s="1" t="s">
        <v>10</v>
      </c>
      <c r="F1565" s="1" t="s">
        <v>10</v>
      </c>
      <c r="G1565" s="1" t="s">
        <v>10</v>
      </c>
      <c r="H1565" s="1" t="s">
        <v>4366</v>
      </c>
      <c r="I1565" s="1" t="s">
        <v>3941</v>
      </c>
      <c r="J1565" s="1" t="s">
        <v>10</v>
      </c>
      <c r="K1565" s="1" t="s">
        <v>64</v>
      </c>
      <c r="L1565" s="1" t="s">
        <v>5529</v>
      </c>
      <c r="M1565" s="1" t="s">
        <v>5</v>
      </c>
      <c r="N1565" s="1" t="s">
        <v>6</v>
      </c>
      <c r="O1565" s="1" t="s">
        <v>8</v>
      </c>
      <c r="P1565" s="5" t="s">
        <v>30431</v>
      </c>
    </row>
    <row r="1566" spans="1:16" x14ac:dyDescent="0.2">
      <c r="A1566" s="1" t="s">
        <v>10</v>
      </c>
      <c r="B1566" s="1" t="s">
        <v>10</v>
      </c>
      <c r="C1566" s="1" t="s">
        <v>5532</v>
      </c>
      <c r="D1566" s="1" t="s">
        <v>10</v>
      </c>
      <c r="E1566" s="1" t="s">
        <v>10</v>
      </c>
      <c r="F1566" s="1" t="s">
        <v>10</v>
      </c>
      <c r="G1566" s="1" t="s">
        <v>10</v>
      </c>
      <c r="H1566" s="1" t="s">
        <v>4366</v>
      </c>
      <c r="I1566" s="1" t="s">
        <v>3941</v>
      </c>
      <c r="J1566" s="1" t="s">
        <v>10</v>
      </c>
      <c r="K1566" s="1" t="s">
        <v>64</v>
      </c>
      <c r="L1566" s="1" t="s">
        <v>5531</v>
      </c>
      <c r="M1566" s="1" t="s">
        <v>5</v>
      </c>
      <c r="N1566" s="1" t="s">
        <v>6</v>
      </c>
      <c r="O1566" s="1" t="s">
        <v>8</v>
      </c>
      <c r="P1566" s="5" t="s">
        <v>30431</v>
      </c>
    </row>
    <row r="1567" spans="1:16" x14ac:dyDescent="0.2">
      <c r="A1567" s="1" t="s">
        <v>10</v>
      </c>
      <c r="B1567" s="1" t="s">
        <v>10</v>
      </c>
      <c r="C1567" s="1" t="s">
        <v>5534</v>
      </c>
      <c r="D1567" s="1" t="s">
        <v>10</v>
      </c>
      <c r="E1567" s="1" t="s">
        <v>10</v>
      </c>
      <c r="F1567" s="1" t="s">
        <v>10</v>
      </c>
      <c r="G1567" s="1" t="s">
        <v>10</v>
      </c>
      <c r="H1567" s="1" t="s">
        <v>4366</v>
      </c>
      <c r="I1567" s="1" t="s">
        <v>3941</v>
      </c>
      <c r="J1567" s="1" t="s">
        <v>10</v>
      </c>
      <c r="K1567" s="1" t="s">
        <v>64</v>
      </c>
      <c r="L1567" s="1" t="s">
        <v>5533</v>
      </c>
      <c r="M1567" s="1" t="s">
        <v>5</v>
      </c>
      <c r="N1567" s="1" t="s">
        <v>6</v>
      </c>
      <c r="O1567" s="1" t="s">
        <v>8</v>
      </c>
      <c r="P1567" s="5" t="s">
        <v>30431</v>
      </c>
    </row>
    <row r="1568" spans="1:16" x14ac:dyDescent="0.2">
      <c r="A1568" s="1" t="s">
        <v>10</v>
      </c>
      <c r="B1568" s="1" t="s">
        <v>10</v>
      </c>
      <c r="C1568" s="1" t="s">
        <v>5536</v>
      </c>
      <c r="D1568" s="1" t="s">
        <v>10</v>
      </c>
      <c r="E1568" s="1" t="s">
        <v>10</v>
      </c>
      <c r="F1568" s="1" t="s">
        <v>10</v>
      </c>
      <c r="G1568" s="1" t="s">
        <v>10</v>
      </c>
      <c r="H1568" s="1" t="s">
        <v>4366</v>
      </c>
      <c r="I1568" s="1" t="s">
        <v>3941</v>
      </c>
      <c r="J1568" s="1" t="s">
        <v>10</v>
      </c>
      <c r="K1568" s="1" t="s">
        <v>64</v>
      </c>
      <c r="L1568" s="1" t="s">
        <v>5535</v>
      </c>
      <c r="M1568" s="1" t="s">
        <v>5</v>
      </c>
      <c r="N1568" s="1" t="s">
        <v>6</v>
      </c>
      <c r="O1568" s="1" t="s">
        <v>8</v>
      </c>
      <c r="P1568" s="5" t="s">
        <v>30431</v>
      </c>
    </row>
    <row r="1569" spans="1:16" x14ac:dyDescent="0.2">
      <c r="A1569" s="1" t="s">
        <v>10</v>
      </c>
      <c r="B1569" s="1" t="s">
        <v>10</v>
      </c>
      <c r="C1569" s="1" t="s">
        <v>5538</v>
      </c>
      <c r="D1569" s="1" t="s">
        <v>10</v>
      </c>
      <c r="E1569" s="1" t="s">
        <v>10</v>
      </c>
      <c r="F1569" s="1" t="s">
        <v>10</v>
      </c>
      <c r="G1569" s="1" t="s">
        <v>10</v>
      </c>
      <c r="H1569" s="1" t="s">
        <v>4366</v>
      </c>
      <c r="I1569" s="1" t="s">
        <v>3941</v>
      </c>
      <c r="J1569" s="1" t="s">
        <v>10</v>
      </c>
      <c r="K1569" s="1" t="s">
        <v>64</v>
      </c>
      <c r="L1569" s="1" t="s">
        <v>5537</v>
      </c>
      <c r="M1569" s="1" t="s">
        <v>5</v>
      </c>
      <c r="N1569" s="1" t="s">
        <v>6</v>
      </c>
      <c r="O1569" s="1" t="s">
        <v>8</v>
      </c>
      <c r="P1569" s="5" t="s">
        <v>30431</v>
      </c>
    </row>
    <row r="1570" spans="1:16" x14ac:dyDescent="0.2">
      <c r="A1570" s="1" t="s">
        <v>10</v>
      </c>
      <c r="B1570" s="1" t="s">
        <v>10</v>
      </c>
      <c r="C1570" s="1" t="s">
        <v>5540</v>
      </c>
      <c r="D1570" s="1" t="s">
        <v>10</v>
      </c>
      <c r="E1570" s="1" t="s">
        <v>10</v>
      </c>
      <c r="F1570" s="1" t="s">
        <v>10</v>
      </c>
      <c r="G1570" s="1" t="s">
        <v>10</v>
      </c>
      <c r="H1570" s="1" t="s">
        <v>4366</v>
      </c>
      <c r="I1570" s="1" t="s">
        <v>3941</v>
      </c>
      <c r="J1570" s="1" t="s">
        <v>10</v>
      </c>
      <c r="K1570" s="1" t="s">
        <v>64</v>
      </c>
      <c r="L1570" s="1" t="s">
        <v>5539</v>
      </c>
      <c r="M1570" s="1" t="s">
        <v>5</v>
      </c>
      <c r="N1570" s="1" t="s">
        <v>6</v>
      </c>
      <c r="O1570" s="1" t="s">
        <v>8</v>
      </c>
      <c r="P1570" s="5" t="s">
        <v>30431</v>
      </c>
    </row>
    <row r="1571" spans="1:16" x14ac:dyDescent="0.2">
      <c r="A1571" s="1" t="s">
        <v>10</v>
      </c>
      <c r="B1571" s="1" t="s">
        <v>10</v>
      </c>
      <c r="C1571" s="1" t="s">
        <v>5542</v>
      </c>
      <c r="D1571" s="1" t="s">
        <v>10</v>
      </c>
      <c r="E1571" s="1" t="s">
        <v>10</v>
      </c>
      <c r="F1571" s="1" t="s">
        <v>10</v>
      </c>
      <c r="G1571" s="1" t="s">
        <v>10</v>
      </c>
      <c r="H1571" s="1" t="s">
        <v>4366</v>
      </c>
      <c r="I1571" s="1" t="s">
        <v>3941</v>
      </c>
      <c r="J1571" s="1" t="s">
        <v>10</v>
      </c>
      <c r="K1571" s="1" t="s">
        <v>64</v>
      </c>
      <c r="L1571" s="1" t="s">
        <v>5541</v>
      </c>
      <c r="M1571" s="1" t="s">
        <v>5</v>
      </c>
      <c r="N1571" s="1" t="s">
        <v>6</v>
      </c>
      <c r="O1571" s="1" t="s">
        <v>8</v>
      </c>
      <c r="P1571" s="5" t="s">
        <v>30431</v>
      </c>
    </row>
    <row r="1572" spans="1:16" x14ac:dyDescent="0.2">
      <c r="A1572" s="1" t="s">
        <v>10</v>
      </c>
      <c r="B1572" s="1" t="s">
        <v>10</v>
      </c>
      <c r="C1572" s="1" t="s">
        <v>5544</v>
      </c>
      <c r="D1572" s="1" t="s">
        <v>10</v>
      </c>
      <c r="E1572" s="1" t="s">
        <v>10</v>
      </c>
      <c r="F1572" s="1" t="s">
        <v>10</v>
      </c>
      <c r="G1572" s="1" t="s">
        <v>10</v>
      </c>
      <c r="H1572" s="1" t="s">
        <v>4366</v>
      </c>
      <c r="I1572" s="1" t="s">
        <v>3941</v>
      </c>
      <c r="J1572" s="1" t="s">
        <v>10</v>
      </c>
      <c r="K1572" s="1" t="s">
        <v>64</v>
      </c>
      <c r="L1572" s="1" t="s">
        <v>5543</v>
      </c>
      <c r="M1572" s="1" t="s">
        <v>5</v>
      </c>
      <c r="N1572" s="1" t="s">
        <v>6</v>
      </c>
      <c r="O1572" s="1" t="s">
        <v>8</v>
      </c>
      <c r="P1572" s="5" t="s">
        <v>30431</v>
      </c>
    </row>
    <row r="1573" spans="1:16" x14ac:dyDescent="0.2">
      <c r="A1573" s="1" t="s">
        <v>10</v>
      </c>
      <c r="B1573" s="1" t="s">
        <v>10</v>
      </c>
      <c r="C1573" s="1" t="s">
        <v>5546</v>
      </c>
      <c r="D1573" s="1" t="s">
        <v>10</v>
      </c>
      <c r="E1573" s="1" t="s">
        <v>10</v>
      </c>
      <c r="F1573" s="1" t="s">
        <v>10</v>
      </c>
      <c r="G1573" s="1" t="s">
        <v>10</v>
      </c>
      <c r="H1573" s="1" t="s">
        <v>4366</v>
      </c>
      <c r="I1573" s="1" t="s">
        <v>3941</v>
      </c>
      <c r="J1573" s="1" t="s">
        <v>10</v>
      </c>
      <c r="K1573" s="1" t="s">
        <v>64</v>
      </c>
      <c r="L1573" s="1" t="s">
        <v>5545</v>
      </c>
      <c r="M1573" s="1" t="s">
        <v>5</v>
      </c>
      <c r="N1573" s="1" t="s">
        <v>6</v>
      </c>
      <c r="O1573" s="1" t="s">
        <v>8</v>
      </c>
      <c r="P1573" s="5" t="s">
        <v>30431</v>
      </c>
    </row>
    <row r="1574" spans="1:16" x14ac:dyDescent="0.2">
      <c r="A1574" s="1" t="s">
        <v>10</v>
      </c>
      <c r="B1574" s="1" t="s">
        <v>10</v>
      </c>
      <c r="C1574" s="1" t="s">
        <v>5548</v>
      </c>
      <c r="D1574" s="1" t="s">
        <v>10</v>
      </c>
      <c r="E1574" s="1" t="s">
        <v>10</v>
      </c>
      <c r="F1574" s="1" t="s">
        <v>10</v>
      </c>
      <c r="G1574" s="1" t="s">
        <v>10</v>
      </c>
      <c r="H1574" s="1" t="s">
        <v>4366</v>
      </c>
      <c r="I1574" s="1" t="s">
        <v>3941</v>
      </c>
      <c r="J1574" s="1" t="s">
        <v>10</v>
      </c>
      <c r="K1574" s="1" t="s">
        <v>64</v>
      </c>
      <c r="L1574" s="1" t="s">
        <v>5547</v>
      </c>
      <c r="M1574" s="1" t="s">
        <v>5</v>
      </c>
      <c r="N1574" s="1" t="s">
        <v>6</v>
      </c>
      <c r="O1574" s="1" t="s">
        <v>8</v>
      </c>
      <c r="P1574" s="5" t="s">
        <v>30431</v>
      </c>
    </row>
    <row r="1575" spans="1:16" x14ac:dyDescent="0.2">
      <c r="A1575" s="1" t="s">
        <v>10</v>
      </c>
      <c r="B1575" s="1" t="s">
        <v>10</v>
      </c>
      <c r="C1575" s="1" t="s">
        <v>5550</v>
      </c>
      <c r="D1575" s="1" t="s">
        <v>10</v>
      </c>
      <c r="E1575" s="1" t="s">
        <v>10</v>
      </c>
      <c r="F1575" s="1" t="s">
        <v>10</v>
      </c>
      <c r="G1575" s="1" t="s">
        <v>10</v>
      </c>
      <c r="H1575" s="1" t="s">
        <v>4366</v>
      </c>
      <c r="I1575" s="1" t="s">
        <v>3941</v>
      </c>
      <c r="J1575" s="1" t="s">
        <v>10</v>
      </c>
      <c r="K1575" s="1" t="s">
        <v>64</v>
      </c>
      <c r="L1575" s="1" t="s">
        <v>5549</v>
      </c>
      <c r="M1575" s="1" t="s">
        <v>5</v>
      </c>
      <c r="N1575" s="1" t="s">
        <v>6</v>
      </c>
      <c r="O1575" s="1" t="s">
        <v>8</v>
      </c>
      <c r="P1575" s="5" t="s">
        <v>30431</v>
      </c>
    </row>
    <row r="1576" spans="1:16" x14ac:dyDescent="0.2">
      <c r="A1576" s="1" t="s">
        <v>10</v>
      </c>
      <c r="B1576" s="1" t="s">
        <v>10</v>
      </c>
      <c r="C1576" s="1" t="s">
        <v>5552</v>
      </c>
      <c r="D1576" s="1" t="s">
        <v>10</v>
      </c>
      <c r="E1576" s="1" t="s">
        <v>10</v>
      </c>
      <c r="F1576" s="1" t="s">
        <v>10</v>
      </c>
      <c r="G1576" s="1" t="s">
        <v>10</v>
      </c>
      <c r="H1576" s="1" t="s">
        <v>4366</v>
      </c>
      <c r="I1576" s="1" t="s">
        <v>3941</v>
      </c>
      <c r="J1576" s="1" t="s">
        <v>10</v>
      </c>
      <c r="K1576" s="1" t="s">
        <v>64</v>
      </c>
      <c r="L1576" s="1" t="s">
        <v>5551</v>
      </c>
      <c r="M1576" s="1" t="s">
        <v>5</v>
      </c>
      <c r="N1576" s="1" t="s">
        <v>6</v>
      </c>
      <c r="O1576" s="1" t="s">
        <v>8</v>
      </c>
      <c r="P1576" s="5" t="s">
        <v>30431</v>
      </c>
    </row>
    <row r="1577" spans="1:16" x14ac:dyDescent="0.2">
      <c r="A1577" s="1" t="s">
        <v>10</v>
      </c>
      <c r="B1577" s="1" t="s">
        <v>10</v>
      </c>
      <c r="C1577" s="1" t="s">
        <v>5554</v>
      </c>
      <c r="D1577" s="1" t="s">
        <v>10</v>
      </c>
      <c r="E1577" s="1" t="s">
        <v>10</v>
      </c>
      <c r="F1577" s="1" t="s">
        <v>10</v>
      </c>
      <c r="G1577" s="1" t="s">
        <v>10</v>
      </c>
      <c r="H1577" s="1" t="s">
        <v>4366</v>
      </c>
      <c r="I1577" s="1" t="s">
        <v>3941</v>
      </c>
      <c r="J1577" s="1" t="s">
        <v>10</v>
      </c>
      <c r="K1577" s="1" t="s">
        <v>64</v>
      </c>
      <c r="L1577" s="1" t="s">
        <v>5553</v>
      </c>
      <c r="M1577" s="1" t="s">
        <v>5</v>
      </c>
      <c r="N1577" s="1" t="s">
        <v>6</v>
      </c>
      <c r="O1577" s="1" t="s">
        <v>8</v>
      </c>
      <c r="P1577" s="5" t="s">
        <v>30431</v>
      </c>
    </row>
    <row r="1578" spans="1:16" x14ac:dyDescent="0.2">
      <c r="A1578" s="1" t="s">
        <v>10</v>
      </c>
      <c r="B1578" s="1" t="s">
        <v>10</v>
      </c>
      <c r="C1578" s="1" t="s">
        <v>5556</v>
      </c>
      <c r="D1578" s="1" t="s">
        <v>10</v>
      </c>
      <c r="E1578" s="1" t="s">
        <v>10</v>
      </c>
      <c r="F1578" s="1" t="s">
        <v>10</v>
      </c>
      <c r="G1578" s="1" t="s">
        <v>10</v>
      </c>
      <c r="H1578" s="1" t="s">
        <v>4366</v>
      </c>
      <c r="I1578" s="1" t="s">
        <v>3941</v>
      </c>
      <c r="J1578" s="1" t="s">
        <v>10</v>
      </c>
      <c r="K1578" s="1" t="s">
        <v>64</v>
      </c>
      <c r="L1578" s="1" t="s">
        <v>5555</v>
      </c>
      <c r="M1578" s="1" t="s">
        <v>5</v>
      </c>
      <c r="N1578" s="1" t="s">
        <v>6</v>
      </c>
      <c r="O1578" s="1" t="s">
        <v>8</v>
      </c>
      <c r="P1578" s="5" t="s">
        <v>30431</v>
      </c>
    </row>
    <row r="1579" spans="1:16" x14ac:dyDescent="0.2">
      <c r="A1579" s="1" t="s">
        <v>10</v>
      </c>
      <c r="B1579" s="1" t="s">
        <v>10</v>
      </c>
      <c r="C1579" s="1" t="s">
        <v>5558</v>
      </c>
      <c r="D1579" s="1" t="s">
        <v>10</v>
      </c>
      <c r="E1579" s="1" t="s">
        <v>10</v>
      </c>
      <c r="F1579" s="1" t="s">
        <v>10</v>
      </c>
      <c r="G1579" s="1" t="s">
        <v>10</v>
      </c>
      <c r="H1579" s="1" t="s">
        <v>4366</v>
      </c>
      <c r="I1579" s="1" t="s">
        <v>3941</v>
      </c>
      <c r="J1579" s="1" t="s">
        <v>10</v>
      </c>
      <c r="K1579" s="1" t="s">
        <v>64</v>
      </c>
      <c r="L1579" s="1" t="s">
        <v>5557</v>
      </c>
      <c r="M1579" s="1" t="s">
        <v>5</v>
      </c>
      <c r="N1579" s="1" t="s">
        <v>6</v>
      </c>
      <c r="O1579" s="1" t="s">
        <v>8</v>
      </c>
      <c r="P1579" s="5" t="s">
        <v>30431</v>
      </c>
    </row>
    <row r="1580" spans="1:16" x14ac:dyDescent="0.2">
      <c r="A1580" s="1" t="s">
        <v>10</v>
      </c>
      <c r="B1580" s="1" t="s">
        <v>10</v>
      </c>
      <c r="C1580" s="1" t="s">
        <v>5560</v>
      </c>
      <c r="D1580" s="1" t="s">
        <v>10</v>
      </c>
      <c r="E1580" s="1" t="s">
        <v>10</v>
      </c>
      <c r="F1580" s="1" t="s">
        <v>10</v>
      </c>
      <c r="G1580" s="1" t="s">
        <v>10</v>
      </c>
      <c r="H1580" s="1" t="s">
        <v>4366</v>
      </c>
      <c r="I1580" s="1" t="s">
        <v>3941</v>
      </c>
      <c r="J1580" s="1" t="s">
        <v>10</v>
      </c>
      <c r="K1580" s="1" t="s">
        <v>64</v>
      </c>
      <c r="L1580" s="1" t="s">
        <v>5559</v>
      </c>
      <c r="M1580" s="1" t="s">
        <v>5</v>
      </c>
      <c r="N1580" s="1" t="s">
        <v>6</v>
      </c>
      <c r="O1580" s="1" t="s">
        <v>8</v>
      </c>
      <c r="P1580" s="5" t="s">
        <v>30431</v>
      </c>
    </row>
    <row r="1581" spans="1:16" x14ac:dyDescent="0.2">
      <c r="A1581" s="1" t="s">
        <v>10</v>
      </c>
      <c r="B1581" s="1" t="s">
        <v>10</v>
      </c>
      <c r="C1581" s="1" t="s">
        <v>5562</v>
      </c>
      <c r="D1581" s="1" t="s">
        <v>10</v>
      </c>
      <c r="E1581" s="1" t="s">
        <v>10</v>
      </c>
      <c r="F1581" s="1" t="s">
        <v>10</v>
      </c>
      <c r="G1581" s="1" t="s">
        <v>10</v>
      </c>
      <c r="H1581" s="1" t="s">
        <v>4366</v>
      </c>
      <c r="I1581" s="1" t="s">
        <v>3941</v>
      </c>
      <c r="J1581" s="1" t="s">
        <v>10</v>
      </c>
      <c r="K1581" s="1" t="s">
        <v>64</v>
      </c>
      <c r="L1581" s="1" t="s">
        <v>5561</v>
      </c>
      <c r="M1581" s="1" t="s">
        <v>5</v>
      </c>
      <c r="N1581" s="1" t="s">
        <v>6</v>
      </c>
      <c r="O1581" s="1" t="s">
        <v>8</v>
      </c>
      <c r="P1581" s="5" t="s">
        <v>30431</v>
      </c>
    </row>
    <row r="1582" spans="1:16" x14ac:dyDescent="0.2">
      <c r="A1582" s="1" t="s">
        <v>10</v>
      </c>
      <c r="B1582" s="1" t="s">
        <v>10</v>
      </c>
      <c r="C1582" s="1" t="s">
        <v>5564</v>
      </c>
      <c r="D1582" s="1" t="s">
        <v>10</v>
      </c>
      <c r="E1582" s="1" t="s">
        <v>10</v>
      </c>
      <c r="F1582" s="1" t="s">
        <v>10</v>
      </c>
      <c r="G1582" s="1" t="s">
        <v>10</v>
      </c>
      <c r="H1582" s="1" t="s">
        <v>4366</v>
      </c>
      <c r="I1582" s="1" t="s">
        <v>3941</v>
      </c>
      <c r="J1582" s="1" t="s">
        <v>10</v>
      </c>
      <c r="K1582" s="1" t="s">
        <v>64</v>
      </c>
      <c r="L1582" s="1" t="s">
        <v>5563</v>
      </c>
      <c r="M1582" s="1" t="s">
        <v>5</v>
      </c>
      <c r="N1582" s="1" t="s">
        <v>6</v>
      </c>
      <c r="O1582" s="1" t="s">
        <v>8</v>
      </c>
      <c r="P1582" s="5" t="s">
        <v>30431</v>
      </c>
    </row>
    <row r="1583" spans="1:16" x14ac:dyDescent="0.2">
      <c r="A1583" s="1" t="s">
        <v>10</v>
      </c>
      <c r="B1583" s="1" t="s">
        <v>10</v>
      </c>
      <c r="C1583" s="1" t="s">
        <v>5566</v>
      </c>
      <c r="D1583" s="1" t="s">
        <v>10</v>
      </c>
      <c r="E1583" s="1" t="s">
        <v>10</v>
      </c>
      <c r="F1583" s="1" t="s">
        <v>10</v>
      </c>
      <c r="G1583" s="1" t="s">
        <v>10</v>
      </c>
      <c r="H1583" s="1" t="s">
        <v>4366</v>
      </c>
      <c r="I1583" s="1" t="s">
        <v>3941</v>
      </c>
      <c r="J1583" s="1" t="s">
        <v>10</v>
      </c>
      <c r="K1583" s="1" t="s">
        <v>64</v>
      </c>
      <c r="L1583" s="1" t="s">
        <v>5565</v>
      </c>
      <c r="M1583" s="1" t="s">
        <v>5</v>
      </c>
      <c r="N1583" s="1" t="s">
        <v>6</v>
      </c>
      <c r="O1583" s="1" t="s">
        <v>8</v>
      </c>
      <c r="P1583" s="5" t="s">
        <v>30431</v>
      </c>
    </row>
    <row r="1584" spans="1:16" x14ac:dyDescent="0.2">
      <c r="A1584" s="1" t="s">
        <v>10</v>
      </c>
      <c r="B1584" s="1" t="s">
        <v>10</v>
      </c>
      <c r="C1584" s="1" t="s">
        <v>5568</v>
      </c>
      <c r="D1584" s="1" t="s">
        <v>10</v>
      </c>
      <c r="E1584" s="1" t="s">
        <v>10</v>
      </c>
      <c r="F1584" s="1" t="s">
        <v>10</v>
      </c>
      <c r="G1584" s="1" t="s">
        <v>10</v>
      </c>
      <c r="H1584" s="1" t="s">
        <v>4366</v>
      </c>
      <c r="I1584" s="1" t="s">
        <v>3941</v>
      </c>
      <c r="J1584" s="1" t="s">
        <v>10</v>
      </c>
      <c r="K1584" s="1" t="s">
        <v>64</v>
      </c>
      <c r="L1584" s="1" t="s">
        <v>5567</v>
      </c>
      <c r="M1584" s="1" t="s">
        <v>5</v>
      </c>
      <c r="N1584" s="1" t="s">
        <v>6</v>
      </c>
      <c r="O1584" s="1" t="s">
        <v>8</v>
      </c>
      <c r="P1584" s="5" t="s">
        <v>30431</v>
      </c>
    </row>
    <row r="1585" spans="1:16" x14ac:dyDescent="0.2">
      <c r="A1585" s="1" t="s">
        <v>10</v>
      </c>
      <c r="B1585" s="1" t="s">
        <v>10</v>
      </c>
      <c r="C1585" s="1" t="s">
        <v>5570</v>
      </c>
      <c r="D1585" s="1" t="s">
        <v>10</v>
      </c>
      <c r="E1585" s="1" t="s">
        <v>10</v>
      </c>
      <c r="F1585" s="1" t="s">
        <v>10</v>
      </c>
      <c r="G1585" s="1" t="s">
        <v>10</v>
      </c>
      <c r="H1585" s="1" t="s">
        <v>4366</v>
      </c>
      <c r="I1585" s="1" t="s">
        <v>3941</v>
      </c>
      <c r="J1585" s="1" t="s">
        <v>10</v>
      </c>
      <c r="K1585" s="1" t="s">
        <v>64</v>
      </c>
      <c r="L1585" s="1" t="s">
        <v>5569</v>
      </c>
      <c r="M1585" s="1" t="s">
        <v>5</v>
      </c>
      <c r="N1585" s="1" t="s">
        <v>6</v>
      </c>
      <c r="O1585" s="1" t="s">
        <v>8</v>
      </c>
      <c r="P1585" s="5" t="s">
        <v>30431</v>
      </c>
    </row>
    <row r="1586" spans="1:16" x14ac:dyDescent="0.2">
      <c r="A1586" s="1" t="s">
        <v>10</v>
      </c>
      <c r="B1586" s="1" t="s">
        <v>10</v>
      </c>
      <c r="C1586" s="1" t="s">
        <v>5572</v>
      </c>
      <c r="D1586" s="1" t="s">
        <v>10</v>
      </c>
      <c r="E1586" s="1" t="s">
        <v>10</v>
      </c>
      <c r="F1586" s="1" t="s">
        <v>10</v>
      </c>
      <c r="G1586" s="1" t="s">
        <v>10</v>
      </c>
      <c r="H1586" s="1" t="s">
        <v>4366</v>
      </c>
      <c r="I1586" s="1" t="s">
        <v>3941</v>
      </c>
      <c r="J1586" s="1" t="s">
        <v>10</v>
      </c>
      <c r="K1586" s="1" t="s">
        <v>64</v>
      </c>
      <c r="L1586" s="1" t="s">
        <v>5571</v>
      </c>
      <c r="M1586" s="1" t="s">
        <v>5</v>
      </c>
      <c r="N1586" s="1" t="s">
        <v>6</v>
      </c>
      <c r="O1586" s="1" t="s">
        <v>8</v>
      </c>
      <c r="P1586" s="5" t="s">
        <v>30431</v>
      </c>
    </row>
    <row r="1587" spans="1:16" x14ac:dyDescent="0.2">
      <c r="A1587" s="1" t="s">
        <v>10</v>
      </c>
      <c r="B1587" s="1" t="s">
        <v>10</v>
      </c>
      <c r="C1587" s="1" t="s">
        <v>5574</v>
      </c>
      <c r="D1587" s="1" t="s">
        <v>10</v>
      </c>
      <c r="E1587" s="1" t="s">
        <v>10</v>
      </c>
      <c r="F1587" s="1" t="s">
        <v>10</v>
      </c>
      <c r="G1587" s="1" t="s">
        <v>10</v>
      </c>
      <c r="H1587" s="1" t="s">
        <v>4366</v>
      </c>
      <c r="I1587" s="1" t="s">
        <v>3941</v>
      </c>
      <c r="J1587" s="1" t="s">
        <v>10</v>
      </c>
      <c r="K1587" s="1" t="s">
        <v>64</v>
      </c>
      <c r="L1587" s="1" t="s">
        <v>5573</v>
      </c>
      <c r="M1587" s="1" t="s">
        <v>5</v>
      </c>
      <c r="N1587" s="1" t="s">
        <v>6</v>
      </c>
      <c r="O1587" s="1" t="s">
        <v>8</v>
      </c>
      <c r="P1587" s="5" t="s">
        <v>30431</v>
      </c>
    </row>
    <row r="1588" spans="1:16" x14ac:dyDescent="0.2">
      <c r="A1588" s="1" t="s">
        <v>10</v>
      </c>
      <c r="B1588" s="1" t="s">
        <v>10</v>
      </c>
      <c r="C1588" s="1" t="s">
        <v>5576</v>
      </c>
      <c r="D1588" s="1" t="s">
        <v>10</v>
      </c>
      <c r="E1588" s="1" t="s">
        <v>10</v>
      </c>
      <c r="F1588" s="1" t="s">
        <v>10</v>
      </c>
      <c r="G1588" s="1" t="s">
        <v>10</v>
      </c>
      <c r="H1588" s="1" t="s">
        <v>4366</v>
      </c>
      <c r="I1588" s="1" t="s">
        <v>3941</v>
      </c>
      <c r="J1588" s="1" t="s">
        <v>10</v>
      </c>
      <c r="K1588" s="1" t="s">
        <v>64</v>
      </c>
      <c r="L1588" s="1" t="s">
        <v>5575</v>
      </c>
      <c r="M1588" s="1" t="s">
        <v>5</v>
      </c>
      <c r="N1588" s="1" t="s">
        <v>6</v>
      </c>
      <c r="O1588" s="1" t="s">
        <v>8</v>
      </c>
      <c r="P1588" s="5" t="s">
        <v>30431</v>
      </c>
    </row>
    <row r="1589" spans="1:16" x14ac:dyDescent="0.2">
      <c r="A1589" s="1" t="s">
        <v>10</v>
      </c>
      <c r="B1589" s="1" t="s">
        <v>10</v>
      </c>
      <c r="C1589" s="1" t="s">
        <v>5578</v>
      </c>
      <c r="D1589" s="1" t="s">
        <v>10</v>
      </c>
      <c r="E1589" s="1" t="s">
        <v>10</v>
      </c>
      <c r="F1589" s="1" t="s">
        <v>10</v>
      </c>
      <c r="G1589" s="1" t="s">
        <v>10</v>
      </c>
      <c r="H1589" s="1" t="s">
        <v>4366</v>
      </c>
      <c r="I1589" s="1" t="s">
        <v>3941</v>
      </c>
      <c r="J1589" s="1" t="s">
        <v>10</v>
      </c>
      <c r="K1589" s="1" t="s">
        <v>64</v>
      </c>
      <c r="L1589" s="1" t="s">
        <v>5577</v>
      </c>
      <c r="M1589" s="1" t="s">
        <v>5</v>
      </c>
      <c r="N1589" s="1" t="s">
        <v>6</v>
      </c>
      <c r="O1589" s="1" t="s">
        <v>8</v>
      </c>
      <c r="P1589" s="5" t="s">
        <v>30431</v>
      </c>
    </row>
    <row r="1590" spans="1:16" x14ac:dyDescent="0.2">
      <c r="A1590" s="1" t="s">
        <v>10</v>
      </c>
      <c r="B1590" s="1" t="s">
        <v>10</v>
      </c>
      <c r="C1590" s="1" t="s">
        <v>5580</v>
      </c>
      <c r="D1590" s="1" t="s">
        <v>10</v>
      </c>
      <c r="E1590" s="1" t="s">
        <v>10</v>
      </c>
      <c r="F1590" s="1" t="s">
        <v>10</v>
      </c>
      <c r="G1590" s="1" t="s">
        <v>10</v>
      </c>
      <c r="H1590" s="1" t="s">
        <v>4366</v>
      </c>
      <c r="I1590" s="1" t="s">
        <v>3941</v>
      </c>
      <c r="J1590" s="1" t="s">
        <v>10</v>
      </c>
      <c r="K1590" s="1" t="s">
        <v>64</v>
      </c>
      <c r="L1590" s="1" t="s">
        <v>5579</v>
      </c>
      <c r="M1590" s="1" t="s">
        <v>5</v>
      </c>
      <c r="N1590" s="1" t="s">
        <v>6</v>
      </c>
      <c r="O1590" s="1" t="s">
        <v>8</v>
      </c>
      <c r="P1590" s="5" t="s">
        <v>30431</v>
      </c>
    </row>
    <row r="1591" spans="1:16" x14ac:dyDescent="0.2">
      <c r="A1591" s="1" t="s">
        <v>10</v>
      </c>
      <c r="B1591" s="1" t="s">
        <v>10</v>
      </c>
      <c r="C1591" s="1" t="s">
        <v>5582</v>
      </c>
      <c r="D1591" s="1" t="s">
        <v>10</v>
      </c>
      <c r="E1591" s="1" t="s">
        <v>10</v>
      </c>
      <c r="F1591" s="1" t="s">
        <v>10</v>
      </c>
      <c r="G1591" s="1" t="s">
        <v>10</v>
      </c>
      <c r="H1591" s="1" t="s">
        <v>4366</v>
      </c>
      <c r="I1591" s="1" t="s">
        <v>3941</v>
      </c>
      <c r="J1591" s="1" t="s">
        <v>10</v>
      </c>
      <c r="K1591" s="1" t="s">
        <v>64</v>
      </c>
      <c r="L1591" s="1" t="s">
        <v>5581</v>
      </c>
      <c r="M1591" s="1" t="s">
        <v>5</v>
      </c>
      <c r="N1591" s="1" t="s">
        <v>6</v>
      </c>
      <c r="O1591" s="1" t="s">
        <v>8</v>
      </c>
      <c r="P1591" s="5" t="s">
        <v>30431</v>
      </c>
    </row>
    <row r="1592" spans="1:16" x14ac:dyDescent="0.2">
      <c r="A1592" s="1" t="s">
        <v>10</v>
      </c>
      <c r="B1592" s="1" t="s">
        <v>10</v>
      </c>
      <c r="C1592" s="1" t="s">
        <v>5584</v>
      </c>
      <c r="D1592" s="1" t="s">
        <v>10</v>
      </c>
      <c r="E1592" s="1" t="s">
        <v>10</v>
      </c>
      <c r="F1592" s="1" t="s">
        <v>10</v>
      </c>
      <c r="G1592" s="1" t="s">
        <v>10</v>
      </c>
      <c r="H1592" s="1" t="s">
        <v>5585</v>
      </c>
      <c r="I1592" s="1" t="s">
        <v>3941</v>
      </c>
      <c r="J1592" s="1" t="s">
        <v>10</v>
      </c>
      <c r="K1592" s="1" t="s">
        <v>64</v>
      </c>
      <c r="L1592" s="1" t="s">
        <v>5583</v>
      </c>
      <c r="M1592" s="1" t="s">
        <v>5</v>
      </c>
      <c r="N1592" s="1" t="s">
        <v>6</v>
      </c>
      <c r="O1592" s="1" t="s">
        <v>8</v>
      </c>
      <c r="P1592" s="5" t="s">
        <v>30431</v>
      </c>
    </row>
    <row r="1593" spans="1:16" x14ac:dyDescent="0.2">
      <c r="A1593" s="1" t="s">
        <v>10</v>
      </c>
      <c r="B1593" s="1" t="s">
        <v>10</v>
      </c>
      <c r="C1593" s="1" t="s">
        <v>5587</v>
      </c>
      <c r="D1593" s="1" t="s">
        <v>10</v>
      </c>
      <c r="E1593" s="1" t="s">
        <v>10</v>
      </c>
      <c r="F1593" s="1" t="s">
        <v>10</v>
      </c>
      <c r="G1593" s="1" t="s">
        <v>10</v>
      </c>
      <c r="H1593" s="1" t="s">
        <v>5585</v>
      </c>
      <c r="I1593" s="1" t="s">
        <v>3941</v>
      </c>
      <c r="J1593" s="1" t="s">
        <v>10</v>
      </c>
      <c r="K1593" s="1" t="s">
        <v>64</v>
      </c>
      <c r="L1593" s="1" t="s">
        <v>5586</v>
      </c>
      <c r="M1593" s="1" t="s">
        <v>5</v>
      </c>
      <c r="N1593" s="1" t="s">
        <v>6</v>
      </c>
      <c r="O1593" s="1" t="s">
        <v>8</v>
      </c>
      <c r="P1593" s="5" t="s">
        <v>30431</v>
      </c>
    </row>
    <row r="1594" spans="1:16" x14ac:dyDescent="0.2">
      <c r="A1594" s="1" t="s">
        <v>10</v>
      </c>
      <c r="B1594" s="1" t="s">
        <v>10</v>
      </c>
      <c r="C1594" s="1" t="s">
        <v>5589</v>
      </c>
      <c r="D1594" s="1" t="s">
        <v>10</v>
      </c>
      <c r="E1594" s="1" t="s">
        <v>10</v>
      </c>
      <c r="F1594" s="1" t="s">
        <v>10</v>
      </c>
      <c r="G1594" s="1" t="s">
        <v>10</v>
      </c>
      <c r="H1594" s="1" t="s">
        <v>5585</v>
      </c>
      <c r="I1594" s="1" t="s">
        <v>3941</v>
      </c>
      <c r="J1594" s="1" t="s">
        <v>10</v>
      </c>
      <c r="K1594" s="1" t="s">
        <v>64</v>
      </c>
      <c r="L1594" s="1" t="s">
        <v>5588</v>
      </c>
      <c r="M1594" s="1" t="s">
        <v>5</v>
      </c>
      <c r="N1594" s="1" t="s">
        <v>6</v>
      </c>
      <c r="O1594" s="1" t="s">
        <v>8</v>
      </c>
      <c r="P1594" s="5" t="s">
        <v>30431</v>
      </c>
    </row>
    <row r="1595" spans="1:16" x14ac:dyDescent="0.2">
      <c r="A1595" s="1" t="s">
        <v>10</v>
      </c>
      <c r="B1595" s="1" t="s">
        <v>10</v>
      </c>
      <c r="C1595" s="1" t="s">
        <v>5591</v>
      </c>
      <c r="D1595" s="1" t="s">
        <v>10</v>
      </c>
      <c r="E1595" s="1" t="s">
        <v>10</v>
      </c>
      <c r="F1595" s="1" t="s">
        <v>10</v>
      </c>
      <c r="G1595" s="1" t="s">
        <v>10</v>
      </c>
      <c r="H1595" s="1" t="s">
        <v>5585</v>
      </c>
      <c r="I1595" s="1" t="s">
        <v>3941</v>
      </c>
      <c r="J1595" s="1" t="s">
        <v>10</v>
      </c>
      <c r="K1595" s="1" t="s">
        <v>64</v>
      </c>
      <c r="L1595" s="1" t="s">
        <v>5590</v>
      </c>
      <c r="M1595" s="1" t="s">
        <v>5</v>
      </c>
      <c r="N1595" s="1" t="s">
        <v>6</v>
      </c>
      <c r="O1595" s="1" t="s">
        <v>8</v>
      </c>
      <c r="P1595" s="5" t="s">
        <v>30431</v>
      </c>
    </row>
    <row r="1596" spans="1:16" x14ac:dyDescent="0.2">
      <c r="A1596" s="1" t="s">
        <v>10</v>
      </c>
      <c r="B1596" s="1" t="s">
        <v>10</v>
      </c>
      <c r="C1596" s="1" t="s">
        <v>5593</v>
      </c>
      <c r="D1596" s="1" t="s">
        <v>10</v>
      </c>
      <c r="E1596" s="1" t="s">
        <v>10</v>
      </c>
      <c r="F1596" s="1" t="s">
        <v>10</v>
      </c>
      <c r="G1596" s="1" t="s">
        <v>10</v>
      </c>
      <c r="H1596" s="1" t="s">
        <v>5594</v>
      </c>
      <c r="I1596" s="1" t="s">
        <v>3941</v>
      </c>
      <c r="J1596" s="1" t="s">
        <v>10</v>
      </c>
      <c r="K1596" s="1" t="s">
        <v>64</v>
      </c>
      <c r="L1596" s="1" t="s">
        <v>5592</v>
      </c>
      <c r="M1596" s="1" t="s">
        <v>5</v>
      </c>
      <c r="N1596" s="1" t="s">
        <v>6</v>
      </c>
      <c r="O1596" s="1" t="s">
        <v>8</v>
      </c>
      <c r="P1596" s="5" t="s">
        <v>30431</v>
      </c>
    </row>
    <row r="1597" spans="1:16" x14ac:dyDescent="0.2">
      <c r="A1597" s="1" t="s">
        <v>10</v>
      </c>
      <c r="B1597" s="1" t="s">
        <v>10</v>
      </c>
      <c r="C1597" s="1" t="s">
        <v>5596</v>
      </c>
      <c r="D1597" s="1" t="s">
        <v>10</v>
      </c>
      <c r="E1597" s="1" t="s">
        <v>10</v>
      </c>
      <c r="F1597" s="1" t="s">
        <v>10</v>
      </c>
      <c r="G1597" s="1" t="s">
        <v>10</v>
      </c>
      <c r="H1597" s="1" t="s">
        <v>5597</v>
      </c>
      <c r="I1597" s="1" t="s">
        <v>3941</v>
      </c>
      <c r="J1597" s="1" t="s">
        <v>10</v>
      </c>
      <c r="K1597" s="1" t="s">
        <v>64</v>
      </c>
      <c r="L1597" s="1" t="s">
        <v>5595</v>
      </c>
      <c r="M1597" s="1" t="s">
        <v>5</v>
      </c>
      <c r="N1597" s="1" t="s">
        <v>6</v>
      </c>
      <c r="O1597" s="1" t="s">
        <v>8</v>
      </c>
      <c r="P1597" s="5" t="s">
        <v>30431</v>
      </c>
    </row>
    <row r="1598" spans="1:16" x14ac:dyDescent="0.2">
      <c r="A1598" s="1" t="s">
        <v>10</v>
      </c>
      <c r="B1598" s="1" t="s">
        <v>10</v>
      </c>
      <c r="C1598" s="1" t="s">
        <v>5599</v>
      </c>
      <c r="D1598" s="1" t="s">
        <v>10</v>
      </c>
      <c r="E1598" s="1" t="s">
        <v>10</v>
      </c>
      <c r="F1598" s="1" t="s">
        <v>10</v>
      </c>
      <c r="G1598" s="1" t="s">
        <v>10</v>
      </c>
      <c r="H1598" s="1" t="s">
        <v>5600</v>
      </c>
      <c r="I1598" s="1" t="s">
        <v>3941</v>
      </c>
      <c r="J1598" s="1" t="s">
        <v>10</v>
      </c>
      <c r="K1598" s="1" t="s">
        <v>64</v>
      </c>
      <c r="L1598" s="1" t="s">
        <v>5598</v>
      </c>
      <c r="M1598" s="1" t="s">
        <v>5</v>
      </c>
      <c r="N1598" s="1" t="s">
        <v>6</v>
      </c>
      <c r="O1598" s="1" t="s">
        <v>8</v>
      </c>
      <c r="P1598" s="5" t="s">
        <v>30431</v>
      </c>
    </row>
    <row r="1599" spans="1:16" x14ac:dyDescent="0.2">
      <c r="A1599" s="1" t="s">
        <v>10</v>
      </c>
      <c r="B1599" s="1" t="s">
        <v>10</v>
      </c>
      <c r="C1599" s="1" t="s">
        <v>5603</v>
      </c>
      <c r="D1599" s="1" t="s">
        <v>10</v>
      </c>
      <c r="E1599" s="1" t="s">
        <v>10</v>
      </c>
      <c r="F1599" s="1" t="s">
        <v>10</v>
      </c>
      <c r="G1599" s="1" t="s">
        <v>10</v>
      </c>
      <c r="H1599" s="1" t="s">
        <v>5601</v>
      </c>
      <c r="I1599" s="1" t="s">
        <v>3941</v>
      </c>
      <c r="J1599" s="1" t="s">
        <v>10</v>
      </c>
      <c r="K1599" s="1" t="s">
        <v>64</v>
      </c>
      <c r="L1599" s="1" t="s">
        <v>5602</v>
      </c>
      <c r="M1599" s="1" t="s">
        <v>5</v>
      </c>
      <c r="N1599" s="1" t="s">
        <v>6</v>
      </c>
      <c r="O1599" s="1" t="s">
        <v>8</v>
      </c>
      <c r="P1599" s="5" t="s">
        <v>30431</v>
      </c>
    </row>
    <row r="1600" spans="1:16" x14ac:dyDescent="0.2">
      <c r="A1600" s="1" t="s">
        <v>10</v>
      </c>
      <c r="B1600" s="1" t="s">
        <v>10</v>
      </c>
      <c r="C1600" s="1" t="s">
        <v>5605</v>
      </c>
      <c r="D1600" s="1" t="s">
        <v>10</v>
      </c>
      <c r="E1600" s="1" t="s">
        <v>10</v>
      </c>
      <c r="F1600" s="1" t="s">
        <v>10</v>
      </c>
      <c r="G1600" s="1" t="s">
        <v>10</v>
      </c>
      <c r="H1600" s="1" t="s">
        <v>5601</v>
      </c>
      <c r="I1600" s="1" t="s">
        <v>3941</v>
      </c>
      <c r="J1600" s="1" t="s">
        <v>10</v>
      </c>
      <c r="K1600" s="1" t="s">
        <v>64</v>
      </c>
      <c r="L1600" s="1" t="s">
        <v>5604</v>
      </c>
      <c r="M1600" s="1" t="s">
        <v>5</v>
      </c>
      <c r="N1600" s="1" t="s">
        <v>6</v>
      </c>
      <c r="O1600" s="1" t="s">
        <v>8</v>
      </c>
      <c r="P1600" s="5" t="s">
        <v>30431</v>
      </c>
    </row>
    <row r="1601" spans="1:16" x14ac:dyDescent="0.2">
      <c r="A1601" s="1" t="s">
        <v>10</v>
      </c>
      <c r="B1601" s="1" t="s">
        <v>10</v>
      </c>
      <c r="C1601" s="1" t="s">
        <v>5607</v>
      </c>
      <c r="D1601" s="1" t="s">
        <v>10</v>
      </c>
      <c r="E1601" s="1" t="s">
        <v>10</v>
      </c>
      <c r="F1601" s="1" t="s">
        <v>10</v>
      </c>
      <c r="G1601" s="1" t="s">
        <v>10</v>
      </c>
      <c r="H1601" s="1" t="s">
        <v>5601</v>
      </c>
      <c r="I1601" s="1" t="s">
        <v>3941</v>
      </c>
      <c r="J1601" s="1" t="s">
        <v>10</v>
      </c>
      <c r="K1601" s="1" t="s">
        <v>64</v>
      </c>
      <c r="L1601" s="1" t="s">
        <v>5606</v>
      </c>
      <c r="M1601" s="1" t="s">
        <v>5</v>
      </c>
      <c r="N1601" s="1" t="s">
        <v>6</v>
      </c>
      <c r="O1601" s="1" t="s">
        <v>8</v>
      </c>
      <c r="P1601" s="5" t="s">
        <v>30431</v>
      </c>
    </row>
    <row r="1602" spans="1:16" x14ac:dyDescent="0.2">
      <c r="A1602" s="1" t="s">
        <v>10</v>
      </c>
      <c r="B1602" s="1" t="s">
        <v>10</v>
      </c>
      <c r="C1602" s="1" t="s">
        <v>5610</v>
      </c>
      <c r="D1602" s="1" t="s">
        <v>10</v>
      </c>
      <c r="E1602" s="1" t="s">
        <v>10</v>
      </c>
      <c r="F1602" s="1" t="s">
        <v>10</v>
      </c>
      <c r="G1602" s="1" t="s">
        <v>10</v>
      </c>
      <c r="H1602" s="1" t="s">
        <v>5608</v>
      </c>
      <c r="I1602" s="1" t="s">
        <v>3941</v>
      </c>
      <c r="J1602" s="1" t="s">
        <v>10</v>
      </c>
      <c r="K1602" s="1" t="s">
        <v>64</v>
      </c>
      <c r="L1602" s="1" t="s">
        <v>5609</v>
      </c>
      <c r="M1602" s="1" t="s">
        <v>5</v>
      </c>
      <c r="N1602" s="1" t="s">
        <v>6</v>
      </c>
      <c r="O1602" s="1" t="s">
        <v>8</v>
      </c>
      <c r="P1602" s="5" t="s">
        <v>30431</v>
      </c>
    </row>
    <row r="1603" spans="1:16" x14ac:dyDescent="0.2">
      <c r="A1603" s="1" t="s">
        <v>10</v>
      </c>
      <c r="B1603" s="1" t="s">
        <v>10</v>
      </c>
      <c r="C1603" s="1" t="s">
        <v>5612</v>
      </c>
      <c r="D1603" s="1" t="s">
        <v>10</v>
      </c>
      <c r="E1603" s="1" t="s">
        <v>10</v>
      </c>
      <c r="F1603" s="1" t="s">
        <v>10</v>
      </c>
      <c r="G1603" s="1" t="s">
        <v>10</v>
      </c>
      <c r="H1603" s="1" t="s">
        <v>5613</v>
      </c>
      <c r="I1603" s="1" t="s">
        <v>3941</v>
      </c>
      <c r="J1603" s="1" t="s">
        <v>10</v>
      </c>
      <c r="K1603" s="1" t="s">
        <v>64</v>
      </c>
      <c r="L1603" s="1" t="s">
        <v>5611</v>
      </c>
      <c r="M1603" s="1" t="s">
        <v>5</v>
      </c>
      <c r="N1603" s="1" t="s">
        <v>6</v>
      </c>
      <c r="O1603" s="1" t="s">
        <v>8</v>
      </c>
      <c r="P1603" s="5" t="s">
        <v>30431</v>
      </c>
    </row>
    <row r="1604" spans="1:16" x14ac:dyDescent="0.2">
      <c r="A1604" s="1" t="s">
        <v>10</v>
      </c>
      <c r="B1604" s="1" t="s">
        <v>10</v>
      </c>
      <c r="C1604" s="1" t="s">
        <v>5615</v>
      </c>
      <c r="D1604" s="1" t="s">
        <v>10</v>
      </c>
      <c r="E1604" s="1" t="s">
        <v>10</v>
      </c>
      <c r="F1604" s="1" t="s">
        <v>10</v>
      </c>
      <c r="G1604" s="1" t="s">
        <v>10</v>
      </c>
      <c r="H1604" s="1" t="s">
        <v>5616</v>
      </c>
      <c r="I1604" s="1" t="s">
        <v>3941</v>
      </c>
      <c r="J1604" s="1" t="s">
        <v>10</v>
      </c>
      <c r="K1604" s="1" t="s">
        <v>64</v>
      </c>
      <c r="L1604" s="1" t="s">
        <v>5614</v>
      </c>
      <c r="M1604" s="1" t="s">
        <v>5</v>
      </c>
      <c r="N1604" s="1" t="s">
        <v>6</v>
      </c>
      <c r="O1604" s="1" t="s">
        <v>8</v>
      </c>
      <c r="P1604" s="5" t="s">
        <v>30431</v>
      </c>
    </row>
    <row r="1605" spans="1:16" x14ac:dyDescent="0.2">
      <c r="A1605" s="1" t="s">
        <v>10</v>
      </c>
      <c r="B1605" s="1" t="s">
        <v>10</v>
      </c>
      <c r="C1605" s="1" t="s">
        <v>5618</v>
      </c>
      <c r="D1605" s="1" t="s">
        <v>10</v>
      </c>
      <c r="E1605" s="1" t="s">
        <v>10</v>
      </c>
      <c r="F1605" s="1" t="s">
        <v>10</v>
      </c>
      <c r="G1605" s="1" t="s">
        <v>10</v>
      </c>
      <c r="H1605" s="1" t="s">
        <v>5616</v>
      </c>
      <c r="I1605" s="1" t="s">
        <v>3941</v>
      </c>
      <c r="J1605" s="1" t="s">
        <v>10</v>
      </c>
      <c r="K1605" s="1" t="s">
        <v>64</v>
      </c>
      <c r="L1605" s="1" t="s">
        <v>5617</v>
      </c>
      <c r="M1605" s="1" t="s">
        <v>5</v>
      </c>
      <c r="N1605" s="1" t="s">
        <v>6</v>
      </c>
      <c r="O1605" s="1" t="s">
        <v>8</v>
      </c>
      <c r="P1605" s="5" t="s">
        <v>30431</v>
      </c>
    </row>
    <row r="1606" spans="1:16" x14ac:dyDescent="0.2">
      <c r="A1606" s="1" t="s">
        <v>10</v>
      </c>
      <c r="B1606" s="1" t="s">
        <v>10</v>
      </c>
      <c r="C1606" s="1" t="s">
        <v>5620</v>
      </c>
      <c r="D1606" s="1" t="s">
        <v>10</v>
      </c>
      <c r="E1606" s="1" t="s">
        <v>10</v>
      </c>
      <c r="F1606" s="1" t="s">
        <v>10</v>
      </c>
      <c r="G1606" s="1" t="s">
        <v>10</v>
      </c>
      <c r="H1606" s="1" t="s">
        <v>5621</v>
      </c>
      <c r="I1606" s="1" t="s">
        <v>3941</v>
      </c>
      <c r="J1606" s="1" t="s">
        <v>10</v>
      </c>
      <c r="K1606" s="1" t="s">
        <v>64</v>
      </c>
      <c r="L1606" s="1" t="s">
        <v>5619</v>
      </c>
      <c r="M1606" s="1" t="s">
        <v>5</v>
      </c>
      <c r="N1606" s="1" t="s">
        <v>6</v>
      </c>
      <c r="O1606" s="1" t="s">
        <v>8</v>
      </c>
      <c r="P1606" s="5" t="s">
        <v>30431</v>
      </c>
    </row>
    <row r="1607" spans="1:16" x14ac:dyDescent="0.2">
      <c r="A1607" s="1" t="s">
        <v>10</v>
      </c>
      <c r="B1607" s="1" t="s">
        <v>10</v>
      </c>
      <c r="C1607" s="1" t="s">
        <v>5623</v>
      </c>
      <c r="D1607" s="1" t="s">
        <v>10</v>
      </c>
      <c r="E1607" s="1" t="s">
        <v>10</v>
      </c>
      <c r="F1607" s="1" t="s">
        <v>10</v>
      </c>
      <c r="G1607" s="1" t="s">
        <v>10</v>
      </c>
      <c r="H1607" s="1" t="s">
        <v>5621</v>
      </c>
      <c r="I1607" s="1" t="s">
        <v>3941</v>
      </c>
      <c r="J1607" s="1" t="s">
        <v>10</v>
      </c>
      <c r="K1607" s="1" t="s">
        <v>64</v>
      </c>
      <c r="L1607" s="1" t="s">
        <v>5622</v>
      </c>
      <c r="M1607" s="1" t="s">
        <v>5</v>
      </c>
      <c r="N1607" s="1" t="s">
        <v>6</v>
      </c>
      <c r="O1607" s="1" t="s">
        <v>8</v>
      </c>
      <c r="P1607" s="5" t="s">
        <v>30431</v>
      </c>
    </row>
    <row r="1608" spans="1:16" x14ac:dyDescent="0.2">
      <c r="A1608" s="1" t="s">
        <v>10</v>
      </c>
      <c r="B1608" s="1" t="s">
        <v>10</v>
      </c>
      <c r="C1608" s="1" t="s">
        <v>5625</v>
      </c>
      <c r="D1608" s="1" t="s">
        <v>10</v>
      </c>
      <c r="E1608" s="1" t="s">
        <v>10</v>
      </c>
      <c r="F1608" s="1" t="s">
        <v>10</v>
      </c>
      <c r="G1608" s="1" t="s">
        <v>10</v>
      </c>
      <c r="H1608" s="1" t="s">
        <v>5621</v>
      </c>
      <c r="I1608" s="1" t="s">
        <v>3941</v>
      </c>
      <c r="J1608" s="1" t="s">
        <v>10</v>
      </c>
      <c r="K1608" s="1" t="s">
        <v>64</v>
      </c>
      <c r="L1608" s="1" t="s">
        <v>5624</v>
      </c>
      <c r="M1608" s="1" t="s">
        <v>5</v>
      </c>
      <c r="N1608" s="1" t="s">
        <v>6</v>
      </c>
      <c r="O1608" s="1" t="s">
        <v>8</v>
      </c>
      <c r="P1608" s="5" t="s">
        <v>30431</v>
      </c>
    </row>
    <row r="1609" spans="1:16" x14ac:dyDescent="0.2">
      <c r="A1609" s="1" t="s">
        <v>10</v>
      </c>
      <c r="B1609" s="1" t="s">
        <v>10</v>
      </c>
      <c r="C1609" s="1" t="s">
        <v>5627</v>
      </c>
      <c r="D1609" s="1" t="s">
        <v>10</v>
      </c>
      <c r="E1609" s="1" t="s">
        <v>10</v>
      </c>
      <c r="F1609" s="1" t="s">
        <v>10</v>
      </c>
      <c r="G1609" s="1" t="s">
        <v>10</v>
      </c>
      <c r="H1609" s="1" t="s">
        <v>5628</v>
      </c>
      <c r="I1609" s="1" t="s">
        <v>3941</v>
      </c>
      <c r="J1609" s="1" t="s">
        <v>10</v>
      </c>
      <c r="K1609" s="1" t="s">
        <v>64</v>
      </c>
      <c r="L1609" s="1" t="s">
        <v>5626</v>
      </c>
      <c r="M1609" s="1" t="s">
        <v>5</v>
      </c>
      <c r="N1609" s="1" t="s">
        <v>6</v>
      </c>
      <c r="O1609" s="1" t="s">
        <v>8</v>
      </c>
      <c r="P1609" s="5" t="s">
        <v>30431</v>
      </c>
    </row>
    <row r="1610" spans="1:16" x14ac:dyDescent="0.2">
      <c r="A1610" s="1" t="s">
        <v>10</v>
      </c>
      <c r="B1610" s="1" t="s">
        <v>10</v>
      </c>
      <c r="C1610" s="1" t="s">
        <v>5630</v>
      </c>
      <c r="D1610" s="1" t="s">
        <v>10</v>
      </c>
      <c r="E1610" s="1" t="s">
        <v>10</v>
      </c>
      <c r="F1610" s="1" t="s">
        <v>10</v>
      </c>
      <c r="G1610" s="1" t="s">
        <v>10</v>
      </c>
      <c r="H1610" s="1" t="s">
        <v>5631</v>
      </c>
      <c r="I1610" s="1" t="s">
        <v>3941</v>
      </c>
      <c r="J1610" s="1" t="s">
        <v>10</v>
      </c>
      <c r="K1610" s="1" t="s">
        <v>64</v>
      </c>
      <c r="L1610" s="1" t="s">
        <v>5629</v>
      </c>
      <c r="M1610" s="1" t="s">
        <v>5</v>
      </c>
      <c r="N1610" s="1" t="s">
        <v>6</v>
      </c>
      <c r="O1610" s="1" t="s">
        <v>8</v>
      </c>
      <c r="P1610" s="5" t="s">
        <v>30431</v>
      </c>
    </row>
    <row r="1611" spans="1:16" x14ac:dyDescent="0.2">
      <c r="A1611" s="1" t="s">
        <v>10</v>
      </c>
      <c r="B1611" s="1" t="s">
        <v>10</v>
      </c>
      <c r="C1611" s="1" t="s">
        <v>5634</v>
      </c>
      <c r="D1611" s="1" t="s">
        <v>10</v>
      </c>
      <c r="E1611" s="1" t="s">
        <v>10</v>
      </c>
      <c r="F1611" s="1" t="s">
        <v>10</v>
      </c>
      <c r="G1611" s="1" t="s">
        <v>10</v>
      </c>
      <c r="H1611" s="1" t="s">
        <v>5635</v>
      </c>
      <c r="I1611" s="1" t="s">
        <v>3941</v>
      </c>
      <c r="J1611" s="1" t="s">
        <v>10</v>
      </c>
      <c r="K1611" s="1" t="s">
        <v>64</v>
      </c>
      <c r="L1611" s="1" t="s">
        <v>5633</v>
      </c>
      <c r="M1611" s="1" t="s">
        <v>5</v>
      </c>
      <c r="N1611" s="1" t="s">
        <v>6</v>
      </c>
      <c r="O1611" s="1" t="s">
        <v>8</v>
      </c>
      <c r="P1611" s="5" t="s">
        <v>30431</v>
      </c>
    </row>
    <row r="1612" spans="1:16" x14ac:dyDescent="0.2">
      <c r="A1612" s="1" t="s">
        <v>10</v>
      </c>
      <c r="B1612" s="1" t="s">
        <v>10</v>
      </c>
      <c r="C1612" s="1" t="s">
        <v>5637</v>
      </c>
      <c r="D1612" s="1" t="s">
        <v>10</v>
      </c>
      <c r="E1612" s="1" t="s">
        <v>10</v>
      </c>
      <c r="F1612" s="1" t="s">
        <v>10</v>
      </c>
      <c r="G1612" s="1" t="s">
        <v>10</v>
      </c>
      <c r="H1612" s="1" t="s">
        <v>5638</v>
      </c>
      <c r="I1612" s="1" t="s">
        <v>3941</v>
      </c>
      <c r="J1612" s="1" t="s">
        <v>10</v>
      </c>
      <c r="K1612" s="1" t="s">
        <v>64</v>
      </c>
      <c r="L1612" s="1" t="s">
        <v>5636</v>
      </c>
      <c r="M1612" s="1" t="s">
        <v>5</v>
      </c>
      <c r="N1612" s="1" t="s">
        <v>6</v>
      </c>
      <c r="O1612" s="1" t="s">
        <v>8</v>
      </c>
      <c r="P1612" s="5" t="s">
        <v>30431</v>
      </c>
    </row>
    <row r="1613" spans="1:16" x14ac:dyDescent="0.2">
      <c r="A1613" s="1" t="s">
        <v>10</v>
      </c>
      <c r="B1613" s="1" t="s">
        <v>10</v>
      </c>
      <c r="C1613" s="1" t="s">
        <v>5640</v>
      </c>
      <c r="D1613" s="1" t="s">
        <v>10</v>
      </c>
      <c r="E1613" s="1" t="s">
        <v>4869</v>
      </c>
      <c r="F1613" s="1" t="s">
        <v>10</v>
      </c>
      <c r="G1613" s="1" t="s">
        <v>10</v>
      </c>
      <c r="H1613" s="1" t="s">
        <v>5641</v>
      </c>
      <c r="I1613" s="1" t="s">
        <v>3941</v>
      </c>
      <c r="J1613" s="1" t="s">
        <v>10</v>
      </c>
      <c r="K1613" s="1" t="s">
        <v>64</v>
      </c>
      <c r="L1613" s="1" t="s">
        <v>5639</v>
      </c>
      <c r="M1613" s="1" t="s">
        <v>5</v>
      </c>
      <c r="N1613" s="1" t="s">
        <v>6</v>
      </c>
      <c r="O1613" s="1" t="s">
        <v>8</v>
      </c>
      <c r="P1613" s="5" t="s">
        <v>30431</v>
      </c>
    </row>
    <row r="1614" spans="1:16" x14ac:dyDescent="0.2">
      <c r="A1614" s="1" t="s">
        <v>10</v>
      </c>
      <c r="B1614" s="1" t="s">
        <v>10</v>
      </c>
      <c r="C1614" s="1" t="s">
        <v>5643</v>
      </c>
      <c r="D1614" s="1" t="s">
        <v>10</v>
      </c>
      <c r="E1614" s="1" t="s">
        <v>10</v>
      </c>
      <c r="F1614" s="1" t="s">
        <v>10</v>
      </c>
      <c r="G1614" s="1" t="s">
        <v>10</v>
      </c>
      <c r="H1614" s="1" t="s">
        <v>5644</v>
      </c>
      <c r="I1614" s="1" t="s">
        <v>3941</v>
      </c>
      <c r="J1614" s="1" t="s">
        <v>10</v>
      </c>
      <c r="K1614" s="1" t="s">
        <v>64</v>
      </c>
      <c r="L1614" s="1" t="s">
        <v>5642</v>
      </c>
      <c r="M1614" s="1" t="s">
        <v>5</v>
      </c>
      <c r="N1614" s="1" t="s">
        <v>6</v>
      </c>
      <c r="O1614" s="1" t="s">
        <v>8</v>
      </c>
      <c r="P1614" s="5" t="s">
        <v>30431</v>
      </c>
    </row>
    <row r="1615" spans="1:16" x14ac:dyDescent="0.2">
      <c r="A1615" s="1" t="s">
        <v>10</v>
      </c>
      <c r="B1615" s="1" t="s">
        <v>10</v>
      </c>
      <c r="C1615" s="1" t="s">
        <v>5646</v>
      </c>
      <c r="D1615" s="1" t="s">
        <v>10</v>
      </c>
      <c r="E1615" s="1" t="s">
        <v>10</v>
      </c>
      <c r="F1615" s="1" t="s">
        <v>10</v>
      </c>
      <c r="G1615" s="1" t="s">
        <v>10</v>
      </c>
      <c r="H1615" s="1" t="s">
        <v>5647</v>
      </c>
      <c r="I1615" s="1" t="s">
        <v>3941</v>
      </c>
      <c r="J1615" s="1" t="s">
        <v>10</v>
      </c>
      <c r="K1615" s="1" t="s">
        <v>64</v>
      </c>
      <c r="L1615" s="1" t="s">
        <v>5645</v>
      </c>
      <c r="M1615" s="1" t="s">
        <v>5</v>
      </c>
      <c r="N1615" s="1" t="s">
        <v>6</v>
      </c>
      <c r="O1615" s="1" t="s">
        <v>8</v>
      </c>
      <c r="P1615" s="5" t="s">
        <v>30431</v>
      </c>
    </row>
    <row r="1616" spans="1:16" x14ac:dyDescent="0.2">
      <c r="A1616" s="1" t="s">
        <v>10</v>
      </c>
      <c r="B1616" s="1" t="s">
        <v>10</v>
      </c>
      <c r="C1616" s="1" t="s">
        <v>5649</v>
      </c>
      <c r="D1616" s="1" t="s">
        <v>10</v>
      </c>
      <c r="E1616" s="1" t="s">
        <v>10</v>
      </c>
      <c r="F1616" s="1" t="s">
        <v>10</v>
      </c>
      <c r="G1616" s="1" t="s">
        <v>10</v>
      </c>
      <c r="H1616" s="1" t="s">
        <v>5650</v>
      </c>
      <c r="I1616" s="1" t="s">
        <v>3941</v>
      </c>
      <c r="J1616" s="1" t="s">
        <v>10</v>
      </c>
      <c r="K1616" s="1" t="s">
        <v>64</v>
      </c>
      <c r="L1616" s="1" t="s">
        <v>5648</v>
      </c>
      <c r="M1616" s="1" t="s">
        <v>5</v>
      </c>
      <c r="N1616" s="1" t="s">
        <v>6</v>
      </c>
      <c r="O1616" s="1" t="s">
        <v>8</v>
      </c>
      <c r="P1616" s="5" t="s">
        <v>30431</v>
      </c>
    </row>
    <row r="1617" spans="1:16" x14ac:dyDescent="0.2">
      <c r="A1617" s="1" t="s">
        <v>10</v>
      </c>
      <c r="B1617" s="1" t="s">
        <v>10</v>
      </c>
      <c r="C1617" s="1" t="s">
        <v>5652</v>
      </c>
      <c r="D1617" s="1" t="s">
        <v>10</v>
      </c>
      <c r="E1617" s="1" t="s">
        <v>10</v>
      </c>
      <c r="F1617" s="1" t="s">
        <v>10</v>
      </c>
      <c r="G1617" s="1" t="s">
        <v>10</v>
      </c>
      <c r="H1617" s="1" t="s">
        <v>5653</v>
      </c>
      <c r="I1617" s="1" t="s">
        <v>3941</v>
      </c>
      <c r="J1617" s="1" t="s">
        <v>10</v>
      </c>
      <c r="K1617" s="1" t="s">
        <v>64</v>
      </c>
      <c r="L1617" s="1" t="s">
        <v>5651</v>
      </c>
      <c r="M1617" s="1" t="s">
        <v>5</v>
      </c>
      <c r="N1617" s="1" t="s">
        <v>6</v>
      </c>
      <c r="O1617" s="1" t="s">
        <v>8</v>
      </c>
      <c r="P1617" s="5" t="s">
        <v>31236</v>
      </c>
    </row>
    <row r="1618" spans="1:16" x14ac:dyDescent="0.2">
      <c r="A1618" s="1" t="s">
        <v>10</v>
      </c>
      <c r="B1618" s="1" t="s">
        <v>10</v>
      </c>
      <c r="C1618" s="1" t="s">
        <v>5655</v>
      </c>
      <c r="D1618" s="1" t="s">
        <v>10</v>
      </c>
      <c r="E1618" s="1" t="s">
        <v>10</v>
      </c>
      <c r="F1618" s="1" t="s">
        <v>10</v>
      </c>
      <c r="G1618" s="1" t="s">
        <v>10</v>
      </c>
      <c r="H1618" s="1" t="s">
        <v>5653</v>
      </c>
      <c r="I1618" s="1" t="s">
        <v>3941</v>
      </c>
      <c r="J1618" s="1" t="s">
        <v>10</v>
      </c>
      <c r="K1618" s="1" t="s">
        <v>64</v>
      </c>
      <c r="L1618" s="1" t="s">
        <v>5654</v>
      </c>
      <c r="M1618" s="1" t="s">
        <v>5</v>
      </c>
      <c r="N1618" s="1" t="s">
        <v>6</v>
      </c>
      <c r="O1618" s="1" t="s">
        <v>8</v>
      </c>
      <c r="P1618" s="5" t="s">
        <v>31236</v>
      </c>
    </row>
    <row r="1619" spans="1:16" x14ac:dyDescent="0.2">
      <c r="A1619" s="1" t="s">
        <v>10</v>
      </c>
      <c r="B1619" s="1" t="s">
        <v>10</v>
      </c>
      <c r="C1619" s="1" t="s">
        <v>5658</v>
      </c>
      <c r="D1619" s="1" t="s">
        <v>10</v>
      </c>
      <c r="E1619" s="1" t="s">
        <v>10</v>
      </c>
      <c r="F1619" s="1" t="s">
        <v>10</v>
      </c>
      <c r="G1619" s="1" t="s">
        <v>10</v>
      </c>
      <c r="H1619" s="1" t="s">
        <v>5656</v>
      </c>
      <c r="I1619" s="1" t="s">
        <v>3941</v>
      </c>
      <c r="J1619" s="1" t="s">
        <v>10</v>
      </c>
      <c r="K1619" s="1" t="s">
        <v>64</v>
      </c>
      <c r="L1619" s="1" t="s">
        <v>5657</v>
      </c>
      <c r="M1619" s="1" t="s">
        <v>5</v>
      </c>
      <c r="N1619" s="1" t="s">
        <v>6</v>
      </c>
      <c r="O1619" s="1" t="s">
        <v>8</v>
      </c>
      <c r="P1619" s="5" t="s">
        <v>31236</v>
      </c>
    </row>
    <row r="1620" spans="1:16" x14ac:dyDescent="0.2">
      <c r="A1620" s="1" t="s">
        <v>10</v>
      </c>
      <c r="B1620" s="1" t="s">
        <v>10</v>
      </c>
      <c r="C1620" s="1" t="s">
        <v>5660</v>
      </c>
      <c r="D1620" s="1" t="s">
        <v>10</v>
      </c>
      <c r="E1620" s="1" t="s">
        <v>10</v>
      </c>
      <c r="F1620" s="1" t="s">
        <v>10</v>
      </c>
      <c r="G1620" s="1" t="s">
        <v>10</v>
      </c>
      <c r="H1620" s="1" t="s">
        <v>5661</v>
      </c>
      <c r="I1620" s="1" t="s">
        <v>3941</v>
      </c>
      <c r="J1620" s="1" t="s">
        <v>10</v>
      </c>
      <c r="K1620" s="1" t="s">
        <v>64</v>
      </c>
      <c r="L1620" s="1" t="s">
        <v>5659</v>
      </c>
      <c r="M1620" s="1" t="s">
        <v>5</v>
      </c>
      <c r="N1620" s="1" t="s">
        <v>6</v>
      </c>
      <c r="O1620" s="1" t="s">
        <v>8</v>
      </c>
      <c r="P1620" s="5" t="s">
        <v>31236</v>
      </c>
    </row>
    <row r="1621" spans="1:16" x14ac:dyDescent="0.2">
      <c r="A1621" s="1" t="s">
        <v>10</v>
      </c>
      <c r="B1621" s="1" t="s">
        <v>10</v>
      </c>
      <c r="C1621" s="1" t="s">
        <v>5663</v>
      </c>
      <c r="D1621" s="1" t="s">
        <v>10</v>
      </c>
      <c r="E1621" s="1" t="s">
        <v>10</v>
      </c>
      <c r="F1621" s="1" t="s">
        <v>10</v>
      </c>
      <c r="G1621" s="1" t="s">
        <v>10</v>
      </c>
      <c r="H1621" s="1" t="s">
        <v>5664</v>
      </c>
      <c r="I1621" s="1" t="s">
        <v>3941</v>
      </c>
      <c r="J1621" s="1" t="s">
        <v>10</v>
      </c>
      <c r="K1621" s="1" t="s">
        <v>64</v>
      </c>
      <c r="L1621" s="1" t="s">
        <v>5662</v>
      </c>
      <c r="M1621" s="1" t="s">
        <v>5</v>
      </c>
      <c r="N1621" s="1" t="s">
        <v>6</v>
      </c>
      <c r="O1621" s="1" t="s">
        <v>8</v>
      </c>
      <c r="P1621" s="5" t="s">
        <v>31236</v>
      </c>
    </row>
    <row r="1622" spans="1:16" x14ac:dyDescent="0.2">
      <c r="A1622" s="1" t="s">
        <v>10</v>
      </c>
      <c r="B1622" s="1" t="s">
        <v>10</v>
      </c>
      <c r="C1622" s="1" t="s">
        <v>5666</v>
      </c>
      <c r="D1622" s="1" t="s">
        <v>10</v>
      </c>
      <c r="E1622" s="1" t="s">
        <v>10</v>
      </c>
      <c r="F1622" s="1" t="s">
        <v>10</v>
      </c>
      <c r="G1622" s="1" t="s">
        <v>10</v>
      </c>
      <c r="H1622" s="1" t="s">
        <v>5664</v>
      </c>
      <c r="I1622" s="1" t="s">
        <v>3941</v>
      </c>
      <c r="J1622" s="1" t="s">
        <v>10</v>
      </c>
      <c r="K1622" s="1" t="s">
        <v>64</v>
      </c>
      <c r="L1622" s="1" t="s">
        <v>5665</v>
      </c>
      <c r="M1622" s="1" t="s">
        <v>5</v>
      </c>
      <c r="N1622" s="1" t="s">
        <v>6</v>
      </c>
      <c r="O1622" s="1" t="s">
        <v>8</v>
      </c>
      <c r="P1622" s="5" t="s">
        <v>31236</v>
      </c>
    </row>
    <row r="1623" spans="1:16" x14ac:dyDescent="0.2">
      <c r="A1623" s="1" t="s">
        <v>10</v>
      </c>
      <c r="B1623" s="1" t="s">
        <v>10</v>
      </c>
      <c r="C1623" s="1" t="s">
        <v>5669</v>
      </c>
      <c r="D1623" s="1" t="s">
        <v>10</v>
      </c>
      <c r="E1623" s="1" t="s">
        <v>10</v>
      </c>
      <c r="F1623" s="1" t="s">
        <v>10</v>
      </c>
      <c r="G1623" s="1" t="s">
        <v>10</v>
      </c>
      <c r="H1623" s="1" t="s">
        <v>5667</v>
      </c>
      <c r="I1623" s="1" t="s">
        <v>3941</v>
      </c>
      <c r="J1623" s="1" t="s">
        <v>10</v>
      </c>
      <c r="K1623" s="1" t="s">
        <v>64</v>
      </c>
      <c r="L1623" s="1" t="s">
        <v>5668</v>
      </c>
      <c r="M1623" s="1" t="s">
        <v>5</v>
      </c>
      <c r="N1623" s="1" t="s">
        <v>6</v>
      </c>
      <c r="O1623" s="1" t="s">
        <v>8</v>
      </c>
      <c r="P1623" s="5" t="s">
        <v>31236</v>
      </c>
    </row>
    <row r="1624" spans="1:16" x14ac:dyDescent="0.2">
      <c r="A1624" s="1" t="s">
        <v>10</v>
      </c>
      <c r="B1624" s="1" t="s">
        <v>10</v>
      </c>
      <c r="C1624" s="1" t="s">
        <v>5671</v>
      </c>
      <c r="D1624" s="1" t="s">
        <v>10</v>
      </c>
      <c r="E1624" s="1" t="s">
        <v>10</v>
      </c>
      <c r="F1624" s="1" t="s">
        <v>10</v>
      </c>
      <c r="G1624" s="1" t="s">
        <v>10</v>
      </c>
      <c r="H1624" s="1" t="s">
        <v>5667</v>
      </c>
      <c r="I1624" s="1" t="s">
        <v>3941</v>
      </c>
      <c r="J1624" s="1" t="s">
        <v>10</v>
      </c>
      <c r="K1624" s="1" t="s">
        <v>64</v>
      </c>
      <c r="L1624" s="1" t="s">
        <v>5670</v>
      </c>
      <c r="M1624" s="1" t="s">
        <v>5</v>
      </c>
      <c r="N1624" s="1" t="s">
        <v>6</v>
      </c>
      <c r="O1624" s="1" t="s">
        <v>8</v>
      </c>
      <c r="P1624" s="5" t="s">
        <v>31236</v>
      </c>
    </row>
    <row r="1625" spans="1:16" x14ac:dyDescent="0.2">
      <c r="A1625" s="1" t="s">
        <v>10</v>
      </c>
      <c r="B1625" s="1" t="s">
        <v>10</v>
      </c>
      <c r="C1625" s="1" t="s">
        <v>5673</v>
      </c>
      <c r="D1625" s="1" t="s">
        <v>10</v>
      </c>
      <c r="E1625" s="1" t="s">
        <v>10</v>
      </c>
      <c r="F1625" s="1" t="s">
        <v>10</v>
      </c>
      <c r="G1625" s="1" t="s">
        <v>10</v>
      </c>
      <c r="H1625" s="1" t="s">
        <v>5674</v>
      </c>
      <c r="I1625" s="1" t="s">
        <v>3941</v>
      </c>
      <c r="J1625" s="1" t="s">
        <v>10</v>
      </c>
      <c r="K1625" s="1" t="s">
        <v>64</v>
      </c>
      <c r="L1625" s="1" t="s">
        <v>5672</v>
      </c>
      <c r="M1625" s="1" t="s">
        <v>5</v>
      </c>
      <c r="N1625" s="1" t="s">
        <v>6</v>
      </c>
      <c r="O1625" s="1" t="s">
        <v>8</v>
      </c>
      <c r="P1625" s="5" t="s">
        <v>31236</v>
      </c>
    </row>
    <row r="1626" spans="1:16" x14ac:dyDescent="0.2">
      <c r="A1626" s="1" t="s">
        <v>10</v>
      </c>
      <c r="B1626" s="1" t="s">
        <v>10</v>
      </c>
      <c r="C1626" s="1" t="s">
        <v>5676</v>
      </c>
      <c r="D1626" s="1" t="s">
        <v>10</v>
      </c>
      <c r="E1626" s="1" t="s">
        <v>10</v>
      </c>
      <c r="F1626" s="1" t="s">
        <v>10</v>
      </c>
      <c r="G1626" s="1" t="s">
        <v>10</v>
      </c>
      <c r="H1626" s="1" t="s">
        <v>5677</v>
      </c>
      <c r="I1626" s="1" t="s">
        <v>3941</v>
      </c>
      <c r="J1626" s="1" t="s">
        <v>10</v>
      </c>
      <c r="K1626" s="1" t="s">
        <v>64</v>
      </c>
      <c r="L1626" s="1" t="s">
        <v>5675</v>
      </c>
      <c r="M1626" s="1" t="s">
        <v>5</v>
      </c>
      <c r="N1626" s="1" t="s">
        <v>6</v>
      </c>
      <c r="O1626" s="1" t="s">
        <v>8</v>
      </c>
      <c r="P1626" s="5" t="s">
        <v>31236</v>
      </c>
    </row>
    <row r="1627" spans="1:16" x14ac:dyDescent="0.2">
      <c r="A1627" s="1" t="s">
        <v>10</v>
      </c>
      <c r="B1627" s="1" t="s">
        <v>10</v>
      </c>
      <c r="C1627" s="1" t="s">
        <v>5680</v>
      </c>
      <c r="D1627" s="1" t="s">
        <v>10</v>
      </c>
      <c r="E1627" s="1" t="s">
        <v>10</v>
      </c>
      <c r="F1627" s="1" t="s">
        <v>10</v>
      </c>
      <c r="G1627" s="1" t="s">
        <v>10</v>
      </c>
      <c r="H1627" s="1" t="s">
        <v>5678</v>
      </c>
      <c r="I1627" s="1" t="s">
        <v>3941</v>
      </c>
      <c r="J1627" s="1" t="s">
        <v>10</v>
      </c>
      <c r="K1627" s="1" t="s">
        <v>64</v>
      </c>
      <c r="L1627" s="1" t="s">
        <v>5679</v>
      </c>
      <c r="M1627" s="1" t="s">
        <v>5</v>
      </c>
      <c r="N1627" s="1" t="s">
        <v>6</v>
      </c>
      <c r="O1627" s="1" t="s">
        <v>8</v>
      </c>
      <c r="P1627" s="5" t="s">
        <v>31236</v>
      </c>
    </row>
    <row r="1628" spans="1:16" x14ac:dyDescent="0.2">
      <c r="A1628" s="1" t="s">
        <v>10</v>
      </c>
      <c r="B1628" s="1" t="s">
        <v>10</v>
      </c>
      <c r="C1628" s="1" t="s">
        <v>5682</v>
      </c>
      <c r="D1628" s="1" t="s">
        <v>10</v>
      </c>
      <c r="E1628" s="1" t="s">
        <v>10</v>
      </c>
      <c r="F1628" s="1" t="s">
        <v>10</v>
      </c>
      <c r="G1628" s="1" t="s">
        <v>10</v>
      </c>
      <c r="H1628" s="1" t="s">
        <v>5683</v>
      </c>
      <c r="I1628" s="1" t="s">
        <v>3941</v>
      </c>
      <c r="J1628" s="1" t="s">
        <v>10</v>
      </c>
      <c r="K1628" s="1" t="s">
        <v>64</v>
      </c>
      <c r="L1628" s="1" t="s">
        <v>5681</v>
      </c>
      <c r="M1628" s="1" t="s">
        <v>5</v>
      </c>
      <c r="N1628" s="1" t="s">
        <v>6</v>
      </c>
      <c r="O1628" s="1" t="s">
        <v>8</v>
      </c>
      <c r="P1628" s="5" t="s">
        <v>31236</v>
      </c>
    </row>
    <row r="1629" spans="1:16" x14ac:dyDescent="0.2">
      <c r="A1629" s="1" t="s">
        <v>10</v>
      </c>
      <c r="B1629" s="1" t="s">
        <v>10</v>
      </c>
      <c r="C1629" s="1" t="s">
        <v>5686</v>
      </c>
      <c r="D1629" s="1" t="s">
        <v>10</v>
      </c>
      <c r="E1629" s="1" t="s">
        <v>10</v>
      </c>
      <c r="F1629" s="1" t="s">
        <v>10</v>
      </c>
      <c r="G1629" s="1" t="s">
        <v>10</v>
      </c>
      <c r="H1629" s="1" t="s">
        <v>5684</v>
      </c>
      <c r="I1629" s="1" t="s">
        <v>3941</v>
      </c>
      <c r="J1629" s="1" t="s">
        <v>10</v>
      </c>
      <c r="K1629" s="1" t="s">
        <v>64</v>
      </c>
      <c r="L1629" s="1" t="s">
        <v>5685</v>
      </c>
      <c r="M1629" s="1" t="s">
        <v>5</v>
      </c>
      <c r="N1629" s="1" t="s">
        <v>6</v>
      </c>
      <c r="O1629" s="1" t="s">
        <v>8</v>
      </c>
      <c r="P1629" s="5" t="s">
        <v>31236</v>
      </c>
    </row>
    <row r="1630" spans="1:16" x14ac:dyDescent="0.2">
      <c r="A1630" s="1" t="s">
        <v>10</v>
      </c>
      <c r="B1630" s="1" t="s">
        <v>10</v>
      </c>
      <c r="C1630" s="1" t="s">
        <v>5690</v>
      </c>
      <c r="D1630" s="1" t="s">
        <v>10</v>
      </c>
      <c r="E1630" s="1" t="s">
        <v>10</v>
      </c>
      <c r="F1630" s="1" t="s">
        <v>10</v>
      </c>
      <c r="G1630" s="1" t="s">
        <v>10</v>
      </c>
      <c r="H1630" s="1" t="s">
        <v>5688</v>
      </c>
      <c r="I1630" s="1" t="s">
        <v>3941</v>
      </c>
      <c r="J1630" s="1" t="s">
        <v>10</v>
      </c>
      <c r="K1630" s="1" t="s">
        <v>64</v>
      </c>
      <c r="L1630" s="1" t="s">
        <v>5689</v>
      </c>
      <c r="M1630" s="1" t="s">
        <v>5</v>
      </c>
      <c r="N1630" s="1" t="s">
        <v>6</v>
      </c>
      <c r="O1630" s="1" t="s">
        <v>8</v>
      </c>
      <c r="P1630" s="5" t="s">
        <v>31236</v>
      </c>
    </row>
    <row r="1631" spans="1:16" x14ac:dyDescent="0.2">
      <c r="A1631" s="1" t="s">
        <v>10</v>
      </c>
      <c r="B1631" s="1" t="s">
        <v>10</v>
      </c>
      <c r="C1631" s="1" t="s">
        <v>5692</v>
      </c>
      <c r="D1631" s="1" t="s">
        <v>10</v>
      </c>
      <c r="E1631" s="1" t="s">
        <v>10</v>
      </c>
      <c r="F1631" s="1" t="s">
        <v>10</v>
      </c>
      <c r="G1631" s="1" t="s">
        <v>10</v>
      </c>
      <c r="H1631" s="1" t="s">
        <v>5688</v>
      </c>
      <c r="I1631" s="1" t="s">
        <v>3941</v>
      </c>
      <c r="J1631" s="1" t="s">
        <v>10</v>
      </c>
      <c r="K1631" s="1" t="s">
        <v>64</v>
      </c>
      <c r="L1631" s="1" t="s">
        <v>5691</v>
      </c>
      <c r="M1631" s="1" t="s">
        <v>5</v>
      </c>
      <c r="N1631" s="1" t="s">
        <v>6</v>
      </c>
      <c r="O1631" s="1" t="s">
        <v>8</v>
      </c>
      <c r="P1631" s="5" t="s">
        <v>31236</v>
      </c>
    </row>
    <row r="1632" spans="1:16" x14ac:dyDescent="0.2">
      <c r="A1632" s="1" t="s">
        <v>10</v>
      </c>
      <c r="B1632" s="1" t="s">
        <v>10</v>
      </c>
      <c r="C1632" s="1" t="s">
        <v>5695</v>
      </c>
      <c r="D1632" s="1" t="s">
        <v>10</v>
      </c>
      <c r="E1632" s="1" t="s">
        <v>10</v>
      </c>
      <c r="F1632" s="1" t="s">
        <v>10</v>
      </c>
      <c r="G1632" s="1" t="s">
        <v>10</v>
      </c>
      <c r="H1632" s="1" t="s">
        <v>5693</v>
      </c>
      <c r="I1632" s="1" t="s">
        <v>3941</v>
      </c>
      <c r="J1632" s="1" t="s">
        <v>10</v>
      </c>
      <c r="K1632" s="1" t="s">
        <v>64</v>
      </c>
      <c r="L1632" s="1" t="s">
        <v>5694</v>
      </c>
      <c r="M1632" s="1" t="s">
        <v>5</v>
      </c>
      <c r="N1632" s="1" t="s">
        <v>6</v>
      </c>
      <c r="O1632" s="1" t="s">
        <v>8</v>
      </c>
      <c r="P1632" s="5" t="s">
        <v>31236</v>
      </c>
    </row>
    <row r="1633" spans="1:16" x14ac:dyDescent="0.2">
      <c r="A1633" s="1" t="s">
        <v>10</v>
      </c>
      <c r="B1633" s="1" t="s">
        <v>10</v>
      </c>
      <c r="C1633" s="1" t="s">
        <v>5697</v>
      </c>
      <c r="D1633" s="1" t="s">
        <v>10</v>
      </c>
      <c r="E1633" s="1" t="s">
        <v>10</v>
      </c>
      <c r="F1633" s="1" t="s">
        <v>10</v>
      </c>
      <c r="G1633" s="1" t="s">
        <v>10</v>
      </c>
      <c r="H1633" s="1" t="s">
        <v>5600</v>
      </c>
      <c r="I1633" s="1" t="s">
        <v>3941</v>
      </c>
      <c r="J1633" s="1" t="s">
        <v>10</v>
      </c>
      <c r="K1633" s="1" t="s">
        <v>64</v>
      </c>
      <c r="L1633" s="1" t="s">
        <v>5696</v>
      </c>
      <c r="M1633" s="1" t="s">
        <v>5</v>
      </c>
      <c r="N1633" s="1" t="s">
        <v>6</v>
      </c>
      <c r="O1633" s="1" t="s">
        <v>8</v>
      </c>
      <c r="P1633" s="5" t="s">
        <v>31236</v>
      </c>
    </row>
    <row r="1634" spans="1:16" x14ac:dyDescent="0.2">
      <c r="A1634" s="1" t="s">
        <v>10</v>
      </c>
      <c r="B1634" s="1" t="s">
        <v>10</v>
      </c>
      <c r="C1634" s="1" t="s">
        <v>5699</v>
      </c>
      <c r="D1634" s="1" t="s">
        <v>10</v>
      </c>
      <c r="E1634" s="1" t="s">
        <v>10</v>
      </c>
      <c r="F1634" s="1" t="s">
        <v>10</v>
      </c>
      <c r="G1634" s="1" t="s">
        <v>10</v>
      </c>
      <c r="H1634" s="1" t="s">
        <v>5600</v>
      </c>
      <c r="I1634" s="1" t="s">
        <v>3941</v>
      </c>
      <c r="J1634" s="1" t="s">
        <v>10</v>
      </c>
      <c r="K1634" s="1" t="s">
        <v>64</v>
      </c>
      <c r="L1634" s="1" t="s">
        <v>5698</v>
      </c>
      <c r="M1634" s="1" t="s">
        <v>5</v>
      </c>
      <c r="N1634" s="1" t="s">
        <v>6</v>
      </c>
      <c r="O1634" s="1" t="s">
        <v>8</v>
      </c>
      <c r="P1634" s="5" t="s">
        <v>31236</v>
      </c>
    </row>
    <row r="1635" spans="1:16" x14ac:dyDescent="0.2">
      <c r="A1635" s="1" t="s">
        <v>10</v>
      </c>
      <c r="B1635" s="1" t="s">
        <v>10</v>
      </c>
      <c r="C1635" s="1" t="s">
        <v>5701</v>
      </c>
      <c r="D1635" s="1" t="s">
        <v>10</v>
      </c>
      <c r="E1635" s="1" t="s">
        <v>10</v>
      </c>
      <c r="F1635" s="1" t="s">
        <v>10</v>
      </c>
      <c r="G1635" s="1" t="s">
        <v>10</v>
      </c>
      <c r="H1635" s="1" t="s">
        <v>5600</v>
      </c>
      <c r="I1635" s="1" t="s">
        <v>3941</v>
      </c>
      <c r="J1635" s="1" t="s">
        <v>10</v>
      </c>
      <c r="K1635" s="1" t="s">
        <v>64</v>
      </c>
      <c r="L1635" s="1" t="s">
        <v>5700</v>
      </c>
      <c r="M1635" s="1" t="s">
        <v>5</v>
      </c>
      <c r="N1635" s="1" t="s">
        <v>6</v>
      </c>
      <c r="O1635" s="1" t="s">
        <v>8</v>
      </c>
      <c r="P1635" s="5" t="s">
        <v>30431</v>
      </c>
    </row>
    <row r="1636" spans="1:16" x14ac:dyDescent="0.2">
      <c r="A1636" s="1" t="s">
        <v>10</v>
      </c>
      <c r="B1636" s="1" t="s">
        <v>10</v>
      </c>
      <c r="C1636" s="1" t="s">
        <v>5704</v>
      </c>
      <c r="D1636" s="1" t="s">
        <v>10</v>
      </c>
      <c r="E1636" s="1" t="s">
        <v>10</v>
      </c>
      <c r="F1636" s="1" t="s">
        <v>10</v>
      </c>
      <c r="G1636" s="1" t="s">
        <v>10</v>
      </c>
      <c r="H1636" s="1" t="s">
        <v>5705</v>
      </c>
      <c r="I1636" s="1" t="s">
        <v>3941</v>
      </c>
      <c r="J1636" s="1" t="s">
        <v>10</v>
      </c>
      <c r="K1636" s="1" t="s">
        <v>64</v>
      </c>
      <c r="L1636" s="1" t="s">
        <v>5703</v>
      </c>
      <c r="M1636" s="1" t="s">
        <v>5</v>
      </c>
      <c r="N1636" s="1" t="s">
        <v>6</v>
      </c>
      <c r="O1636" s="1" t="s">
        <v>8</v>
      </c>
      <c r="P1636" s="5" t="s">
        <v>30431</v>
      </c>
    </row>
    <row r="1637" spans="1:16" x14ac:dyDescent="0.2">
      <c r="A1637" s="1" t="s">
        <v>10</v>
      </c>
      <c r="B1637" s="1" t="s">
        <v>10</v>
      </c>
      <c r="C1637" s="1" t="s">
        <v>5707</v>
      </c>
      <c r="D1637" s="1" t="s">
        <v>10</v>
      </c>
      <c r="E1637" s="1" t="s">
        <v>10</v>
      </c>
      <c r="F1637" s="1" t="s">
        <v>10</v>
      </c>
      <c r="G1637" s="1" t="s">
        <v>10</v>
      </c>
      <c r="H1637" s="1" t="s">
        <v>5708</v>
      </c>
      <c r="I1637" s="1" t="s">
        <v>3941</v>
      </c>
      <c r="J1637" s="1" t="s">
        <v>10</v>
      </c>
      <c r="K1637" s="1" t="s">
        <v>64</v>
      </c>
      <c r="L1637" s="1" t="s">
        <v>5706</v>
      </c>
      <c r="M1637" s="1" t="s">
        <v>5</v>
      </c>
      <c r="N1637" s="1" t="s">
        <v>6</v>
      </c>
      <c r="O1637" s="1" t="s">
        <v>8</v>
      </c>
      <c r="P1637" s="5" t="s">
        <v>30431</v>
      </c>
    </row>
    <row r="1638" spans="1:16" x14ac:dyDescent="0.2">
      <c r="A1638" s="1" t="s">
        <v>10</v>
      </c>
      <c r="B1638" s="1" t="s">
        <v>10</v>
      </c>
      <c r="C1638" s="1" t="s">
        <v>5710</v>
      </c>
      <c r="D1638" s="1" t="s">
        <v>10</v>
      </c>
      <c r="E1638" s="1" t="s">
        <v>10</v>
      </c>
      <c r="F1638" s="1" t="s">
        <v>10</v>
      </c>
      <c r="G1638" s="1" t="s">
        <v>10</v>
      </c>
      <c r="H1638" s="1" t="s">
        <v>5711</v>
      </c>
      <c r="I1638" s="1" t="s">
        <v>3941</v>
      </c>
      <c r="J1638" s="1" t="s">
        <v>10</v>
      </c>
      <c r="K1638" s="1" t="s">
        <v>64</v>
      </c>
      <c r="L1638" s="1" t="s">
        <v>5709</v>
      </c>
      <c r="M1638" s="1" t="s">
        <v>5</v>
      </c>
      <c r="N1638" s="1" t="s">
        <v>6</v>
      </c>
      <c r="O1638" s="1" t="s">
        <v>8</v>
      </c>
      <c r="P1638" s="5" t="s">
        <v>30431</v>
      </c>
    </row>
    <row r="1639" spans="1:16" x14ac:dyDescent="0.2">
      <c r="A1639" s="1" t="s">
        <v>10</v>
      </c>
      <c r="B1639" s="1" t="s">
        <v>10</v>
      </c>
      <c r="C1639" s="1" t="s">
        <v>5713</v>
      </c>
      <c r="D1639" s="1" t="s">
        <v>10</v>
      </c>
      <c r="E1639" s="1" t="s">
        <v>10</v>
      </c>
      <c r="F1639" s="1" t="s">
        <v>10</v>
      </c>
      <c r="G1639" s="1" t="s">
        <v>10</v>
      </c>
      <c r="H1639" s="1" t="s">
        <v>5621</v>
      </c>
      <c r="I1639" s="1" t="s">
        <v>3941</v>
      </c>
      <c r="J1639" s="1" t="s">
        <v>10</v>
      </c>
      <c r="K1639" s="1" t="s">
        <v>64</v>
      </c>
      <c r="L1639" s="1" t="s">
        <v>5712</v>
      </c>
      <c r="M1639" s="1" t="s">
        <v>5</v>
      </c>
      <c r="N1639" s="1" t="s">
        <v>6</v>
      </c>
      <c r="O1639" s="1" t="s">
        <v>8</v>
      </c>
      <c r="P1639" s="5" t="s">
        <v>30431</v>
      </c>
    </row>
    <row r="1640" spans="1:16" x14ac:dyDescent="0.2">
      <c r="A1640" s="1" t="s">
        <v>10</v>
      </c>
      <c r="B1640" s="1" t="s">
        <v>10</v>
      </c>
      <c r="C1640" s="1" t="s">
        <v>5715</v>
      </c>
      <c r="D1640" s="1" t="s">
        <v>10</v>
      </c>
      <c r="E1640" s="1" t="s">
        <v>10</v>
      </c>
      <c r="F1640" s="1" t="s">
        <v>10</v>
      </c>
      <c r="G1640" s="1" t="s">
        <v>10</v>
      </c>
      <c r="H1640" s="1" t="s">
        <v>5716</v>
      </c>
      <c r="I1640" s="1" t="s">
        <v>3941</v>
      </c>
      <c r="J1640" s="1" t="s">
        <v>10</v>
      </c>
      <c r="K1640" s="1" t="s">
        <v>64</v>
      </c>
      <c r="L1640" s="1" t="s">
        <v>5714</v>
      </c>
      <c r="M1640" s="1" t="s">
        <v>5</v>
      </c>
      <c r="N1640" s="1" t="s">
        <v>6</v>
      </c>
      <c r="O1640" s="1" t="s">
        <v>8</v>
      </c>
      <c r="P1640" s="5" t="s">
        <v>30431</v>
      </c>
    </row>
    <row r="1641" spans="1:16" x14ac:dyDescent="0.2">
      <c r="A1641" s="1" t="s">
        <v>10</v>
      </c>
      <c r="B1641" s="1" t="s">
        <v>10</v>
      </c>
      <c r="C1641" s="1" t="s">
        <v>5719</v>
      </c>
      <c r="D1641" s="1" t="s">
        <v>10</v>
      </c>
      <c r="E1641" s="1" t="s">
        <v>10</v>
      </c>
      <c r="F1641" s="1" t="s">
        <v>10</v>
      </c>
      <c r="G1641" s="1" t="s">
        <v>10</v>
      </c>
      <c r="H1641" s="1" t="s">
        <v>5717</v>
      </c>
      <c r="I1641" s="1" t="s">
        <v>3941</v>
      </c>
      <c r="J1641" s="1" t="s">
        <v>10</v>
      </c>
      <c r="K1641" s="1" t="s">
        <v>64</v>
      </c>
      <c r="L1641" s="1" t="s">
        <v>5718</v>
      </c>
      <c r="M1641" s="1" t="s">
        <v>5</v>
      </c>
      <c r="N1641" s="1" t="s">
        <v>6</v>
      </c>
      <c r="O1641" s="1" t="s">
        <v>8</v>
      </c>
      <c r="P1641" s="5" t="s">
        <v>31235</v>
      </c>
    </row>
    <row r="1642" spans="1:16" x14ac:dyDescent="0.2">
      <c r="A1642" s="1" t="s">
        <v>10</v>
      </c>
      <c r="B1642" s="1" t="s">
        <v>10</v>
      </c>
      <c r="C1642" s="1" t="s">
        <v>5721</v>
      </c>
      <c r="D1642" s="1" t="s">
        <v>10</v>
      </c>
      <c r="E1642" s="1" t="s">
        <v>10</v>
      </c>
      <c r="F1642" s="1" t="s">
        <v>10</v>
      </c>
      <c r="G1642" s="1" t="s">
        <v>10</v>
      </c>
      <c r="H1642" s="1" t="s">
        <v>5722</v>
      </c>
      <c r="I1642" s="1" t="s">
        <v>3941</v>
      </c>
      <c r="J1642" s="1" t="s">
        <v>10</v>
      </c>
      <c r="K1642" s="1" t="s">
        <v>64</v>
      </c>
      <c r="L1642" s="1" t="s">
        <v>5720</v>
      </c>
      <c r="M1642" s="1" t="s">
        <v>5</v>
      </c>
      <c r="N1642" s="1" t="s">
        <v>6</v>
      </c>
      <c r="O1642" s="1" t="s">
        <v>8</v>
      </c>
      <c r="P1642" s="5" t="s">
        <v>31235</v>
      </c>
    </row>
    <row r="1643" spans="1:16" x14ac:dyDescent="0.2">
      <c r="A1643" s="1" t="s">
        <v>10</v>
      </c>
      <c r="B1643" s="1" t="s">
        <v>10</v>
      </c>
      <c r="C1643" s="1" t="s">
        <v>5724</v>
      </c>
      <c r="D1643" s="1" t="s">
        <v>10</v>
      </c>
      <c r="E1643" s="1" t="s">
        <v>10</v>
      </c>
      <c r="F1643" s="1" t="s">
        <v>10</v>
      </c>
      <c r="G1643" s="1" t="s">
        <v>10</v>
      </c>
      <c r="H1643" s="1" t="s">
        <v>4366</v>
      </c>
      <c r="I1643" s="1" t="s">
        <v>3941</v>
      </c>
      <c r="J1643" s="1" t="s">
        <v>10</v>
      </c>
      <c r="K1643" s="1" t="s">
        <v>64</v>
      </c>
      <c r="L1643" s="1" t="s">
        <v>5723</v>
      </c>
      <c r="M1643" s="1" t="s">
        <v>5</v>
      </c>
      <c r="N1643" s="1" t="s">
        <v>6</v>
      </c>
      <c r="O1643" s="1" t="s">
        <v>8</v>
      </c>
      <c r="P1643" s="5" t="s">
        <v>30431</v>
      </c>
    </row>
    <row r="1644" spans="1:16" x14ac:dyDescent="0.2">
      <c r="A1644" s="1" t="s">
        <v>10</v>
      </c>
      <c r="B1644" s="1" t="s">
        <v>10</v>
      </c>
      <c r="C1644" s="1" t="s">
        <v>5726</v>
      </c>
      <c r="D1644" s="1" t="s">
        <v>10</v>
      </c>
      <c r="E1644" s="1" t="s">
        <v>10</v>
      </c>
      <c r="F1644" s="1" t="s">
        <v>10</v>
      </c>
      <c r="G1644" s="1" t="s">
        <v>10</v>
      </c>
      <c r="H1644" s="1" t="s">
        <v>4366</v>
      </c>
      <c r="I1644" s="1" t="s">
        <v>3941</v>
      </c>
      <c r="J1644" s="1" t="s">
        <v>10</v>
      </c>
      <c r="K1644" s="1" t="s">
        <v>64</v>
      </c>
      <c r="L1644" s="1" t="s">
        <v>5725</v>
      </c>
      <c r="M1644" s="1" t="s">
        <v>5</v>
      </c>
      <c r="N1644" s="1" t="s">
        <v>6</v>
      </c>
      <c r="O1644" s="1" t="s">
        <v>8</v>
      </c>
      <c r="P1644" s="5" t="s">
        <v>30431</v>
      </c>
    </row>
    <row r="1645" spans="1:16" x14ac:dyDescent="0.2">
      <c r="A1645" s="1" t="s">
        <v>10</v>
      </c>
      <c r="B1645" s="1" t="s">
        <v>10</v>
      </c>
      <c r="C1645" s="1" t="s">
        <v>5728</v>
      </c>
      <c r="D1645" s="1" t="s">
        <v>10</v>
      </c>
      <c r="E1645" s="1" t="s">
        <v>10</v>
      </c>
      <c r="F1645" s="1" t="s">
        <v>10</v>
      </c>
      <c r="G1645" s="1" t="s">
        <v>10</v>
      </c>
      <c r="H1645" s="1" t="s">
        <v>4366</v>
      </c>
      <c r="I1645" s="1" t="s">
        <v>3941</v>
      </c>
      <c r="J1645" s="1" t="s">
        <v>10</v>
      </c>
      <c r="K1645" s="1" t="s">
        <v>64</v>
      </c>
      <c r="L1645" s="1" t="s">
        <v>5727</v>
      </c>
      <c r="M1645" s="1" t="s">
        <v>5</v>
      </c>
      <c r="N1645" s="1" t="s">
        <v>6</v>
      </c>
      <c r="O1645" s="1" t="s">
        <v>8</v>
      </c>
      <c r="P1645" s="5" t="s">
        <v>30431</v>
      </c>
    </row>
    <row r="1646" spans="1:16" x14ac:dyDescent="0.2">
      <c r="A1646" s="1" t="s">
        <v>10</v>
      </c>
      <c r="B1646" s="1" t="s">
        <v>10</v>
      </c>
      <c r="C1646" s="1" t="s">
        <v>5730</v>
      </c>
      <c r="D1646" s="1" t="s">
        <v>10</v>
      </c>
      <c r="E1646" s="1" t="s">
        <v>10</v>
      </c>
      <c r="F1646" s="1" t="s">
        <v>10</v>
      </c>
      <c r="G1646" s="1" t="s">
        <v>10</v>
      </c>
      <c r="H1646" s="1" t="s">
        <v>5731</v>
      </c>
      <c r="I1646" s="1" t="s">
        <v>3941</v>
      </c>
      <c r="J1646" s="1" t="s">
        <v>10</v>
      </c>
      <c r="K1646" s="1" t="s">
        <v>64</v>
      </c>
      <c r="L1646" s="1" t="s">
        <v>5729</v>
      </c>
      <c r="M1646" s="1" t="s">
        <v>5</v>
      </c>
      <c r="N1646" s="1" t="s">
        <v>6</v>
      </c>
      <c r="O1646" s="1" t="s">
        <v>8</v>
      </c>
      <c r="P1646" s="5" t="s">
        <v>30431</v>
      </c>
    </row>
    <row r="1647" spans="1:16" x14ac:dyDescent="0.2">
      <c r="A1647" s="1" t="s">
        <v>10</v>
      </c>
      <c r="B1647" s="1" t="s">
        <v>10</v>
      </c>
      <c r="C1647" s="1" t="s">
        <v>5733</v>
      </c>
      <c r="D1647" s="1" t="s">
        <v>10</v>
      </c>
      <c r="E1647" s="1" t="s">
        <v>10</v>
      </c>
      <c r="F1647" s="1" t="s">
        <v>10</v>
      </c>
      <c r="G1647" s="1" t="s">
        <v>10</v>
      </c>
      <c r="H1647" s="1" t="s">
        <v>5176</v>
      </c>
      <c r="I1647" s="1" t="s">
        <v>3941</v>
      </c>
      <c r="J1647" s="1" t="s">
        <v>10</v>
      </c>
      <c r="K1647" s="1" t="s">
        <v>64</v>
      </c>
      <c r="L1647" s="1" t="s">
        <v>5732</v>
      </c>
      <c r="M1647" s="1" t="s">
        <v>5</v>
      </c>
      <c r="N1647" s="1" t="s">
        <v>6</v>
      </c>
      <c r="O1647" s="1" t="s">
        <v>8</v>
      </c>
      <c r="P1647" s="5" t="s">
        <v>30431</v>
      </c>
    </row>
    <row r="1648" spans="1:16" x14ac:dyDescent="0.2">
      <c r="A1648" s="1" t="s">
        <v>10</v>
      </c>
      <c r="B1648" s="1" t="s">
        <v>10</v>
      </c>
      <c r="C1648" s="1" t="s">
        <v>5735</v>
      </c>
      <c r="D1648" s="1" t="s">
        <v>10</v>
      </c>
      <c r="E1648" s="1" t="s">
        <v>10</v>
      </c>
      <c r="F1648" s="1" t="s">
        <v>10</v>
      </c>
      <c r="G1648" s="1" t="s">
        <v>10</v>
      </c>
      <c r="H1648" s="1" t="s">
        <v>5506</v>
      </c>
      <c r="I1648" s="1" t="s">
        <v>3941</v>
      </c>
      <c r="J1648" s="1" t="s">
        <v>10</v>
      </c>
      <c r="K1648" s="1" t="s">
        <v>64</v>
      </c>
      <c r="L1648" s="1" t="s">
        <v>5734</v>
      </c>
      <c r="M1648" s="1" t="s">
        <v>5</v>
      </c>
      <c r="N1648" s="1" t="s">
        <v>6</v>
      </c>
      <c r="O1648" s="1" t="s">
        <v>8</v>
      </c>
      <c r="P1648" s="5" t="s">
        <v>30431</v>
      </c>
    </row>
    <row r="1649" spans="1:16" x14ac:dyDescent="0.2">
      <c r="A1649" s="1" t="s">
        <v>10</v>
      </c>
      <c r="B1649" s="1" t="s">
        <v>10</v>
      </c>
      <c r="C1649" s="1" t="s">
        <v>5737</v>
      </c>
      <c r="D1649" s="1" t="s">
        <v>10</v>
      </c>
      <c r="E1649" s="1" t="s">
        <v>10</v>
      </c>
      <c r="F1649" s="1" t="s">
        <v>10</v>
      </c>
      <c r="G1649" s="1" t="s">
        <v>10</v>
      </c>
      <c r="H1649" s="1" t="s">
        <v>5738</v>
      </c>
      <c r="I1649" s="1" t="s">
        <v>3941</v>
      </c>
      <c r="J1649" s="1" t="s">
        <v>10</v>
      </c>
      <c r="K1649" s="1" t="s">
        <v>64</v>
      </c>
      <c r="L1649" s="1" t="s">
        <v>5736</v>
      </c>
      <c r="M1649" s="1" t="s">
        <v>5</v>
      </c>
      <c r="N1649" s="1" t="s">
        <v>6</v>
      </c>
      <c r="O1649" s="1" t="s">
        <v>8</v>
      </c>
      <c r="P1649" s="5" t="s">
        <v>30431</v>
      </c>
    </row>
    <row r="1650" spans="1:16" x14ac:dyDescent="0.2">
      <c r="A1650" s="1" t="s">
        <v>10</v>
      </c>
      <c r="B1650" s="1" t="s">
        <v>10</v>
      </c>
      <c r="C1650" s="1" t="s">
        <v>5740</v>
      </c>
      <c r="D1650" s="1" t="s">
        <v>10</v>
      </c>
      <c r="E1650" s="1" t="s">
        <v>10</v>
      </c>
      <c r="F1650" s="1" t="s">
        <v>10</v>
      </c>
      <c r="G1650" s="1" t="s">
        <v>10</v>
      </c>
      <c r="H1650" s="1" t="s">
        <v>5631</v>
      </c>
      <c r="I1650" s="1" t="s">
        <v>3941</v>
      </c>
      <c r="J1650" s="1" t="s">
        <v>10</v>
      </c>
      <c r="K1650" s="1" t="s">
        <v>64</v>
      </c>
      <c r="L1650" s="1" t="s">
        <v>5739</v>
      </c>
      <c r="M1650" s="1" t="s">
        <v>5</v>
      </c>
      <c r="N1650" s="1" t="s">
        <v>6</v>
      </c>
      <c r="O1650" s="1" t="s">
        <v>8</v>
      </c>
      <c r="P1650" s="5" t="s">
        <v>30431</v>
      </c>
    </row>
    <row r="1651" spans="1:16" x14ac:dyDescent="0.2">
      <c r="A1651" s="1" t="s">
        <v>10</v>
      </c>
      <c r="B1651" s="1" t="s">
        <v>10</v>
      </c>
      <c r="C1651" s="1" t="s">
        <v>5742</v>
      </c>
      <c r="D1651" s="1" t="s">
        <v>10</v>
      </c>
      <c r="E1651" s="1" t="s">
        <v>10</v>
      </c>
      <c r="F1651" s="1" t="s">
        <v>10</v>
      </c>
      <c r="G1651" s="1" t="s">
        <v>10</v>
      </c>
      <c r="H1651" s="1" t="s">
        <v>5635</v>
      </c>
      <c r="I1651" s="1" t="s">
        <v>3941</v>
      </c>
      <c r="J1651" s="1" t="s">
        <v>10</v>
      </c>
      <c r="K1651" s="1" t="s">
        <v>64</v>
      </c>
      <c r="L1651" s="1" t="s">
        <v>5741</v>
      </c>
      <c r="M1651" s="1" t="s">
        <v>5</v>
      </c>
      <c r="N1651" s="1" t="s">
        <v>6</v>
      </c>
      <c r="O1651" s="1" t="s">
        <v>8</v>
      </c>
      <c r="P1651" s="5" t="s">
        <v>30431</v>
      </c>
    </row>
    <row r="1652" spans="1:16" x14ac:dyDescent="0.2">
      <c r="A1652" s="1" t="s">
        <v>10</v>
      </c>
      <c r="B1652" s="1" t="s">
        <v>10</v>
      </c>
      <c r="C1652" s="1" t="s">
        <v>5744</v>
      </c>
      <c r="D1652" s="1" t="s">
        <v>10</v>
      </c>
      <c r="E1652" s="1" t="s">
        <v>10</v>
      </c>
      <c r="F1652" s="1" t="s">
        <v>10</v>
      </c>
      <c r="G1652" s="1" t="s">
        <v>10</v>
      </c>
      <c r="H1652" s="1" t="s">
        <v>5664</v>
      </c>
      <c r="I1652" s="1" t="s">
        <v>3941</v>
      </c>
      <c r="J1652" s="1" t="s">
        <v>10</v>
      </c>
      <c r="K1652" s="1" t="s">
        <v>64</v>
      </c>
      <c r="L1652" s="1" t="s">
        <v>5743</v>
      </c>
      <c r="M1652" s="1" t="s">
        <v>5</v>
      </c>
      <c r="N1652" s="1" t="s">
        <v>6</v>
      </c>
      <c r="O1652" s="1" t="s">
        <v>8</v>
      </c>
      <c r="P1652" s="5" t="s">
        <v>30431</v>
      </c>
    </row>
    <row r="1653" spans="1:16" x14ac:dyDescent="0.2">
      <c r="A1653" s="1" t="s">
        <v>10</v>
      </c>
      <c r="B1653" s="1" t="s">
        <v>10</v>
      </c>
      <c r="C1653" s="1" t="s">
        <v>5746</v>
      </c>
      <c r="D1653" s="1" t="s">
        <v>10</v>
      </c>
      <c r="E1653" s="1" t="s">
        <v>10</v>
      </c>
      <c r="F1653" s="1" t="s">
        <v>10</v>
      </c>
      <c r="G1653" s="1" t="s">
        <v>10</v>
      </c>
      <c r="H1653" s="1" t="s">
        <v>5684</v>
      </c>
      <c r="I1653" s="1" t="s">
        <v>3941</v>
      </c>
      <c r="J1653" s="1" t="s">
        <v>10</v>
      </c>
      <c r="K1653" s="1" t="s">
        <v>64</v>
      </c>
      <c r="L1653" s="1" t="s">
        <v>5745</v>
      </c>
      <c r="M1653" s="1" t="s">
        <v>5</v>
      </c>
      <c r="N1653" s="1" t="s">
        <v>6</v>
      </c>
      <c r="O1653" s="1" t="s">
        <v>8</v>
      </c>
      <c r="P1653" s="5" t="s">
        <v>30431</v>
      </c>
    </row>
    <row r="1654" spans="1:16" x14ac:dyDescent="0.2">
      <c r="A1654" s="1" t="s">
        <v>10</v>
      </c>
      <c r="B1654" s="1" t="s">
        <v>10</v>
      </c>
      <c r="C1654" s="1" t="s">
        <v>5748</v>
      </c>
      <c r="D1654" s="1" t="s">
        <v>10</v>
      </c>
      <c r="E1654" s="1" t="s">
        <v>10</v>
      </c>
      <c r="F1654" s="1" t="s">
        <v>10</v>
      </c>
      <c r="G1654" s="1" t="s">
        <v>10</v>
      </c>
      <c r="H1654" s="1" t="s">
        <v>5688</v>
      </c>
      <c r="I1654" s="1" t="s">
        <v>3941</v>
      </c>
      <c r="J1654" s="1" t="s">
        <v>10</v>
      </c>
      <c r="K1654" s="1" t="s">
        <v>64</v>
      </c>
      <c r="L1654" s="1" t="s">
        <v>5747</v>
      </c>
      <c r="M1654" s="1" t="s">
        <v>5</v>
      </c>
      <c r="N1654" s="1" t="s">
        <v>6</v>
      </c>
      <c r="O1654" s="1" t="s">
        <v>8</v>
      </c>
      <c r="P1654" s="5" t="s">
        <v>30431</v>
      </c>
    </row>
    <row r="1655" spans="1:16" x14ac:dyDescent="0.2">
      <c r="A1655" s="1" t="s">
        <v>10</v>
      </c>
      <c r="B1655" s="1" t="s">
        <v>10</v>
      </c>
      <c r="C1655" s="1" t="s">
        <v>5750</v>
      </c>
      <c r="D1655" s="1" t="s">
        <v>10</v>
      </c>
      <c r="E1655" s="1" t="s">
        <v>10</v>
      </c>
      <c r="F1655" s="1" t="s">
        <v>10</v>
      </c>
      <c r="G1655" s="1" t="s">
        <v>10</v>
      </c>
      <c r="H1655" s="1" t="s">
        <v>5702</v>
      </c>
      <c r="I1655" s="1" t="s">
        <v>3941</v>
      </c>
      <c r="J1655" s="1" t="s">
        <v>10</v>
      </c>
      <c r="K1655" s="1" t="s">
        <v>64</v>
      </c>
      <c r="L1655" s="1" t="s">
        <v>5749</v>
      </c>
      <c r="M1655" s="1" t="s">
        <v>5</v>
      </c>
      <c r="N1655" s="1" t="s">
        <v>6</v>
      </c>
      <c r="O1655" s="1" t="s">
        <v>8</v>
      </c>
      <c r="P1655" s="5" t="s">
        <v>31235</v>
      </c>
    </row>
    <row r="1656" spans="1:16" x14ac:dyDescent="0.2">
      <c r="A1656" s="1" t="s">
        <v>10</v>
      </c>
      <c r="B1656" s="1" t="s">
        <v>10</v>
      </c>
      <c r="C1656" s="1" t="s">
        <v>5753</v>
      </c>
      <c r="D1656" s="1" t="s">
        <v>10</v>
      </c>
      <c r="E1656" s="1" t="s">
        <v>10</v>
      </c>
      <c r="F1656" s="1" t="s">
        <v>10</v>
      </c>
      <c r="G1656" s="1" t="s">
        <v>10</v>
      </c>
      <c r="H1656" s="1" t="s">
        <v>5751</v>
      </c>
      <c r="I1656" s="1" t="s">
        <v>3941</v>
      </c>
      <c r="J1656" s="1" t="s">
        <v>10</v>
      </c>
      <c r="K1656" s="1" t="s">
        <v>64</v>
      </c>
      <c r="L1656" s="1" t="s">
        <v>5752</v>
      </c>
      <c r="M1656" s="1" t="s">
        <v>5</v>
      </c>
      <c r="N1656" s="1" t="s">
        <v>6</v>
      </c>
      <c r="O1656" s="1" t="s">
        <v>8</v>
      </c>
      <c r="P1656" s="5" t="s">
        <v>31235</v>
      </c>
    </row>
    <row r="1657" spans="1:16" x14ac:dyDescent="0.2">
      <c r="A1657" s="1" t="s">
        <v>10</v>
      </c>
      <c r="B1657" s="1" t="s">
        <v>10</v>
      </c>
      <c r="C1657" s="1" t="s">
        <v>5755</v>
      </c>
      <c r="D1657" s="1" t="s">
        <v>10</v>
      </c>
      <c r="E1657" s="1" t="s">
        <v>10</v>
      </c>
      <c r="F1657" s="1" t="s">
        <v>10</v>
      </c>
      <c r="G1657" s="1" t="s">
        <v>10</v>
      </c>
      <c r="H1657" s="1" t="s">
        <v>5751</v>
      </c>
      <c r="I1657" s="1" t="s">
        <v>3941</v>
      </c>
      <c r="J1657" s="1" t="s">
        <v>10</v>
      </c>
      <c r="K1657" s="1" t="s">
        <v>64</v>
      </c>
      <c r="L1657" s="1" t="s">
        <v>5754</v>
      </c>
      <c r="M1657" s="1" t="s">
        <v>5</v>
      </c>
      <c r="N1657" s="1" t="s">
        <v>6</v>
      </c>
      <c r="O1657" s="1" t="s">
        <v>8</v>
      </c>
      <c r="P1657" s="5" t="s">
        <v>30431</v>
      </c>
    </row>
    <row r="1658" spans="1:16" x14ac:dyDescent="0.2">
      <c r="A1658" s="1" t="s">
        <v>10</v>
      </c>
      <c r="B1658" s="1" t="s">
        <v>10</v>
      </c>
      <c r="C1658" s="1" t="s">
        <v>5757</v>
      </c>
      <c r="D1658" s="1" t="s">
        <v>10</v>
      </c>
      <c r="E1658" s="1" t="s">
        <v>10</v>
      </c>
      <c r="F1658" s="1" t="s">
        <v>10</v>
      </c>
      <c r="G1658" s="1" t="s">
        <v>10</v>
      </c>
      <c r="H1658" s="1" t="s">
        <v>5751</v>
      </c>
      <c r="I1658" s="1" t="s">
        <v>3941</v>
      </c>
      <c r="J1658" s="1" t="s">
        <v>10</v>
      </c>
      <c r="K1658" s="1" t="s">
        <v>64</v>
      </c>
      <c r="L1658" s="1" t="s">
        <v>5756</v>
      </c>
      <c r="M1658" s="1" t="s">
        <v>5</v>
      </c>
      <c r="N1658" s="1" t="s">
        <v>6</v>
      </c>
      <c r="O1658" s="1" t="s">
        <v>8</v>
      </c>
      <c r="P1658" s="5" t="s">
        <v>30431</v>
      </c>
    </row>
    <row r="1659" spans="1:16" x14ac:dyDescent="0.2">
      <c r="A1659" s="1" t="s">
        <v>10</v>
      </c>
      <c r="B1659" s="1" t="s">
        <v>10</v>
      </c>
      <c r="C1659" s="1" t="s">
        <v>5759</v>
      </c>
      <c r="D1659" s="1" t="s">
        <v>10</v>
      </c>
      <c r="E1659" s="1" t="s">
        <v>10</v>
      </c>
      <c r="F1659" s="1" t="s">
        <v>10</v>
      </c>
      <c r="G1659" s="1" t="s">
        <v>10</v>
      </c>
      <c r="H1659" s="1" t="s">
        <v>5751</v>
      </c>
      <c r="I1659" s="1" t="s">
        <v>3941</v>
      </c>
      <c r="J1659" s="1" t="s">
        <v>10</v>
      </c>
      <c r="K1659" s="1" t="s">
        <v>64</v>
      </c>
      <c r="L1659" s="1" t="s">
        <v>5758</v>
      </c>
      <c r="M1659" s="1" t="s">
        <v>5</v>
      </c>
      <c r="N1659" s="1" t="s">
        <v>6</v>
      </c>
      <c r="O1659" s="1" t="s">
        <v>8</v>
      </c>
      <c r="P1659" s="5" t="s">
        <v>30431</v>
      </c>
    </row>
    <row r="1660" spans="1:16" x14ac:dyDescent="0.2">
      <c r="A1660" s="1" t="s">
        <v>10</v>
      </c>
      <c r="B1660" s="1" t="s">
        <v>10</v>
      </c>
      <c r="C1660" s="1" t="s">
        <v>5761</v>
      </c>
      <c r="D1660" s="1" t="s">
        <v>10</v>
      </c>
      <c r="E1660" s="1" t="s">
        <v>10</v>
      </c>
      <c r="F1660" s="1" t="s">
        <v>10</v>
      </c>
      <c r="G1660" s="1" t="s">
        <v>10</v>
      </c>
      <c r="H1660" s="1" t="s">
        <v>5751</v>
      </c>
      <c r="I1660" s="1" t="s">
        <v>3941</v>
      </c>
      <c r="J1660" s="1" t="s">
        <v>10</v>
      </c>
      <c r="K1660" s="1" t="s">
        <v>64</v>
      </c>
      <c r="L1660" s="1" t="s">
        <v>5760</v>
      </c>
      <c r="M1660" s="1" t="s">
        <v>5</v>
      </c>
      <c r="N1660" s="1" t="s">
        <v>6</v>
      </c>
      <c r="O1660" s="1" t="s">
        <v>8</v>
      </c>
      <c r="P1660" s="5" t="s">
        <v>30431</v>
      </c>
    </row>
    <row r="1661" spans="1:16" x14ac:dyDescent="0.2">
      <c r="A1661" s="1" t="s">
        <v>10</v>
      </c>
      <c r="B1661" s="1" t="s">
        <v>10</v>
      </c>
      <c r="C1661" s="1" t="s">
        <v>5763</v>
      </c>
      <c r="D1661" s="1" t="s">
        <v>10</v>
      </c>
      <c r="E1661" s="1" t="s">
        <v>10</v>
      </c>
      <c r="F1661" s="1" t="s">
        <v>10</v>
      </c>
      <c r="G1661" s="1" t="s">
        <v>10</v>
      </c>
      <c r="H1661" s="1" t="s">
        <v>5751</v>
      </c>
      <c r="I1661" s="1" t="s">
        <v>3941</v>
      </c>
      <c r="J1661" s="1" t="s">
        <v>10</v>
      </c>
      <c r="K1661" s="1" t="s">
        <v>64</v>
      </c>
      <c r="L1661" s="1" t="s">
        <v>5762</v>
      </c>
      <c r="M1661" s="1" t="s">
        <v>5</v>
      </c>
      <c r="N1661" s="1" t="s">
        <v>6</v>
      </c>
      <c r="O1661" s="1" t="s">
        <v>8</v>
      </c>
      <c r="P1661" s="5" t="s">
        <v>30431</v>
      </c>
    </row>
    <row r="1662" spans="1:16" x14ac:dyDescent="0.2">
      <c r="A1662" s="1" t="s">
        <v>10</v>
      </c>
      <c r="B1662" s="1" t="s">
        <v>10</v>
      </c>
      <c r="C1662" s="1" t="s">
        <v>5765</v>
      </c>
      <c r="D1662" s="1" t="s">
        <v>10</v>
      </c>
      <c r="E1662" s="1" t="s">
        <v>10</v>
      </c>
      <c r="F1662" s="1" t="s">
        <v>10</v>
      </c>
      <c r="G1662" s="1" t="s">
        <v>10</v>
      </c>
      <c r="H1662" s="1" t="s">
        <v>5751</v>
      </c>
      <c r="I1662" s="1" t="s">
        <v>3941</v>
      </c>
      <c r="J1662" s="1" t="s">
        <v>10</v>
      </c>
      <c r="K1662" s="1" t="s">
        <v>64</v>
      </c>
      <c r="L1662" s="1" t="s">
        <v>5764</v>
      </c>
      <c r="M1662" s="1" t="s">
        <v>5</v>
      </c>
      <c r="N1662" s="1" t="s">
        <v>6</v>
      </c>
      <c r="O1662" s="1" t="s">
        <v>8</v>
      </c>
      <c r="P1662" s="5" t="s">
        <v>30431</v>
      </c>
    </row>
    <row r="1663" spans="1:16" x14ac:dyDescent="0.2">
      <c r="A1663" s="1" t="s">
        <v>10</v>
      </c>
      <c r="B1663" s="1" t="s">
        <v>10</v>
      </c>
      <c r="C1663" s="1" t="s">
        <v>5767</v>
      </c>
      <c r="D1663" s="1" t="s">
        <v>10</v>
      </c>
      <c r="E1663" s="1" t="s">
        <v>10</v>
      </c>
      <c r="F1663" s="1" t="s">
        <v>10</v>
      </c>
      <c r="G1663" s="1" t="s">
        <v>10</v>
      </c>
      <c r="H1663" s="1" t="s">
        <v>5751</v>
      </c>
      <c r="I1663" s="1" t="s">
        <v>3941</v>
      </c>
      <c r="J1663" s="1" t="s">
        <v>10</v>
      </c>
      <c r="K1663" s="1" t="s">
        <v>64</v>
      </c>
      <c r="L1663" s="1" t="s">
        <v>5766</v>
      </c>
      <c r="M1663" s="1" t="s">
        <v>5</v>
      </c>
      <c r="N1663" s="1" t="s">
        <v>6</v>
      </c>
      <c r="O1663" s="1" t="s">
        <v>8</v>
      </c>
      <c r="P1663" s="5" t="s">
        <v>30431</v>
      </c>
    </row>
    <row r="1664" spans="1:16" x14ac:dyDescent="0.2">
      <c r="A1664" s="1" t="s">
        <v>10</v>
      </c>
      <c r="B1664" s="1" t="s">
        <v>10</v>
      </c>
      <c r="C1664" s="1" t="s">
        <v>5769</v>
      </c>
      <c r="D1664" s="1" t="s">
        <v>10</v>
      </c>
      <c r="E1664" s="1" t="s">
        <v>10</v>
      </c>
      <c r="F1664" s="1" t="s">
        <v>10</v>
      </c>
      <c r="G1664" s="1" t="s">
        <v>10</v>
      </c>
      <c r="H1664" s="1" t="s">
        <v>5751</v>
      </c>
      <c r="I1664" s="1" t="s">
        <v>3941</v>
      </c>
      <c r="J1664" s="1" t="s">
        <v>10</v>
      </c>
      <c r="K1664" s="1" t="s">
        <v>64</v>
      </c>
      <c r="L1664" s="1" t="s">
        <v>5768</v>
      </c>
      <c r="M1664" s="1" t="s">
        <v>5</v>
      </c>
      <c r="N1664" s="1" t="s">
        <v>6</v>
      </c>
      <c r="O1664" s="1" t="s">
        <v>8</v>
      </c>
      <c r="P1664" s="5" t="s">
        <v>30431</v>
      </c>
    </row>
    <row r="1665" spans="1:16" x14ac:dyDescent="0.2">
      <c r="A1665" s="1" t="s">
        <v>10</v>
      </c>
      <c r="B1665" s="1" t="s">
        <v>10</v>
      </c>
      <c r="C1665" s="1" t="s">
        <v>5771</v>
      </c>
      <c r="D1665" s="1" t="s">
        <v>10</v>
      </c>
      <c r="E1665" s="1" t="s">
        <v>10</v>
      </c>
      <c r="F1665" s="1" t="s">
        <v>10</v>
      </c>
      <c r="G1665" s="1" t="s">
        <v>10</v>
      </c>
      <c r="H1665" s="1" t="s">
        <v>5751</v>
      </c>
      <c r="I1665" s="1" t="s">
        <v>3941</v>
      </c>
      <c r="J1665" s="1" t="s">
        <v>10</v>
      </c>
      <c r="K1665" s="1" t="s">
        <v>64</v>
      </c>
      <c r="L1665" s="1" t="s">
        <v>5770</v>
      </c>
      <c r="M1665" s="1" t="s">
        <v>5</v>
      </c>
      <c r="N1665" s="1" t="s">
        <v>6</v>
      </c>
      <c r="O1665" s="1" t="s">
        <v>8</v>
      </c>
      <c r="P1665" s="5" t="s">
        <v>30431</v>
      </c>
    </row>
    <row r="1666" spans="1:16" x14ac:dyDescent="0.2">
      <c r="A1666" s="1" t="s">
        <v>10</v>
      </c>
      <c r="B1666" s="1" t="s">
        <v>10</v>
      </c>
      <c r="C1666" s="1" t="s">
        <v>5773</v>
      </c>
      <c r="D1666" s="1" t="s">
        <v>10</v>
      </c>
      <c r="E1666" s="1" t="s">
        <v>10</v>
      </c>
      <c r="F1666" s="1" t="s">
        <v>10</v>
      </c>
      <c r="G1666" s="1" t="s">
        <v>10</v>
      </c>
      <c r="H1666" s="1" t="s">
        <v>5751</v>
      </c>
      <c r="I1666" s="1" t="s">
        <v>3941</v>
      </c>
      <c r="J1666" s="1" t="s">
        <v>10</v>
      </c>
      <c r="K1666" s="1" t="s">
        <v>64</v>
      </c>
      <c r="L1666" s="1" t="s">
        <v>5772</v>
      </c>
      <c r="M1666" s="1" t="s">
        <v>5</v>
      </c>
      <c r="N1666" s="1" t="s">
        <v>6</v>
      </c>
      <c r="O1666" s="1" t="s">
        <v>8</v>
      </c>
      <c r="P1666" s="5" t="s">
        <v>30431</v>
      </c>
    </row>
    <row r="1667" spans="1:16" x14ac:dyDescent="0.2">
      <c r="A1667" s="1" t="s">
        <v>10</v>
      </c>
      <c r="B1667" s="1" t="s">
        <v>10</v>
      </c>
      <c r="C1667" s="1" t="s">
        <v>5775</v>
      </c>
      <c r="D1667" s="1" t="s">
        <v>10</v>
      </c>
      <c r="E1667" s="1" t="s">
        <v>10</v>
      </c>
      <c r="F1667" s="1" t="s">
        <v>10</v>
      </c>
      <c r="G1667" s="1" t="s">
        <v>10</v>
      </c>
      <c r="H1667" s="1" t="s">
        <v>5751</v>
      </c>
      <c r="I1667" s="1" t="s">
        <v>3941</v>
      </c>
      <c r="J1667" s="1" t="s">
        <v>10</v>
      </c>
      <c r="K1667" s="1" t="s">
        <v>64</v>
      </c>
      <c r="L1667" s="1" t="s">
        <v>5774</v>
      </c>
      <c r="M1667" s="1" t="s">
        <v>5</v>
      </c>
      <c r="N1667" s="1" t="s">
        <v>6</v>
      </c>
      <c r="O1667" s="1" t="s">
        <v>8</v>
      </c>
      <c r="P1667" s="5" t="s">
        <v>30431</v>
      </c>
    </row>
    <row r="1668" spans="1:16" x14ac:dyDescent="0.2">
      <c r="A1668" s="1" t="s">
        <v>10</v>
      </c>
      <c r="B1668" s="1" t="s">
        <v>10</v>
      </c>
      <c r="C1668" s="1" t="s">
        <v>5777</v>
      </c>
      <c r="D1668" s="1" t="s">
        <v>10</v>
      </c>
      <c r="E1668" s="1" t="s">
        <v>10</v>
      </c>
      <c r="F1668" s="1" t="s">
        <v>10</v>
      </c>
      <c r="G1668" s="1" t="s">
        <v>10</v>
      </c>
      <c r="H1668" s="1" t="s">
        <v>5751</v>
      </c>
      <c r="I1668" s="1" t="s">
        <v>3941</v>
      </c>
      <c r="J1668" s="1" t="s">
        <v>10</v>
      </c>
      <c r="K1668" s="1" t="s">
        <v>64</v>
      </c>
      <c r="L1668" s="1" t="s">
        <v>5776</v>
      </c>
      <c r="M1668" s="1" t="s">
        <v>5</v>
      </c>
      <c r="N1668" s="1" t="s">
        <v>6</v>
      </c>
      <c r="O1668" s="1" t="s">
        <v>8</v>
      </c>
      <c r="P1668" s="5" t="s">
        <v>30431</v>
      </c>
    </row>
    <row r="1669" spans="1:16" x14ac:dyDescent="0.2">
      <c r="A1669" s="1" t="s">
        <v>10</v>
      </c>
      <c r="B1669" s="1" t="s">
        <v>10</v>
      </c>
      <c r="C1669" s="1" t="s">
        <v>5779</v>
      </c>
      <c r="D1669" s="1" t="s">
        <v>10</v>
      </c>
      <c r="E1669" s="1" t="s">
        <v>10</v>
      </c>
      <c r="F1669" s="1" t="s">
        <v>10</v>
      </c>
      <c r="G1669" s="1" t="s">
        <v>10</v>
      </c>
      <c r="H1669" s="1" t="s">
        <v>5751</v>
      </c>
      <c r="I1669" s="1" t="s">
        <v>3941</v>
      </c>
      <c r="J1669" s="1" t="s">
        <v>10</v>
      </c>
      <c r="K1669" s="1" t="s">
        <v>64</v>
      </c>
      <c r="L1669" s="1" t="s">
        <v>5778</v>
      </c>
      <c r="M1669" s="1" t="s">
        <v>5</v>
      </c>
      <c r="N1669" s="1" t="s">
        <v>6</v>
      </c>
      <c r="O1669" s="1" t="s">
        <v>8</v>
      </c>
      <c r="P1669" s="5" t="s">
        <v>30431</v>
      </c>
    </row>
    <row r="1670" spans="1:16" x14ac:dyDescent="0.2">
      <c r="A1670" s="1" t="s">
        <v>10</v>
      </c>
      <c r="B1670" s="1" t="s">
        <v>10</v>
      </c>
      <c r="C1670" s="1" t="s">
        <v>5781</v>
      </c>
      <c r="D1670" s="1" t="s">
        <v>10</v>
      </c>
      <c r="E1670" s="1" t="s">
        <v>10</v>
      </c>
      <c r="F1670" s="1" t="s">
        <v>10</v>
      </c>
      <c r="G1670" s="1" t="s">
        <v>10</v>
      </c>
      <c r="H1670" s="1" t="s">
        <v>5751</v>
      </c>
      <c r="I1670" s="1" t="s">
        <v>3941</v>
      </c>
      <c r="J1670" s="1" t="s">
        <v>10</v>
      </c>
      <c r="K1670" s="1" t="s">
        <v>64</v>
      </c>
      <c r="L1670" s="1" t="s">
        <v>5780</v>
      </c>
      <c r="M1670" s="1" t="s">
        <v>5</v>
      </c>
      <c r="N1670" s="1" t="s">
        <v>6</v>
      </c>
      <c r="O1670" s="1" t="s">
        <v>8</v>
      </c>
      <c r="P1670" s="5" t="s">
        <v>30431</v>
      </c>
    </row>
    <row r="1671" spans="1:16" x14ac:dyDescent="0.2">
      <c r="A1671" s="1" t="s">
        <v>10</v>
      </c>
      <c r="B1671" s="1" t="s">
        <v>10</v>
      </c>
      <c r="C1671" s="1" t="s">
        <v>5783</v>
      </c>
      <c r="D1671" s="1" t="s">
        <v>10</v>
      </c>
      <c r="E1671" s="1" t="s">
        <v>10</v>
      </c>
      <c r="F1671" s="1" t="s">
        <v>10</v>
      </c>
      <c r="G1671" s="1" t="s">
        <v>10</v>
      </c>
      <c r="H1671" s="1" t="s">
        <v>4366</v>
      </c>
      <c r="I1671" s="1" t="s">
        <v>3941</v>
      </c>
      <c r="J1671" s="1" t="s">
        <v>10</v>
      </c>
      <c r="K1671" s="1" t="s">
        <v>64</v>
      </c>
      <c r="L1671" s="1" t="s">
        <v>5782</v>
      </c>
      <c r="M1671" s="1" t="s">
        <v>5</v>
      </c>
      <c r="N1671" s="1" t="s">
        <v>6</v>
      </c>
      <c r="O1671" s="1" t="s">
        <v>8</v>
      </c>
      <c r="P1671" s="5" t="s">
        <v>30431</v>
      </c>
    </row>
    <row r="1672" spans="1:16" x14ac:dyDescent="0.2">
      <c r="A1672" s="1" t="s">
        <v>10</v>
      </c>
      <c r="B1672" s="1" t="s">
        <v>10</v>
      </c>
      <c r="C1672" s="1" t="s">
        <v>5785</v>
      </c>
      <c r="D1672" s="1" t="s">
        <v>10</v>
      </c>
      <c r="E1672" s="1" t="s">
        <v>10</v>
      </c>
      <c r="F1672" s="1" t="s">
        <v>10</v>
      </c>
      <c r="G1672" s="1" t="s">
        <v>10</v>
      </c>
      <c r="H1672" s="1" t="s">
        <v>4366</v>
      </c>
      <c r="I1672" s="1" t="s">
        <v>3941</v>
      </c>
      <c r="J1672" s="1" t="s">
        <v>10</v>
      </c>
      <c r="K1672" s="1" t="s">
        <v>64</v>
      </c>
      <c r="L1672" s="1" t="s">
        <v>5784</v>
      </c>
      <c r="M1672" s="1" t="s">
        <v>5</v>
      </c>
      <c r="N1672" s="1" t="s">
        <v>6</v>
      </c>
      <c r="O1672" s="1" t="s">
        <v>8</v>
      </c>
      <c r="P1672" s="5" t="s">
        <v>30431</v>
      </c>
    </row>
    <row r="1673" spans="1:16" x14ac:dyDescent="0.2">
      <c r="A1673" s="1" t="s">
        <v>10</v>
      </c>
      <c r="B1673" s="1" t="s">
        <v>10</v>
      </c>
      <c r="C1673" s="1" t="s">
        <v>5787</v>
      </c>
      <c r="D1673" s="1" t="s">
        <v>10</v>
      </c>
      <c r="E1673" s="1" t="s">
        <v>10</v>
      </c>
      <c r="F1673" s="1" t="s">
        <v>10</v>
      </c>
      <c r="G1673" s="1" t="s">
        <v>10</v>
      </c>
      <c r="H1673" s="1" t="s">
        <v>4366</v>
      </c>
      <c r="I1673" s="1" t="s">
        <v>3941</v>
      </c>
      <c r="J1673" s="1" t="s">
        <v>10</v>
      </c>
      <c r="K1673" s="1" t="s">
        <v>64</v>
      </c>
      <c r="L1673" s="1" t="s">
        <v>5786</v>
      </c>
      <c r="M1673" s="1" t="s">
        <v>5</v>
      </c>
      <c r="N1673" s="1" t="s">
        <v>6</v>
      </c>
      <c r="O1673" s="1" t="s">
        <v>8</v>
      </c>
      <c r="P1673" s="5" t="s">
        <v>30431</v>
      </c>
    </row>
    <row r="1674" spans="1:16" x14ac:dyDescent="0.2">
      <c r="A1674" s="1" t="s">
        <v>10</v>
      </c>
      <c r="B1674" s="1" t="s">
        <v>10</v>
      </c>
      <c r="C1674" s="1" t="s">
        <v>5789</v>
      </c>
      <c r="D1674" s="1" t="s">
        <v>10</v>
      </c>
      <c r="E1674" s="1" t="s">
        <v>10</v>
      </c>
      <c r="F1674" s="1" t="s">
        <v>10</v>
      </c>
      <c r="G1674" s="1" t="s">
        <v>10</v>
      </c>
      <c r="H1674" s="1" t="s">
        <v>4366</v>
      </c>
      <c r="I1674" s="1" t="s">
        <v>3941</v>
      </c>
      <c r="J1674" s="1" t="s">
        <v>10</v>
      </c>
      <c r="K1674" s="1" t="s">
        <v>64</v>
      </c>
      <c r="L1674" s="1" t="s">
        <v>5788</v>
      </c>
      <c r="M1674" s="1" t="s">
        <v>5</v>
      </c>
      <c r="N1674" s="1" t="s">
        <v>6</v>
      </c>
      <c r="O1674" s="1" t="s">
        <v>8</v>
      </c>
      <c r="P1674" s="5" t="s">
        <v>30431</v>
      </c>
    </row>
    <row r="1675" spans="1:16" x14ac:dyDescent="0.2">
      <c r="A1675" s="1" t="s">
        <v>10</v>
      </c>
      <c r="B1675" s="1" t="s">
        <v>10</v>
      </c>
      <c r="C1675" s="1" t="s">
        <v>5791</v>
      </c>
      <c r="D1675" s="1" t="s">
        <v>10</v>
      </c>
      <c r="E1675" s="1" t="s">
        <v>10</v>
      </c>
      <c r="F1675" s="1" t="s">
        <v>10</v>
      </c>
      <c r="G1675" s="1" t="s">
        <v>10</v>
      </c>
      <c r="H1675" s="1" t="s">
        <v>4366</v>
      </c>
      <c r="I1675" s="1" t="s">
        <v>3941</v>
      </c>
      <c r="J1675" s="1" t="s">
        <v>10</v>
      </c>
      <c r="K1675" s="1" t="s">
        <v>64</v>
      </c>
      <c r="L1675" s="1" t="s">
        <v>5790</v>
      </c>
      <c r="M1675" s="1" t="s">
        <v>5</v>
      </c>
      <c r="N1675" s="1" t="s">
        <v>6</v>
      </c>
      <c r="O1675" s="1" t="s">
        <v>8</v>
      </c>
      <c r="P1675" s="5" t="s">
        <v>30431</v>
      </c>
    </row>
    <row r="1676" spans="1:16" x14ac:dyDescent="0.2">
      <c r="A1676" s="1" t="s">
        <v>10</v>
      </c>
      <c r="B1676" s="1" t="s">
        <v>10</v>
      </c>
      <c r="C1676" s="1" t="s">
        <v>5793</v>
      </c>
      <c r="D1676" s="1" t="s">
        <v>10</v>
      </c>
      <c r="E1676" s="1" t="s">
        <v>10</v>
      </c>
      <c r="F1676" s="1" t="s">
        <v>10</v>
      </c>
      <c r="G1676" s="1" t="s">
        <v>10</v>
      </c>
      <c r="H1676" s="1" t="s">
        <v>4366</v>
      </c>
      <c r="I1676" s="1" t="s">
        <v>3941</v>
      </c>
      <c r="J1676" s="1" t="s">
        <v>10</v>
      </c>
      <c r="K1676" s="1" t="s">
        <v>64</v>
      </c>
      <c r="L1676" s="1" t="s">
        <v>5792</v>
      </c>
      <c r="M1676" s="1" t="s">
        <v>5</v>
      </c>
      <c r="N1676" s="1" t="s">
        <v>6</v>
      </c>
      <c r="O1676" s="1" t="s">
        <v>8</v>
      </c>
      <c r="P1676" s="5" t="s">
        <v>30431</v>
      </c>
    </row>
    <row r="1677" spans="1:16" x14ac:dyDescent="0.2">
      <c r="A1677" s="1" t="s">
        <v>10</v>
      </c>
      <c r="B1677" s="1" t="s">
        <v>10</v>
      </c>
      <c r="C1677" s="1" t="s">
        <v>5795</v>
      </c>
      <c r="D1677" s="1" t="s">
        <v>10</v>
      </c>
      <c r="E1677" s="1" t="s">
        <v>10</v>
      </c>
      <c r="F1677" s="1" t="s">
        <v>10</v>
      </c>
      <c r="G1677" s="1" t="s">
        <v>10</v>
      </c>
      <c r="H1677" s="1" t="s">
        <v>4366</v>
      </c>
      <c r="I1677" s="1" t="s">
        <v>3941</v>
      </c>
      <c r="J1677" s="1" t="s">
        <v>10</v>
      </c>
      <c r="K1677" s="1" t="s">
        <v>64</v>
      </c>
      <c r="L1677" s="1" t="s">
        <v>5794</v>
      </c>
      <c r="M1677" s="1" t="s">
        <v>5</v>
      </c>
      <c r="N1677" s="1" t="s">
        <v>6</v>
      </c>
      <c r="O1677" s="1" t="s">
        <v>8</v>
      </c>
      <c r="P1677" s="5" t="s">
        <v>30431</v>
      </c>
    </row>
    <row r="1678" spans="1:16" x14ac:dyDescent="0.2">
      <c r="A1678" s="1" t="s">
        <v>10</v>
      </c>
      <c r="B1678" s="1" t="s">
        <v>10</v>
      </c>
      <c r="C1678" s="1" t="s">
        <v>5797</v>
      </c>
      <c r="D1678" s="1" t="s">
        <v>10</v>
      </c>
      <c r="E1678" s="1" t="s">
        <v>10</v>
      </c>
      <c r="F1678" s="1" t="s">
        <v>10</v>
      </c>
      <c r="G1678" s="1" t="s">
        <v>10</v>
      </c>
      <c r="H1678" s="1" t="s">
        <v>4366</v>
      </c>
      <c r="I1678" s="1" t="s">
        <v>3941</v>
      </c>
      <c r="J1678" s="1" t="s">
        <v>10</v>
      </c>
      <c r="K1678" s="1" t="s">
        <v>64</v>
      </c>
      <c r="L1678" s="1" t="s">
        <v>5796</v>
      </c>
      <c r="M1678" s="1" t="s">
        <v>5</v>
      </c>
      <c r="N1678" s="1" t="s">
        <v>6</v>
      </c>
      <c r="O1678" s="1" t="s">
        <v>8</v>
      </c>
      <c r="P1678" s="5" t="s">
        <v>30431</v>
      </c>
    </row>
    <row r="1679" spans="1:16" x14ac:dyDescent="0.2">
      <c r="A1679" s="1" t="s">
        <v>10</v>
      </c>
      <c r="B1679" s="1" t="s">
        <v>10</v>
      </c>
      <c r="C1679" s="1" t="s">
        <v>5799</v>
      </c>
      <c r="D1679" s="1" t="s">
        <v>10</v>
      </c>
      <c r="E1679" s="1" t="s">
        <v>10</v>
      </c>
      <c r="F1679" s="1" t="s">
        <v>10</v>
      </c>
      <c r="G1679" s="1" t="s">
        <v>10</v>
      </c>
      <c r="H1679" s="1" t="s">
        <v>2254</v>
      </c>
      <c r="I1679" s="1" t="s">
        <v>3941</v>
      </c>
      <c r="J1679" s="1" t="s">
        <v>10</v>
      </c>
      <c r="K1679" s="1" t="s">
        <v>64</v>
      </c>
      <c r="L1679" s="1" t="s">
        <v>5798</v>
      </c>
      <c r="M1679" s="1" t="s">
        <v>5</v>
      </c>
      <c r="N1679" s="1" t="s">
        <v>6</v>
      </c>
      <c r="O1679" s="1" t="s">
        <v>8</v>
      </c>
      <c r="P1679" s="5" t="s">
        <v>30431</v>
      </c>
    </row>
    <row r="1680" spans="1:16" x14ac:dyDescent="0.2">
      <c r="A1680" s="1" t="s">
        <v>10</v>
      </c>
      <c r="B1680" s="1" t="s">
        <v>10</v>
      </c>
      <c r="C1680" s="1" t="s">
        <v>5801</v>
      </c>
      <c r="D1680" s="1" t="s">
        <v>10</v>
      </c>
      <c r="E1680" s="1" t="s">
        <v>10</v>
      </c>
      <c r="F1680" s="1" t="s">
        <v>10</v>
      </c>
      <c r="G1680" s="1" t="s">
        <v>10</v>
      </c>
      <c r="H1680" s="1" t="s">
        <v>5802</v>
      </c>
      <c r="I1680" s="1" t="s">
        <v>3941</v>
      </c>
      <c r="J1680" s="1" t="s">
        <v>10</v>
      </c>
      <c r="K1680" s="1" t="s">
        <v>64</v>
      </c>
      <c r="L1680" s="1" t="s">
        <v>5800</v>
      </c>
      <c r="M1680" s="1" t="s">
        <v>5</v>
      </c>
      <c r="N1680" s="1" t="s">
        <v>6</v>
      </c>
      <c r="O1680" s="1" t="s">
        <v>8</v>
      </c>
      <c r="P1680" s="5" t="s">
        <v>30431</v>
      </c>
    </row>
    <row r="1681" spans="1:16" x14ac:dyDescent="0.2">
      <c r="A1681" s="1" t="s">
        <v>10</v>
      </c>
      <c r="B1681" s="1" t="s">
        <v>10</v>
      </c>
      <c r="C1681" s="1" t="s">
        <v>5804</v>
      </c>
      <c r="D1681" s="1" t="s">
        <v>10</v>
      </c>
      <c r="E1681" s="1" t="s">
        <v>10</v>
      </c>
      <c r="F1681" s="1" t="s">
        <v>10</v>
      </c>
      <c r="G1681" s="1" t="s">
        <v>10</v>
      </c>
      <c r="H1681" s="1" t="s">
        <v>5802</v>
      </c>
      <c r="I1681" s="1" t="s">
        <v>3941</v>
      </c>
      <c r="J1681" s="1" t="s">
        <v>10</v>
      </c>
      <c r="K1681" s="1" t="s">
        <v>64</v>
      </c>
      <c r="L1681" s="1" t="s">
        <v>5803</v>
      </c>
      <c r="M1681" s="1" t="s">
        <v>5</v>
      </c>
      <c r="N1681" s="1" t="s">
        <v>6</v>
      </c>
      <c r="O1681" s="1" t="s">
        <v>8</v>
      </c>
      <c r="P1681" s="5" t="s">
        <v>30431</v>
      </c>
    </row>
    <row r="1682" spans="1:16" x14ac:dyDescent="0.2">
      <c r="A1682" s="1" t="s">
        <v>10</v>
      </c>
      <c r="B1682" s="1" t="s">
        <v>10</v>
      </c>
      <c r="C1682" s="1" t="s">
        <v>5806</v>
      </c>
      <c r="D1682" s="1" t="s">
        <v>10</v>
      </c>
      <c r="E1682" s="1" t="s">
        <v>10</v>
      </c>
      <c r="F1682" s="1" t="s">
        <v>10</v>
      </c>
      <c r="G1682" s="1" t="s">
        <v>10</v>
      </c>
      <c r="H1682" s="1" t="s">
        <v>5802</v>
      </c>
      <c r="I1682" s="1" t="s">
        <v>3941</v>
      </c>
      <c r="J1682" s="1" t="s">
        <v>10</v>
      </c>
      <c r="K1682" s="1" t="s">
        <v>64</v>
      </c>
      <c r="L1682" s="1" t="s">
        <v>5805</v>
      </c>
      <c r="M1682" s="1" t="s">
        <v>5</v>
      </c>
      <c r="N1682" s="1" t="s">
        <v>6</v>
      </c>
      <c r="O1682" s="1" t="s">
        <v>8</v>
      </c>
      <c r="P1682" s="5" t="s">
        <v>30431</v>
      </c>
    </row>
    <row r="1683" spans="1:16" x14ac:dyDescent="0.2">
      <c r="A1683" s="1" t="s">
        <v>10</v>
      </c>
      <c r="B1683" s="1" t="s">
        <v>10</v>
      </c>
      <c r="C1683" s="1" t="s">
        <v>5808</v>
      </c>
      <c r="D1683" s="1" t="s">
        <v>10</v>
      </c>
      <c r="E1683" s="1" t="s">
        <v>10</v>
      </c>
      <c r="F1683" s="1" t="s">
        <v>10</v>
      </c>
      <c r="G1683" s="1" t="s">
        <v>10</v>
      </c>
      <c r="H1683" s="1" t="s">
        <v>5802</v>
      </c>
      <c r="I1683" s="1" t="s">
        <v>3941</v>
      </c>
      <c r="J1683" s="1" t="s">
        <v>10</v>
      </c>
      <c r="K1683" s="1" t="s">
        <v>64</v>
      </c>
      <c r="L1683" s="1" t="s">
        <v>5807</v>
      </c>
      <c r="M1683" s="1" t="s">
        <v>5</v>
      </c>
      <c r="N1683" s="1" t="s">
        <v>6</v>
      </c>
      <c r="O1683" s="1" t="s">
        <v>8</v>
      </c>
      <c r="P1683" s="5" t="s">
        <v>30431</v>
      </c>
    </row>
    <row r="1684" spans="1:16" x14ac:dyDescent="0.2">
      <c r="A1684" s="1" t="s">
        <v>10</v>
      </c>
      <c r="B1684" s="1" t="s">
        <v>10</v>
      </c>
      <c r="C1684" s="1" t="s">
        <v>5810</v>
      </c>
      <c r="D1684" s="1" t="s">
        <v>10</v>
      </c>
      <c r="E1684" s="1" t="s">
        <v>10</v>
      </c>
      <c r="F1684" s="1" t="s">
        <v>10</v>
      </c>
      <c r="G1684" s="1" t="s">
        <v>10</v>
      </c>
      <c r="H1684" s="1" t="s">
        <v>5802</v>
      </c>
      <c r="I1684" s="1" t="s">
        <v>3941</v>
      </c>
      <c r="J1684" s="1" t="s">
        <v>10</v>
      </c>
      <c r="K1684" s="1" t="s">
        <v>64</v>
      </c>
      <c r="L1684" s="1" t="s">
        <v>5809</v>
      </c>
      <c r="M1684" s="1" t="s">
        <v>5</v>
      </c>
      <c r="N1684" s="1" t="s">
        <v>6</v>
      </c>
      <c r="O1684" s="1" t="s">
        <v>8</v>
      </c>
      <c r="P1684" s="5" t="s">
        <v>30431</v>
      </c>
    </row>
    <row r="1685" spans="1:16" x14ac:dyDescent="0.2">
      <c r="A1685" s="1" t="s">
        <v>10</v>
      </c>
      <c r="B1685" s="1" t="s">
        <v>10</v>
      </c>
      <c r="C1685" s="1" t="s">
        <v>5812</v>
      </c>
      <c r="D1685" s="1" t="s">
        <v>10</v>
      </c>
      <c r="E1685" s="1" t="s">
        <v>10</v>
      </c>
      <c r="F1685" s="1" t="s">
        <v>10</v>
      </c>
      <c r="G1685" s="1" t="s">
        <v>10</v>
      </c>
      <c r="H1685" s="1" t="s">
        <v>5802</v>
      </c>
      <c r="I1685" s="1" t="s">
        <v>3941</v>
      </c>
      <c r="J1685" s="1" t="s">
        <v>10</v>
      </c>
      <c r="K1685" s="1" t="s">
        <v>64</v>
      </c>
      <c r="L1685" s="1" t="s">
        <v>5811</v>
      </c>
      <c r="M1685" s="1" t="s">
        <v>5</v>
      </c>
      <c r="N1685" s="1" t="s">
        <v>6</v>
      </c>
      <c r="O1685" s="1" t="s">
        <v>8</v>
      </c>
      <c r="P1685" s="5" t="s">
        <v>30431</v>
      </c>
    </row>
    <row r="1686" spans="1:16" x14ac:dyDescent="0.2">
      <c r="A1686" s="1" t="s">
        <v>10</v>
      </c>
      <c r="B1686" s="1" t="s">
        <v>10</v>
      </c>
      <c r="C1686" s="1" t="s">
        <v>5815</v>
      </c>
      <c r="D1686" s="1" t="s">
        <v>10</v>
      </c>
      <c r="E1686" s="1" t="s">
        <v>10</v>
      </c>
      <c r="F1686" s="1" t="s">
        <v>10</v>
      </c>
      <c r="G1686" s="1" t="s">
        <v>10</v>
      </c>
      <c r="H1686" s="1" t="s">
        <v>5802</v>
      </c>
      <c r="I1686" s="1" t="s">
        <v>3941</v>
      </c>
      <c r="J1686" s="1" t="s">
        <v>10</v>
      </c>
      <c r="K1686" s="1" t="s">
        <v>64</v>
      </c>
      <c r="L1686" s="1" t="s">
        <v>5814</v>
      </c>
      <c r="M1686" s="1" t="s">
        <v>5</v>
      </c>
      <c r="N1686" s="1" t="s">
        <v>6</v>
      </c>
      <c r="O1686" s="1" t="s">
        <v>8</v>
      </c>
      <c r="P1686" s="5" t="s">
        <v>30431</v>
      </c>
    </row>
    <row r="1687" spans="1:16" x14ac:dyDescent="0.2">
      <c r="A1687" s="1" t="s">
        <v>10</v>
      </c>
      <c r="B1687" s="1" t="s">
        <v>10</v>
      </c>
      <c r="C1687" s="1" t="s">
        <v>5817</v>
      </c>
      <c r="D1687" s="1" t="s">
        <v>10</v>
      </c>
      <c r="E1687" s="1" t="s">
        <v>10</v>
      </c>
      <c r="F1687" s="1" t="s">
        <v>10</v>
      </c>
      <c r="G1687" s="1" t="s">
        <v>10</v>
      </c>
      <c r="H1687" s="1" t="s">
        <v>5802</v>
      </c>
      <c r="I1687" s="1" t="s">
        <v>3941</v>
      </c>
      <c r="J1687" s="1" t="s">
        <v>10</v>
      </c>
      <c r="K1687" s="1" t="s">
        <v>64</v>
      </c>
      <c r="L1687" s="1" t="s">
        <v>5816</v>
      </c>
      <c r="M1687" s="1" t="s">
        <v>5</v>
      </c>
      <c r="N1687" s="1" t="s">
        <v>6</v>
      </c>
      <c r="O1687" s="1" t="s">
        <v>8</v>
      </c>
      <c r="P1687" s="5" t="s">
        <v>30431</v>
      </c>
    </row>
    <row r="1688" spans="1:16" x14ac:dyDescent="0.2">
      <c r="A1688" s="1" t="s">
        <v>10</v>
      </c>
      <c r="B1688" s="1" t="s">
        <v>10</v>
      </c>
      <c r="C1688" s="1" t="s">
        <v>5819</v>
      </c>
      <c r="D1688" s="1" t="s">
        <v>10</v>
      </c>
      <c r="E1688" s="1" t="s">
        <v>10</v>
      </c>
      <c r="F1688" s="1" t="s">
        <v>10</v>
      </c>
      <c r="G1688" s="1" t="s">
        <v>10</v>
      </c>
      <c r="H1688" s="1" t="s">
        <v>2254</v>
      </c>
      <c r="I1688" s="1" t="s">
        <v>3941</v>
      </c>
      <c r="J1688" s="1" t="s">
        <v>10</v>
      </c>
      <c r="K1688" s="1" t="s">
        <v>64</v>
      </c>
      <c r="L1688" s="1" t="s">
        <v>5818</v>
      </c>
      <c r="M1688" s="1" t="s">
        <v>5</v>
      </c>
      <c r="N1688" s="1" t="s">
        <v>6</v>
      </c>
      <c r="O1688" s="1" t="s">
        <v>8</v>
      </c>
      <c r="P1688" s="5" t="s">
        <v>30398</v>
      </c>
    </row>
    <row r="1689" spans="1:16" x14ac:dyDescent="0.2">
      <c r="A1689" s="1" t="s">
        <v>10</v>
      </c>
      <c r="B1689" s="1" t="s">
        <v>10</v>
      </c>
      <c r="C1689" s="1" t="s">
        <v>5821</v>
      </c>
      <c r="D1689" s="1" t="s">
        <v>10</v>
      </c>
      <c r="E1689" s="1" t="s">
        <v>10</v>
      </c>
      <c r="F1689" s="1" t="s">
        <v>10</v>
      </c>
      <c r="G1689" s="1" t="s">
        <v>10</v>
      </c>
      <c r="H1689" s="1" t="s">
        <v>2254</v>
      </c>
      <c r="I1689" s="1" t="s">
        <v>3941</v>
      </c>
      <c r="J1689" s="1" t="s">
        <v>10</v>
      </c>
      <c r="K1689" s="1" t="s">
        <v>64</v>
      </c>
      <c r="L1689" s="1" t="s">
        <v>5820</v>
      </c>
      <c r="M1689" s="1" t="s">
        <v>5</v>
      </c>
      <c r="N1689" s="1" t="s">
        <v>6</v>
      </c>
      <c r="O1689" s="1" t="s">
        <v>8</v>
      </c>
      <c r="P1689" s="5" t="s">
        <v>30398</v>
      </c>
    </row>
    <row r="1690" spans="1:16" x14ac:dyDescent="0.2">
      <c r="A1690" s="1" t="s">
        <v>10</v>
      </c>
      <c r="B1690" s="1" t="s">
        <v>10</v>
      </c>
      <c r="C1690" s="1" t="s">
        <v>5823</v>
      </c>
      <c r="D1690" s="1" t="s">
        <v>10</v>
      </c>
      <c r="E1690" s="1" t="s">
        <v>10</v>
      </c>
      <c r="F1690" s="1" t="s">
        <v>10</v>
      </c>
      <c r="G1690" s="1" t="s">
        <v>10</v>
      </c>
      <c r="H1690" s="1" t="s">
        <v>2254</v>
      </c>
      <c r="I1690" s="1" t="s">
        <v>3941</v>
      </c>
      <c r="J1690" s="1" t="s">
        <v>10</v>
      </c>
      <c r="K1690" s="1" t="s">
        <v>64</v>
      </c>
      <c r="L1690" s="1" t="s">
        <v>5822</v>
      </c>
      <c r="M1690" s="1" t="s">
        <v>5</v>
      </c>
      <c r="N1690" s="1" t="s">
        <v>6</v>
      </c>
      <c r="O1690" s="1" t="s">
        <v>8</v>
      </c>
      <c r="P1690" s="5" t="s">
        <v>30398</v>
      </c>
    </row>
    <row r="1691" spans="1:16" x14ac:dyDescent="0.2">
      <c r="A1691" s="1" t="s">
        <v>10</v>
      </c>
      <c r="B1691" s="1" t="s">
        <v>10</v>
      </c>
      <c r="C1691" s="1" t="s">
        <v>5825</v>
      </c>
      <c r="D1691" s="1" t="s">
        <v>10</v>
      </c>
      <c r="E1691" s="1" t="s">
        <v>10</v>
      </c>
      <c r="F1691" s="1" t="s">
        <v>10</v>
      </c>
      <c r="G1691" s="1" t="s">
        <v>10</v>
      </c>
      <c r="H1691" s="1" t="s">
        <v>2254</v>
      </c>
      <c r="I1691" s="1" t="s">
        <v>3941</v>
      </c>
      <c r="J1691" s="1" t="s">
        <v>10</v>
      </c>
      <c r="K1691" s="1" t="s">
        <v>64</v>
      </c>
      <c r="L1691" s="1" t="s">
        <v>5824</v>
      </c>
      <c r="M1691" s="1" t="s">
        <v>5</v>
      </c>
      <c r="N1691" s="1" t="s">
        <v>6</v>
      </c>
      <c r="O1691" s="1" t="s">
        <v>8</v>
      </c>
      <c r="P1691" s="5" t="s">
        <v>30398</v>
      </c>
    </row>
    <row r="1692" spans="1:16" x14ac:dyDescent="0.2">
      <c r="A1692" s="1" t="s">
        <v>10</v>
      </c>
      <c r="B1692" s="1" t="s">
        <v>10</v>
      </c>
      <c r="C1692" s="1" t="s">
        <v>5827</v>
      </c>
      <c r="D1692" s="1" t="s">
        <v>10</v>
      </c>
      <c r="E1692" s="1" t="s">
        <v>10</v>
      </c>
      <c r="F1692" s="1" t="s">
        <v>10</v>
      </c>
      <c r="G1692" s="1" t="s">
        <v>10</v>
      </c>
      <c r="H1692" s="1" t="s">
        <v>2254</v>
      </c>
      <c r="I1692" s="1" t="s">
        <v>3941</v>
      </c>
      <c r="J1692" s="1" t="s">
        <v>10</v>
      </c>
      <c r="K1692" s="1" t="s">
        <v>64</v>
      </c>
      <c r="L1692" s="1" t="s">
        <v>5826</v>
      </c>
      <c r="M1692" s="1" t="s">
        <v>5</v>
      </c>
      <c r="N1692" s="1" t="s">
        <v>6</v>
      </c>
      <c r="O1692" s="1" t="s">
        <v>8</v>
      </c>
      <c r="P1692" s="5" t="s">
        <v>30398</v>
      </c>
    </row>
    <row r="1693" spans="1:16" x14ac:dyDescent="0.2">
      <c r="A1693" s="1" t="s">
        <v>10</v>
      </c>
      <c r="B1693" s="1" t="s">
        <v>10</v>
      </c>
      <c r="C1693" s="1" t="s">
        <v>5829</v>
      </c>
      <c r="D1693" s="1" t="s">
        <v>10</v>
      </c>
      <c r="E1693" s="1" t="s">
        <v>10</v>
      </c>
      <c r="F1693" s="1" t="s">
        <v>10</v>
      </c>
      <c r="G1693" s="1" t="s">
        <v>10</v>
      </c>
      <c r="H1693" s="1" t="s">
        <v>2254</v>
      </c>
      <c r="I1693" s="1" t="s">
        <v>3941</v>
      </c>
      <c r="J1693" s="1" t="s">
        <v>10</v>
      </c>
      <c r="K1693" s="1" t="s">
        <v>64</v>
      </c>
      <c r="L1693" s="1" t="s">
        <v>5828</v>
      </c>
      <c r="M1693" s="1" t="s">
        <v>5</v>
      </c>
      <c r="N1693" s="1" t="s">
        <v>6</v>
      </c>
      <c r="O1693" s="1" t="s">
        <v>8</v>
      </c>
      <c r="P1693" s="5" t="s">
        <v>30398</v>
      </c>
    </row>
    <row r="1694" spans="1:16" x14ac:dyDescent="0.2">
      <c r="A1694" s="1" t="s">
        <v>10</v>
      </c>
      <c r="B1694" s="1" t="s">
        <v>10</v>
      </c>
      <c r="C1694" s="1" t="s">
        <v>5831</v>
      </c>
      <c r="D1694" s="1" t="s">
        <v>10</v>
      </c>
      <c r="E1694" s="1" t="s">
        <v>10</v>
      </c>
      <c r="F1694" s="1" t="s">
        <v>10</v>
      </c>
      <c r="G1694" s="1" t="s">
        <v>10</v>
      </c>
      <c r="H1694" s="1" t="s">
        <v>2254</v>
      </c>
      <c r="I1694" s="1" t="s">
        <v>3941</v>
      </c>
      <c r="J1694" s="1" t="s">
        <v>10</v>
      </c>
      <c r="K1694" s="1" t="s">
        <v>64</v>
      </c>
      <c r="L1694" s="1" t="s">
        <v>5830</v>
      </c>
      <c r="M1694" s="1" t="s">
        <v>5</v>
      </c>
      <c r="N1694" s="1" t="s">
        <v>6</v>
      </c>
      <c r="O1694" s="1" t="s">
        <v>8</v>
      </c>
      <c r="P1694" s="5" t="s">
        <v>30398</v>
      </c>
    </row>
    <row r="1695" spans="1:16" x14ac:dyDescent="0.2">
      <c r="A1695" s="1" t="s">
        <v>10</v>
      </c>
      <c r="B1695" s="1" t="s">
        <v>10</v>
      </c>
      <c r="C1695" s="1" t="s">
        <v>5833</v>
      </c>
      <c r="D1695" s="1" t="s">
        <v>10</v>
      </c>
      <c r="E1695" s="1" t="s">
        <v>10</v>
      </c>
      <c r="F1695" s="1" t="s">
        <v>10</v>
      </c>
      <c r="G1695" s="1" t="s">
        <v>10</v>
      </c>
      <c r="H1695" s="1" t="s">
        <v>2254</v>
      </c>
      <c r="I1695" s="1" t="s">
        <v>3941</v>
      </c>
      <c r="J1695" s="1" t="s">
        <v>10</v>
      </c>
      <c r="K1695" s="1" t="s">
        <v>64</v>
      </c>
      <c r="L1695" s="1" t="s">
        <v>5832</v>
      </c>
      <c r="M1695" s="1" t="s">
        <v>5</v>
      </c>
      <c r="N1695" s="1" t="s">
        <v>6</v>
      </c>
      <c r="O1695" s="1" t="s">
        <v>8</v>
      </c>
      <c r="P1695" s="5" t="s">
        <v>30398</v>
      </c>
    </row>
    <row r="1696" spans="1:16" x14ac:dyDescent="0.2">
      <c r="A1696" s="1" t="s">
        <v>10</v>
      </c>
      <c r="B1696" s="1" t="s">
        <v>10</v>
      </c>
      <c r="C1696" s="1" t="s">
        <v>5835</v>
      </c>
      <c r="D1696" s="1" t="s">
        <v>10</v>
      </c>
      <c r="E1696" s="1" t="s">
        <v>10</v>
      </c>
      <c r="F1696" s="1" t="s">
        <v>10</v>
      </c>
      <c r="G1696" s="1" t="s">
        <v>10</v>
      </c>
      <c r="H1696" s="1" t="s">
        <v>2254</v>
      </c>
      <c r="I1696" s="1" t="s">
        <v>3941</v>
      </c>
      <c r="J1696" s="1" t="s">
        <v>10</v>
      </c>
      <c r="K1696" s="1" t="s">
        <v>64</v>
      </c>
      <c r="L1696" s="1" t="s">
        <v>5834</v>
      </c>
      <c r="M1696" s="1" t="s">
        <v>5</v>
      </c>
      <c r="N1696" s="1" t="s">
        <v>6</v>
      </c>
      <c r="O1696" s="1" t="s">
        <v>8</v>
      </c>
      <c r="P1696" s="5" t="s">
        <v>30398</v>
      </c>
    </row>
    <row r="1697" spans="1:16" x14ac:dyDescent="0.2">
      <c r="A1697" s="1" t="s">
        <v>10</v>
      </c>
      <c r="B1697" s="1" t="s">
        <v>10</v>
      </c>
      <c r="C1697" s="1" t="s">
        <v>5837</v>
      </c>
      <c r="D1697" s="1" t="s">
        <v>10</v>
      </c>
      <c r="E1697" s="1" t="s">
        <v>10</v>
      </c>
      <c r="F1697" s="1" t="s">
        <v>10</v>
      </c>
      <c r="G1697" s="1" t="s">
        <v>10</v>
      </c>
      <c r="H1697" s="1" t="s">
        <v>2254</v>
      </c>
      <c r="I1697" s="1" t="s">
        <v>3941</v>
      </c>
      <c r="J1697" s="1" t="s">
        <v>10</v>
      </c>
      <c r="K1697" s="1" t="s">
        <v>64</v>
      </c>
      <c r="L1697" s="1" t="s">
        <v>5836</v>
      </c>
      <c r="M1697" s="1" t="s">
        <v>5</v>
      </c>
      <c r="N1697" s="1" t="s">
        <v>6</v>
      </c>
      <c r="O1697" s="1" t="s">
        <v>8</v>
      </c>
      <c r="P1697" s="5" t="s">
        <v>30398</v>
      </c>
    </row>
    <row r="1698" spans="1:16" x14ac:dyDescent="0.2">
      <c r="A1698" s="1" t="s">
        <v>10</v>
      </c>
      <c r="B1698" s="1" t="s">
        <v>10</v>
      </c>
      <c r="C1698" s="1" t="s">
        <v>5839</v>
      </c>
      <c r="D1698" s="1" t="s">
        <v>10</v>
      </c>
      <c r="E1698" s="1" t="s">
        <v>10</v>
      </c>
      <c r="F1698" s="1" t="s">
        <v>10</v>
      </c>
      <c r="G1698" s="1" t="s">
        <v>10</v>
      </c>
      <c r="H1698" s="1" t="s">
        <v>2254</v>
      </c>
      <c r="I1698" s="1" t="s">
        <v>3941</v>
      </c>
      <c r="J1698" s="1" t="s">
        <v>10</v>
      </c>
      <c r="K1698" s="1" t="s">
        <v>64</v>
      </c>
      <c r="L1698" s="1" t="s">
        <v>5838</v>
      </c>
      <c r="M1698" s="1" t="s">
        <v>5</v>
      </c>
      <c r="N1698" s="1" t="s">
        <v>6</v>
      </c>
      <c r="O1698" s="1" t="s">
        <v>8</v>
      </c>
      <c r="P1698" s="5" t="s">
        <v>30398</v>
      </c>
    </row>
    <row r="1699" spans="1:16" x14ac:dyDescent="0.2">
      <c r="A1699" s="1" t="s">
        <v>10</v>
      </c>
      <c r="B1699" s="1" t="s">
        <v>10</v>
      </c>
      <c r="C1699" s="1" t="s">
        <v>5841</v>
      </c>
      <c r="D1699" s="1" t="s">
        <v>10</v>
      </c>
      <c r="E1699" s="1" t="s">
        <v>10</v>
      </c>
      <c r="F1699" s="1" t="s">
        <v>10</v>
      </c>
      <c r="G1699" s="1" t="s">
        <v>10</v>
      </c>
      <c r="H1699" s="1" t="s">
        <v>2254</v>
      </c>
      <c r="I1699" s="1" t="s">
        <v>3941</v>
      </c>
      <c r="J1699" s="1" t="s">
        <v>10</v>
      </c>
      <c r="K1699" s="1" t="s">
        <v>64</v>
      </c>
      <c r="L1699" s="1" t="s">
        <v>5840</v>
      </c>
      <c r="M1699" s="1" t="s">
        <v>5</v>
      </c>
      <c r="N1699" s="1" t="s">
        <v>6</v>
      </c>
      <c r="O1699" s="1" t="s">
        <v>8</v>
      </c>
      <c r="P1699" s="5" t="s">
        <v>30398</v>
      </c>
    </row>
    <row r="1700" spans="1:16" x14ac:dyDescent="0.2">
      <c r="A1700" s="1" t="s">
        <v>10</v>
      </c>
      <c r="B1700" s="1" t="s">
        <v>10</v>
      </c>
      <c r="C1700" s="1" t="s">
        <v>5843</v>
      </c>
      <c r="D1700" s="1" t="s">
        <v>10</v>
      </c>
      <c r="E1700" s="1" t="s">
        <v>10</v>
      </c>
      <c r="F1700" s="1" t="s">
        <v>10</v>
      </c>
      <c r="G1700" s="1" t="s">
        <v>10</v>
      </c>
      <c r="H1700" s="1" t="s">
        <v>2254</v>
      </c>
      <c r="I1700" s="1" t="s">
        <v>3941</v>
      </c>
      <c r="J1700" s="1" t="s">
        <v>10</v>
      </c>
      <c r="K1700" s="1" t="s">
        <v>64</v>
      </c>
      <c r="L1700" s="1" t="s">
        <v>5842</v>
      </c>
      <c r="M1700" s="1" t="s">
        <v>5</v>
      </c>
      <c r="N1700" s="1" t="s">
        <v>6</v>
      </c>
      <c r="O1700" s="1" t="s">
        <v>8</v>
      </c>
      <c r="P1700" s="5" t="s">
        <v>30398</v>
      </c>
    </row>
    <row r="1701" spans="1:16" x14ac:dyDescent="0.2">
      <c r="A1701" s="1" t="s">
        <v>10</v>
      </c>
      <c r="B1701" s="1" t="s">
        <v>10</v>
      </c>
      <c r="C1701" s="1" t="s">
        <v>5845</v>
      </c>
      <c r="D1701" s="1" t="s">
        <v>10</v>
      </c>
      <c r="E1701" s="1" t="s">
        <v>10</v>
      </c>
      <c r="F1701" s="1" t="s">
        <v>10</v>
      </c>
      <c r="G1701" s="1" t="s">
        <v>10</v>
      </c>
      <c r="H1701" s="1" t="s">
        <v>2254</v>
      </c>
      <c r="I1701" s="1" t="s">
        <v>3941</v>
      </c>
      <c r="J1701" s="1" t="s">
        <v>10</v>
      </c>
      <c r="K1701" s="1" t="s">
        <v>64</v>
      </c>
      <c r="L1701" s="1" t="s">
        <v>5844</v>
      </c>
      <c r="M1701" s="1" t="s">
        <v>5</v>
      </c>
      <c r="N1701" s="1" t="s">
        <v>6</v>
      </c>
      <c r="O1701" s="1" t="s">
        <v>8</v>
      </c>
      <c r="P1701" s="5" t="s">
        <v>30398</v>
      </c>
    </row>
    <row r="1702" spans="1:16" x14ac:dyDescent="0.2">
      <c r="A1702" s="1" t="s">
        <v>10</v>
      </c>
      <c r="B1702" s="1" t="s">
        <v>10</v>
      </c>
      <c r="C1702" s="1" t="s">
        <v>5847</v>
      </c>
      <c r="D1702" s="1" t="s">
        <v>10</v>
      </c>
      <c r="E1702" s="1" t="s">
        <v>10</v>
      </c>
      <c r="F1702" s="1" t="s">
        <v>10</v>
      </c>
      <c r="G1702" s="1" t="s">
        <v>10</v>
      </c>
      <c r="H1702" s="1" t="s">
        <v>2254</v>
      </c>
      <c r="I1702" s="1" t="s">
        <v>3941</v>
      </c>
      <c r="J1702" s="1" t="s">
        <v>10</v>
      </c>
      <c r="K1702" s="1" t="s">
        <v>64</v>
      </c>
      <c r="L1702" s="1" t="s">
        <v>5846</v>
      </c>
      <c r="M1702" s="1" t="s">
        <v>5</v>
      </c>
      <c r="N1702" s="1" t="s">
        <v>6</v>
      </c>
      <c r="O1702" s="1" t="s">
        <v>8</v>
      </c>
      <c r="P1702" s="5" t="s">
        <v>30398</v>
      </c>
    </row>
    <row r="1703" spans="1:16" x14ac:dyDescent="0.2">
      <c r="A1703" s="1" t="s">
        <v>10</v>
      </c>
      <c r="B1703" s="1" t="s">
        <v>10</v>
      </c>
      <c r="C1703" s="1" t="s">
        <v>5849</v>
      </c>
      <c r="D1703" s="1" t="s">
        <v>10</v>
      </c>
      <c r="E1703" s="1" t="s">
        <v>10</v>
      </c>
      <c r="F1703" s="1" t="s">
        <v>10</v>
      </c>
      <c r="G1703" s="1" t="s">
        <v>10</v>
      </c>
      <c r="H1703" s="1" t="s">
        <v>2254</v>
      </c>
      <c r="I1703" s="1" t="s">
        <v>3941</v>
      </c>
      <c r="J1703" s="1" t="s">
        <v>10</v>
      </c>
      <c r="K1703" s="1" t="s">
        <v>64</v>
      </c>
      <c r="L1703" s="1" t="s">
        <v>5848</v>
      </c>
      <c r="M1703" s="1" t="s">
        <v>5</v>
      </c>
      <c r="N1703" s="1" t="s">
        <v>6</v>
      </c>
      <c r="O1703" s="1" t="s">
        <v>8</v>
      </c>
      <c r="P1703" s="5" t="s">
        <v>30398</v>
      </c>
    </row>
    <row r="1704" spans="1:16" x14ac:dyDescent="0.2">
      <c r="A1704" s="1" t="s">
        <v>10</v>
      </c>
      <c r="B1704" s="1" t="s">
        <v>10</v>
      </c>
      <c r="C1704" s="1" t="s">
        <v>5851</v>
      </c>
      <c r="D1704" s="1" t="s">
        <v>10</v>
      </c>
      <c r="E1704" s="1" t="s">
        <v>10</v>
      </c>
      <c r="F1704" s="1" t="s">
        <v>10</v>
      </c>
      <c r="G1704" s="1" t="s">
        <v>10</v>
      </c>
      <c r="H1704" s="1" t="s">
        <v>2254</v>
      </c>
      <c r="I1704" s="1" t="s">
        <v>3941</v>
      </c>
      <c r="J1704" s="1" t="s">
        <v>10</v>
      </c>
      <c r="K1704" s="1" t="s">
        <v>64</v>
      </c>
      <c r="L1704" s="1" t="s">
        <v>5850</v>
      </c>
      <c r="M1704" s="1" t="s">
        <v>5</v>
      </c>
      <c r="N1704" s="1" t="s">
        <v>6</v>
      </c>
      <c r="O1704" s="1" t="s">
        <v>8</v>
      </c>
      <c r="P1704" s="5" t="s">
        <v>30398</v>
      </c>
    </row>
    <row r="1705" spans="1:16" x14ac:dyDescent="0.2">
      <c r="A1705" s="1" t="s">
        <v>10</v>
      </c>
      <c r="B1705" s="1" t="s">
        <v>10</v>
      </c>
      <c r="C1705" s="1" t="s">
        <v>5853</v>
      </c>
      <c r="D1705" s="1" t="s">
        <v>10</v>
      </c>
      <c r="E1705" s="1" t="s">
        <v>10</v>
      </c>
      <c r="F1705" s="1" t="s">
        <v>10</v>
      </c>
      <c r="G1705" s="1" t="s">
        <v>10</v>
      </c>
      <c r="H1705" s="1" t="s">
        <v>2254</v>
      </c>
      <c r="I1705" s="1" t="s">
        <v>3941</v>
      </c>
      <c r="J1705" s="1" t="s">
        <v>10</v>
      </c>
      <c r="K1705" s="1" t="s">
        <v>64</v>
      </c>
      <c r="L1705" s="1" t="s">
        <v>5852</v>
      </c>
      <c r="M1705" s="1" t="s">
        <v>5</v>
      </c>
      <c r="N1705" s="1" t="s">
        <v>6</v>
      </c>
      <c r="O1705" s="1" t="s">
        <v>8</v>
      </c>
      <c r="P1705" s="5" t="s">
        <v>30398</v>
      </c>
    </row>
    <row r="1706" spans="1:16" x14ac:dyDescent="0.2">
      <c r="A1706" s="1" t="s">
        <v>10</v>
      </c>
      <c r="B1706" s="1" t="s">
        <v>10</v>
      </c>
      <c r="C1706" s="1" t="s">
        <v>5855</v>
      </c>
      <c r="D1706" s="1" t="s">
        <v>10</v>
      </c>
      <c r="E1706" s="1" t="s">
        <v>10</v>
      </c>
      <c r="F1706" s="1" t="s">
        <v>10</v>
      </c>
      <c r="G1706" s="1" t="s">
        <v>10</v>
      </c>
      <c r="H1706" s="1" t="s">
        <v>2254</v>
      </c>
      <c r="I1706" s="1" t="s">
        <v>3941</v>
      </c>
      <c r="J1706" s="1" t="s">
        <v>10</v>
      </c>
      <c r="K1706" s="1" t="s">
        <v>64</v>
      </c>
      <c r="L1706" s="1" t="s">
        <v>5854</v>
      </c>
      <c r="M1706" s="1" t="s">
        <v>5</v>
      </c>
      <c r="N1706" s="1" t="s">
        <v>6</v>
      </c>
      <c r="O1706" s="1" t="s">
        <v>8</v>
      </c>
      <c r="P1706" s="5" t="s">
        <v>31237</v>
      </c>
    </row>
    <row r="1707" spans="1:16" x14ac:dyDescent="0.2">
      <c r="A1707" s="1" t="s">
        <v>10</v>
      </c>
      <c r="B1707" s="1" t="s">
        <v>10</v>
      </c>
      <c r="C1707" s="1" t="s">
        <v>5857</v>
      </c>
      <c r="D1707" s="1" t="s">
        <v>10</v>
      </c>
      <c r="E1707" s="1" t="s">
        <v>10</v>
      </c>
      <c r="F1707" s="1" t="s">
        <v>10</v>
      </c>
      <c r="G1707" s="1" t="s">
        <v>10</v>
      </c>
      <c r="H1707" s="1" t="s">
        <v>1896</v>
      </c>
      <c r="I1707" s="1" t="s">
        <v>3941</v>
      </c>
      <c r="J1707" s="1" t="s">
        <v>10</v>
      </c>
      <c r="K1707" s="1" t="s">
        <v>64</v>
      </c>
      <c r="L1707" s="1" t="s">
        <v>5856</v>
      </c>
      <c r="M1707" s="1" t="s">
        <v>5</v>
      </c>
      <c r="N1707" s="1" t="s">
        <v>6</v>
      </c>
      <c r="O1707" s="1" t="s">
        <v>8</v>
      </c>
      <c r="P1707" s="5" t="s">
        <v>30431</v>
      </c>
    </row>
    <row r="1708" spans="1:16" x14ac:dyDescent="0.2">
      <c r="A1708" s="1" t="s">
        <v>10</v>
      </c>
      <c r="B1708" s="1" t="s">
        <v>10</v>
      </c>
      <c r="C1708" s="1" t="s">
        <v>5859</v>
      </c>
      <c r="D1708" s="1" t="s">
        <v>10</v>
      </c>
      <c r="E1708" s="1" t="s">
        <v>10</v>
      </c>
      <c r="F1708" s="1" t="s">
        <v>10</v>
      </c>
      <c r="G1708" s="1" t="s">
        <v>10</v>
      </c>
      <c r="H1708" s="1" t="s">
        <v>1896</v>
      </c>
      <c r="I1708" s="1" t="s">
        <v>3941</v>
      </c>
      <c r="J1708" s="1" t="s">
        <v>10</v>
      </c>
      <c r="K1708" s="1" t="s">
        <v>64</v>
      </c>
      <c r="L1708" s="1" t="s">
        <v>5858</v>
      </c>
      <c r="M1708" s="1" t="s">
        <v>5</v>
      </c>
      <c r="N1708" s="1" t="s">
        <v>6</v>
      </c>
      <c r="O1708" s="1" t="s">
        <v>8</v>
      </c>
      <c r="P1708" s="5" t="s">
        <v>31079</v>
      </c>
    </row>
    <row r="1709" spans="1:16" x14ac:dyDescent="0.2">
      <c r="A1709" s="1" t="s">
        <v>10</v>
      </c>
      <c r="B1709" s="1" t="s">
        <v>10</v>
      </c>
      <c r="C1709" s="1" t="s">
        <v>5862</v>
      </c>
      <c r="D1709" s="1" t="s">
        <v>10</v>
      </c>
      <c r="E1709" s="1" t="s">
        <v>10</v>
      </c>
      <c r="F1709" s="1" t="s">
        <v>10</v>
      </c>
      <c r="G1709" s="1" t="s">
        <v>10</v>
      </c>
      <c r="H1709" s="1" t="s">
        <v>868</v>
      </c>
      <c r="I1709" s="1" t="s">
        <v>3941</v>
      </c>
      <c r="J1709" s="1" t="s">
        <v>10</v>
      </c>
      <c r="K1709" s="1" t="s">
        <v>64</v>
      </c>
      <c r="L1709" s="1" t="s">
        <v>5861</v>
      </c>
      <c r="M1709" s="1" t="s">
        <v>5</v>
      </c>
      <c r="N1709" s="1" t="s">
        <v>6</v>
      </c>
      <c r="O1709" s="1" t="s">
        <v>8</v>
      </c>
      <c r="P1709" s="5" t="s">
        <v>31079</v>
      </c>
    </row>
    <row r="1710" spans="1:16" x14ac:dyDescent="0.2">
      <c r="A1710" s="1" t="s">
        <v>10</v>
      </c>
      <c r="B1710" s="1" t="s">
        <v>10</v>
      </c>
      <c r="C1710" s="1" t="s">
        <v>5864</v>
      </c>
      <c r="D1710" s="1" t="s">
        <v>10</v>
      </c>
      <c r="E1710" s="1" t="s">
        <v>10</v>
      </c>
      <c r="F1710" s="1" t="s">
        <v>10</v>
      </c>
      <c r="G1710" s="1" t="s">
        <v>10</v>
      </c>
      <c r="H1710" s="1" t="s">
        <v>868</v>
      </c>
      <c r="I1710" s="1" t="s">
        <v>3941</v>
      </c>
      <c r="J1710" s="1" t="s">
        <v>10</v>
      </c>
      <c r="K1710" s="1" t="s">
        <v>64</v>
      </c>
      <c r="L1710" s="1" t="s">
        <v>5863</v>
      </c>
      <c r="M1710" s="1" t="s">
        <v>5</v>
      </c>
      <c r="N1710" s="1" t="s">
        <v>6</v>
      </c>
      <c r="O1710" s="1" t="s">
        <v>8</v>
      </c>
      <c r="P1710" s="5" t="s">
        <v>31079</v>
      </c>
    </row>
    <row r="1711" spans="1:16" x14ac:dyDescent="0.2">
      <c r="A1711" s="1" t="s">
        <v>10</v>
      </c>
      <c r="B1711" s="1" t="s">
        <v>10</v>
      </c>
      <c r="C1711" s="1" t="s">
        <v>5866</v>
      </c>
      <c r="D1711" s="1" t="s">
        <v>10</v>
      </c>
      <c r="E1711" s="1" t="s">
        <v>10</v>
      </c>
      <c r="F1711" s="1" t="s">
        <v>10</v>
      </c>
      <c r="G1711" s="1" t="s">
        <v>10</v>
      </c>
      <c r="H1711" s="1" t="s">
        <v>868</v>
      </c>
      <c r="I1711" s="1" t="s">
        <v>3941</v>
      </c>
      <c r="J1711" s="1" t="s">
        <v>10</v>
      </c>
      <c r="K1711" s="1" t="s">
        <v>64</v>
      </c>
      <c r="L1711" s="1" t="s">
        <v>5865</v>
      </c>
      <c r="M1711" s="1" t="s">
        <v>5</v>
      </c>
      <c r="N1711" s="1" t="s">
        <v>6</v>
      </c>
      <c r="O1711" s="1" t="s">
        <v>8</v>
      </c>
      <c r="P1711" s="5" t="s">
        <v>31079</v>
      </c>
    </row>
    <row r="1712" spans="1:16" x14ac:dyDescent="0.2">
      <c r="A1712" s="1" t="s">
        <v>10</v>
      </c>
      <c r="B1712" s="1" t="s">
        <v>10</v>
      </c>
      <c r="C1712" s="1" t="s">
        <v>5868</v>
      </c>
      <c r="D1712" s="1" t="s">
        <v>10</v>
      </c>
      <c r="E1712" s="1" t="s">
        <v>10</v>
      </c>
      <c r="F1712" s="1" t="s">
        <v>10</v>
      </c>
      <c r="G1712" s="1" t="s">
        <v>10</v>
      </c>
      <c r="H1712" s="1" t="s">
        <v>5869</v>
      </c>
      <c r="I1712" s="1" t="s">
        <v>3941</v>
      </c>
      <c r="J1712" s="1" t="s">
        <v>10</v>
      </c>
      <c r="K1712" s="1" t="s">
        <v>64</v>
      </c>
      <c r="L1712" s="1" t="s">
        <v>5867</v>
      </c>
      <c r="M1712" s="1" t="s">
        <v>5</v>
      </c>
      <c r="N1712" s="1" t="s">
        <v>6</v>
      </c>
      <c r="O1712" s="1" t="s">
        <v>8</v>
      </c>
      <c r="P1712" s="5" t="s">
        <v>31079</v>
      </c>
    </row>
    <row r="1713" spans="1:16" x14ac:dyDescent="0.2">
      <c r="A1713" s="1" t="s">
        <v>10</v>
      </c>
      <c r="B1713" s="1" t="s">
        <v>10</v>
      </c>
      <c r="C1713" s="1" t="s">
        <v>5871</v>
      </c>
      <c r="D1713" s="1" t="s">
        <v>10</v>
      </c>
      <c r="E1713" s="1" t="s">
        <v>10</v>
      </c>
      <c r="F1713" s="1" t="s">
        <v>10</v>
      </c>
      <c r="G1713" s="1" t="s">
        <v>10</v>
      </c>
      <c r="H1713" s="1" t="s">
        <v>5869</v>
      </c>
      <c r="I1713" s="1" t="s">
        <v>3941</v>
      </c>
      <c r="J1713" s="1" t="s">
        <v>10</v>
      </c>
      <c r="K1713" s="1" t="s">
        <v>64</v>
      </c>
      <c r="L1713" s="1" t="s">
        <v>5870</v>
      </c>
      <c r="M1713" s="1" t="s">
        <v>5</v>
      </c>
      <c r="N1713" s="1" t="s">
        <v>6</v>
      </c>
      <c r="O1713" s="1" t="s">
        <v>8</v>
      </c>
      <c r="P1713" s="5" t="s">
        <v>31079</v>
      </c>
    </row>
    <row r="1714" spans="1:16" x14ac:dyDescent="0.2">
      <c r="A1714" s="1" t="s">
        <v>10</v>
      </c>
      <c r="B1714" s="1" t="s">
        <v>10</v>
      </c>
      <c r="C1714" s="1" t="s">
        <v>5873</v>
      </c>
      <c r="D1714" s="1" t="s">
        <v>10</v>
      </c>
      <c r="E1714" s="1" t="s">
        <v>10</v>
      </c>
      <c r="F1714" s="1" t="s">
        <v>10</v>
      </c>
      <c r="G1714" s="1" t="s">
        <v>10</v>
      </c>
      <c r="H1714" s="1" t="s">
        <v>5813</v>
      </c>
      <c r="I1714" s="1" t="s">
        <v>3941</v>
      </c>
      <c r="J1714" s="1" t="s">
        <v>10</v>
      </c>
      <c r="K1714" s="1" t="s">
        <v>64</v>
      </c>
      <c r="L1714" s="1" t="s">
        <v>5872</v>
      </c>
      <c r="M1714" s="1" t="s">
        <v>5</v>
      </c>
      <c r="N1714" s="1" t="s">
        <v>6</v>
      </c>
      <c r="O1714" s="1" t="s">
        <v>8</v>
      </c>
      <c r="P1714" s="5" t="s">
        <v>30431</v>
      </c>
    </row>
    <row r="1715" spans="1:16" x14ac:dyDescent="0.2">
      <c r="A1715" s="1" t="s">
        <v>10</v>
      </c>
      <c r="B1715" s="1" t="s">
        <v>10</v>
      </c>
      <c r="C1715" s="1" t="s">
        <v>5875</v>
      </c>
      <c r="D1715" s="1" t="s">
        <v>10</v>
      </c>
      <c r="E1715" s="1" t="s">
        <v>10</v>
      </c>
      <c r="F1715" s="1" t="s">
        <v>10</v>
      </c>
      <c r="G1715" s="1" t="s">
        <v>10</v>
      </c>
      <c r="H1715" s="1" t="s">
        <v>2254</v>
      </c>
      <c r="I1715" s="1" t="s">
        <v>3941</v>
      </c>
      <c r="J1715" s="1" t="s">
        <v>10</v>
      </c>
      <c r="K1715" s="1" t="s">
        <v>64</v>
      </c>
      <c r="L1715" s="1" t="s">
        <v>5874</v>
      </c>
      <c r="M1715" s="1" t="s">
        <v>5</v>
      </c>
      <c r="N1715" s="1" t="s">
        <v>6</v>
      </c>
      <c r="O1715" s="1" t="s">
        <v>8</v>
      </c>
      <c r="P1715" s="5" t="s">
        <v>30431</v>
      </c>
    </row>
    <row r="1716" spans="1:16" x14ac:dyDescent="0.2">
      <c r="A1716" s="1" t="s">
        <v>10</v>
      </c>
      <c r="B1716" s="1" t="s">
        <v>10</v>
      </c>
      <c r="C1716" s="1" t="s">
        <v>5877</v>
      </c>
      <c r="D1716" s="1" t="s">
        <v>10</v>
      </c>
      <c r="E1716" s="1" t="s">
        <v>10</v>
      </c>
      <c r="F1716" s="1" t="s">
        <v>10</v>
      </c>
      <c r="G1716" s="1" t="s">
        <v>10</v>
      </c>
      <c r="H1716" s="1" t="s">
        <v>2254</v>
      </c>
      <c r="I1716" s="1" t="s">
        <v>3941</v>
      </c>
      <c r="J1716" s="1" t="s">
        <v>10</v>
      </c>
      <c r="K1716" s="1" t="s">
        <v>64</v>
      </c>
      <c r="L1716" s="1" t="s">
        <v>5876</v>
      </c>
      <c r="M1716" s="1" t="s">
        <v>5</v>
      </c>
      <c r="N1716" s="1" t="s">
        <v>6</v>
      </c>
      <c r="O1716" s="1" t="s">
        <v>8</v>
      </c>
      <c r="P1716" s="5" t="s">
        <v>30398</v>
      </c>
    </row>
    <row r="1717" spans="1:16" x14ac:dyDescent="0.2">
      <c r="A1717" s="1" t="s">
        <v>10</v>
      </c>
      <c r="B1717" s="1" t="s">
        <v>10</v>
      </c>
      <c r="C1717" s="1" t="s">
        <v>5879</v>
      </c>
      <c r="D1717" s="1" t="s">
        <v>10</v>
      </c>
      <c r="E1717" s="1" t="s">
        <v>10</v>
      </c>
      <c r="F1717" s="1" t="s">
        <v>10</v>
      </c>
      <c r="G1717" s="1" t="s">
        <v>10</v>
      </c>
      <c r="H1717" s="1" t="s">
        <v>2254</v>
      </c>
      <c r="I1717" s="1" t="s">
        <v>3941</v>
      </c>
      <c r="J1717" s="1" t="s">
        <v>10</v>
      </c>
      <c r="K1717" s="1" t="s">
        <v>64</v>
      </c>
      <c r="L1717" s="1" t="s">
        <v>5878</v>
      </c>
      <c r="M1717" s="1" t="s">
        <v>5</v>
      </c>
      <c r="N1717" s="1" t="s">
        <v>6</v>
      </c>
      <c r="O1717" s="1" t="s">
        <v>8</v>
      </c>
      <c r="P1717" s="5" t="s">
        <v>30398</v>
      </c>
    </row>
    <row r="1718" spans="1:16" x14ac:dyDescent="0.2">
      <c r="A1718" s="1" t="s">
        <v>10</v>
      </c>
      <c r="B1718" s="1" t="s">
        <v>10</v>
      </c>
      <c r="C1718" s="1" t="s">
        <v>5881</v>
      </c>
      <c r="D1718" s="1" t="s">
        <v>10</v>
      </c>
      <c r="E1718" s="1" t="s">
        <v>10</v>
      </c>
      <c r="F1718" s="1" t="s">
        <v>10</v>
      </c>
      <c r="G1718" s="1" t="s">
        <v>10</v>
      </c>
      <c r="H1718" s="1" t="s">
        <v>1896</v>
      </c>
      <c r="I1718" s="1" t="s">
        <v>3941</v>
      </c>
      <c r="J1718" s="1" t="s">
        <v>10</v>
      </c>
      <c r="K1718" s="1" t="s">
        <v>64</v>
      </c>
      <c r="L1718" s="1" t="s">
        <v>5880</v>
      </c>
      <c r="M1718" s="1" t="s">
        <v>5</v>
      </c>
      <c r="N1718" s="1" t="s">
        <v>6</v>
      </c>
      <c r="O1718" s="1" t="s">
        <v>8</v>
      </c>
      <c r="P1718" s="5" t="s">
        <v>30398</v>
      </c>
    </row>
    <row r="1719" spans="1:16" x14ac:dyDescent="0.2">
      <c r="A1719" s="1" t="s">
        <v>10</v>
      </c>
      <c r="B1719" s="1" t="s">
        <v>10</v>
      </c>
      <c r="C1719" s="1" t="s">
        <v>5883</v>
      </c>
      <c r="D1719" s="1" t="s">
        <v>10</v>
      </c>
      <c r="E1719" s="1" t="s">
        <v>10</v>
      </c>
      <c r="F1719" s="1" t="s">
        <v>10</v>
      </c>
      <c r="G1719" s="1" t="s">
        <v>10</v>
      </c>
      <c r="H1719" s="1" t="s">
        <v>5860</v>
      </c>
      <c r="I1719" s="1" t="s">
        <v>3941</v>
      </c>
      <c r="J1719" s="1" t="s">
        <v>10</v>
      </c>
      <c r="K1719" s="1" t="s">
        <v>64</v>
      </c>
      <c r="L1719" s="1" t="s">
        <v>5882</v>
      </c>
      <c r="M1719" s="1" t="s">
        <v>5</v>
      </c>
      <c r="N1719" s="1" t="s">
        <v>6</v>
      </c>
      <c r="O1719" s="1" t="s">
        <v>8</v>
      </c>
      <c r="P1719" s="5" t="s">
        <v>31079</v>
      </c>
    </row>
    <row r="1720" spans="1:16" x14ac:dyDescent="0.2">
      <c r="A1720" s="1" t="s">
        <v>10</v>
      </c>
      <c r="B1720" s="1" t="s">
        <v>10</v>
      </c>
      <c r="C1720" s="1" t="s">
        <v>5885</v>
      </c>
      <c r="D1720" s="1" t="s">
        <v>10</v>
      </c>
      <c r="E1720" s="1" t="s">
        <v>10</v>
      </c>
      <c r="F1720" s="1" t="s">
        <v>10</v>
      </c>
      <c r="G1720" s="1" t="s">
        <v>10</v>
      </c>
      <c r="H1720" s="1" t="s">
        <v>5869</v>
      </c>
      <c r="I1720" s="1" t="s">
        <v>3941</v>
      </c>
      <c r="J1720" s="1" t="s">
        <v>10</v>
      </c>
      <c r="K1720" s="1" t="s">
        <v>64</v>
      </c>
      <c r="L1720" s="1" t="s">
        <v>5884</v>
      </c>
      <c r="M1720" s="1" t="s">
        <v>5</v>
      </c>
      <c r="N1720" s="1" t="s">
        <v>6</v>
      </c>
      <c r="O1720" s="1" t="s">
        <v>8</v>
      </c>
      <c r="P1720" s="5" t="s">
        <v>30431</v>
      </c>
    </row>
    <row r="1721" spans="1:16" x14ac:dyDescent="0.2">
      <c r="A1721" s="1" t="s">
        <v>10</v>
      </c>
      <c r="B1721" s="1" t="s">
        <v>10</v>
      </c>
      <c r="C1721" s="1" t="s">
        <v>5887</v>
      </c>
      <c r="D1721" s="1" t="s">
        <v>10</v>
      </c>
      <c r="E1721" s="1" t="s">
        <v>10</v>
      </c>
      <c r="F1721" s="1" t="s">
        <v>10</v>
      </c>
      <c r="G1721" s="1" t="s">
        <v>10</v>
      </c>
      <c r="H1721" s="1" t="s">
        <v>5869</v>
      </c>
      <c r="I1721" s="1" t="s">
        <v>3941</v>
      </c>
      <c r="J1721" s="1" t="s">
        <v>10</v>
      </c>
      <c r="K1721" s="1" t="s">
        <v>64</v>
      </c>
      <c r="L1721" s="1" t="s">
        <v>5886</v>
      </c>
      <c r="M1721" s="1" t="s">
        <v>5</v>
      </c>
      <c r="N1721" s="1" t="s">
        <v>6</v>
      </c>
      <c r="O1721" s="1" t="s">
        <v>8</v>
      </c>
      <c r="P1721" s="5" t="s">
        <v>31079</v>
      </c>
    </row>
    <row r="1722" spans="1:16" x14ac:dyDescent="0.2">
      <c r="A1722" s="1" t="s">
        <v>10</v>
      </c>
      <c r="B1722" s="1" t="s">
        <v>10</v>
      </c>
      <c r="C1722" s="1" t="s">
        <v>5889</v>
      </c>
      <c r="D1722" s="1" t="s">
        <v>10</v>
      </c>
      <c r="E1722" s="1" t="s">
        <v>10</v>
      </c>
      <c r="F1722" s="1" t="s">
        <v>10</v>
      </c>
      <c r="G1722" s="1" t="s">
        <v>10</v>
      </c>
      <c r="H1722" s="1" t="s">
        <v>4366</v>
      </c>
      <c r="I1722" s="1" t="s">
        <v>3941</v>
      </c>
      <c r="J1722" s="1" t="s">
        <v>10</v>
      </c>
      <c r="K1722" s="1" t="s">
        <v>64</v>
      </c>
      <c r="L1722" s="1" t="s">
        <v>5888</v>
      </c>
      <c r="M1722" s="1" t="s">
        <v>5</v>
      </c>
      <c r="N1722" s="1" t="s">
        <v>6</v>
      </c>
      <c r="O1722" s="1" t="s">
        <v>8</v>
      </c>
      <c r="P1722" s="5" t="s">
        <v>31079</v>
      </c>
    </row>
    <row r="1723" spans="1:16" x14ac:dyDescent="0.2">
      <c r="A1723" s="1" t="s">
        <v>10</v>
      </c>
      <c r="B1723" s="1" t="s">
        <v>10</v>
      </c>
      <c r="C1723" s="1" t="s">
        <v>5891</v>
      </c>
      <c r="D1723" s="1" t="s">
        <v>10</v>
      </c>
      <c r="E1723" s="1" t="s">
        <v>10</v>
      </c>
      <c r="F1723" s="1" t="s">
        <v>10</v>
      </c>
      <c r="G1723" s="1" t="s">
        <v>10</v>
      </c>
      <c r="H1723" s="1" t="s">
        <v>4366</v>
      </c>
      <c r="I1723" s="1" t="s">
        <v>3941</v>
      </c>
      <c r="J1723" s="1" t="s">
        <v>10</v>
      </c>
      <c r="K1723" s="1" t="s">
        <v>64</v>
      </c>
      <c r="L1723" s="1" t="s">
        <v>5890</v>
      </c>
      <c r="M1723" s="1" t="s">
        <v>5</v>
      </c>
      <c r="N1723" s="1" t="s">
        <v>6</v>
      </c>
      <c r="O1723" s="1" t="s">
        <v>8</v>
      </c>
      <c r="P1723" s="5" t="s">
        <v>30431</v>
      </c>
    </row>
    <row r="1724" spans="1:16" x14ac:dyDescent="0.2">
      <c r="A1724" s="1" t="s">
        <v>10</v>
      </c>
      <c r="B1724" s="1" t="s">
        <v>10</v>
      </c>
      <c r="C1724" s="1" t="s">
        <v>5893</v>
      </c>
      <c r="D1724" s="1" t="s">
        <v>10</v>
      </c>
      <c r="E1724" s="1" t="s">
        <v>10</v>
      </c>
      <c r="F1724" s="1" t="s">
        <v>10</v>
      </c>
      <c r="G1724" s="1" t="s">
        <v>10</v>
      </c>
      <c r="H1724" s="1" t="s">
        <v>4366</v>
      </c>
      <c r="I1724" s="1" t="s">
        <v>3941</v>
      </c>
      <c r="J1724" s="1" t="s">
        <v>10</v>
      </c>
      <c r="K1724" s="1" t="s">
        <v>64</v>
      </c>
      <c r="L1724" s="1" t="s">
        <v>5892</v>
      </c>
      <c r="M1724" s="1" t="s">
        <v>5</v>
      </c>
      <c r="N1724" s="1" t="s">
        <v>6</v>
      </c>
      <c r="O1724" s="1" t="s">
        <v>8</v>
      </c>
      <c r="P1724" s="5" t="s">
        <v>30431</v>
      </c>
    </row>
    <row r="1725" spans="1:16" x14ac:dyDescent="0.2">
      <c r="A1725" s="1" t="s">
        <v>10</v>
      </c>
      <c r="B1725" s="1" t="s">
        <v>10</v>
      </c>
      <c r="C1725" s="1" t="s">
        <v>5895</v>
      </c>
      <c r="D1725" s="1" t="s">
        <v>10</v>
      </c>
      <c r="E1725" s="1" t="s">
        <v>10</v>
      </c>
      <c r="F1725" s="1" t="s">
        <v>10</v>
      </c>
      <c r="G1725" s="1" t="s">
        <v>10</v>
      </c>
      <c r="H1725" s="1" t="s">
        <v>4366</v>
      </c>
      <c r="I1725" s="1" t="s">
        <v>3941</v>
      </c>
      <c r="J1725" s="1" t="s">
        <v>10</v>
      </c>
      <c r="K1725" s="1" t="s">
        <v>64</v>
      </c>
      <c r="L1725" s="1" t="s">
        <v>5894</v>
      </c>
      <c r="M1725" s="1" t="s">
        <v>5</v>
      </c>
      <c r="N1725" s="1" t="s">
        <v>6</v>
      </c>
      <c r="O1725" s="1" t="s">
        <v>8</v>
      </c>
      <c r="P1725" s="5" t="s">
        <v>30431</v>
      </c>
    </row>
    <row r="1726" spans="1:16" x14ac:dyDescent="0.2">
      <c r="A1726" s="1" t="s">
        <v>10</v>
      </c>
      <c r="B1726" s="1" t="s">
        <v>10</v>
      </c>
      <c r="C1726" s="1" t="s">
        <v>5897</v>
      </c>
      <c r="D1726" s="1" t="s">
        <v>10</v>
      </c>
      <c r="E1726" s="1" t="s">
        <v>10</v>
      </c>
      <c r="F1726" s="1" t="s">
        <v>10</v>
      </c>
      <c r="G1726" s="1" t="s">
        <v>10</v>
      </c>
      <c r="H1726" s="1" t="s">
        <v>4366</v>
      </c>
      <c r="I1726" s="1" t="s">
        <v>3941</v>
      </c>
      <c r="J1726" s="1" t="s">
        <v>10</v>
      </c>
      <c r="K1726" s="1" t="s">
        <v>64</v>
      </c>
      <c r="L1726" s="1" t="s">
        <v>5896</v>
      </c>
      <c r="M1726" s="1" t="s">
        <v>5</v>
      </c>
      <c r="N1726" s="1" t="s">
        <v>6</v>
      </c>
      <c r="O1726" s="1" t="s">
        <v>8</v>
      </c>
      <c r="P1726" s="5" t="s">
        <v>30431</v>
      </c>
    </row>
    <row r="1727" spans="1:16" x14ac:dyDescent="0.2">
      <c r="A1727" s="1" t="s">
        <v>10</v>
      </c>
      <c r="B1727" s="1" t="s">
        <v>10</v>
      </c>
      <c r="C1727" s="1" t="s">
        <v>5899</v>
      </c>
      <c r="D1727" s="1" t="s">
        <v>10</v>
      </c>
      <c r="E1727" s="1" t="s">
        <v>10</v>
      </c>
      <c r="F1727" s="1" t="s">
        <v>10</v>
      </c>
      <c r="G1727" s="1" t="s">
        <v>10</v>
      </c>
      <c r="H1727" s="1" t="s">
        <v>4366</v>
      </c>
      <c r="I1727" s="1" t="s">
        <v>3941</v>
      </c>
      <c r="J1727" s="1" t="s">
        <v>10</v>
      </c>
      <c r="K1727" s="1" t="s">
        <v>64</v>
      </c>
      <c r="L1727" s="1" t="s">
        <v>5898</v>
      </c>
      <c r="M1727" s="1" t="s">
        <v>5</v>
      </c>
      <c r="N1727" s="1" t="s">
        <v>6</v>
      </c>
      <c r="O1727" s="1" t="s">
        <v>8</v>
      </c>
      <c r="P1727" s="5" t="s">
        <v>30431</v>
      </c>
    </row>
    <row r="1728" spans="1:16" x14ac:dyDescent="0.2">
      <c r="A1728" s="1" t="s">
        <v>10</v>
      </c>
      <c r="B1728" s="1" t="s">
        <v>10</v>
      </c>
      <c r="C1728" s="1" t="s">
        <v>5901</v>
      </c>
      <c r="D1728" s="1" t="s">
        <v>10</v>
      </c>
      <c r="E1728" s="1" t="s">
        <v>10</v>
      </c>
      <c r="F1728" s="1" t="s">
        <v>10</v>
      </c>
      <c r="G1728" s="1" t="s">
        <v>10</v>
      </c>
      <c r="H1728" s="1" t="s">
        <v>4366</v>
      </c>
      <c r="I1728" s="1" t="s">
        <v>3941</v>
      </c>
      <c r="J1728" s="1" t="s">
        <v>10</v>
      </c>
      <c r="K1728" s="1" t="s">
        <v>64</v>
      </c>
      <c r="L1728" s="1" t="s">
        <v>5900</v>
      </c>
      <c r="M1728" s="1" t="s">
        <v>5</v>
      </c>
      <c r="N1728" s="1" t="s">
        <v>6</v>
      </c>
      <c r="O1728" s="1" t="s">
        <v>8</v>
      </c>
      <c r="P1728" s="5" t="s">
        <v>31236</v>
      </c>
    </row>
    <row r="1729" spans="1:16" x14ac:dyDescent="0.2">
      <c r="A1729" s="1" t="s">
        <v>10</v>
      </c>
      <c r="B1729" s="1" t="s">
        <v>10</v>
      </c>
      <c r="C1729" s="1" t="s">
        <v>5903</v>
      </c>
      <c r="D1729" s="1" t="s">
        <v>10</v>
      </c>
      <c r="E1729" s="1" t="s">
        <v>10</v>
      </c>
      <c r="F1729" s="1" t="s">
        <v>10</v>
      </c>
      <c r="G1729" s="1" t="s">
        <v>10</v>
      </c>
      <c r="H1729" s="1" t="s">
        <v>4366</v>
      </c>
      <c r="I1729" s="1" t="s">
        <v>3941</v>
      </c>
      <c r="J1729" s="1" t="s">
        <v>10</v>
      </c>
      <c r="K1729" s="1" t="s">
        <v>64</v>
      </c>
      <c r="L1729" s="1" t="s">
        <v>5902</v>
      </c>
      <c r="M1729" s="1" t="s">
        <v>5</v>
      </c>
      <c r="N1729" s="1" t="s">
        <v>6</v>
      </c>
      <c r="O1729" s="1" t="s">
        <v>8</v>
      </c>
      <c r="P1729" s="5" t="s">
        <v>30431</v>
      </c>
    </row>
    <row r="1730" spans="1:16" x14ac:dyDescent="0.2">
      <c r="A1730" s="1" t="s">
        <v>10</v>
      </c>
      <c r="B1730" s="1" t="s">
        <v>10</v>
      </c>
      <c r="C1730" s="1" t="s">
        <v>5905</v>
      </c>
      <c r="D1730" s="1" t="s">
        <v>10</v>
      </c>
      <c r="E1730" s="1" t="s">
        <v>10</v>
      </c>
      <c r="F1730" s="1" t="s">
        <v>10</v>
      </c>
      <c r="G1730" s="1" t="s">
        <v>10</v>
      </c>
      <c r="H1730" s="1" t="s">
        <v>4366</v>
      </c>
      <c r="I1730" s="1" t="s">
        <v>3941</v>
      </c>
      <c r="J1730" s="1" t="s">
        <v>10</v>
      </c>
      <c r="K1730" s="1" t="s">
        <v>64</v>
      </c>
      <c r="L1730" s="1" t="s">
        <v>5904</v>
      </c>
      <c r="M1730" s="1" t="s">
        <v>5</v>
      </c>
      <c r="N1730" s="1" t="s">
        <v>6</v>
      </c>
      <c r="O1730" s="1" t="s">
        <v>8</v>
      </c>
      <c r="P1730" s="5" t="s">
        <v>30431</v>
      </c>
    </row>
    <row r="1731" spans="1:16" x14ac:dyDescent="0.2">
      <c r="A1731" s="1" t="s">
        <v>10</v>
      </c>
      <c r="B1731" s="1" t="s">
        <v>10</v>
      </c>
      <c r="C1731" s="1" t="s">
        <v>5907</v>
      </c>
      <c r="D1731" s="1" t="s">
        <v>10</v>
      </c>
      <c r="E1731" s="1" t="s">
        <v>10</v>
      </c>
      <c r="F1731" s="1" t="s">
        <v>10</v>
      </c>
      <c r="G1731" s="1" t="s">
        <v>10</v>
      </c>
      <c r="H1731" s="1" t="s">
        <v>4366</v>
      </c>
      <c r="I1731" s="1" t="s">
        <v>3941</v>
      </c>
      <c r="J1731" s="1" t="s">
        <v>10</v>
      </c>
      <c r="K1731" s="1" t="s">
        <v>64</v>
      </c>
      <c r="L1731" s="1" t="s">
        <v>5906</v>
      </c>
      <c r="M1731" s="1" t="s">
        <v>5</v>
      </c>
      <c r="N1731" s="1" t="s">
        <v>6</v>
      </c>
      <c r="O1731" s="1" t="s">
        <v>8</v>
      </c>
      <c r="P1731" s="5" t="s">
        <v>30431</v>
      </c>
    </row>
    <row r="1732" spans="1:16" x14ac:dyDescent="0.2">
      <c r="A1732" s="1" t="s">
        <v>10</v>
      </c>
      <c r="B1732" s="1" t="s">
        <v>10</v>
      </c>
      <c r="C1732" s="1" t="s">
        <v>5909</v>
      </c>
      <c r="D1732" s="1" t="s">
        <v>10</v>
      </c>
      <c r="E1732" s="1" t="s">
        <v>10</v>
      </c>
      <c r="F1732" s="1" t="s">
        <v>10</v>
      </c>
      <c r="G1732" s="1" t="s">
        <v>10</v>
      </c>
      <c r="H1732" s="1" t="s">
        <v>5910</v>
      </c>
      <c r="I1732" s="1" t="s">
        <v>3941</v>
      </c>
      <c r="J1732" s="1" t="s">
        <v>10</v>
      </c>
      <c r="K1732" s="1" t="s">
        <v>64</v>
      </c>
      <c r="L1732" s="1" t="s">
        <v>5908</v>
      </c>
      <c r="M1732" s="1" t="s">
        <v>5</v>
      </c>
      <c r="N1732" s="1" t="s">
        <v>6</v>
      </c>
      <c r="O1732" s="1" t="s">
        <v>8</v>
      </c>
      <c r="P1732" s="5" t="s">
        <v>30431</v>
      </c>
    </row>
    <row r="1733" spans="1:16" x14ac:dyDescent="0.2">
      <c r="A1733" s="1" t="s">
        <v>10</v>
      </c>
      <c r="B1733" s="1" t="s">
        <v>10</v>
      </c>
      <c r="C1733" s="1" t="s">
        <v>5912</v>
      </c>
      <c r="D1733" s="1" t="s">
        <v>10</v>
      </c>
      <c r="E1733" s="1" t="s">
        <v>10</v>
      </c>
      <c r="F1733" s="1" t="s">
        <v>10</v>
      </c>
      <c r="G1733" s="1" t="s">
        <v>10</v>
      </c>
      <c r="H1733" s="1" t="s">
        <v>5218</v>
      </c>
      <c r="I1733" s="1" t="s">
        <v>3941</v>
      </c>
      <c r="J1733" s="1" t="s">
        <v>10</v>
      </c>
      <c r="K1733" s="1" t="s">
        <v>64</v>
      </c>
      <c r="L1733" s="1" t="s">
        <v>5911</v>
      </c>
      <c r="M1733" s="1" t="s">
        <v>5</v>
      </c>
      <c r="N1733" s="1" t="s">
        <v>6</v>
      </c>
      <c r="O1733" s="1" t="s">
        <v>8</v>
      </c>
      <c r="P1733" s="5" t="s">
        <v>30431</v>
      </c>
    </row>
    <row r="1734" spans="1:16" x14ac:dyDescent="0.2">
      <c r="A1734" s="1" t="s">
        <v>10</v>
      </c>
      <c r="B1734" s="1" t="s">
        <v>10</v>
      </c>
      <c r="C1734" s="1" t="s">
        <v>5914</v>
      </c>
      <c r="D1734" s="1" t="s">
        <v>10</v>
      </c>
      <c r="E1734" s="1" t="s">
        <v>10</v>
      </c>
      <c r="F1734" s="1" t="s">
        <v>10</v>
      </c>
      <c r="G1734" s="1" t="s">
        <v>10</v>
      </c>
      <c r="H1734" s="1" t="s">
        <v>5218</v>
      </c>
      <c r="I1734" s="1" t="s">
        <v>3941</v>
      </c>
      <c r="J1734" s="1" t="s">
        <v>10</v>
      </c>
      <c r="K1734" s="1" t="s">
        <v>64</v>
      </c>
      <c r="L1734" s="1" t="s">
        <v>5913</v>
      </c>
      <c r="M1734" s="1" t="s">
        <v>5</v>
      </c>
      <c r="N1734" s="1" t="s">
        <v>6</v>
      </c>
      <c r="O1734" s="1" t="s">
        <v>8</v>
      </c>
      <c r="P1734" s="5" t="s">
        <v>30431</v>
      </c>
    </row>
    <row r="1735" spans="1:16" x14ac:dyDescent="0.2">
      <c r="A1735" s="1" t="s">
        <v>10</v>
      </c>
      <c r="B1735" s="1" t="s">
        <v>10</v>
      </c>
      <c r="C1735" s="1" t="s">
        <v>5916</v>
      </c>
      <c r="D1735" s="1" t="s">
        <v>10</v>
      </c>
      <c r="E1735" s="1" t="s">
        <v>10</v>
      </c>
      <c r="F1735" s="1" t="s">
        <v>10</v>
      </c>
      <c r="G1735" s="1" t="s">
        <v>10</v>
      </c>
      <c r="H1735" s="1" t="s">
        <v>5218</v>
      </c>
      <c r="I1735" s="1" t="s">
        <v>3941</v>
      </c>
      <c r="J1735" s="1" t="s">
        <v>10</v>
      </c>
      <c r="K1735" s="1" t="s">
        <v>64</v>
      </c>
      <c r="L1735" s="1" t="s">
        <v>5915</v>
      </c>
      <c r="M1735" s="1" t="s">
        <v>5</v>
      </c>
      <c r="N1735" s="1" t="s">
        <v>6</v>
      </c>
      <c r="O1735" s="1" t="s">
        <v>8</v>
      </c>
      <c r="P1735" s="5" t="s">
        <v>30431</v>
      </c>
    </row>
    <row r="1736" spans="1:16" x14ac:dyDescent="0.2">
      <c r="A1736" s="1" t="s">
        <v>10</v>
      </c>
      <c r="B1736" s="1" t="s">
        <v>10</v>
      </c>
      <c r="C1736" s="1" t="s">
        <v>5918</v>
      </c>
      <c r="D1736" s="1" t="s">
        <v>10</v>
      </c>
      <c r="E1736" s="1" t="s">
        <v>10</v>
      </c>
      <c r="F1736" s="1" t="s">
        <v>10</v>
      </c>
      <c r="G1736" s="1" t="s">
        <v>10</v>
      </c>
      <c r="H1736" s="1" t="s">
        <v>5218</v>
      </c>
      <c r="I1736" s="1" t="s">
        <v>3941</v>
      </c>
      <c r="J1736" s="1" t="s">
        <v>10</v>
      </c>
      <c r="K1736" s="1" t="s">
        <v>64</v>
      </c>
      <c r="L1736" s="1" t="s">
        <v>5917</v>
      </c>
      <c r="M1736" s="1" t="s">
        <v>5</v>
      </c>
      <c r="N1736" s="1" t="s">
        <v>6</v>
      </c>
      <c r="O1736" s="1" t="s">
        <v>8</v>
      </c>
      <c r="P1736" s="5" t="s">
        <v>30431</v>
      </c>
    </row>
    <row r="1737" spans="1:16" x14ac:dyDescent="0.2">
      <c r="A1737" s="1" t="s">
        <v>10</v>
      </c>
      <c r="B1737" s="1" t="s">
        <v>10</v>
      </c>
      <c r="C1737" s="1" t="s">
        <v>5920</v>
      </c>
      <c r="D1737" s="1" t="s">
        <v>10</v>
      </c>
      <c r="E1737" s="1" t="s">
        <v>10</v>
      </c>
      <c r="F1737" s="1" t="s">
        <v>10</v>
      </c>
      <c r="G1737" s="1" t="s">
        <v>10</v>
      </c>
      <c r="H1737" s="1" t="s">
        <v>5921</v>
      </c>
      <c r="I1737" s="1" t="s">
        <v>3941</v>
      </c>
      <c r="J1737" s="1" t="s">
        <v>10</v>
      </c>
      <c r="K1737" s="1" t="s">
        <v>64</v>
      </c>
      <c r="L1737" s="1" t="s">
        <v>5919</v>
      </c>
      <c r="M1737" s="1" t="s">
        <v>5</v>
      </c>
      <c r="N1737" s="1" t="s">
        <v>6</v>
      </c>
      <c r="O1737" s="1" t="s">
        <v>8</v>
      </c>
      <c r="P1737" s="5" t="s">
        <v>30431</v>
      </c>
    </row>
    <row r="1738" spans="1:16" x14ac:dyDescent="0.2">
      <c r="A1738" s="1" t="s">
        <v>10</v>
      </c>
      <c r="B1738" s="1" t="s">
        <v>10</v>
      </c>
      <c r="C1738" s="1" t="s">
        <v>5923</v>
      </c>
      <c r="D1738" s="1" t="s">
        <v>10</v>
      </c>
      <c r="E1738" s="1" t="s">
        <v>10</v>
      </c>
      <c r="F1738" s="1" t="s">
        <v>10</v>
      </c>
      <c r="G1738" s="1" t="s">
        <v>10</v>
      </c>
      <c r="H1738" s="1" t="s">
        <v>5924</v>
      </c>
      <c r="I1738" s="1" t="s">
        <v>3941</v>
      </c>
      <c r="J1738" s="1" t="s">
        <v>10</v>
      </c>
      <c r="K1738" s="1" t="s">
        <v>64</v>
      </c>
      <c r="L1738" s="1" t="s">
        <v>5922</v>
      </c>
      <c r="M1738" s="1" t="s">
        <v>5</v>
      </c>
      <c r="N1738" s="1" t="s">
        <v>6</v>
      </c>
      <c r="O1738" s="1" t="s">
        <v>8</v>
      </c>
      <c r="P1738" s="5" t="s">
        <v>30431</v>
      </c>
    </row>
    <row r="1739" spans="1:16" x14ac:dyDescent="0.2">
      <c r="A1739" s="1" t="s">
        <v>10</v>
      </c>
      <c r="B1739" s="1" t="s">
        <v>10</v>
      </c>
      <c r="C1739" s="1" t="s">
        <v>5926</v>
      </c>
      <c r="D1739" s="1" t="s">
        <v>10</v>
      </c>
      <c r="E1739" s="1" t="s">
        <v>10</v>
      </c>
      <c r="F1739" s="1" t="s">
        <v>10</v>
      </c>
      <c r="G1739" s="1" t="s">
        <v>10</v>
      </c>
      <c r="H1739" s="1" t="s">
        <v>5927</v>
      </c>
      <c r="I1739" s="1" t="s">
        <v>3941</v>
      </c>
      <c r="J1739" s="1" t="s">
        <v>10</v>
      </c>
      <c r="K1739" s="1" t="s">
        <v>64</v>
      </c>
      <c r="L1739" s="1" t="s">
        <v>5925</v>
      </c>
      <c r="M1739" s="1" t="s">
        <v>5</v>
      </c>
      <c r="N1739" s="1" t="s">
        <v>6</v>
      </c>
      <c r="O1739" s="1" t="s">
        <v>8</v>
      </c>
      <c r="P1739" s="5" t="s">
        <v>30431</v>
      </c>
    </row>
    <row r="1740" spans="1:16" x14ac:dyDescent="0.2">
      <c r="A1740" s="1" t="s">
        <v>10</v>
      </c>
      <c r="B1740" s="1" t="s">
        <v>10</v>
      </c>
      <c r="C1740" s="1" t="s">
        <v>5929</v>
      </c>
      <c r="D1740" s="1" t="s">
        <v>10</v>
      </c>
      <c r="E1740" s="1" t="s">
        <v>10</v>
      </c>
      <c r="F1740" s="1" t="s">
        <v>10</v>
      </c>
      <c r="G1740" s="1" t="s">
        <v>10</v>
      </c>
      <c r="H1740" s="1" t="s">
        <v>5927</v>
      </c>
      <c r="I1740" s="1" t="s">
        <v>3941</v>
      </c>
      <c r="J1740" s="1" t="s">
        <v>10</v>
      </c>
      <c r="K1740" s="1" t="s">
        <v>64</v>
      </c>
      <c r="L1740" s="1" t="s">
        <v>5928</v>
      </c>
      <c r="M1740" s="1" t="s">
        <v>5</v>
      </c>
      <c r="N1740" s="1" t="s">
        <v>6</v>
      </c>
      <c r="O1740" s="1" t="s">
        <v>8</v>
      </c>
      <c r="P1740" s="5" t="s">
        <v>30431</v>
      </c>
    </row>
    <row r="1741" spans="1:16" x14ac:dyDescent="0.2">
      <c r="A1741" s="1" t="s">
        <v>10</v>
      </c>
      <c r="B1741" s="1" t="s">
        <v>10</v>
      </c>
      <c r="C1741" s="1" t="s">
        <v>5931</v>
      </c>
      <c r="D1741" s="1" t="s">
        <v>10</v>
      </c>
      <c r="E1741" s="1" t="s">
        <v>10</v>
      </c>
      <c r="F1741" s="1" t="s">
        <v>10</v>
      </c>
      <c r="G1741" s="1" t="s">
        <v>10</v>
      </c>
      <c r="H1741" s="1" t="s">
        <v>5927</v>
      </c>
      <c r="I1741" s="1" t="s">
        <v>3941</v>
      </c>
      <c r="J1741" s="1" t="s">
        <v>10</v>
      </c>
      <c r="K1741" s="1" t="s">
        <v>64</v>
      </c>
      <c r="L1741" s="1" t="s">
        <v>5930</v>
      </c>
      <c r="M1741" s="1" t="s">
        <v>5</v>
      </c>
      <c r="N1741" s="1" t="s">
        <v>6</v>
      </c>
      <c r="O1741" s="1" t="s">
        <v>8</v>
      </c>
      <c r="P1741" s="5" t="s">
        <v>30431</v>
      </c>
    </row>
    <row r="1742" spans="1:16" x14ac:dyDescent="0.2">
      <c r="A1742" s="1" t="s">
        <v>10</v>
      </c>
      <c r="B1742" s="1" t="s">
        <v>10</v>
      </c>
      <c r="C1742" s="1" t="s">
        <v>5933</v>
      </c>
      <c r="D1742" s="1" t="s">
        <v>5934</v>
      </c>
      <c r="E1742" s="1" t="s">
        <v>5935</v>
      </c>
      <c r="F1742" s="1" t="s">
        <v>10</v>
      </c>
      <c r="G1742" s="1" t="s">
        <v>10</v>
      </c>
      <c r="H1742" s="1" t="s">
        <v>10</v>
      </c>
      <c r="I1742" s="1" t="s">
        <v>3941</v>
      </c>
      <c r="J1742" s="1" t="s">
        <v>10</v>
      </c>
      <c r="K1742" s="1" t="s">
        <v>64</v>
      </c>
      <c r="L1742" s="1" t="s">
        <v>5932</v>
      </c>
      <c r="M1742" s="1" t="s">
        <v>5</v>
      </c>
      <c r="N1742" s="1" t="s">
        <v>6</v>
      </c>
      <c r="O1742" s="1" t="s">
        <v>8</v>
      </c>
      <c r="P1742" s="5" t="s">
        <v>30431</v>
      </c>
    </row>
    <row r="1743" spans="1:16" x14ac:dyDescent="0.2">
      <c r="A1743" s="1" t="s">
        <v>10</v>
      </c>
      <c r="B1743" s="1" t="s">
        <v>10</v>
      </c>
      <c r="C1743" s="1" t="s">
        <v>5937</v>
      </c>
      <c r="D1743" s="1" t="s">
        <v>10</v>
      </c>
      <c r="E1743" s="1" t="s">
        <v>5938</v>
      </c>
      <c r="F1743" s="1" t="s">
        <v>10</v>
      </c>
      <c r="G1743" s="1" t="s">
        <v>10</v>
      </c>
      <c r="H1743" s="1" t="s">
        <v>10</v>
      </c>
      <c r="I1743" s="1" t="s">
        <v>3941</v>
      </c>
      <c r="J1743" s="1" t="s">
        <v>10</v>
      </c>
      <c r="K1743" s="1" t="s">
        <v>64</v>
      </c>
      <c r="L1743" s="1" t="s">
        <v>5936</v>
      </c>
      <c r="M1743" s="1" t="s">
        <v>5</v>
      </c>
      <c r="N1743" s="1" t="s">
        <v>6</v>
      </c>
      <c r="O1743" s="1" t="s">
        <v>8</v>
      </c>
      <c r="P1743" s="5" t="s">
        <v>30431</v>
      </c>
    </row>
    <row r="1744" spans="1:16" x14ac:dyDescent="0.2">
      <c r="A1744" s="1" t="s">
        <v>10</v>
      </c>
      <c r="B1744" s="1" t="s">
        <v>10</v>
      </c>
      <c r="C1744" s="1" t="s">
        <v>5940</v>
      </c>
      <c r="D1744" s="1" t="s">
        <v>5941</v>
      </c>
      <c r="E1744" s="1" t="s">
        <v>5942</v>
      </c>
      <c r="F1744" s="1" t="s">
        <v>10</v>
      </c>
      <c r="G1744" s="1" t="s">
        <v>10</v>
      </c>
      <c r="H1744" s="1" t="s">
        <v>10</v>
      </c>
      <c r="I1744" s="1" t="s">
        <v>3941</v>
      </c>
      <c r="J1744" s="1" t="s">
        <v>10</v>
      </c>
      <c r="K1744" s="1" t="s">
        <v>64</v>
      </c>
      <c r="L1744" s="1" t="s">
        <v>5939</v>
      </c>
      <c r="M1744" s="1" t="s">
        <v>5</v>
      </c>
      <c r="N1744" s="1" t="s">
        <v>6</v>
      </c>
      <c r="O1744" s="1" t="s">
        <v>8</v>
      </c>
      <c r="P1744" s="5" t="s">
        <v>30431</v>
      </c>
    </row>
    <row r="1745" spans="1:16" x14ac:dyDescent="0.2">
      <c r="A1745" s="1" t="s">
        <v>10</v>
      </c>
      <c r="B1745" s="1" t="s">
        <v>10</v>
      </c>
      <c r="C1745" s="1" t="s">
        <v>5944</v>
      </c>
      <c r="D1745" s="1" t="s">
        <v>5945</v>
      </c>
      <c r="E1745" s="1" t="s">
        <v>5946</v>
      </c>
      <c r="F1745" s="1" t="s">
        <v>10</v>
      </c>
      <c r="G1745" s="1" t="s">
        <v>10</v>
      </c>
      <c r="H1745" s="1" t="s">
        <v>10</v>
      </c>
      <c r="I1745" s="1" t="s">
        <v>3941</v>
      </c>
      <c r="J1745" s="1" t="s">
        <v>10</v>
      </c>
      <c r="K1745" s="1" t="s">
        <v>64</v>
      </c>
      <c r="L1745" s="1" t="s">
        <v>5943</v>
      </c>
      <c r="M1745" s="1" t="s">
        <v>5</v>
      </c>
      <c r="N1745" s="1" t="s">
        <v>6</v>
      </c>
      <c r="O1745" s="1" t="s">
        <v>8</v>
      </c>
      <c r="P1745" s="5" t="s">
        <v>30431</v>
      </c>
    </row>
    <row r="1746" spans="1:16" x14ac:dyDescent="0.2">
      <c r="A1746" s="1" t="s">
        <v>10</v>
      </c>
      <c r="B1746" s="1" t="s">
        <v>10</v>
      </c>
      <c r="C1746" s="1" t="s">
        <v>5948</v>
      </c>
      <c r="D1746" s="1" t="s">
        <v>5949</v>
      </c>
      <c r="E1746" s="1" t="s">
        <v>5950</v>
      </c>
      <c r="F1746" s="1" t="s">
        <v>10</v>
      </c>
      <c r="G1746" s="1" t="s">
        <v>10</v>
      </c>
      <c r="H1746" s="1" t="s">
        <v>10</v>
      </c>
      <c r="I1746" s="1" t="s">
        <v>3941</v>
      </c>
      <c r="J1746" s="1" t="s">
        <v>10</v>
      </c>
      <c r="K1746" s="1" t="s">
        <v>64</v>
      </c>
      <c r="L1746" s="1" t="s">
        <v>5947</v>
      </c>
      <c r="M1746" s="1" t="s">
        <v>5</v>
      </c>
      <c r="N1746" s="1" t="s">
        <v>6</v>
      </c>
      <c r="O1746" s="1" t="s">
        <v>8</v>
      </c>
      <c r="P1746" s="5" t="s">
        <v>30431</v>
      </c>
    </row>
    <row r="1747" spans="1:16" x14ac:dyDescent="0.2">
      <c r="A1747" s="1" t="s">
        <v>10</v>
      </c>
      <c r="B1747" s="1" t="s">
        <v>10</v>
      </c>
      <c r="C1747" s="1" t="s">
        <v>5952</v>
      </c>
      <c r="D1747" s="1" t="s">
        <v>5953</v>
      </c>
      <c r="E1747" s="1" t="s">
        <v>5954</v>
      </c>
      <c r="F1747" s="1" t="s">
        <v>10</v>
      </c>
      <c r="G1747" s="1" t="s">
        <v>10</v>
      </c>
      <c r="H1747" s="1" t="s">
        <v>10</v>
      </c>
      <c r="I1747" s="1" t="s">
        <v>3941</v>
      </c>
      <c r="J1747" s="1" t="s">
        <v>10</v>
      </c>
      <c r="K1747" s="1" t="s">
        <v>64</v>
      </c>
      <c r="L1747" s="1" t="s">
        <v>5951</v>
      </c>
      <c r="M1747" s="1" t="s">
        <v>5</v>
      </c>
      <c r="N1747" s="1" t="s">
        <v>6</v>
      </c>
      <c r="O1747" s="1" t="s">
        <v>8</v>
      </c>
      <c r="P1747" s="5" t="s">
        <v>30431</v>
      </c>
    </row>
    <row r="1748" spans="1:16" x14ac:dyDescent="0.2">
      <c r="A1748" s="1" t="s">
        <v>10</v>
      </c>
      <c r="B1748" s="1" t="s">
        <v>10</v>
      </c>
      <c r="C1748" s="1" t="s">
        <v>5956</v>
      </c>
      <c r="D1748" s="1" t="s">
        <v>5957</v>
      </c>
      <c r="E1748" s="1" t="s">
        <v>5958</v>
      </c>
      <c r="F1748" s="1" t="s">
        <v>10</v>
      </c>
      <c r="G1748" s="1" t="s">
        <v>10</v>
      </c>
      <c r="H1748" s="1" t="s">
        <v>10</v>
      </c>
      <c r="I1748" s="1" t="s">
        <v>3941</v>
      </c>
      <c r="J1748" s="1" t="s">
        <v>10</v>
      </c>
      <c r="K1748" s="1" t="s">
        <v>64</v>
      </c>
      <c r="L1748" s="1" t="s">
        <v>5955</v>
      </c>
      <c r="M1748" s="1" t="s">
        <v>5</v>
      </c>
      <c r="N1748" s="1" t="s">
        <v>6</v>
      </c>
      <c r="O1748" s="1" t="s">
        <v>8</v>
      </c>
      <c r="P1748" s="5" t="s">
        <v>30431</v>
      </c>
    </row>
    <row r="1749" spans="1:16" x14ac:dyDescent="0.2">
      <c r="A1749" s="1" t="s">
        <v>10</v>
      </c>
      <c r="B1749" s="1" t="s">
        <v>10</v>
      </c>
      <c r="C1749" s="1" t="s">
        <v>5960</v>
      </c>
      <c r="D1749" s="1" t="s">
        <v>5961</v>
      </c>
      <c r="E1749" s="1" t="s">
        <v>5962</v>
      </c>
      <c r="F1749" s="1" t="s">
        <v>10</v>
      </c>
      <c r="G1749" s="1" t="s">
        <v>10</v>
      </c>
      <c r="H1749" s="1" t="s">
        <v>10</v>
      </c>
      <c r="I1749" s="1" t="s">
        <v>3941</v>
      </c>
      <c r="J1749" s="1" t="s">
        <v>10</v>
      </c>
      <c r="K1749" s="1" t="s">
        <v>64</v>
      </c>
      <c r="L1749" s="1" t="s">
        <v>5959</v>
      </c>
      <c r="M1749" s="1" t="s">
        <v>5</v>
      </c>
      <c r="N1749" s="1" t="s">
        <v>6</v>
      </c>
      <c r="O1749" s="1" t="s">
        <v>8</v>
      </c>
      <c r="P1749" s="5" t="s">
        <v>30431</v>
      </c>
    </row>
    <row r="1750" spans="1:16" x14ac:dyDescent="0.2">
      <c r="A1750" s="1" t="s">
        <v>10</v>
      </c>
      <c r="B1750" s="1" t="s">
        <v>10</v>
      </c>
      <c r="C1750" s="1" t="s">
        <v>5964</v>
      </c>
      <c r="D1750" s="1" t="s">
        <v>5965</v>
      </c>
      <c r="E1750" s="1" t="s">
        <v>5966</v>
      </c>
      <c r="F1750" s="1" t="s">
        <v>10</v>
      </c>
      <c r="G1750" s="1" t="s">
        <v>10</v>
      </c>
      <c r="H1750" s="1" t="s">
        <v>10</v>
      </c>
      <c r="I1750" s="1" t="s">
        <v>3941</v>
      </c>
      <c r="J1750" s="1" t="s">
        <v>10</v>
      </c>
      <c r="K1750" s="1" t="s">
        <v>64</v>
      </c>
      <c r="L1750" s="1" t="s">
        <v>5963</v>
      </c>
      <c r="M1750" s="1" t="s">
        <v>5</v>
      </c>
      <c r="N1750" s="1" t="s">
        <v>6</v>
      </c>
      <c r="O1750" s="1" t="s">
        <v>8</v>
      </c>
      <c r="P1750" s="5" t="s">
        <v>30431</v>
      </c>
    </row>
    <row r="1751" spans="1:16" x14ac:dyDescent="0.2">
      <c r="A1751" s="1" t="s">
        <v>10</v>
      </c>
      <c r="B1751" s="1" t="s">
        <v>10</v>
      </c>
      <c r="C1751" s="1" t="s">
        <v>5968</v>
      </c>
      <c r="D1751" s="1" t="s">
        <v>5969</v>
      </c>
      <c r="E1751" s="1" t="s">
        <v>5970</v>
      </c>
      <c r="F1751" s="1" t="s">
        <v>10</v>
      </c>
      <c r="G1751" s="1" t="s">
        <v>10</v>
      </c>
      <c r="H1751" s="1" t="s">
        <v>10</v>
      </c>
      <c r="I1751" s="1" t="s">
        <v>3941</v>
      </c>
      <c r="J1751" s="1" t="s">
        <v>10</v>
      </c>
      <c r="K1751" s="1" t="s">
        <v>64</v>
      </c>
      <c r="L1751" s="1" t="s">
        <v>5967</v>
      </c>
      <c r="M1751" s="1" t="s">
        <v>5</v>
      </c>
      <c r="N1751" s="1" t="s">
        <v>6</v>
      </c>
      <c r="O1751" s="1" t="s">
        <v>8</v>
      </c>
      <c r="P1751" s="5" t="s">
        <v>30431</v>
      </c>
    </row>
    <row r="1752" spans="1:16" x14ac:dyDescent="0.2">
      <c r="A1752" s="1" t="s">
        <v>10</v>
      </c>
      <c r="B1752" s="1" t="s">
        <v>10</v>
      </c>
      <c r="C1752" s="1" t="s">
        <v>5972</v>
      </c>
      <c r="D1752" s="1" t="s">
        <v>5973</v>
      </c>
      <c r="E1752" s="1" t="s">
        <v>5974</v>
      </c>
      <c r="F1752" s="1" t="s">
        <v>10</v>
      </c>
      <c r="G1752" s="1" t="s">
        <v>10</v>
      </c>
      <c r="H1752" s="1" t="s">
        <v>10</v>
      </c>
      <c r="I1752" s="1" t="s">
        <v>3941</v>
      </c>
      <c r="J1752" s="1" t="s">
        <v>10</v>
      </c>
      <c r="K1752" s="1" t="s">
        <v>64</v>
      </c>
      <c r="L1752" s="1" t="s">
        <v>5971</v>
      </c>
      <c r="M1752" s="1" t="s">
        <v>5</v>
      </c>
      <c r="N1752" s="1" t="s">
        <v>6</v>
      </c>
      <c r="O1752" s="1" t="s">
        <v>8</v>
      </c>
      <c r="P1752" s="5" t="s">
        <v>30431</v>
      </c>
    </row>
    <row r="1753" spans="1:16" x14ac:dyDescent="0.2">
      <c r="A1753" s="1" t="s">
        <v>10</v>
      </c>
      <c r="B1753" s="1" t="s">
        <v>10</v>
      </c>
      <c r="C1753" s="1" t="s">
        <v>5976</v>
      </c>
      <c r="D1753" s="1" t="s">
        <v>5977</v>
      </c>
      <c r="E1753" s="1" t="s">
        <v>5978</v>
      </c>
      <c r="F1753" s="1" t="s">
        <v>10</v>
      </c>
      <c r="G1753" s="1" t="s">
        <v>10</v>
      </c>
      <c r="H1753" s="1" t="s">
        <v>10</v>
      </c>
      <c r="I1753" s="1" t="s">
        <v>3941</v>
      </c>
      <c r="J1753" s="1" t="s">
        <v>10</v>
      </c>
      <c r="K1753" s="1" t="s">
        <v>64</v>
      </c>
      <c r="L1753" s="1" t="s">
        <v>5975</v>
      </c>
      <c r="M1753" s="1" t="s">
        <v>5</v>
      </c>
      <c r="N1753" s="1" t="s">
        <v>6</v>
      </c>
      <c r="O1753" s="1" t="s">
        <v>8</v>
      </c>
      <c r="P1753" s="5" t="s">
        <v>30431</v>
      </c>
    </row>
    <row r="1754" spans="1:16" x14ac:dyDescent="0.2">
      <c r="A1754" s="1" t="s">
        <v>10</v>
      </c>
      <c r="B1754" s="1" t="s">
        <v>10</v>
      </c>
      <c r="C1754" s="1" t="s">
        <v>5980</v>
      </c>
      <c r="D1754" s="1" t="s">
        <v>5981</v>
      </c>
      <c r="E1754" s="1" t="s">
        <v>5982</v>
      </c>
      <c r="F1754" s="1" t="s">
        <v>10</v>
      </c>
      <c r="G1754" s="1" t="s">
        <v>10</v>
      </c>
      <c r="H1754" s="1" t="s">
        <v>10</v>
      </c>
      <c r="I1754" s="1" t="s">
        <v>3941</v>
      </c>
      <c r="J1754" s="1" t="s">
        <v>10</v>
      </c>
      <c r="K1754" s="1" t="s">
        <v>64</v>
      </c>
      <c r="L1754" s="1" t="s">
        <v>5979</v>
      </c>
      <c r="M1754" s="1" t="s">
        <v>5</v>
      </c>
      <c r="N1754" s="1" t="s">
        <v>6</v>
      </c>
      <c r="O1754" s="1" t="s">
        <v>8</v>
      </c>
      <c r="P1754" s="5" t="s">
        <v>30431</v>
      </c>
    </row>
    <row r="1755" spans="1:16" x14ac:dyDescent="0.2">
      <c r="A1755" s="1" t="s">
        <v>10</v>
      </c>
      <c r="B1755" s="1" t="s">
        <v>10</v>
      </c>
      <c r="C1755" s="1" t="s">
        <v>5984</v>
      </c>
      <c r="D1755" s="1" t="s">
        <v>5985</v>
      </c>
      <c r="E1755" s="1" t="s">
        <v>5986</v>
      </c>
      <c r="F1755" s="1" t="s">
        <v>10</v>
      </c>
      <c r="G1755" s="1" t="s">
        <v>10</v>
      </c>
      <c r="H1755" s="1" t="s">
        <v>10</v>
      </c>
      <c r="I1755" s="1" t="s">
        <v>3941</v>
      </c>
      <c r="J1755" s="1" t="s">
        <v>10</v>
      </c>
      <c r="K1755" s="1" t="s">
        <v>64</v>
      </c>
      <c r="L1755" s="1" t="s">
        <v>5983</v>
      </c>
      <c r="M1755" s="1" t="s">
        <v>5</v>
      </c>
      <c r="N1755" s="1" t="s">
        <v>6</v>
      </c>
      <c r="O1755" s="1" t="s">
        <v>8</v>
      </c>
      <c r="P1755" s="5" t="s">
        <v>30431</v>
      </c>
    </row>
    <row r="1756" spans="1:16" x14ac:dyDescent="0.2">
      <c r="A1756" s="1" t="s">
        <v>10</v>
      </c>
      <c r="B1756" s="1" t="s">
        <v>10</v>
      </c>
      <c r="C1756" s="1" t="s">
        <v>5988</v>
      </c>
      <c r="D1756" s="1" t="s">
        <v>5989</v>
      </c>
      <c r="E1756" s="1" t="s">
        <v>5990</v>
      </c>
      <c r="F1756" s="1" t="s">
        <v>10</v>
      </c>
      <c r="G1756" s="1" t="s">
        <v>10</v>
      </c>
      <c r="H1756" s="1" t="s">
        <v>10</v>
      </c>
      <c r="I1756" s="1" t="s">
        <v>3941</v>
      </c>
      <c r="J1756" s="1" t="s">
        <v>10</v>
      </c>
      <c r="K1756" s="1" t="s">
        <v>64</v>
      </c>
      <c r="L1756" s="1" t="s">
        <v>5987</v>
      </c>
      <c r="M1756" s="1" t="s">
        <v>5</v>
      </c>
      <c r="N1756" s="1" t="s">
        <v>6</v>
      </c>
      <c r="O1756" s="1" t="s">
        <v>8</v>
      </c>
      <c r="P1756" s="5" t="s">
        <v>30431</v>
      </c>
    </row>
    <row r="1757" spans="1:16" x14ac:dyDescent="0.2">
      <c r="A1757" s="1" t="s">
        <v>10</v>
      </c>
      <c r="B1757" s="1" t="s">
        <v>10</v>
      </c>
      <c r="C1757" s="1" t="s">
        <v>5992</v>
      </c>
      <c r="D1757" s="1" t="s">
        <v>5993</v>
      </c>
      <c r="E1757" s="1" t="s">
        <v>5994</v>
      </c>
      <c r="F1757" s="1" t="s">
        <v>10</v>
      </c>
      <c r="G1757" s="1" t="s">
        <v>10</v>
      </c>
      <c r="H1757" s="1" t="s">
        <v>10</v>
      </c>
      <c r="I1757" s="1" t="s">
        <v>3941</v>
      </c>
      <c r="J1757" s="1" t="s">
        <v>10</v>
      </c>
      <c r="K1757" s="1" t="s">
        <v>64</v>
      </c>
      <c r="L1757" s="1" t="s">
        <v>5991</v>
      </c>
      <c r="M1757" s="1" t="s">
        <v>5</v>
      </c>
      <c r="N1757" s="1" t="s">
        <v>6</v>
      </c>
      <c r="O1757" s="1" t="s">
        <v>8</v>
      </c>
      <c r="P1757" s="5" t="s">
        <v>30431</v>
      </c>
    </row>
    <row r="1758" spans="1:16" x14ac:dyDescent="0.2">
      <c r="A1758" s="1" t="s">
        <v>10</v>
      </c>
      <c r="B1758" s="1" t="s">
        <v>10</v>
      </c>
      <c r="C1758" s="1" t="s">
        <v>5996</v>
      </c>
      <c r="D1758" s="1" t="s">
        <v>5997</v>
      </c>
      <c r="E1758" s="1" t="s">
        <v>10</v>
      </c>
      <c r="F1758" s="1" t="s">
        <v>10</v>
      </c>
      <c r="G1758" s="1" t="s">
        <v>10</v>
      </c>
      <c r="H1758" s="1" t="s">
        <v>10</v>
      </c>
      <c r="I1758" s="1" t="s">
        <v>3941</v>
      </c>
      <c r="J1758" s="1" t="s">
        <v>10</v>
      </c>
      <c r="K1758" s="1" t="s">
        <v>64</v>
      </c>
      <c r="L1758" s="1" t="s">
        <v>5995</v>
      </c>
      <c r="M1758" s="1" t="s">
        <v>5</v>
      </c>
      <c r="N1758" s="1" t="s">
        <v>6</v>
      </c>
      <c r="O1758" s="1" t="s">
        <v>8</v>
      </c>
      <c r="P1758" s="5" t="s">
        <v>30431</v>
      </c>
    </row>
    <row r="1759" spans="1:16" x14ac:dyDescent="0.2">
      <c r="A1759" s="1" t="s">
        <v>10</v>
      </c>
      <c r="B1759" s="1" t="s">
        <v>10</v>
      </c>
      <c r="C1759" s="1" t="s">
        <v>5999</v>
      </c>
      <c r="D1759" s="1" t="s">
        <v>6000</v>
      </c>
      <c r="E1759" s="1" t="s">
        <v>6001</v>
      </c>
      <c r="F1759" s="1" t="s">
        <v>10</v>
      </c>
      <c r="G1759" s="1" t="s">
        <v>10</v>
      </c>
      <c r="H1759" s="1" t="s">
        <v>10</v>
      </c>
      <c r="I1759" s="1" t="s">
        <v>3941</v>
      </c>
      <c r="J1759" s="1" t="s">
        <v>10</v>
      </c>
      <c r="K1759" s="1" t="s">
        <v>64</v>
      </c>
      <c r="L1759" s="1" t="s">
        <v>5998</v>
      </c>
      <c r="M1759" s="1" t="s">
        <v>5</v>
      </c>
      <c r="N1759" s="1" t="s">
        <v>6</v>
      </c>
      <c r="O1759" s="1" t="s">
        <v>8</v>
      </c>
      <c r="P1759" s="5" t="s">
        <v>30431</v>
      </c>
    </row>
    <row r="1760" spans="1:16" x14ac:dyDescent="0.2">
      <c r="A1760" s="1" t="s">
        <v>10</v>
      </c>
      <c r="B1760" s="1" t="s">
        <v>10</v>
      </c>
      <c r="C1760" s="1" t="s">
        <v>6003</v>
      </c>
      <c r="D1760" s="1" t="s">
        <v>6004</v>
      </c>
      <c r="E1760" s="1" t="s">
        <v>6005</v>
      </c>
      <c r="F1760" s="1" t="s">
        <v>10</v>
      </c>
      <c r="G1760" s="1" t="s">
        <v>10</v>
      </c>
      <c r="H1760" s="1" t="s">
        <v>10</v>
      </c>
      <c r="I1760" s="1" t="s">
        <v>3941</v>
      </c>
      <c r="J1760" s="1" t="s">
        <v>10</v>
      </c>
      <c r="K1760" s="1" t="s">
        <v>64</v>
      </c>
      <c r="L1760" s="1" t="s">
        <v>6002</v>
      </c>
      <c r="M1760" s="1" t="s">
        <v>5</v>
      </c>
      <c r="N1760" s="1" t="s">
        <v>6</v>
      </c>
      <c r="O1760" s="1" t="s">
        <v>8</v>
      </c>
      <c r="P1760" s="5" t="s">
        <v>30431</v>
      </c>
    </row>
    <row r="1761" spans="1:16" x14ac:dyDescent="0.2">
      <c r="A1761" s="1" t="s">
        <v>10</v>
      </c>
      <c r="B1761" s="1" t="s">
        <v>10</v>
      </c>
      <c r="C1761" s="1" t="s">
        <v>6007</v>
      </c>
      <c r="D1761" s="1" t="s">
        <v>6008</v>
      </c>
      <c r="E1761" s="1" t="s">
        <v>10</v>
      </c>
      <c r="F1761" s="1" t="s">
        <v>10</v>
      </c>
      <c r="G1761" s="1" t="s">
        <v>10</v>
      </c>
      <c r="H1761" s="1" t="s">
        <v>10</v>
      </c>
      <c r="I1761" s="1" t="s">
        <v>3941</v>
      </c>
      <c r="J1761" s="1" t="s">
        <v>10</v>
      </c>
      <c r="K1761" s="1" t="s">
        <v>64</v>
      </c>
      <c r="L1761" s="1" t="s">
        <v>6006</v>
      </c>
      <c r="M1761" s="1" t="s">
        <v>5</v>
      </c>
      <c r="N1761" s="1" t="s">
        <v>6</v>
      </c>
      <c r="O1761" s="1" t="s">
        <v>8</v>
      </c>
      <c r="P1761" s="5" t="s">
        <v>30431</v>
      </c>
    </row>
    <row r="1762" spans="1:16" x14ac:dyDescent="0.2">
      <c r="A1762" s="1" t="s">
        <v>10</v>
      </c>
      <c r="B1762" s="1" t="s">
        <v>10</v>
      </c>
      <c r="C1762" s="1" t="s">
        <v>6010</v>
      </c>
      <c r="D1762" s="1" t="s">
        <v>6011</v>
      </c>
      <c r="E1762" s="1" t="s">
        <v>6012</v>
      </c>
      <c r="F1762" s="1" t="s">
        <v>10</v>
      </c>
      <c r="G1762" s="1" t="s">
        <v>10</v>
      </c>
      <c r="H1762" s="1" t="s">
        <v>10</v>
      </c>
      <c r="I1762" s="1" t="s">
        <v>3941</v>
      </c>
      <c r="J1762" s="1" t="s">
        <v>10</v>
      </c>
      <c r="K1762" s="1" t="s">
        <v>64</v>
      </c>
      <c r="L1762" s="1" t="s">
        <v>6009</v>
      </c>
      <c r="M1762" s="1" t="s">
        <v>5</v>
      </c>
      <c r="N1762" s="1" t="s">
        <v>6</v>
      </c>
      <c r="O1762" s="1" t="s">
        <v>8</v>
      </c>
      <c r="P1762" s="5" t="s">
        <v>30431</v>
      </c>
    </row>
    <row r="1763" spans="1:16" x14ac:dyDescent="0.2">
      <c r="A1763" s="1" t="s">
        <v>10</v>
      </c>
      <c r="B1763" s="1" t="s">
        <v>10</v>
      </c>
      <c r="C1763" s="1" t="s">
        <v>6014</v>
      </c>
      <c r="D1763" s="1" t="s">
        <v>6015</v>
      </c>
      <c r="E1763" s="1" t="s">
        <v>6016</v>
      </c>
      <c r="F1763" s="1" t="s">
        <v>10</v>
      </c>
      <c r="G1763" s="1" t="s">
        <v>10</v>
      </c>
      <c r="H1763" s="1" t="s">
        <v>10</v>
      </c>
      <c r="I1763" s="1" t="s">
        <v>3941</v>
      </c>
      <c r="J1763" s="1" t="s">
        <v>10</v>
      </c>
      <c r="K1763" s="1" t="s">
        <v>64</v>
      </c>
      <c r="L1763" s="1" t="s">
        <v>6013</v>
      </c>
      <c r="M1763" s="1" t="s">
        <v>5</v>
      </c>
      <c r="N1763" s="1" t="s">
        <v>6</v>
      </c>
      <c r="O1763" s="1" t="s">
        <v>8</v>
      </c>
      <c r="P1763" s="5" t="s">
        <v>30431</v>
      </c>
    </row>
    <row r="1764" spans="1:16" x14ac:dyDescent="0.2">
      <c r="A1764" s="1" t="s">
        <v>10</v>
      </c>
      <c r="B1764" s="1" t="s">
        <v>10</v>
      </c>
      <c r="C1764" s="1" t="s">
        <v>6018</v>
      </c>
      <c r="D1764" s="1" t="s">
        <v>6019</v>
      </c>
      <c r="E1764" s="1" t="s">
        <v>6020</v>
      </c>
      <c r="F1764" s="1" t="s">
        <v>10</v>
      </c>
      <c r="G1764" s="1" t="s">
        <v>10</v>
      </c>
      <c r="H1764" s="1" t="s">
        <v>10</v>
      </c>
      <c r="I1764" s="1" t="s">
        <v>3941</v>
      </c>
      <c r="J1764" s="1" t="s">
        <v>10</v>
      </c>
      <c r="K1764" s="1" t="s">
        <v>64</v>
      </c>
      <c r="L1764" s="1" t="s">
        <v>6017</v>
      </c>
      <c r="M1764" s="1" t="s">
        <v>5</v>
      </c>
      <c r="N1764" s="1" t="s">
        <v>6</v>
      </c>
      <c r="O1764" s="1" t="s">
        <v>8</v>
      </c>
      <c r="P1764" s="5" t="s">
        <v>30431</v>
      </c>
    </row>
    <row r="1765" spans="1:16" x14ac:dyDescent="0.2">
      <c r="A1765" s="1" t="s">
        <v>10</v>
      </c>
      <c r="B1765" s="1" t="s">
        <v>10</v>
      </c>
      <c r="C1765" s="1" t="s">
        <v>6022</v>
      </c>
      <c r="D1765" s="1" t="s">
        <v>6023</v>
      </c>
      <c r="E1765" s="1" t="s">
        <v>10</v>
      </c>
      <c r="F1765" s="1" t="s">
        <v>10</v>
      </c>
      <c r="G1765" s="1" t="s">
        <v>10</v>
      </c>
      <c r="H1765" s="1" t="s">
        <v>10</v>
      </c>
      <c r="I1765" s="1" t="s">
        <v>3941</v>
      </c>
      <c r="J1765" s="1" t="s">
        <v>10</v>
      </c>
      <c r="K1765" s="1" t="s">
        <v>64</v>
      </c>
      <c r="L1765" s="1" t="s">
        <v>6021</v>
      </c>
      <c r="M1765" s="1" t="s">
        <v>5</v>
      </c>
      <c r="N1765" s="1" t="s">
        <v>6</v>
      </c>
      <c r="O1765" s="1" t="s">
        <v>8</v>
      </c>
      <c r="P1765" s="5" t="s">
        <v>30431</v>
      </c>
    </row>
    <row r="1766" spans="1:16" x14ac:dyDescent="0.2">
      <c r="A1766" s="1" t="s">
        <v>10</v>
      </c>
      <c r="B1766" s="1" t="s">
        <v>10</v>
      </c>
      <c r="C1766" s="1" t="s">
        <v>6025</v>
      </c>
      <c r="D1766" s="1" t="s">
        <v>6026</v>
      </c>
      <c r="E1766" s="1" t="s">
        <v>6027</v>
      </c>
      <c r="F1766" s="1" t="s">
        <v>10</v>
      </c>
      <c r="G1766" s="1" t="s">
        <v>10</v>
      </c>
      <c r="H1766" s="1" t="s">
        <v>10</v>
      </c>
      <c r="I1766" s="1" t="s">
        <v>3941</v>
      </c>
      <c r="J1766" s="1" t="s">
        <v>10</v>
      </c>
      <c r="K1766" s="1" t="s">
        <v>64</v>
      </c>
      <c r="L1766" s="1" t="s">
        <v>6024</v>
      </c>
      <c r="M1766" s="1" t="s">
        <v>5</v>
      </c>
      <c r="N1766" s="1" t="s">
        <v>6</v>
      </c>
      <c r="O1766" s="1" t="s">
        <v>8</v>
      </c>
      <c r="P1766" s="5" t="s">
        <v>30431</v>
      </c>
    </row>
    <row r="1767" spans="1:16" x14ac:dyDescent="0.2">
      <c r="A1767" s="1" t="s">
        <v>10</v>
      </c>
      <c r="B1767" s="1" t="s">
        <v>10</v>
      </c>
      <c r="C1767" s="1" t="s">
        <v>6029</v>
      </c>
      <c r="D1767" s="1" t="s">
        <v>6030</v>
      </c>
      <c r="E1767" s="1" t="s">
        <v>6031</v>
      </c>
      <c r="F1767" s="1" t="s">
        <v>10</v>
      </c>
      <c r="G1767" s="1" t="s">
        <v>10</v>
      </c>
      <c r="H1767" s="1" t="s">
        <v>10</v>
      </c>
      <c r="I1767" s="1" t="s">
        <v>3941</v>
      </c>
      <c r="J1767" s="1" t="s">
        <v>10</v>
      </c>
      <c r="K1767" s="1" t="s">
        <v>64</v>
      </c>
      <c r="L1767" s="1" t="s">
        <v>6028</v>
      </c>
      <c r="M1767" s="1" t="s">
        <v>5</v>
      </c>
      <c r="N1767" s="1" t="s">
        <v>6</v>
      </c>
      <c r="O1767" s="1" t="s">
        <v>8</v>
      </c>
      <c r="P1767" s="5" t="s">
        <v>30431</v>
      </c>
    </row>
    <row r="1768" spans="1:16" x14ac:dyDescent="0.2">
      <c r="A1768" s="1" t="s">
        <v>10</v>
      </c>
      <c r="B1768" s="1" t="s">
        <v>10</v>
      </c>
      <c r="C1768" s="1" t="s">
        <v>6033</v>
      </c>
      <c r="D1768" s="1" t="s">
        <v>6034</v>
      </c>
      <c r="E1768" s="1" t="s">
        <v>6035</v>
      </c>
      <c r="F1768" s="1" t="s">
        <v>10</v>
      </c>
      <c r="G1768" s="1" t="s">
        <v>10</v>
      </c>
      <c r="H1768" s="1" t="s">
        <v>10</v>
      </c>
      <c r="I1768" s="1" t="s">
        <v>3941</v>
      </c>
      <c r="J1768" s="1" t="s">
        <v>10</v>
      </c>
      <c r="K1768" s="1" t="s">
        <v>64</v>
      </c>
      <c r="L1768" s="1" t="s">
        <v>6032</v>
      </c>
      <c r="M1768" s="1" t="s">
        <v>5</v>
      </c>
      <c r="N1768" s="1" t="s">
        <v>6</v>
      </c>
      <c r="O1768" s="1" t="s">
        <v>8</v>
      </c>
      <c r="P1768" s="5" t="s">
        <v>30431</v>
      </c>
    </row>
    <row r="1769" spans="1:16" x14ac:dyDescent="0.2">
      <c r="A1769" s="1" t="s">
        <v>10</v>
      </c>
      <c r="B1769" s="1" t="s">
        <v>10</v>
      </c>
      <c r="C1769" s="1" t="s">
        <v>6037</v>
      </c>
      <c r="D1769" s="1" t="s">
        <v>6038</v>
      </c>
      <c r="E1769" s="1" t="s">
        <v>6039</v>
      </c>
      <c r="F1769" s="1" t="s">
        <v>10</v>
      </c>
      <c r="G1769" s="1" t="s">
        <v>10</v>
      </c>
      <c r="H1769" s="1" t="s">
        <v>10</v>
      </c>
      <c r="I1769" s="1" t="s">
        <v>3941</v>
      </c>
      <c r="J1769" s="1" t="s">
        <v>10</v>
      </c>
      <c r="K1769" s="1" t="s">
        <v>64</v>
      </c>
      <c r="L1769" s="1" t="s">
        <v>6036</v>
      </c>
      <c r="M1769" s="1" t="s">
        <v>5</v>
      </c>
      <c r="N1769" s="1" t="s">
        <v>6</v>
      </c>
      <c r="O1769" s="1" t="s">
        <v>8</v>
      </c>
      <c r="P1769" s="5" t="s">
        <v>30431</v>
      </c>
    </row>
    <row r="1770" spans="1:16" x14ac:dyDescent="0.2">
      <c r="A1770" s="1" t="s">
        <v>10</v>
      </c>
      <c r="B1770" s="1" t="s">
        <v>10</v>
      </c>
      <c r="C1770" s="1" t="s">
        <v>6041</v>
      </c>
      <c r="D1770" s="1" t="s">
        <v>6042</v>
      </c>
      <c r="E1770" s="1" t="s">
        <v>6043</v>
      </c>
      <c r="F1770" s="1" t="s">
        <v>10</v>
      </c>
      <c r="G1770" s="1" t="s">
        <v>10</v>
      </c>
      <c r="H1770" s="1" t="s">
        <v>10</v>
      </c>
      <c r="I1770" s="1" t="s">
        <v>3941</v>
      </c>
      <c r="J1770" s="1" t="s">
        <v>10</v>
      </c>
      <c r="K1770" s="1" t="s">
        <v>64</v>
      </c>
      <c r="L1770" s="1" t="s">
        <v>6040</v>
      </c>
      <c r="M1770" s="1" t="s">
        <v>5</v>
      </c>
      <c r="N1770" s="1" t="s">
        <v>6</v>
      </c>
      <c r="O1770" s="1" t="s">
        <v>8</v>
      </c>
      <c r="P1770" s="5" t="s">
        <v>30431</v>
      </c>
    </row>
    <row r="1771" spans="1:16" x14ac:dyDescent="0.2">
      <c r="A1771" s="1" t="s">
        <v>10</v>
      </c>
      <c r="B1771" s="1" t="s">
        <v>10</v>
      </c>
      <c r="C1771" s="1" t="s">
        <v>6045</v>
      </c>
      <c r="D1771" s="1" t="s">
        <v>6046</v>
      </c>
      <c r="E1771" s="1" t="s">
        <v>6047</v>
      </c>
      <c r="F1771" s="1" t="s">
        <v>10</v>
      </c>
      <c r="G1771" s="1" t="s">
        <v>10</v>
      </c>
      <c r="H1771" s="1" t="s">
        <v>10</v>
      </c>
      <c r="I1771" s="1" t="s">
        <v>3941</v>
      </c>
      <c r="J1771" s="1" t="s">
        <v>10</v>
      </c>
      <c r="K1771" s="1" t="s">
        <v>64</v>
      </c>
      <c r="L1771" s="1" t="s">
        <v>6044</v>
      </c>
      <c r="M1771" s="1" t="s">
        <v>5</v>
      </c>
      <c r="N1771" s="1" t="s">
        <v>6</v>
      </c>
      <c r="O1771" s="1" t="s">
        <v>8</v>
      </c>
      <c r="P1771" s="5" t="s">
        <v>30431</v>
      </c>
    </row>
    <row r="1772" spans="1:16" x14ac:dyDescent="0.2">
      <c r="A1772" s="1" t="s">
        <v>10</v>
      </c>
      <c r="B1772" s="1" t="s">
        <v>10</v>
      </c>
      <c r="C1772" s="1" t="s">
        <v>6049</v>
      </c>
      <c r="D1772" s="1" t="s">
        <v>6050</v>
      </c>
      <c r="E1772" s="1" t="s">
        <v>6051</v>
      </c>
      <c r="F1772" s="1" t="s">
        <v>10</v>
      </c>
      <c r="G1772" s="1" t="s">
        <v>10</v>
      </c>
      <c r="H1772" s="1" t="s">
        <v>10</v>
      </c>
      <c r="I1772" s="1" t="s">
        <v>3941</v>
      </c>
      <c r="J1772" s="1" t="s">
        <v>10</v>
      </c>
      <c r="K1772" s="1" t="s">
        <v>64</v>
      </c>
      <c r="L1772" s="1" t="s">
        <v>6048</v>
      </c>
      <c r="M1772" s="1" t="s">
        <v>5</v>
      </c>
      <c r="N1772" s="1" t="s">
        <v>6</v>
      </c>
      <c r="O1772" s="1" t="s">
        <v>8</v>
      </c>
      <c r="P1772" s="5" t="s">
        <v>30431</v>
      </c>
    </row>
    <row r="1773" spans="1:16" x14ac:dyDescent="0.2">
      <c r="A1773" s="1" t="s">
        <v>10</v>
      </c>
      <c r="B1773" s="1" t="s">
        <v>10</v>
      </c>
      <c r="C1773" s="1" t="s">
        <v>5116</v>
      </c>
      <c r="D1773" s="1" t="s">
        <v>6053</v>
      </c>
      <c r="E1773" s="1" t="s">
        <v>6054</v>
      </c>
      <c r="F1773" s="1" t="s">
        <v>10</v>
      </c>
      <c r="G1773" s="1" t="s">
        <v>10</v>
      </c>
      <c r="H1773" s="1" t="s">
        <v>10</v>
      </c>
      <c r="I1773" s="1" t="s">
        <v>3941</v>
      </c>
      <c r="J1773" s="1" t="s">
        <v>10</v>
      </c>
      <c r="K1773" s="1" t="s">
        <v>64</v>
      </c>
      <c r="L1773" s="1" t="s">
        <v>6052</v>
      </c>
      <c r="M1773" s="1" t="s">
        <v>5</v>
      </c>
      <c r="N1773" s="1" t="s">
        <v>6</v>
      </c>
      <c r="O1773" s="1" t="s">
        <v>8</v>
      </c>
      <c r="P1773" s="5" t="s">
        <v>30431</v>
      </c>
    </row>
    <row r="1774" spans="1:16" x14ac:dyDescent="0.2">
      <c r="A1774" s="1" t="s">
        <v>10</v>
      </c>
      <c r="B1774" s="1" t="s">
        <v>10</v>
      </c>
      <c r="C1774" s="1" t="s">
        <v>6056</v>
      </c>
      <c r="D1774" s="1" t="s">
        <v>6057</v>
      </c>
      <c r="E1774" s="1" t="s">
        <v>1012</v>
      </c>
      <c r="F1774" s="1" t="s">
        <v>10</v>
      </c>
      <c r="G1774" s="1" t="s">
        <v>10</v>
      </c>
      <c r="H1774" s="1" t="s">
        <v>10</v>
      </c>
      <c r="I1774" s="1" t="s">
        <v>3941</v>
      </c>
      <c r="J1774" s="1" t="s">
        <v>10</v>
      </c>
      <c r="K1774" s="1" t="s">
        <v>64</v>
      </c>
      <c r="L1774" s="1" t="s">
        <v>6055</v>
      </c>
      <c r="M1774" s="1" t="s">
        <v>5</v>
      </c>
      <c r="N1774" s="1" t="s">
        <v>6</v>
      </c>
      <c r="O1774" s="1" t="s">
        <v>8</v>
      </c>
      <c r="P1774" s="5" t="s">
        <v>30431</v>
      </c>
    </row>
    <row r="1775" spans="1:16" x14ac:dyDescent="0.2">
      <c r="A1775" s="1" t="s">
        <v>10</v>
      </c>
      <c r="B1775" s="1" t="s">
        <v>10</v>
      </c>
      <c r="C1775" s="1" t="s">
        <v>6059</v>
      </c>
      <c r="D1775" s="1" t="s">
        <v>6060</v>
      </c>
      <c r="E1775" s="1" t="s">
        <v>6061</v>
      </c>
      <c r="F1775" s="1" t="s">
        <v>10</v>
      </c>
      <c r="G1775" s="1" t="s">
        <v>10</v>
      </c>
      <c r="H1775" s="1" t="s">
        <v>10</v>
      </c>
      <c r="I1775" s="1" t="s">
        <v>3941</v>
      </c>
      <c r="J1775" s="1" t="s">
        <v>10</v>
      </c>
      <c r="K1775" s="1" t="s">
        <v>64</v>
      </c>
      <c r="L1775" s="1" t="s">
        <v>6058</v>
      </c>
      <c r="M1775" s="1" t="s">
        <v>5</v>
      </c>
      <c r="N1775" s="1" t="s">
        <v>6</v>
      </c>
      <c r="O1775" s="1" t="s">
        <v>8</v>
      </c>
      <c r="P1775" s="5" t="s">
        <v>30431</v>
      </c>
    </row>
    <row r="1776" spans="1:16" x14ac:dyDescent="0.2">
      <c r="A1776" s="1" t="s">
        <v>10</v>
      </c>
      <c r="B1776" s="1" t="s">
        <v>10</v>
      </c>
      <c r="C1776" s="1" t="s">
        <v>6063</v>
      </c>
      <c r="D1776" s="1" t="s">
        <v>6064</v>
      </c>
      <c r="E1776" s="1" t="s">
        <v>6065</v>
      </c>
      <c r="F1776" s="1" t="s">
        <v>10</v>
      </c>
      <c r="G1776" s="1" t="s">
        <v>10</v>
      </c>
      <c r="H1776" s="1" t="s">
        <v>10</v>
      </c>
      <c r="I1776" s="1" t="s">
        <v>3941</v>
      </c>
      <c r="J1776" s="1" t="s">
        <v>10</v>
      </c>
      <c r="K1776" s="1" t="s">
        <v>64</v>
      </c>
      <c r="L1776" s="1" t="s">
        <v>6062</v>
      </c>
      <c r="M1776" s="1" t="s">
        <v>5</v>
      </c>
      <c r="N1776" s="1" t="s">
        <v>6</v>
      </c>
      <c r="O1776" s="1" t="s">
        <v>8</v>
      </c>
      <c r="P1776" s="5" t="s">
        <v>30431</v>
      </c>
    </row>
    <row r="1777" spans="1:16" x14ac:dyDescent="0.2">
      <c r="A1777" s="1" t="s">
        <v>10</v>
      </c>
      <c r="B1777" s="1" t="s">
        <v>10</v>
      </c>
      <c r="C1777" s="1" t="s">
        <v>6067</v>
      </c>
      <c r="D1777" s="1" t="s">
        <v>6068</v>
      </c>
      <c r="E1777" s="1" t="s">
        <v>6069</v>
      </c>
      <c r="F1777" s="1" t="s">
        <v>10</v>
      </c>
      <c r="G1777" s="1" t="s">
        <v>10</v>
      </c>
      <c r="H1777" s="1" t="s">
        <v>10</v>
      </c>
      <c r="I1777" s="1" t="s">
        <v>3941</v>
      </c>
      <c r="J1777" s="1" t="s">
        <v>10</v>
      </c>
      <c r="K1777" s="1" t="s">
        <v>64</v>
      </c>
      <c r="L1777" s="1" t="s">
        <v>6066</v>
      </c>
      <c r="M1777" s="1" t="s">
        <v>5</v>
      </c>
      <c r="N1777" s="1" t="s">
        <v>6</v>
      </c>
      <c r="O1777" s="1" t="s">
        <v>8</v>
      </c>
      <c r="P1777" s="5" t="s">
        <v>30431</v>
      </c>
    </row>
    <row r="1778" spans="1:16" x14ac:dyDescent="0.2">
      <c r="A1778" s="1" t="s">
        <v>10</v>
      </c>
      <c r="B1778" s="1" t="s">
        <v>10</v>
      </c>
      <c r="C1778" s="1" t="s">
        <v>6071</v>
      </c>
      <c r="D1778" s="1" t="s">
        <v>6072</v>
      </c>
      <c r="E1778" s="1" t="s">
        <v>6073</v>
      </c>
      <c r="F1778" s="1" t="s">
        <v>10</v>
      </c>
      <c r="G1778" s="1" t="s">
        <v>10</v>
      </c>
      <c r="H1778" s="1" t="s">
        <v>10</v>
      </c>
      <c r="I1778" s="1" t="s">
        <v>3941</v>
      </c>
      <c r="J1778" s="1" t="s">
        <v>10</v>
      </c>
      <c r="K1778" s="1" t="s">
        <v>64</v>
      </c>
      <c r="L1778" s="1" t="s">
        <v>6070</v>
      </c>
      <c r="M1778" s="1" t="s">
        <v>5</v>
      </c>
      <c r="N1778" s="1" t="s">
        <v>6</v>
      </c>
      <c r="O1778" s="1" t="s">
        <v>8</v>
      </c>
      <c r="P1778" s="5" t="s">
        <v>30431</v>
      </c>
    </row>
    <row r="1779" spans="1:16" x14ac:dyDescent="0.2">
      <c r="A1779" s="1" t="s">
        <v>10</v>
      </c>
      <c r="B1779" s="1" t="s">
        <v>10</v>
      </c>
      <c r="C1779" s="1" t="s">
        <v>6075</v>
      </c>
      <c r="D1779" s="1" t="s">
        <v>6076</v>
      </c>
      <c r="E1779" s="1" t="s">
        <v>6077</v>
      </c>
      <c r="F1779" s="1" t="s">
        <v>10</v>
      </c>
      <c r="G1779" s="1" t="s">
        <v>10</v>
      </c>
      <c r="H1779" s="1" t="s">
        <v>10</v>
      </c>
      <c r="I1779" s="1" t="s">
        <v>3941</v>
      </c>
      <c r="J1779" s="1" t="s">
        <v>10</v>
      </c>
      <c r="K1779" s="1" t="s">
        <v>64</v>
      </c>
      <c r="L1779" s="1" t="s">
        <v>6074</v>
      </c>
      <c r="M1779" s="1" t="s">
        <v>5</v>
      </c>
      <c r="N1779" s="1" t="s">
        <v>6</v>
      </c>
      <c r="O1779" s="1" t="s">
        <v>8</v>
      </c>
      <c r="P1779" s="5" t="s">
        <v>30431</v>
      </c>
    </row>
    <row r="1780" spans="1:16" x14ac:dyDescent="0.2">
      <c r="A1780" s="1" t="s">
        <v>10</v>
      </c>
      <c r="B1780" s="1" t="s">
        <v>10</v>
      </c>
      <c r="C1780" s="1" t="s">
        <v>6079</v>
      </c>
      <c r="D1780" s="1" t="s">
        <v>6080</v>
      </c>
      <c r="E1780" s="1" t="s">
        <v>6081</v>
      </c>
      <c r="F1780" s="1" t="s">
        <v>10</v>
      </c>
      <c r="G1780" s="1" t="s">
        <v>10</v>
      </c>
      <c r="H1780" s="1" t="s">
        <v>10</v>
      </c>
      <c r="I1780" s="1" t="s">
        <v>3941</v>
      </c>
      <c r="J1780" s="1" t="s">
        <v>10</v>
      </c>
      <c r="K1780" s="1" t="s">
        <v>64</v>
      </c>
      <c r="L1780" s="1" t="s">
        <v>6078</v>
      </c>
      <c r="M1780" s="1" t="s">
        <v>5</v>
      </c>
      <c r="N1780" s="1" t="s">
        <v>6</v>
      </c>
      <c r="O1780" s="1" t="s">
        <v>8</v>
      </c>
      <c r="P1780" s="5" t="s">
        <v>30431</v>
      </c>
    </row>
    <row r="1781" spans="1:16" x14ac:dyDescent="0.2">
      <c r="A1781" s="1" t="s">
        <v>10</v>
      </c>
      <c r="B1781" s="1" t="s">
        <v>10</v>
      </c>
      <c r="C1781" s="1" t="s">
        <v>6083</v>
      </c>
      <c r="D1781" s="1" t="s">
        <v>6084</v>
      </c>
      <c r="E1781" s="1" t="s">
        <v>6085</v>
      </c>
      <c r="F1781" s="1" t="s">
        <v>10</v>
      </c>
      <c r="G1781" s="1" t="s">
        <v>10</v>
      </c>
      <c r="H1781" s="1" t="s">
        <v>10</v>
      </c>
      <c r="I1781" s="1" t="s">
        <v>3941</v>
      </c>
      <c r="J1781" s="1" t="s">
        <v>10</v>
      </c>
      <c r="K1781" s="1" t="s">
        <v>64</v>
      </c>
      <c r="L1781" s="1" t="s">
        <v>6082</v>
      </c>
      <c r="M1781" s="1" t="s">
        <v>5</v>
      </c>
      <c r="N1781" s="1" t="s">
        <v>6</v>
      </c>
      <c r="O1781" s="1" t="s">
        <v>8</v>
      </c>
      <c r="P1781" s="5" t="s">
        <v>30431</v>
      </c>
    </row>
    <row r="1782" spans="1:16" x14ac:dyDescent="0.2">
      <c r="A1782" s="1" t="s">
        <v>10</v>
      </c>
      <c r="B1782" s="1" t="s">
        <v>10</v>
      </c>
      <c r="C1782" s="1" t="s">
        <v>6087</v>
      </c>
      <c r="D1782" s="1" t="s">
        <v>6088</v>
      </c>
      <c r="E1782" s="1" t="s">
        <v>6089</v>
      </c>
      <c r="F1782" s="1" t="s">
        <v>10</v>
      </c>
      <c r="G1782" s="1" t="s">
        <v>10</v>
      </c>
      <c r="H1782" s="1" t="s">
        <v>10</v>
      </c>
      <c r="I1782" s="1" t="s">
        <v>3941</v>
      </c>
      <c r="J1782" s="1" t="s">
        <v>10</v>
      </c>
      <c r="K1782" s="1" t="s">
        <v>64</v>
      </c>
      <c r="L1782" s="1" t="s">
        <v>6086</v>
      </c>
      <c r="M1782" s="1" t="s">
        <v>5</v>
      </c>
      <c r="N1782" s="1" t="s">
        <v>6</v>
      </c>
      <c r="O1782" s="1" t="s">
        <v>8</v>
      </c>
      <c r="P1782" s="5" t="s">
        <v>30431</v>
      </c>
    </row>
    <row r="1783" spans="1:16" x14ac:dyDescent="0.2">
      <c r="A1783" s="1" t="s">
        <v>10</v>
      </c>
      <c r="B1783" s="1" t="s">
        <v>10</v>
      </c>
      <c r="C1783" s="1" t="s">
        <v>6091</v>
      </c>
      <c r="D1783" s="1" t="s">
        <v>6092</v>
      </c>
      <c r="E1783" s="1" t="s">
        <v>6093</v>
      </c>
      <c r="F1783" s="1" t="s">
        <v>10</v>
      </c>
      <c r="G1783" s="1" t="s">
        <v>10</v>
      </c>
      <c r="H1783" s="1" t="s">
        <v>10</v>
      </c>
      <c r="I1783" s="1" t="s">
        <v>3941</v>
      </c>
      <c r="J1783" s="1" t="s">
        <v>10</v>
      </c>
      <c r="K1783" s="1" t="s">
        <v>64</v>
      </c>
      <c r="L1783" s="1" t="s">
        <v>6090</v>
      </c>
      <c r="M1783" s="1" t="s">
        <v>5</v>
      </c>
      <c r="N1783" s="1" t="s">
        <v>6</v>
      </c>
      <c r="O1783" s="1" t="s">
        <v>8</v>
      </c>
      <c r="P1783" s="5" t="s">
        <v>30431</v>
      </c>
    </row>
    <row r="1784" spans="1:16" x14ac:dyDescent="0.2">
      <c r="A1784" s="1" t="s">
        <v>10</v>
      </c>
      <c r="B1784" s="1" t="s">
        <v>10</v>
      </c>
      <c r="C1784" s="1" t="s">
        <v>6095</v>
      </c>
      <c r="D1784" s="1" t="s">
        <v>6096</v>
      </c>
      <c r="E1784" s="1" t="s">
        <v>6097</v>
      </c>
      <c r="F1784" s="1" t="s">
        <v>10</v>
      </c>
      <c r="G1784" s="1" t="s">
        <v>10</v>
      </c>
      <c r="H1784" s="1" t="s">
        <v>10</v>
      </c>
      <c r="I1784" s="1" t="s">
        <v>3941</v>
      </c>
      <c r="J1784" s="1" t="s">
        <v>10</v>
      </c>
      <c r="K1784" s="1" t="s">
        <v>64</v>
      </c>
      <c r="L1784" s="1" t="s">
        <v>6094</v>
      </c>
      <c r="M1784" s="1" t="s">
        <v>5</v>
      </c>
      <c r="N1784" s="1" t="s">
        <v>6</v>
      </c>
      <c r="O1784" s="1" t="s">
        <v>8</v>
      </c>
      <c r="P1784" s="5" t="s">
        <v>30431</v>
      </c>
    </row>
    <row r="1785" spans="1:16" x14ac:dyDescent="0.2">
      <c r="A1785" s="1" t="s">
        <v>10</v>
      </c>
      <c r="B1785" s="1" t="s">
        <v>10</v>
      </c>
      <c r="C1785" s="1" t="s">
        <v>6099</v>
      </c>
      <c r="D1785" s="1" t="s">
        <v>6100</v>
      </c>
      <c r="E1785" s="1" t="s">
        <v>6101</v>
      </c>
      <c r="F1785" s="1" t="s">
        <v>10</v>
      </c>
      <c r="G1785" s="1" t="s">
        <v>10</v>
      </c>
      <c r="H1785" s="1" t="s">
        <v>10</v>
      </c>
      <c r="I1785" s="1" t="s">
        <v>3941</v>
      </c>
      <c r="J1785" s="1" t="s">
        <v>10</v>
      </c>
      <c r="K1785" s="1" t="s">
        <v>64</v>
      </c>
      <c r="L1785" s="1" t="s">
        <v>6098</v>
      </c>
      <c r="M1785" s="1" t="s">
        <v>5</v>
      </c>
      <c r="N1785" s="1" t="s">
        <v>6</v>
      </c>
      <c r="O1785" s="1" t="s">
        <v>8</v>
      </c>
      <c r="P1785" s="5" t="s">
        <v>30431</v>
      </c>
    </row>
    <row r="1786" spans="1:16" x14ac:dyDescent="0.2">
      <c r="A1786" s="1" t="s">
        <v>10</v>
      </c>
      <c r="B1786" s="1" t="s">
        <v>10</v>
      </c>
      <c r="C1786" s="1" t="s">
        <v>6103</v>
      </c>
      <c r="D1786" s="1" t="s">
        <v>6104</v>
      </c>
      <c r="E1786" s="1" t="s">
        <v>6105</v>
      </c>
      <c r="F1786" s="1" t="s">
        <v>10</v>
      </c>
      <c r="G1786" s="1" t="s">
        <v>10</v>
      </c>
      <c r="H1786" s="1" t="s">
        <v>10</v>
      </c>
      <c r="I1786" s="1" t="s">
        <v>3941</v>
      </c>
      <c r="J1786" s="1" t="s">
        <v>10</v>
      </c>
      <c r="K1786" s="1" t="s">
        <v>64</v>
      </c>
      <c r="L1786" s="1" t="s">
        <v>6102</v>
      </c>
      <c r="M1786" s="1" t="s">
        <v>5</v>
      </c>
      <c r="N1786" s="1" t="s">
        <v>6</v>
      </c>
      <c r="O1786" s="1" t="s">
        <v>8</v>
      </c>
      <c r="P1786" s="5" t="s">
        <v>30431</v>
      </c>
    </row>
    <row r="1787" spans="1:16" x14ac:dyDescent="0.2">
      <c r="A1787" s="1" t="s">
        <v>10</v>
      </c>
      <c r="B1787" s="1" t="s">
        <v>10</v>
      </c>
      <c r="C1787" s="1" t="s">
        <v>6107</v>
      </c>
      <c r="D1787" s="1" t="s">
        <v>6108</v>
      </c>
      <c r="E1787" s="1" t="s">
        <v>6109</v>
      </c>
      <c r="F1787" s="1" t="s">
        <v>10</v>
      </c>
      <c r="G1787" s="1" t="s">
        <v>10</v>
      </c>
      <c r="H1787" s="1" t="s">
        <v>10</v>
      </c>
      <c r="I1787" s="1" t="s">
        <v>3941</v>
      </c>
      <c r="J1787" s="1" t="s">
        <v>10</v>
      </c>
      <c r="K1787" s="1" t="s">
        <v>64</v>
      </c>
      <c r="L1787" s="1" t="s">
        <v>6106</v>
      </c>
      <c r="M1787" s="1" t="s">
        <v>5</v>
      </c>
      <c r="N1787" s="1" t="s">
        <v>6</v>
      </c>
      <c r="O1787" s="1" t="s">
        <v>8</v>
      </c>
      <c r="P1787" s="5" t="s">
        <v>30431</v>
      </c>
    </row>
    <row r="1788" spans="1:16" x14ac:dyDescent="0.2">
      <c r="A1788" s="1" t="s">
        <v>10</v>
      </c>
      <c r="B1788" s="1" t="s">
        <v>10</v>
      </c>
      <c r="C1788" s="1" t="s">
        <v>6111</v>
      </c>
      <c r="D1788" s="1" t="s">
        <v>6112</v>
      </c>
      <c r="E1788" s="1" t="s">
        <v>6113</v>
      </c>
      <c r="F1788" s="1" t="s">
        <v>10</v>
      </c>
      <c r="G1788" s="1" t="s">
        <v>10</v>
      </c>
      <c r="H1788" s="1" t="s">
        <v>10</v>
      </c>
      <c r="I1788" s="1" t="s">
        <v>3941</v>
      </c>
      <c r="J1788" s="1" t="s">
        <v>10</v>
      </c>
      <c r="K1788" s="1" t="s">
        <v>64</v>
      </c>
      <c r="L1788" s="1" t="s">
        <v>6110</v>
      </c>
      <c r="M1788" s="1" t="s">
        <v>5</v>
      </c>
      <c r="N1788" s="1" t="s">
        <v>6</v>
      </c>
      <c r="O1788" s="1" t="s">
        <v>8</v>
      </c>
      <c r="P1788" s="5" t="s">
        <v>30431</v>
      </c>
    </row>
    <row r="1789" spans="1:16" x14ac:dyDescent="0.2">
      <c r="A1789" s="1" t="s">
        <v>10</v>
      </c>
      <c r="B1789" s="1" t="s">
        <v>10</v>
      </c>
      <c r="C1789" s="1" t="s">
        <v>6115</v>
      </c>
      <c r="D1789" s="1" t="s">
        <v>6116</v>
      </c>
      <c r="E1789" s="1" t="s">
        <v>6117</v>
      </c>
      <c r="F1789" s="1" t="s">
        <v>10</v>
      </c>
      <c r="G1789" s="1" t="s">
        <v>10</v>
      </c>
      <c r="H1789" s="1" t="s">
        <v>10</v>
      </c>
      <c r="I1789" s="1" t="s">
        <v>3941</v>
      </c>
      <c r="J1789" s="1" t="s">
        <v>10</v>
      </c>
      <c r="K1789" s="1" t="s">
        <v>64</v>
      </c>
      <c r="L1789" s="1" t="s">
        <v>6114</v>
      </c>
      <c r="M1789" s="1" t="s">
        <v>5</v>
      </c>
      <c r="N1789" s="1" t="s">
        <v>6</v>
      </c>
      <c r="O1789" s="1" t="s">
        <v>8</v>
      </c>
      <c r="P1789" s="5" t="s">
        <v>30431</v>
      </c>
    </row>
    <row r="1790" spans="1:16" x14ac:dyDescent="0.2">
      <c r="A1790" s="1" t="s">
        <v>10</v>
      </c>
      <c r="B1790" s="1" t="s">
        <v>10</v>
      </c>
      <c r="C1790" s="1" t="s">
        <v>6119</v>
      </c>
      <c r="D1790" s="1" t="s">
        <v>6120</v>
      </c>
      <c r="E1790" s="1" t="s">
        <v>6121</v>
      </c>
      <c r="F1790" s="1" t="s">
        <v>10</v>
      </c>
      <c r="G1790" s="1" t="s">
        <v>10</v>
      </c>
      <c r="H1790" s="1" t="s">
        <v>10</v>
      </c>
      <c r="I1790" s="1" t="s">
        <v>3941</v>
      </c>
      <c r="J1790" s="1" t="s">
        <v>10</v>
      </c>
      <c r="K1790" s="1" t="s">
        <v>64</v>
      </c>
      <c r="L1790" s="1" t="s">
        <v>6118</v>
      </c>
      <c r="M1790" s="1" t="s">
        <v>5</v>
      </c>
      <c r="N1790" s="1" t="s">
        <v>6</v>
      </c>
      <c r="O1790" s="1" t="s">
        <v>8</v>
      </c>
      <c r="P1790" s="5" t="s">
        <v>30431</v>
      </c>
    </row>
    <row r="1791" spans="1:16" x14ac:dyDescent="0.2">
      <c r="A1791" s="1" t="s">
        <v>10</v>
      </c>
      <c r="B1791" s="1" t="s">
        <v>10</v>
      </c>
      <c r="C1791" s="1" t="s">
        <v>4948</v>
      </c>
      <c r="D1791" s="1" t="s">
        <v>4948</v>
      </c>
      <c r="E1791" s="1" t="s">
        <v>10</v>
      </c>
      <c r="F1791" s="1" t="s">
        <v>10</v>
      </c>
      <c r="G1791" s="1" t="s">
        <v>10</v>
      </c>
      <c r="H1791" s="1" t="s">
        <v>10</v>
      </c>
      <c r="I1791" s="1" t="s">
        <v>3941</v>
      </c>
      <c r="J1791" s="1" t="s">
        <v>10</v>
      </c>
      <c r="K1791" s="1" t="s">
        <v>64</v>
      </c>
      <c r="L1791" s="1" t="s">
        <v>6122</v>
      </c>
      <c r="M1791" s="1" t="s">
        <v>5</v>
      </c>
      <c r="N1791" s="1" t="s">
        <v>6</v>
      </c>
      <c r="O1791" s="1" t="s">
        <v>8</v>
      </c>
      <c r="P1791" s="5" t="s">
        <v>30431</v>
      </c>
    </row>
    <row r="1792" spans="1:16" x14ac:dyDescent="0.2">
      <c r="A1792" s="1" t="s">
        <v>10</v>
      </c>
      <c r="B1792" s="1" t="s">
        <v>10</v>
      </c>
      <c r="C1792" s="1" t="s">
        <v>6124</v>
      </c>
      <c r="D1792" s="1" t="s">
        <v>6125</v>
      </c>
      <c r="E1792" s="1" t="s">
        <v>6126</v>
      </c>
      <c r="F1792" s="1" t="s">
        <v>10</v>
      </c>
      <c r="G1792" s="1" t="s">
        <v>10</v>
      </c>
      <c r="H1792" s="1" t="s">
        <v>10</v>
      </c>
      <c r="I1792" s="1" t="s">
        <v>3941</v>
      </c>
      <c r="J1792" s="1" t="s">
        <v>10</v>
      </c>
      <c r="K1792" s="1" t="s">
        <v>64</v>
      </c>
      <c r="L1792" s="1" t="s">
        <v>6123</v>
      </c>
      <c r="M1792" s="1" t="s">
        <v>5</v>
      </c>
      <c r="N1792" s="1" t="s">
        <v>6</v>
      </c>
      <c r="O1792" s="1" t="s">
        <v>8</v>
      </c>
      <c r="P1792" s="5" t="s">
        <v>30431</v>
      </c>
    </row>
    <row r="1793" spans="1:16" x14ac:dyDescent="0.2">
      <c r="A1793" s="1" t="s">
        <v>10</v>
      </c>
      <c r="B1793" s="1" t="s">
        <v>10</v>
      </c>
      <c r="C1793" s="1" t="s">
        <v>6128</v>
      </c>
      <c r="D1793" s="1" t="s">
        <v>6129</v>
      </c>
      <c r="E1793" s="1" t="s">
        <v>10</v>
      </c>
      <c r="F1793" s="1" t="s">
        <v>10</v>
      </c>
      <c r="G1793" s="1" t="s">
        <v>10</v>
      </c>
      <c r="H1793" s="1" t="s">
        <v>10</v>
      </c>
      <c r="I1793" s="1" t="s">
        <v>3941</v>
      </c>
      <c r="J1793" s="1" t="s">
        <v>10</v>
      </c>
      <c r="K1793" s="1" t="s">
        <v>64</v>
      </c>
      <c r="L1793" s="1" t="s">
        <v>6127</v>
      </c>
      <c r="M1793" s="1" t="s">
        <v>5</v>
      </c>
      <c r="N1793" s="1" t="s">
        <v>6</v>
      </c>
      <c r="O1793" s="1" t="s">
        <v>8</v>
      </c>
      <c r="P1793" s="5" t="s">
        <v>30431</v>
      </c>
    </row>
    <row r="1794" spans="1:16" x14ac:dyDescent="0.2">
      <c r="A1794" s="1" t="s">
        <v>10</v>
      </c>
      <c r="B1794" s="1" t="s">
        <v>10</v>
      </c>
      <c r="C1794" s="1" t="s">
        <v>6131</v>
      </c>
      <c r="D1794" s="1" t="s">
        <v>6132</v>
      </c>
      <c r="E1794" s="1" t="s">
        <v>6133</v>
      </c>
      <c r="F1794" s="1" t="s">
        <v>10</v>
      </c>
      <c r="G1794" s="1" t="s">
        <v>10</v>
      </c>
      <c r="H1794" s="1" t="s">
        <v>10</v>
      </c>
      <c r="I1794" s="1" t="s">
        <v>3941</v>
      </c>
      <c r="J1794" s="1" t="s">
        <v>10</v>
      </c>
      <c r="K1794" s="1" t="s">
        <v>64</v>
      </c>
      <c r="L1794" s="1" t="s">
        <v>6130</v>
      </c>
      <c r="M1794" s="1" t="s">
        <v>5</v>
      </c>
      <c r="N1794" s="1" t="s">
        <v>6</v>
      </c>
      <c r="O1794" s="1" t="s">
        <v>8</v>
      </c>
      <c r="P1794" s="5" t="s">
        <v>30431</v>
      </c>
    </row>
    <row r="1795" spans="1:16" x14ac:dyDescent="0.2">
      <c r="A1795" s="1" t="s">
        <v>10</v>
      </c>
      <c r="B1795" s="1" t="s">
        <v>10</v>
      </c>
      <c r="C1795" s="1" t="s">
        <v>4466</v>
      </c>
      <c r="D1795" s="1" t="s">
        <v>6135</v>
      </c>
      <c r="E1795" s="1" t="s">
        <v>6136</v>
      </c>
      <c r="F1795" s="1" t="s">
        <v>10</v>
      </c>
      <c r="G1795" s="1" t="s">
        <v>10</v>
      </c>
      <c r="H1795" s="1" t="s">
        <v>10</v>
      </c>
      <c r="I1795" s="1" t="s">
        <v>3941</v>
      </c>
      <c r="J1795" s="1" t="s">
        <v>10</v>
      </c>
      <c r="K1795" s="1" t="s">
        <v>64</v>
      </c>
      <c r="L1795" s="1" t="s">
        <v>6134</v>
      </c>
      <c r="M1795" s="1" t="s">
        <v>5</v>
      </c>
      <c r="N1795" s="1" t="s">
        <v>6</v>
      </c>
      <c r="O1795" s="1" t="s">
        <v>8</v>
      </c>
      <c r="P1795" s="5" t="s">
        <v>30431</v>
      </c>
    </row>
    <row r="1796" spans="1:16" x14ac:dyDescent="0.2">
      <c r="A1796" s="1" t="s">
        <v>10</v>
      </c>
      <c r="B1796" s="1" t="s">
        <v>10</v>
      </c>
      <c r="C1796" s="1" t="s">
        <v>6138</v>
      </c>
      <c r="D1796" s="1" t="s">
        <v>6139</v>
      </c>
      <c r="E1796" s="1" t="s">
        <v>6140</v>
      </c>
      <c r="F1796" s="1" t="s">
        <v>10</v>
      </c>
      <c r="G1796" s="1" t="s">
        <v>10</v>
      </c>
      <c r="H1796" s="1" t="s">
        <v>10</v>
      </c>
      <c r="I1796" s="1" t="s">
        <v>3941</v>
      </c>
      <c r="J1796" s="1" t="s">
        <v>10</v>
      </c>
      <c r="K1796" s="1" t="s">
        <v>64</v>
      </c>
      <c r="L1796" s="1" t="s">
        <v>6137</v>
      </c>
      <c r="M1796" s="1" t="s">
        <v>5</v>
      </c>
      <c r="N1796" s="1" t="s">
        <v>6</v>
      </c>
      <c r="O1796" s="1" t="s">
        <v>8</v>
      </c>
      <c r="P1796" s="5" t="s">
        <v>30431</v>
      </c>
    </row>
    <row r="1797" spans="1:16" x14ac:dyDescent="0.2">
      <c r="A1797" s="1" t="s">
        <v>10</v>
      </c>
      <c r="B1797" s="1" t="s">
        <v>10</v>
      </c>
      <c r="C1797" s="1" t="s">
        <v>6142</v>
      </c>
      <c r="D1797" s="1" t="s">
        <v>6143</v>
      </c>
      <c r="E1797" s="1" t="s">
        <v>6144</v>
      </c>
      <c r="F1797" s="1" t="s">
        <v>10</v>
      </c>
      <c r="G1797" s="1" t="s">
        <v>10</v>
      </c>
      <c r="H1797" s="1" t="s">
        <v>10</v>
      </c>
      <c r="I1797" s="1" t="s">
        <v>3941</v>
      </c>
      <c r="J1797" s="1" t="s">
        <v>10</v>
      </c>
      <c r="K1797" s="1" t="s">
        <v>64</v>
      </c>
      <c r="L1797" s="1" t="s">
        <v>6141</v>
      </c>
      <c r="M1797" s="1" t="s">
        <v>5</v>
      </c>
      <c r="N1797" s="1" t="s">
        <v>6</v>
      </c>
      <c r="O1797" s="1" t="s">
        <v>8</v>
      </c>
      <c r="P1797" s="5" t="s">
        <v>30431</v>
      </c>
    </row>
    <row r="1798" spans="1:16" x14ac:dyDescent="0.2">
      <c r="A1798" s="1" t="s">
        <v>10</v>
      </c>
      <c r="B1798" s="1" t="s">
        <v>10</v>
      </c>
      <c r="C1798" s="1" t="s">
        <v>6146</v>
      </c>
      <c r="D1798" s="1" t="s">
        <v>4429</v>
      </c>
      <c r="E1798" s="1" t="s">
        <v>10</v>
      </c>
      <c r="F1798" s="1" t="s">
        <v>10</v>
      </c>
      <c r="G1798" s="1" t="s">
        <v>10</v>
      </c>
      <c r="H1798" s="1" t="s">
        <v>10</v>
      </c>
      <c r="I1798" s="1" t="s">
        <v>3941</v>
      </c>
      <c r="J1798" s="1" t="s">
        <v>10</v>
      </c>
      <c r="K1798" s="1" t="s">
        <v>64</v>
      </c>
      <c r="L1798" s="1" t="s">
        <v>6145</v>
      </c>
      <c r="M1798" s="1" t="s">
        <v>5</v>
      </c>
      <c r="N1798" s="1" t="s">
        <v>6</v>
      </c>
      <c r="O1798" s="1" t="s">
        <v>8</v>
      </c>
      <c r="P1798" s="5" t="s">
        <v>30431</v>
      </c>
    </row>
    <row r="1799" spans="1:16" x14ac:dyDescent="0.2">
      <c r="A1799" s="1" t="s">
        <v>10</v>
      </c>
      <c r="B1799" s="1" t="s">
        <v>10</v>
      </c>
      <c r="C1799" s="1" t="s">
        <v>6148</v>
      </c>
      <c r="D1799" s="1" t="s">
        <v>6149</v>
      </c>
      <c r="E1799" s="1" t="s">
        <v>6150</v>
      </c>
      <c r="F1799" s="1" t="s">
        <v>10</v>
      </c>
      <c r="G1799" s="1" t="s">
        <v>10</v>
      </c>
      <c r="H1799" s="1" t="s">
        <v>10</v>
      </c>
      <c r="I1799" s="1" t="s">
        <v>3941</v>
      </c>
      <c r="J1799" s="1" t="s">
        <v>10</v>
      </c>
      <c r="K1799" s="1" t="s">
        <v>64</v>
      </c>
      <c r="L1799" s="1" t="s">
        <v>6147</v>
      </c>
      <c r="M1799" s="1" t="s">
        <v>5</v>
      </c>
      <c r="N1799" s="1" t="s">
        <v>6</v>
      </c>
      <c r="O1799" s="1" t="s">
        <v>8</v>
      </c>
      <c r="P1799" s="5" t="s">
        <v>30431</v>
      </c>
    </row>
    <row r="1800" spans="1:16" x14ac:dyDescent="0.2">
      <c r="A1800" s="1" t="s">
        <v>10</v>
      </c>
      <c r="B1800" s="1" t="s">
        <v>10</v>
      </c>
      <c r="C1800" s="1" t="s">
        <v>6152</v>
      </c>
      <c r="D1800" s="1" t="s">
        <v>6153</v>
      </c>
      <c r="E1800" s="1" t="s">
        <v>6154</v>
      </c>
      <c r="F1800" s="1" t="s">
        <v>10</v>
      </c>
      <c r="G1800" s="1" t="s">
        <v>10</v>
      </c>
      <c r="H1800" s="1" t="s">
        <v>10</v>
      </c>
      <c r="I1800" s="1" t="s">
        <v>3941</v>
      </c>
      <c r="J1800" s="1" t="s">
        <v>10</v>
      </c>
      <c r="K1800" s="1" t="s">
        <v>64</v>
      </c>
      <c r="L1800" s="1" t="s">
        <v>6151</v>
      </c>
      <c r="M1800" s="1" t="s">
        <v>5</v>
      </c>
      <c r="N1800" s="1" t="s">
        <v>6</v>
      </c>
      <c r="O1800" s="1" t="s">
        <v>8</v>
      </c>
      <c r="P1800" s="5" t="s">
        <v>30431</v>
      </c>
    </row>
    <row r="1801" spans="1:16" x14ac:dyDescent="0.2">
      <c r="A1801" s="1" t="s">
        <v>10</v>
      </c>
      <c r="B1801" s="1" t="s">
        <v>10</v>
      </c>
      <c r="C1801" s="1" t="s">
        <v>6156</v>
      </c>
      <c r="D1801" s="1" t="s">
        <v>6157</v>
      </c>
      <c r="E1801" s="1" t="s">
        <v>6158</v>
      </c>
      <c r="F1801" s="1" t="s">
        <v>10</v>
      </c>
      <c r="G1801" s="1" t="s">
        <v>10</v>
      </c>
      <c r="H1801" s="1" t="s">
        <v>10</v>
      </c>
      <c r="I1801" s="1" t="s">
        <v>3941</v>
      </c>
      <c r="J1801" s="1" t="s">
        <v>10</v>
      </c>
      <c r="K1801" s="1" t="s">
        <v>64</v>
      </c>
      <c r="L1801" s="1" t="s">
        <v>6155</v>
      </c>
      <c r="M1801" s="1" t="s">
        <v>5</v>
      </c>
      <c r="N1801" s="1" t="s">
        <v>6</v>
      </c>
      <c r="O1801" s="1" t="s">
        <v>8</v>
      </c>
      <c r="P1801" s="5" t="s">
        <v>30431</v>
      </c>
    </row>
    <row r="1802" spans="1:16" x14ac:dyDescent="0.2">
      <c r="A1802" s="1" t="s">
        <v>10</v>
      </c>
      <c r="B1802" s="1" t="s">
        <v>10</v>
      </c>
      <c r="C1802" s="1" t="s">
        <v>6160</v>
      </c>
      <c r="D1802" s="1" t="s">
        <v>6161</v>
      </c>
      <c r="E1802" s="1" t="s">
        <v>6162</v>
      </c>
      <c r="F1802" s="1" t="s">
        <v>10</v>
      </c>
      <c r="G1802" s="1" t="s">
        <v>10</v>
      </c>
      <c r="H1802" s="1" t="s">
        <v>10</v>
      </c>
      <c r="I1802" s="1" t="s">
        <v>3941</v>
      </c>
      <c r="J1802" s="1" t="s">
        <v>10</v>
      </c>
      <c r="K1802" s="1" t="s">
        <v>64</v>
      </c>
      <c r="L1802" s="1" t="s">
        <v>6159</v>
      </c>
      <c r="M1802" s="1" t="s">
        <v>5</v>
      </c>
      <c r="N1802" s="1" t="s">
        <v>6</v>
      </c>
      <c r="O1802" s="1" t="s">
        <v>8</v>
      </c>
      <c r="P1802" s="5" t="s">
        <v>30431</v>
      </c>
    </row>
    <row r="1803" spans="1:16" x14ac:dyDescent="0.2">
      <c r="A1803" s="1" t="s">
        <v>10</v>
      </c>
      <c r="B1803" s="1" t="s">
        <v>10</v>
      </c>
      <c r="C1803" s="1" t="s">
        <v>6164</v>
      </c>
      <c r="D1803" s="1" t="s">
        <v>6165</v>
      </c>
      <c r="E1803" s="1" t="s">
        <v>6166</v>
      </c>
      <c r="F1803" s="1" t="s">
        <v>10</v>
      </c>
      <c r="G1803" s="1" t="s">
        <v>10</v>
      </c>
      <c r="H1803" s="1" t="s">
        <v>10</v>
      </c>
      <c r="I1803" s="1" t="s">
        <v>3941</v>
      </c>
      <c r="J1803" s="1" t="s">
        <v>10</v>
      </c>
      <c r="K1803" s="1" t="s">
        <v>64</v>
      </c>
      <c r="L1803" s="1" t="s">
        <v>6163</v>
      </c>
      <c r="M1803" s="1" t="s">
        <v>5</v>
      </c>
      <c r="N1803" s="1" t="s">
        <v>6</v>
      </c>
      <c r="O1803" s="1" t="s">
        <v>8</v>
      </c>
      <c r="P1803" s="5" t="s">
        <v>30431</v>
      </c>
    </row>
    <row r="1804" spans="1:16" x14ac:dyDescent="0.2">
      <c r="A1804" s="1" t="s">
        <v>10</v>
      </c>
      <c r="B1804" s="1" t="s">
        <v>10</v>
      </c>
      <c r="C1804" s="1" t="s">
        <v>6168</v>
      </c>
      <c r="D1804" s="1" t="s">
        <v>6169</v>
      </c>
      <c r="E1804" s="1" t="s">
        <v>6170</v>
      </c>
      <c r="F1804" s="1" t="s">
        <v>10</v>
      </c>
      <c r="G1804" s="1" t="s">
        <v>10</v>
      </c>
      <c r="H1804" s="1" t="s">
        <v>10</v>
      </c>
      <c r="I1804" s="1" t="s">
        <v>3941</v>
      </c>
      <c r="J1804" s="1" t="s">
        <v>10</v>
      </c>
      <c r="K1804" s="1" t="s">
        <v>64</v>
      </c>
      <c r="L1804" s="1" t="s">
        <v>6167</v>
      </c>
      <c r="M1804" s="1" t="s">
        <v>5</v>
      </c>
      <c r="N1804" s="1" t="s">
        <v>6</v>
      </c>
      <c r="O1804" s="1" t="s">
        <v>8</v>
      </c>
      <c r="P1804" s="5" t="s">
        <v>30431</v>
      </c>
    </row>
    <row r="1805" spans="1:16" x14ac:dyDescent="0.2">
      <c r="A1805" s="1" t="s">
        <v>10</v>
      </c>
      <c r="B1805" s="1" t="s">
        <v>10</v>
      </c>
      <c r="C1805" s="1" t="s">
        <v>6172</v>
      </c>
      <c r="D1805" s="1" t="s">
        <v>6173</v>
      </c>
      <c r="E1805" s="1" t="s">
        <v>6174</v>
      </c>
      <c r="F1805" s="1" t="s">
        <v>10</v>
      </c>
      <c r="G1805" s="1" t="s">
        <v>10</v>
      </c>
      <c r="H1805" s="1" t="s">
        <v>10</v>
      </c>
      <c r="I1805" s="1" t="s">
        <v>3941</v>
      </c>
      <c r="J1805" s="1" t="s">
        <v>10</v>
      </c>
      <c r="K1805" s="1" t="s">
        <v>64</v>
      </c>
      <c r="L1805" s="1" t="s">
        <v>6171</v>
      </c>
      <c r="M1805" s="1" t="s">
        <v>5</v>
      </c>
      <c r="N1805" s="1" t="s">
        <v>6</v>
      </c>
      <c r="O1805" s="1" t="s">
        <v>8</v>
      </c>
      <c r="P1805" s="5" t="s">
        <v>30431</v>
      </c>
    </row>
    <row r="1806" spans="1:16" x14ac:dyDescent="0.2">
      <c r="A1806" s="1" t="s">
        <v>10</v>
      </c>
      <c r="B1806" s="1" t="s">
        <v>10</v>
      </c>
      <c r="C1806" s="1" t="s">
        <v>6176</v>
      </c>
      <c r="D1806" s="1" t="s">
        <v>6177</v>
      </c>
      <c r="E1806" s="1" t="s">
        <v>6178</v>
      </c>
      <c r="F1806" s="1" t="s">
        <v>10</v>
      </c>
      <c r="G1806" s="1" t="s">
        <v>10</v>
      </c>
      <c r="H1806" s="1" t="s">
        <v>10</v>
      </c>
      <c r="I1806" s="1" t="s">
        <v>3941</v>
      </c>
      <c r="J1806" s="1" t="s">
        <v>10</v>
      </c>
      <c r="K1806" s="1" t="s">
        <v>64</v>
      </c>
      <c r="L1806" s="1" t="s">
        <v>6175</v>
      </c>
      <c r="M1806" s="1" t="s">
        <v>5</v>
      </c>
      <c r="N1806" s="1" t="s">
        <v>6</v>
      </c>
      <c r="O1806" s="1" t="s">
        <v>8</v>
      </c>
      <c r="P1806" s="5" t="s">
        <v>30431</v>
      </c>
    </row>
    <row r="1807" spans="1:16" x14ac:dyDescent="0.2">
      <c r="A1807" s="1" t="s">
        <v>10</v>
      </c>
      <c r="B1807" s="1" t="s">
        <v>10</v>
      </c>
      <c r="C1807" s="1" t="s">
        <v>6180</v>
      </c>
      <c r="D1807" s="1" t="s">
        <v>6181</v>
      </c>
      <c r="E1807" s="1" t="s">
        <v>6182</v>
      </c>
      <c r="F1807" s="1" t="s">
        <v>10</v>
      </c>
      <c r="G1807" s="1" t="s">
        <v>10</v>
      </c>
      <c r="H1807" s="1" t="s">
        <v>10</v>
      </c>
      <c r="I1807" s="1" t="s">
        <v>3941</v>
      </c>
      <c r="J1807" s="1" t="s">
        <v>10</v>
      </c>
      <c r="K1807" s="1" t="s">
        <v>64</v>
      </c>
      <c r="L1807" s="1" t="s">
        <v>6179</v>
      </c>
      <c r="M1807" s="1" t="s">
        <v>5</v>
      </c>
      <c r="N1807" s="1" t="s">
        <v>6</v>
      </c>
      <c r="O1807" s="1" t="s">
        <v>8</v>
      </c>
      <c r="P1807" s="5" t="s">
        <v>30431</v>
      </c>
    </row>
    <row r="1808" spans="1:16" x14ac:dyDescent="0.2">
      <c r="A1808" s="1" t="s">
        <v>10</v>
      </c>
      <c r="B1808" s="1" t="s">
        <v>10</v>
      </c>
      <c r="C1808" s="1" t="s">
        <v>6184</v>
      </c>
      <c r="D1808" s="1" t="s">
        <v>6185</v>
      </c>
      <c r="E1808" s="1" t="s">
        <v>6186</v>
      </c>
      <c r="F1808" s="1" t="s">
        <v>10</v>
      </c>
      <c r="G1808" s="1" t="s">
        <v>10</v>
      </c>
      <c r="H1808" s="1" t="s">
        <v>10</v>
      </c>
      <c r="I1808" s="1" t="s">
        <v>3941</v>
      </c>
      <c r="J1808" s="1" t="s">
        <v>10</v>
      </c>
      <c r="K1808" s="1" t="s">
        <v>64</v>
      </c>
      <c r="L1808" s="1" t="s">
        <v>6183</v>
      </c>
      <c r="M1808" s="1" t="s">
        <v>5</v>
      </c>
      <c r="N1808" s="1" t="s">
        <v>6</v>
      </c>
      <c r="O1808" s="1" t="s">
        <v>8</v>
      </c>
      <c r="P1808" s="5" t="s">
        <v>30431</v>
      </c>
    </row>
    <row r="1809" spans="1:16" x14ac:dyDescent="0.2">
      <c r="A1809" s="1" t="s">
        <v>10</v>
      </c>
      <c r="B1809" s="1" t="s">
        <v>10</v>
      </c>
      <c r="C1809" s="1" t="s">
        <v>6188</v>
      </c>
      <c r="D1809" s="1" t="s">
        <v>6189</v>
      </c>
      <c r="E1809" s="1" t="s">
        <v>6190</v>
      </c>
      <c r="F1809" s="1" t="s">
        <v>10</v>
      </c>
      <c r="G1809" s="1" t="s">
        <v>10</v>
      </c>
      <c r="H1809" s="1" t="s">
        <v>10</v>
      </c>
      <c r="I1809" s="1" t="s">
        <v>3941</v>
      </c>
      <c r="J1809" s="1" t="s">
        <v>10</v>
      </c>
      <c r="K1809" s="1" t="s">
        <v>64</v>
      </c>
      <c r="L1809" s="1" t="s">
        <v>6187</v>
      </c>
      <c r="M1809" s="1" t="s">
        <v>5</v>
      </c>
      <c r="N1809" s="1" t="s">
        <v>6</v>
      </c>
      <c r="O1809" s="1" t="s">
        <v>8</v>
      </c>
      <c r="P1809" s="5" t="s">
        <v>30431</v>
      </c>
    </row>
    <row r="1810" spans="1:16" x14ac:dyDescent="0.2">
      <c r="A1810" s="1" t="s">
        <v>10</v>
      </c>
      <c r="B1810" s="1" t="s">
        <v>10</v>
      </c>
      <c r="C1810" s="1" t="s">
        <v>6192</v>
      </c>
      <c r="D1810" s="1" t="s">
        <v>6193</v>
      </c>
      <c r="E1810" s="1" t="s">
        <v>6194</v>
      </c>
      <c r="F1810" s="1" t="s">
        <v>10</v>
      </c>
      <c r="G1810" s="1" t="s">
        <v>10</v>
      </c>
      <c r="H1810" s="1" t="s">
        <v>10</v>
      </c>
      <c r="I1810" s="1" t="s">
        <v>3941</v>
      </c>
      <c r="J1810" s="1" t="s">
        <v>10</v>
      </c>
      <c r="K1810" s="1" t="s">
        <v>64</v>
      </c>
      <c r="L1810" s="1" t="s">
        <v>6191</v>
      </c>
      <c r="M1810" s="1" t="s">
        <v>5</v>
      </c>
      <c r="N1810" s="1" t="s">
        <v>6</v>
      </c>
      <c r="O1810" s="1" t="s">
        <v>8</v>
      </c>
      <c r="P1810" s="5" t="s">
        <v>30431</v>
      </c>
    </row>
    <row r="1811" spans="1:16" x14ac:dyDescent="0.2">
      <c r="A1811" s="1" t="s">
        <v>10</v>
      </c>
      <c r="B1811" s="1" t="s">
        <v>10</v>
      </c>
      <c r="C1811" s="1" t="s">
        <v>6196</v>
      </c>
      <c r="D1811" s="1" t="s">
        <v>6197</v>
      </c>
      <c r="E1811" s="1" t="s">
        <v>6198</v>
      </c>
      <c r="F1811" s="1" t="s">
        <v>10</v>
      </c>
      <c r="G1811" s="1" t="s">
        <v>10</v>
      </c>
      <c r="H1811" s="1" t="s">
        <v>10</v>
      </c>
      <c r="I1811" s="1" t="s">
        <v>3941</v>
      </c>
      <c r="J1811" s="1" t="s">
        <v>10</v>
      </c>
      <c r="K1811" s="1" t="s">
        <v>64</v>
      </c>
      <c r="L1811" s="1" t="s">
        <v>6195</v>
      </c>
      <c r="M1811" s="1" t="s">
        <v>5</v>
      </c>
      <c r="N1811" s="1" t="s">
        <v>6</v>
      </c>
      <c r="O1811" s="1" t="s">
        <v>8</v>
      </c>
      <c r="P1811" s="5" t="s">
        <v>30431</v>
      </c>
    </row>
    <row r="1812" spans="1:16" x14ac:dyDescent="0.2">
      <c r="A1812" s="1" t="s">
        <v>10</v>
      </c>
      <c r="B1812" s="1" t="s">
        <v>10</v>
      </c>
      <c r="C1812" s="1" t="s">
        <v>6200</v>
      </c>
      <c r="D1812" s="1" t="s">
        <v>6201</v>
      </c>
      <c r="E1812" s="1" t="s">
        <v>6202</v>
      </c>
      <c r="F1812" s="1" t="s">
        <v>10</v>
      </c>
      <c r="G1812" s="1" t="s">
        <v>10</v>
      </c>
      <c r="H1812" s="1" t="s">
        <v>10</v>
      </c>
      <c r="I1812" s="1" t="s">
        <v>3941</v>
      </c>
      <c r="J1812" s="1" t="s">
        <v>10</v>
      </c>
      <c r="K1812" s="1" t="s">
        <v>64</v>
      </c>
      <c r="L1812" s="1" t="s">
        <v>6199</v>
      </c>
      <c r="M1812" s="1" t="s">
        <v>5</v>
      </c>
      <c r="N1812" s="1" t="s">
        <v>6</v>
      </c>
      <c r="O1812" s="1" t="s">
        <v>8</v>
      </c>
      <c r="P1812" s="5" t="s">
        <v>30431</v>
      </c>
    </row>
    <row r="1813" spans="1:16" x14ac:dyDescent="0.2">
      <c r="A1813" s="1" t="s">
        <v>10</v>
      </c>
      <c r="B1813" s="1" t="s">
        <v>10</v>
      </c>
      <c r="C1813" s="1" t="s">
        <v>6204</v>
      </c>
      <c r="D1813" s="1" t="s">
        <v>6205</v>
      </c>
      <c r="E1813" s="1" t="s">
        <v>6206</v>
      </c>
      <c r="F1813" s="1" t="s">
        <v>10</v>
      </c>
      <c r="G1813" s="1" t="s">
        <v>10</v>
      </c>
      <c r="H1813" s="1" t="s">
        <v>10</v>
      </c>
      <c r="I1813" s="1" t="s">
        <v>3941</v>
      </c>
      <c r="J1813" s="1" t="s">
        <v>10</v>
      </c>
      <c r="K1813" s="1" t="s">
        <v>64</v>
      </c>
      <c r="L1813" s="1" t="s">
        <v>6203</v>
      </c>
      <c r="M1813" s="1" t="s">
        <v>5</v>
      </c>
      <c r="N1813" s="1" t="s">
        <v>6</v>
      </c>
      <c r="O1813" s="1" t="s">
        <v>8</v>
      </c>
      <c r="P1813" s="5" t="s">
        <v>30431</v>
      </c>
    </row>
    <row r="1814" spans="1:16" x14ac:dyDescent="0.2">
      <c r="A1814" s="1" t="s">
        <v>10</v>
      </c>
      <c r="B1814" s="1" t="s">
        <v>10</v>
      </c>
      <c r="C1814" s="1" t="s">
        <v>6208</v>
      </c>
      <c r="D1814" s="1" t="s">
        <v>6209</v>
      </c>
      <c r="E1814" s="1" t="s">
        <v>6210</v>
      </c>
      <c r="F1814" s="1" t="s">
        <v>10</v>
      </c>
      <c r="G1814" s="1" t="s">
        <v>10</v>
      </c>
      <c r="H1814" s="1" t="s">
        <v>10</v>
      </c>
      <c r="I1814" s="1" t="s">
        <v>3941</v>
      </c>
      <c r="J1814" s="1" t="s">
        <v>10</v>
      </c>
      <c r="K1814" s="1" t="s">
        <v>64</v>
      </c>
      <c r="L1814" s="1" t="s">
        <v>6207</v>
      </c>
      <c r="M1814" s="1" t="s">
        <v>5</v>
      </c>
      <c r="N1814" s="1" t="s">
        <v>6</v>
      </c>
      <c r="O1814" s="1" t="s">
        <v>8</v>
      </c>
      <c r="P1814" s="5" t="s">
        <v>30431</v>
      </c>
    </row>
    <row r="1815" spans="1:16" x14ac:dyDescent="0.2">
      <c r="A1815" s="1" t="s">
        <v>10</v>
      </c>
      <c r="B1815" s="1" t="s">
        <v>10</v>
      </c>
      <c r="C1815" s="1" t="s">
        <v>6212</v>
      </c>
      <c r="D1815" s="1" t="s">
        <v>6213</v>
      </c>
      <c r="E1815" s="1" t="s">
        <v>6214</v>
      </c>
      <c r="F1815" s="1" t="s">
        <v>10</v>
      </c>
      <c r="G1815" s="1" t="s">
        <v>10</v>
      </c>
      <c r="H1815" s="1" t="s">
        <v>10</v>
      </c>
      <c r="I1815" s="1" t="s">
        <v>3941</v>
      </c>
      <c r="J1815" s="1" t="s">
        <v>10</v>
      </c>
      <c r="K1815" s="1" t="s">
        <v>64</v>
      </c>
      <c r="L1815" s="1" t="s">
        <v>6211</v>
      </c>
      <c r="M1815" s="1" t="s">
        <v>5</v>
      </c>
      <c r="N1815" s="1" t="s">
        <v>6</v>
      </c>
      <c r="O1815" s="1" t="s">
        <v>8</v>
      </c>
      <c r="P1815" s="5" t="s">
        <v>30431</v>
      </c>
    </row>
    <row r="1816" spans="1:16" x14ac:dyDescent="0.2">
      <c r="A1816" s="1" t="s">
        <v>10</v>
      </c>
      <c r="B1816" s="1" t="s">
        <v>10</v>
      </c>
      <c r="C1816" s="1" t="s">
        <v>6216</v>
      </c>
      <c r="D1816" s="1" t="s">
        <v>6217</v>
      </c>
      <c r="E1816" s="1" t="s">
        <v>6218</v>
      </c>
      <c r="F1816" s="1" t="s">
        <v>10</v>
      </c>
      <c r="G1816" s="1" t="s">
        <v>10</v>
      </c>
      <c r="H1816" s="1" t="s">
        <v>10</v>
      </c>
      <c r="I1816" s="1" t="s">
        <v>3941</v>
      </c>
      <c r="J1816" s="1" t="s">
        <v>10</v>
      </c>
      <c r="K1816" s="1" t="s">
        <v>64</v>
      </c>
      <c r="L1816" s="1" t="s">
        <v>6215</v>
      </c>
      <c r="M1816" s="1" t="s">
        <v>5</v>
      </c>
      <c r="N1816" s="1" t="s">
        <v>6</v>
      </c>
      <c r="O1816" s="1" t="s">
        <v>8</v>
      </c>
      <c r="P1816" s="5" t="s">
        <v>30431</v>
      </c>
    </row>
    <row r="1817" spans="1:16" x14ac:dyDescent="0.2">
      <c r="A1817" s="1" t="s">
        <v>10</v>
      </c>
      <c r="B1817" s="1" t="s">
        <v>10</v>
      </c>
      <c r="C1817" s="1" t="s">
        <v>6220</v>
      </c>
      <c r="D1817" s="1" t="s">
        <v>6221</v>
      </c>
      <c r="E1817" s="1" t="s">
        <v>6222</v>
      </c>
      <c r="F1817" s="1" t="s">
        <v>10</v>
      </c>
      <c r="G1817" s="1" t="s">
        <v>10</v>
      </c>
      <c r="H1817" s="1" t="s">
        <v>10</v>
      </c>
      <c r="I1817" s="1" t="s">
        <v>3941</v>
      </c>
      <c r="J1817" s="1" t="s">
        <v>10</v>
      </c>
      <c r="K1817" s="1" t="s">
        <v>64</v>
      </c>
      <c r="L1817" s="1" t="s">
        <v>6219</v>
      </c>
      <c r="M1817" s="1" t="s">
        <v>5</v>
      </c>
      <c r="N1817" s="1" t="s">
        <v>6</v>
      </c>
      <c r="O1817" s="1" t="s">
        <v>8</v>
      </c>
      <c r="P1817" s="5" t="s">
        <v>30431</v>
      </c>
    </row>
    <row r="1818" spans="1:16" x14ac:dyDescent="0.2">
      <c r="A1818" s="1" t="s">
        <v>10</v>
      </c>
      <c r="B1818" s="1" t="s">
        <v>10</v>
      </c>
      <c r="C1818" s="1" t="s">
        <v>6224</v>
      </c>
      <c r="D1818" s="1" t="s">
        <v>6225</v>
      </c>
      <c r="E1818" s="1" t="s">
        <v>6226</v>
      </c>
      <c r="F1818" s="1" t="s">
        <v>10</v>
      </c>
      <c r="G1818" s="1" t="s">
        <v>10</v>
      </c>
      <c r="H1818" s="1" t="s">
        <v>10</v>
      </c>
      <c r="I1818" s="1" t="s">
        <v>3941</v>
      </c>
      <c r="J1818" s="1" t="s">
        <v>10</v>
      </c>
      <c r="K1818" s="1" t="s">
        <v>64</v>
      </c>
      <c r="L1818" s="1" t="s">
        <v>6223</v>
      </c>
      <c r="M1818" s="1" t="s">
        <v>5</v>
      </c>
      <c r="N1818" s="1" t="s">
        <v>6</v>
      </c>
      <c r="O1818" s="1" t="s">
        <v>8</v>
      </c>
      <c r="P1818" s="5" t="s">
        <v>30431</v>
      </c>
    </row>
    <row r="1819" spans="1:16" x14ac:dyDescent="0.2">
      <c r="A1819" s="1" t="s">
        <v>10</v>
      </c>
      <c r="B1819" s="1" t="s">
        <v>10</v>
      </c>
      <c r="C1819" s="1" t="s">
        <v>6228</v>
      </c>
      <c r="D1819" s="1" t="s">
        <v>6229</v>
      </c>
      <c r="E1819" s="1" t="s">
        <v>6230</v>
      </c>
      <c r="F1819" s="1" t="s">
        <v>10</v>
      </c>
      <c r="G1819" s="1" t="s">
        <v>10</v>
      </c>
      <c r="H1819" s="1" t="s">
        <v>10</v>
      </c>
      <c r="I1819" s="1" t="s">
        <v>3941</v>
      </c>
      <c r="J1819" s="1" t="s">
        <v>10</v>
      </c>
      <c r="K1819" s="1" t="s">
        <v>64</v>
      </c>
      <c r="L1819" s="1" t="s">
        <v>6227</v>
      </c>
      <c r="M1819" s="1" t="s">
        <v>5</v>
      </c>
      <c r="N1819" s="1" t="s">
        <v>6</v>
      </c>
      <c r="O1819" s="1" t="s">
        <v>8</v>
      </c>
      <c r="P1819" s="5" t="s">
        <v>30431</v>
      </c>
    </row>
    <row r="1820" spans="1:16" x14ac:dyDescent="0.2">
      <c r="A1820" s="1" t="s">
        <v>10</v>
      </c>
      <c r="B1820" s="1" t="s">
        <v>10</v>
      </c>
      <c r="C1820" s="1" t="s">
        <v>6232</v>
      </c>
      <c r="D1820" s="1" t="s">
        <v>6233</v>
      </c>
      <c r="E1820" s="1" t="s">
        <v>6234</v>
      </c>
      <c r="F1820" s="1" t="s">
        <v>10</v>
      </c>
      <c r="G1820" s="1" t="s">
        <v>10</v>
      </c>
      <c r="H1820" s="1" t="s">
        <v>10</v>
      </c>
      <c r="I1820" s="1" t="s">
        <v>3941</v>
      </c>
      <c r="J1820" s="1" t="s">
        <v>10</v>
      </c>
      <c r="K1820" s="1" t="s">
        <v>64</v>
      </c>
      <c r="L1820" s="1" t="s">
        <v>6231</v>
      </c>
      <c r="M1820" s="1" t="s">
        <v>5</v>
      </c>
      <c r="N1820" s="1" t="s">
        <v>6</v>
      </c>
      <c r="O1820" s="1" t="s">
        <v>8</v>
      </c>
      <c r="P1820" s="5" t="s">
        <v>30431</v>
      </c>
    </row>
    <row r="1821" spans="1:16" x14ac:dyDescent="0.2">
      <c r="A1821" s="1" t="s">
        <v>10</v>
      </c>
      <c r="B1821" s="1" t="s">
        <v>10</v>
      </c>
      <c r="C1821" s="1" t="s">
        <v>6236</v>
      </c>
      <c r="D1821" s="1" t="s">
        <v>6237</v>
      </c>
      <c r="E1821" s="1" t="s">
        <v>6238</v>
      </c>
      <c r="F1821" s="1" t="s">
        <v>10</v>
      </c>
      <c r="G1821" s="1" t="s">
        <v>10</v>
      </c>
      <c r="H1821" s="1" t="s">
        <v>10</v>
      </c>
      <c r="I1821" s="1" t="s">
        <v>3941</v>
      </c>
      <c r="J1821" s="1" t="s">
        <v>10</v>
      </c>
      <c r="K1821" s="1" t="s">
        <v>64</v>
      </c>
      <c r="L1821" s="1" t="s">
        <v>6235</v>
      </c>
      <c r="M1821" s="1" t="s">
        <v>5</v>
      </c>
      <c r="N1821" s="1" t="s">
        <v>6</v>
      </c>
      <c r="O1821" s="1" t="s">
        <v>8</v>
      </c>
      <c r="P1821" s="5" t="s">
        <v>30431</v>
      </c>
    </row>
    <row r="1822" spans="1:16" x14ac:dyDescent="0.2">
      <c r="A1822" s="1" t="s">
        <v>10</v>
      </c>
      <c r="B1822" s="1" t="s">
        <v>10</v>
      </c>
      <c r="C1822" s="1" t="s">
        <v>6240</v>
      </c>
      <c r="D1822" s="1" t="s">
        <v>6241</v>
      </c>
      <c r="E1822" s="1" t="s">
        <v>6242</v>
      </c>
      <c r="F1822" s="1" t="s">
        <v>10</v>
      </c>
      <c r="G1822" s="1" t="s">
        <v>10</v>
      </c>
      <c r="H1822" s="1" t="s">
        <v>10</v>
      </c>
      <c r="I1822" s="1" t="s">
        <v>3941</v>
      </c>
      <c r="J1822" s="1" t="s">
        <v>10</v>
      </c>
      <c r="K1822" s="1" t="s">
        <v>64</v>
      </c>
      <c r="L1822" s="1" t="s">
        <v>6239</v>
      </c>
      <c r="M1822" s="1" t="s">
        <v>5</v>
      </c>
      <c r="N1822" s="1" t="s">
        <v>6</v>
      </c>
      <c r="O1822" s="1" t="s">
        <v>8</v>
      </c>
      <c r="P1822" s="5" t="s">
        <v>30431</v>
      </c>
    </row>
    <row r="1823" spans="1:16" x14ac:dyDescent="0.2">
      <c r="A1823" s="1" t="s">
        <v>10</v>
      </c>
      <c r="B1823" s="1" t="s">
        <v>10</v>
      </c>
      <c r="C1823" s="1" t="s">
        <v>6244</v>
      </c>
      <c r="D1823" s="1" t="s">
        <v>6245</v>
      </c>
      <c r="E1823" s="1" t="s">
        <v>6246</v>
      </c>
      <c r="F1823" s="1" t="s">
        <v>10</v>
      </c>
      <c r="G1823" s="1" t="s">
        <v>10</v>
      </c>
      <c r="H1823" s="1" t="s">
        <v>10</v>
      </c>
      <c r="I1823" s="1" t="s">
        <v>3941</v>
      </c>
      <c r="J1823" s="1" t="s">
        <v>10</v>
      </c>
      <c r="K1823" s="1" t="s">
        <v>64</v>
      </c>
      <c r="L1823" s="1" t="s">
        <v>6243</v>
      </c>
      <c r="M1823" s="1" t="s">
        <v>5</v>
      </c>
      <c r="N1823" s="1" t="s">
        <v>6</v>
      </c>
      <c r="O1823" s="1" t="s">
        <v>8</v>
      </c>
      <c r="P1823" s="5" t="s">
        <v>30431</v>
      </c>
    </row>
    <row r="1824" spans="1:16" x14ac:dyDescent="0.2">
      <c r="A1824" s="1" t="s">
        <v>10</v>
      </c>
      <c r="B1824" s="1" t="s">
        <v>10</v>
      </c>
      <c r="C1824" s="1" t="s">
        <v>6248</v>
      </c>
      <c r="D1824" s="1" t="s">
        <v>6249</v>
      </c>
      <c r="E1824" s="1" t="s">
        <v>6250</v>
      </c>
      <c r="F1824" s="1" t="s">
        <v>10</v>
      </c>
      <c r="G1824" s="1" t="s">
        <v>10</v>
      </c>
      <c r="H1824" s="1" t="s">
        <v>10</v>
      </c>
      <c r="I1824" s="1" t="s">
        <v>3941</v>
      </c>
      <c r="J1824" s="1" t="s">
        <v>10</v>
      </c>
      <c r="K1824" s="1" t="s">
        <v>64</v>
      </c>
      <c r="L1824" s="1" t="s">
        <v>6247</v>
      </c>
      <c r="M1824" s="1" t="s">
        <v>5</v>
      </c>
      <c r="N1824" s="1" t="s">
        <v>6</v>
      </c>
      <c r="O1824" s="1" t="s">
        <v>8</v>
      </c>
      <c r="P1824" s="5" t="s">
        <v>30431</v>
      </c>
    </row>
    <row r="1825" spans="1:16" x14ac:dyDescent="0.2">
      <c r="A1825" s="1" t="s">
        <v>10</v>
      </c>
      <c r="B1825" s="1" t="s">
        <v>10</v>
      </c>
      <c r="C1825" s="1" t="s">
        <v>6252</v>
      </c>
      <c r="D1825" s="1" t="s">
        <v>6253</v>
      </c>
      <c r="E1825" s="1" t="s">
        <v>6254</v>
      </c>
      <c r="F1825" s="1" t="s">
        <v>10</v>
      </c>
      <c r="G1825" s="1" t="s">
        <v>10</v>
      </c>
      <c r="H1825" s="1" t="s">
        <v>10</v>
      </c>
      <c r="I1825" s="1" t="s">
        <v>3941</v>
      </c>
      <c r="J1825" s="1" t="s">
        <v>10</v>
      </c>
      <c r="K1825" s="1" t="s">
        <v>64</v>
      </c>
      <c r="L1825" s="1" t="s">
        <v>6251</v>
      </c>
      <c r="M1825" s="1" t="s">
        <v>5</v>
      </c>
      <c r="N1825" s="1" t="s">
        <v>6</v>
      </c>
      <c r="O1825" s="1" t="s">
        <v>8</v>
      </c>
      <c r="P1825" s="5" t="s">
        <v>30431</v>
      </c>
    </row>
    <row r="1826" spans="1:16" x14ac:dyDescent="0.2">
      <c r="A1826" s="1" t="s">
        <v>10</v>
      </c>
      <c r="B1826" s="1" t="s">
        <v>10</v>
      </c>
      <c r="C1826" s="1" t="s">
        <v>6256</v>
      </c>
      <c r="D1826" s="1" t="s">
        <v>6257</v>
      </c>
      <c r="E1826" s="1" t="s">
        <v>6258</v>
      </c>
      <c r="F1826" s="1" t="s">
        <v>10</v>
      </c>
      <c r="G1826" s="1" t="s">
        <v>10</v>
      </c>
      <c r="H1826" s="1" t="s">
        <v>10</v>
      </c>
      <c r="I1826" s="1" t="s">
        <v>3941</v>
      </c>
      <c r="J1826" s="1" t="s">
        <v>10</v>
      </c>
      <c r="K1826" s="1" t="s">
        <v>64</v>
      </c>
      <c r="L1826" s="1" t="s">
        <v>6255</v>
      </c>
      <c r="M1826" s="1" t="s">
        <v>5</v>
      </c>
      <c r="N1826" s="1" t="s">
        <v>6</v>
      </c>
      <c r="O1826" s="1" t="s">
        <v>8</v>
      </c>
      <c r="P1826" s="5" t="s">
        <v>30431</v>
      </c>
    </row>
    <row r="1827" spans="1:16" x14ac:dyDescent="0.2">
      <c r="A1827" s="1" t="s">
        <v>10</v>
      </c>
      <c r="B1827" s="1" t="s">
        <v>10</v>
      </c>
      <c r="C1827" s="1" t="s">
        <v>6260</v>
      </c>
      <c r="D1827" s="1" t="s">
        <v>6261</v>
      </c>
      <c r="E1827" s="1" t="s">
        <v>6262</v>
      </c>
      <c r="F1827" s="1" t="s">
        <v>10</v>
      </c>
      <c r="G1827" s="1" t="s">
        <v>10</v>
      </c>
      <c r="H1827" s="1" t="s">
        <v>10</v>
      </c>
      <c r="I1827" s="1" t="s">
        <v>3941</v>
      </c>
      <c r="J1827" s="1" t="s">
        <v>10</v>
      </c>
      <c r="K1827" s="1" t="s">
        <v>64</v>
      </c>
      <c r="L1827" s="1" t="s">
        <v>6259</v>
      </c>
      <c r="M1827" s="1" t="s">
        <v>5</v>
      </c>
      <c r="N1827" s="1" t="s">
        <v>6</v>
      </c>
      <c r="O1827" s="1" t="s">
        <v>8</v>
      </c>
      <c r="P1827" s="5" t="s">
        <v>30431</v>
      </c>
    </row>
    <row r="1828" spans="1:16" x14ac:dyDescent="0.2">
      <c r="A1828" s="1" t="s">
        <v>10</v>
      </c>
      <c r="B1828" s="1" t="s">
        <v>10</v>
      </c>
      <c r="C1828" s="1" t="s">
        <v>6264</v>
      </c>
      <c r="D1828" s="1" t="s">
        <v>6265</v>
      </c>
      <c r="E1828" s="1" t="s">
        <v>6266</v>
      </c>
      <c r="F1828" s="1" t="s">
        <v>10</v>
      </c>
      <c r="G1828" s="1" t="s">
        <v>10</v>
      </c>
      <c r="H1828" s="1" t="s">
        <v>10</v>
      </c>
      <c r="I1828" s="1" t="s">
        <v>3941</v>
      </c>
      <c r="J1828" s="1" t="s">
        <v>10</v>
      </c>
      <c r="K1828" s="1" t="s">
        <v>64</v>
      </c>
      <c r="L1828" s="1" t="s">
        <v>6263</v>
      </c>
      <c r="M1828" s="1" t="s">
        <v>5</v>
      </c>
      <c r="N1828" s="1" t="s">
        <v>6</v>
      </c>
      <c r="O1828" s="1" t="s">
        <v>8</v>
      </c>
      <c r="P1828" s="5" t="s">
        <v>30431</v>
      </c>
    </row>
    <row r="1829" spans="1:16" x14ac:dyDescent="0.2">
      <c r="A1829" s="1" t="s">
        <v>10</v>
      </c>
      <c r="B1829" s="1" t="s">
        <v>10</v>
      </c>
      <c r="C1829" s="1" t="s">
        <v>6268</v>
      </c>
      <c r="D1829" s="1" t="s">
        <v>6269</v>
      </c>
      <c r="E1829" s="1" t="s">
        <v>6270</v>
      </c>
      <c r="F1829" s="1" t="s">
        <v>10</v>
      </c>
      <c r="G1829" s="1" t="s">
        <v>10</v>
      </c>
      <c r="H1829" s="1" t="s">
        <v>10</v>
      </c>
      <c r="I1829" s="1" t="s">
        <v>3941</v>
      </c>
      <c r="J1829" s="1" t="s">
        <v>10</v>
      </c>
      <c r="K1829" s="1" t="s">
        <v>64</v>
      </c>
      <c r="L1829" s="1" t="s">
        <v>6267</v>
      </c>
      <c r="M1829" s="1" t="s">
        <v>5</v>
      </c>
      <c r="N1829" s="1" t="s">
        <v>6</v>
      </c>
      <c r="O1829" s="1" t="s">
        <v>8</v>
      </c>
      <c r="P1829" s="5" t="s">
        <v>30431</v>
      </c>
    </row>
    <row r="1830" spans="1:16" x14ac:dyDescent="0.2">
      <c r="A1830" s="1" t="s">
        <v>10</v>
      </c>
      <c r="B1830" s="1" t="s">
        <v>10</v>
      </c>
      <c r="C1830" s="1" t="s">
        <v>6272</v>
      </c>
      <c r="D1830" s="1" t="s">
        <v>6273</v>
      </c>
      <c r="E1830" s="1" t="s">
        <v>6274</v>
      </c>
      <c r="F1830" s="1" t="s">
        <v>10</v>
      </c>
      <c r="G1830" s="1" t="s">
        <v>10</v>
      </c>
      <c r="H1830" s="1" t="s">
        <v>10</v>
      </c>
      <c r="I1830" s="1" t="s">
        <v>3941</v>
      </c>
      <c r="J1830" s="1" t="s">
        <v>10</v>
      </c>
      <c r="K1830" s="1" t="s">
        <v>64</v>
      </c>
      <c r="L1830" s="1" t="s">
        <v>6271</v>
      </c>
      <c r="M1830" s="1" t="s">
        <v>5</v>
      </c>
      <c r="N1830" s="1" t="s">
        <v>6</v>
      </c>
      <c r="O1830" s="1" t="s">
        <v>8</v>
      </c>
      <c r="P1830" s="5" t="s">
        <v>30431</v>
      </c>
    </row>
    <row r="1831" spans="1:16" x14ac:dyDescent="0.2">
      <c r="A1831" s="1" t="s">
        <v>10</v>
      </c>
      <c r="B1831" s="1" t="s">
        <v>10</v>
      </c>
      <c r="C1831" s="1" t="s">
        <v>6276</v>
      </c>
      <c r="D1831" s="1" t="s">
        <v>6277</v>
      </c>
      <c r="E1831" s="1" t="s">
        <v>6278</v>
      </c>
      <c r="F1831" s="1" t="s">
        <v>10</v>
      </c>
      <c r="G1831" s="1" t="s">
        <v>10</v>
      </c>
      <c r="H1831" s="1" t="s">
        <v>10</v>
      </c>
      <c r="I1831" s="1" t="s">
        <v>3941</v>
      </c>
      <c r="J1831" s="1" t="s">
        <v>10</v>
      </c>
      <c r="K1831" s="1" t="s">
        <v>64</v>
      </c>
      <c r="L1831" s="1" t="s">
        <v>6275</v>
      </c>
      <c r="M1831" s="1" t="s">
        <v>5</v>
      </c>
      <c r="N1831" s="1" t="s">
        <v>6</v>
      </c>
      <c r="O1831" s="1" t="s">
        <v>8</v>
      </c>
      <c r="P1831" s="5" t="s">
        <v>30431</v>
      </c>
    </row>
    <row r="1832" spans="1:16" x14ac:dyDescent="0.2">
      <c r="A1832" s="1" t="s">
        <v>10</v>
      </c>
      <c r="B1832" s="1" t="s">
        <v>10</v>
      </c>
      <c r="C1832" s="1" t="s">
        <v>6280</v>
      </c>
      <c r="D1832" s="1" t="s">
        <v>6281</v>
      </c>
      <c r="E1832" s="1" t="s">
        <v>6282</v>
      </c>
      <c r="F1832" s="1" t="s">
        <v>10</v>
      </c>
      <c r="G1832" s="1" t="s">
        <v>10</v>
      </c>
      <c r="H1832" s="1" t="s">
        <v>10</v>
      </c>
      <c r="I1832" s="1" t="s">
        <v>3941</v>
      </c>
      <c r="J1832" s="1" t="s">
        <v>10</v>
      </c>
      <c r="K1832" s="1" t="s">
        <v>64</v>
      </c>
      <c r="L1832" s="1" t="s">
        <v>6279</v>
      </c>
      <c r="M1832" s="1" t="s">
        <v>5</v>
      </c>
      <c r="N1832" s="1" t="s">
        <v>6</v>
      </c>
      <c r="O1832" s="1" t="s">
        <v>8</v>
      </c>
      <c r="P1832" s="5" t="s">
        <v>30431</v>
      </c>
    </row>
    <row r="1833" spans="1:16" x14ac:dyDescent="0.2">
      <c r="A1833" s="1" t="s">
        <v>10</v>
      </c>
      <c r="B1833" s="1" t="s">
        <v>10</v>
      </c>
      <c r="C1833" s="1" t="s">
        <v>6284</v>
      </c>
      <c r="D1833" s="1" t="s">
        <v>6285</v>
      </c>
      <c r="E1833" s="1" t="s">
        <v>10</v>
      </c>
      <c r="F1833" s="1" t="s">
        <v>10</v>
      </c>
      <c r="G1833" s="1" t="s">
        <v>10</v>
      </c>
      <c r="H1833" s="1" t="s">
        <v>10</v>
      </c>
      <c r="I1833" s="1" t="s">
        <v>3941</v>
      </c>
      <c r="J1833" s="1" t="s">
        <v>10</v>
      </c>
      <c r="K1833" s="1" t="s">
        <v>64</v>
      </c>
      <c r="L1833" s="1" t="s">
        <v>6283</v>
      </c>
      <c r="M1833" s="1" t="s">
        <v>5</v>
      </c>
      <c r="N1833" s="1" t="s">
        <v>6</v>
      </c>
      <c r="O1833" s="1" t="s">
        <v>8</v>
      </c>
      <c r="P1833" s="5" t="s">
        <v>30431</v>
      </c>
    </row>
    <row r="1834" spans="1:16" x14ac:dyDescent="0.2">
      <c r="A1834" s="1" t="s">
        <v>10</v>
      </c>
      <c r="B1834" s="1" t="s">
        <v>10</v>
      </c>
      <c r="C1834" s="1" t="s">
        <v>6287</v>
      </c>
      <c r="D1834" s="1" t="s">
        <v>6288</v>
      </c>
      <c r="E1834" s="1" t="s">
        <v>6289</v>
      </c>
      <c r="F1834" s="1" t="s">
        <v>10</v>
      </c>
      <c r="G1834" s="1" t="s">
        <v>10</v>
      </c>
      <c r="H1834" s="1" t="s">
        <v>10</v>
      </c>
      <c r="I1834" s="1" t="s">
        <v>3941</v>
      </c>
      <c r="J1834" s="1" t="s">
        <v>10</v>
      </c>
      <c r="K1834" s="1" t="s">
        <v>64</v>
      </c>
      <c r="L1834" s="1" t="s">
        <v>6286</v>
      </c>
      <c r="M1834" s="1" t="s">
        <v>5</v>
      </c>
      <c r="N1834" s="1" t="s">
        <v>6</v>
      </c>
      <c r="O1834" s="1" t="s">
        <v>8</v>
      </c>
      <c r="P1834" s="5" t="s">
        <v>30431</v>
      </c>
    </row>
    <row r="1835" spans="1:16" x14ac:dyDescent="0.2">
      <c r="A1835" s="1" t="s">
        <v>10</v>
      </c>
      <c r="B1835" s="1" t="s">
        <v>10</v>
      </c>
      <c r="C1835" s="1" t="s">
        <v>6291</v>
      </c>
      <c r="D1835" s="1" t="s">
        <v>10</v>
      </c>
      <c r="E1835" s="1" t="s">
        <v>10</v>
      </c>
      <c r="F1835" s="1" t="s">
        <v>10</v>
      </c>
      <c r="G1835" s="1" t="s">
        <v>10</v>
      </c>
      <c r="H1835" s="1" t="s">
        <v>10</v>
      </c>
      <c r="I1835" s="1" t="s">
        <v>3941</v>
      </c>
      <c r="J1835" s="1" t="s">
        <v>10</v>
      </c>
      <c r="K1835" s="1" t="s">
        <v>64</v>
      </c>
      <c r="L1835" s="1" t="s">
        <v>6290</v>
      </c>
      <c r="M1835" s="1" t="s">
        <v>5</v>
      </c>
      <c r="N1835" s="1" t="s">
        <v>6</v>
      </c>
      <c r="O1835" s="1" t="s">
        <v>8</v>
      </c>
      <c r="P1835" s="5" t="s">
        <v>30431</v>
      </c>
    </row>
    <row r="1836" spans="1:16" x14ac:dyDescent="0.2">
      <c r="A1836" s="1" t="s">
        <v>10</v>
      </c>
      <c r="B1836" s="1" t="s">
        <v>10</v>
      </c>
      <c r="C1836" s="1" t="s">
        <v>6293</v>
      </c>
      <c r="D1836" s="1" t="s">
        <v>10</v>
      </c>
      <c r="E1836" s="1" t="s">
        <v>10</v>
      </c>
      <c r="F1836" s="1" t="s">
        <v>10</v>
      </c>
      <c r="G1836" s="1" t="s">
        <v>10</v>
      </c>
      <c r="H1836" s="1" t="s">
        <v>10</v>
      </c>
      <c r="I1836" s="1" t="s">
        <v>3941</v>
      </c>
      <c r="J1836" s="1" t="s">
        <v>10</v>
      </c>
      <c r="K1836" s="1" t="s">
        <v>64</v>
      </c>
      <c r="L1836" s="1" t="s">
        <v>6292</v>
      </c>
      <c r="M1836" s="1" t="s">
        <v>5</v>
      </c>
      <c r="N1836" s="1" t="s">
        <v>6</v>
      </c>
      <c r="O1836" s="1" t="s">
        <v>8</v>
      </c>
      <c r="P1836" s="5" t="s">
        <v>30431</v>
      </c>
    </row>
    <row r="1837" spans="1:16" x14ac:dyDescent="0.2">
      <c r="A1837" s="1" t="s">
        <v>10</v>
      </c>
      <c r="B1837" s="1" t="s">
        <v>10</v>
      </c>
      <c r="C1837" s="1" t="s">
        <v>6295</v>
      </c>
      <c r="D1837" s="1" t="s">
        <v>10</v>
      </c>
      <c r="E1837" s="1" t="s">
        <v>10</v>
      </c>
      <c r="F1837" s="1" t="s">
        <v>10</v>
      </c>
      <c r="G1837" s="1" t="s">
        <v>10</v>
      </c>
      <c r="H1837" s="1" t="s">
        <v>10</v>
      </c>
      <c r="I1837" s="1" t="s">
        <v>3941</v>
      </c>
      <c r="J1837" s="1" t="s">
        <v>10</v>
      </c>
      <c r="K1837" s="1" t="s">
        <v>64</v>
      </c>
      <c r="L1837" s="1" t="s">
        <v>6294</v>
      </c>
      <c r="M1837" s="1" t="s">
        <v>5</v>
      </c>
      <c r="N1837" s="1" t="s">
        <v>6</v>
      </c>
      <c r="O1837" s="1" t="s">
        <v>8</v>
      </c>
      <c r="P1837" s="5" t="s">
        <v>30431</v>
      </c>
    </row>
    <row r="1838" spans="1:16" x14ac:dyDescent="0.2">
      <c r="A1838" s="1" t="s">
        <v>10</v>
      </c>
      <c r="B1838" s="1" t="s">
        <v>10</v>
      </c>
      <c r="C1838" s="1" t="s">
        <v>6297</v>
      </c>
      <c r="D1838" s="1" t="s">
        <v>10</v>
      </c>
      <c r="E1838" s="1" t="s">
        <v>10</v>
      </c>
      <c r="F1838" s="1" t="s">
        <v>10</v>
      </c>
      <c r="G1838" s="1" t="s">
        <v>10</v>
      </c>
      <c r="H1838" s="1" t="s">
        <v>10</v>
      </c>
      <c r="I1838" s="1" t="s">
        <v>3941</v>
      </c>
      <c r="J1838" s="1" t="s">
        <v>10</v>
      </c>
      <c r="K1838" s="1" t="s">
        <v>64</v>
      </c>
      <c r="L1838" s="1" t="s">
        <v>6296</v>
      </c>
      <c r="M1838" s="1" t="s">
        <v>5</v>
      </c>
      <c r="N1838" s="1" t="s">
        <v>6</v>
      </c>
      <c r="O1838" s="1" t="s">
        <v>8</v>
      </c>
      <c r="P1838" s="5" t="s">
        <v>30431</v>
      </c>
    </row>
    <row r="1839" spans="1:16" x14ac:dyDescent="0.2">
      <c r="A1839" s="1" t="s">
        <v>10</v>
      </c>
      <c r="B1839" s="1" t="s">
        <v>10</v>
      </c>
      <c r="C1839" s="1" t="s">
        <v>6299</v>
      </c>
      <c r="D1839" s="1" t="s">
        <v>10</v>
      </c>
      <c r="E1839" s="1" t="s">
        <v>10</v>
      </c>
      <c r="F1839" s="1" t="s">
        <v>10</v>
      </c>
      <c r="G1839" s="1" t="s">
        <v>10</v>
      </c>
      <c r="H1839" s="1" t="s">
        <v>10</v>
      </c>
      <c r="I1839" s="1" t="s">
        <v>3941</v>
      </c>
      <c r="J1839" s="1" t="s">
        <v>10</v>
      </c>
      <c r="K1839" s="1" t="s">
        <v>64</v>
      </c>
      <c r="L1839" s="1" t="s">
        <v>6298</v>
      </c>
      <c r="M1839" s="1" t="s">
        <v>5</v>
      </c>
      <c r="N1839" s="1" t="s">
        <v>6</v>
      </c>
      <c r="O1839" s="1" t="s">
        <v>8</v>
      </c>
      <c r="P1839" s="5" t="s">
        <v>30431</v>
      </c>
    </row>
    <row r="1840" spans="1:16" x14ac:dyDescent="0.2">
      <c r="A1840" s="1" t="s">
        <v>10</v>
      </c>
      <c r="B1840" s="1" t="s">
        <v>10</v>
      </c>
      <c r="C1840" s="1" t="s">
        <v>6301</v>
      </c>
      <c r="D1840" s="1" t="s">
        <v>10</v>
      </c>
      <c r="E1840" s="1" t="s">
        <v>10</v>
      </c>
      <c r="F1840" s="1" t="s">
        <v>10</v>
      </c>
      <c r="G1840" s="1" t="s">
        <v>10</v>
      </c>
      <c r="H1840" s="1" t="s">
        <v>10</v>
      </c>
      <c r="I1840" s="1" t="s">
        <v>3941</v>
      </c>
      <c r="J1840" s="1" t="s">
        <v>10</v>
      </c>
      <c r="K1840" s="1" t="s">
        <v>64</v>
      </c>
      <c r="L1840" s="1" t="s">
        <v>6300</v>
      </c>
      <c r="M1840" s="1" t="s">
        <v>5</v>
      </c>
      <c r="N1840" s="1" t="s">
        <v>6</v>
      </c>
      <c r="O1840" s="1" t="s">
        <v>8</v>
      </c>
      <c r="P1840" s="5" t="s">
        <v>30431</v>
      </c>
    </row>
    <row r="1841" spans="1:16" x14ac:dyDescent="0.2">
      <c r="A1841" s="1" t="s">
        <v>10</v>
      </c>
      <c r="B1841" s="1" t="s">
        <v>10</v>
      </c>
      <c r="C1841" s="1" t="s">
        <v>6303</v>
      </c>
      <c r="D1841" s="1" t="s">
        <v>10</v>
      </c>
      <c r="E1841" s="1" t="s">
        <v>10</v>
      </c>
      <c r="F1841" s="1" t="s">
        <v>10</v>
      </c>
      <c r="G1841" s="1" t="s">
        <v>10</v>
      </c>
      <c r="H1841" s="1" t="s">
        <v>10</v>
      </c>
      <c r="I1841" s="1" t="s">
        <v>3941</v>
      </c>
      <c r="J1841" s="1" t="s">
        <v>10</v>
      </c>
      <c r="K1841" s="1" t="s">
        <v>64</v>
      </c>
      <c r="L1841" s="1" t="s">
        <v>6302</v>
      </c>
      <c r="M1841" s="1" t="s">
        <v>5</v>
      </c>
      <c r="N1841" s="1" t="s">
        <v>6</v>
      </c>
      <c r="O1841" s="1" t="s">
        <v>8</v>
      </c>
      <c r="P1841" s="5" t="s">
        <v>30431</v>
      </c>
    </row>
    <row r="1842" spans="1:16" x14ac:dyDescent="0.2">
      <c r="A1842" s="1" t="s">
        <v>10</v>
      </c>
      <c r="B1842" s="1" t="s">
        <v>10</v>
      </c>
      <c r="C1842" s="1" t="s">
        <v>6305</v>
      </c>
      <c r="D1842" s="1" t="s">
        <v>10</v>
      </c>
      <c r="E1842" s="1" t="s">
        <v>10</v>
      </c>
      <c r="F1842" s="1" t="s">
        <v>10</v>
      </c>
      <c r="G1842" s="1" t="s">
        <v>10</v>
      </c>
      <c r="H1842" s="1" t="s">
        <v>10</v>
      </c>
      <c r="I1842" s="1" t="s">
        <v>3941</v>
      </c>
      <c r="J1842" s="1" t="s">
        <v>10</v>
      </c>
      <c r="K1842" s="1" t="s">
        <v>64</v>
      </c>
      <c r="L1842" s="1" t="s">
        <v>6304</v>
      </c>
      <c r="M1842" s="1" t="s">
        <v>5</v>
      </c>
      <c r="N1842" s="1" t="s">
        <v>6</v>
      </c>
      <c r="O1842" s="1" t="s">
        <v>8</v>
      </c>
      <c r="P1842" s="5" t="s">
        <v>30431</v>
      </c>
    </row>
    <row r="1843" spans="1:16" x14ac:dyDescent="0.2">
      <c r="A1843" s="1" t="s">
        <v>10</v>
      </c>
      <c r="B1843" s="1" t="s">
        <v>10</v>
      </c>
      <c r="C1843" s="1" t="s">
        <v>6307</v>
      </c>
      <c r="D1843" s="1" t="s">
        <v>10</v>
      </c>
      <c r="E1843" s="1" t="s">
        <v>10</v>
      </c>
      <c r="F1843" s="1" t="s">
        <v>10</v>
      </c>
      <c r="G1843" s="1" t="s">
        <v>10</v>
      </c>
      <c r="H1843" s="1" t="s">
        <v>10</v>
      </c>
      <c r="I1843" s="1" t="s">
        <v>3941</v>
      </c>
      <c r="J1843" s="1" t="s">
        <v>10</v>
      </c>
      <c r="K1843" s="1" t="s">
        <v>64</v>
      </c>
      <c r="L1843" s="1" t="s">
        <v>6306</v>
      </c>
      <c r="M1843" s="1" t="s">
        <v>5</v>
      </c>
      <c r="N1843" s="1" t="s">
        <v>6</v>
      </c>
      <c r="O1843" s="1" t="s">
        <v>8</v>
      </c>
      <c r="P1843" s="5" t="s">
        <v>30431</v>
      </c>
    </row>
    <row r="1844" spans="1:16" x14ac:dyDescent="0.2">
      <c r="A1844" s="1" t="s">
        <v>10</v>
      </c>
      <c r="B1844" s="1" t="s">
        <v>10</v>
      </c>
      <c r="C1844" s="1" t="s">
        <v>6309</v>
      </c>
      <c r="D1844" s="1" t="s">
        <v>10</v>
      </c>
      <c r="E1844" s="1" t="s">
        <v>10</v>
      </c>
      <c r="F1844" s="1" t="s">
        <v>10</v>
      </c>
      <c r="G1844" s="1" t="s">
        <v>10</v>
      </c>
      <c r="H1844" s="1" t="s">
        <v>10</v>
      </c>
      <c r="I1844" s="1" t="s">
        <v>3941</v>
      </c>
      <c r="J1844" s="1" t="s">
        <v>10</v>
      </c>
      <c r="K1844" s="1" t="s">
        <v>64</v>
      </c>
      <c r="L1844" s="1" t="s">
        <v>6308</v>
      </c>
      <c r="M1844" s="1" t="s">
        <v>5</v>
      </c>
      <c r="N1844" s="1" t="s">
        <v>6</v>
      </c>
      <c r="O1844" s="1" t="s">
        <v>8</v>
      </c>
      <c r="P1844" s="5" t="s">
        <v>30431</v>
      </c>
    </row>
    <row r="1845" spans="1:16" x14ac:dyDescent="0.2">
      <c r="A1845" s="1" t="s">
        <v>10</v>
      </c>
      <c r="B1845" s="1" t="s">
        <v>10</v>
      </c>
      <c r="C1845" s="1" t="s">
        <v>6311</v>
      </c>
      <c r="D1845" s="1" t="s">
        <v>10</v>
      </c>
      <c r="E1845" s="1" t="s">
        <v>10</v>
      </c>
      <c r="F1845" s="1" t="s">
        <v>10</v>
      </c>
      <c r="G1845" s="1" t="s">
        <v>10</v>
      </c>
      <c r="H1845" s="1" t="s">
        <v>10</v>
      </c>
      <c r="I1845" s="1" t="s">
        <v>334</v>
      </c>
      <c r="J1845" s="1" t="s">
        <v>10</v>
      </c>
      <c r="K1845" s="1" t="s">
        <v>10</v>
      </c>
      <c r="L1845" s="1" t="s">
        <v>6310</v>
      </c>
      <c r="M1845" s="1" t="s">
        <v>5</v>
      </c>
      <c r="N1845" s="1" t="s">
        <v>10</v>
      </c>
      <c r="O1845" s="1" t="s">
        <v>38</v>
      </c>
      <c r="P1845" s="5"/>
    </row>
    <row r="1846" spans="1:16" x14ac:dyDescent="0.2">
      <c r="A1846" s="1" t="s">
        <v>10</v>
      </c>
      <c r="B1846" s="1" t="s">
        <v>10</v>
      </c>
      <c r="C1846" s="1" t="s">
        <v>6313</v>
      </c>
      <c r="D1846" s="1" t="s">
        <v>10</v>
      </c>
      <c r="E1846" s="1" t="s">
        <v>10</v>
      </c>
      <c r="F1846" s="1" t="s">
        <v>10</v>
      </c>
      <c r="G1846" s="1" t="s">
        <v>10</v>
      </c>
      <c r="H1846" s="1" t="s">
        <v>10</v>
      </c>
      <c r="I1846" s="1" t="s">
        <v>334</v>
      </c>
      <c r="J1846" s="1" t="s">
        <v>10</v>
      </c>
      <c r="K1846" s="1" t="s">
        <v>10</v>
      </c>
      <c r="L1846" s="1" t="s">
        <v>6312</v>
      </c>
      <c r="M1846" s="1" t="s">
        <v>5</v>
      </c>
      <c r="N1846" s="1" t="s">
        <v>10</v>
      </c>
      <c r="O1846" s="1" t="s">
        <v>38</v>
      </c>
      <c r="P1846" s="5"/>
    </row>
    <row r="1847" spans="1:16" x14ac:dyDescent="0.2">
      <c r="A1847" s="1" t="s">
        <v>10</v>
      </c>
      <c r="B1847" s="1" t="s">
        <v>10</v>
      </c>
      <c r="C1847" s="1" t="s">
        <v>6315</v>
      </c>
      <c r="D1847" s="1" t="s">
        <v>10</v>
      </c>
      <c r="E1847" s="1" t="s">
        <v>10</v>
      </c>
      <c r="F1847" s="1" t="s">
        <v>10</v>
      </c>
      <c r="G1847" s="1" t="s">
        <v>10</v>
      </c>
      <c r="H1847" s="1" t="s">
        <v>10</v>
      </c>
      <c r="I1847" s="1" t="s">
        <v>334</v>
      </c>
      <c r="J1847" s="1" t="s">
        <v>10</v>
      </c>
      <c r="K1847" s="1" t="s">
        <v>10</v>
      </c>
      <c r="L1847" s="1" t="s">
        <v>6314</v>
      </c>
      <c r="M1847" s="1" t="s">
        <v>5</v>
      </c>
      <c r="N1847" s="1" t="s">
        <v>10</v>
      </c>
      <c r="O1847" s="1" t="s">
        <v>38</v>
      </c>
      <c r="P1847" s="5"/>
    </row>
    <row r="1848" spans="1:16" x14ac:dyDescent="0.2">
      <c r="A1848" s="1" t="s">
        <v>10</v>
      </c>
      <c r="B1848" s="1" t="s">
        <v>10</v>
      </c>
      <c r="C1848" s="1" t="s">
        <v>6317</v>
      </c>
      <c r="D1848" s="1" t="s">
        <v>10</v>
      </c>
      <c r="E1848" s="1" t="s">
        <v>10</v>
      </c>
      <c r="F1848" s="1" t="s">
        <v>10</v>
      </c>
      <c r="G1848" s="1" t="s">
        <v>10</v>
      </c>
      <c r="H1848" s="1" t="s">
        <v>10</v>
      </c>
      <c r="I1848" s="1" t="s">
        <v>334</v>
      </c>
      <c r="J1848" s="1" t="s">
        <v>10</v>
      </c>
      <c r="K1848" s="1" t="s">
        <v>10</v>
      </c>
      <c r="L1848" s="1" t="s">
        <v>6316</v>
      </c>
      <c r="M1848" s="1" t="s">
        <v>5</v>
      </c>
      <c r="N1848" s="1" t="s">
        <v>10</v>
      </c>
      <c r="O1848" s="1" t="s">
        <v>38</v>
      </c>
      <c r="P1848" s="5"/>
    </row>
    <row r="1849" spans="1:16" x14ac:dyDescent="0.2">
      <c r="A1849" s="1" t="s">
        <v>10</v>
      </c>
      <c r="B1849" s="1" t="s">
        <v>10</v>
      </c>
      <c r="C1849" s="1" t="s">
        <v>6319</v>
      </c>
      <c r="D1849" s="1" t="s">
        <v>10</v>
      </c>
      <c r="E1849" s="1" t="s">
        <v>10</v>
      </c>
      <c r="F1849" s="1" t="s">
        <v>10</v>
      </c>
      <c r="G1849" s="1" t="s">
        <v>10</v>
      </c>
      <c r="H1849" s="1" t="s">
        <v>10</v>
      </c>
      <c r="I1849" s="1" t="s">
        <v>334</v>
      </c>
      <c r="J1849" s="1" t="s">
        <v>10</v>
      </c>
      <c r="K1849" s="1" t="s">
        <v>10</v>
      </c>
      <c r="L1849" s="1" t="s">
        <v>6318</v>
      </c>
      <c r="M1849" s="1" t="s">
        <v>5</v>
      </c>
      <c r="N1849" s="1" t="s">
        <v>10</v>
      </c>
      <c r="O1849" s="1" t="s">
        <v>38</v>
      </c>
      <c r="P1849" s="5"/>
    </row>
    <row r="1850" spans="1:16" x14ac:dyDescent="0.2">
      <c r="A1850" s="1" t="s">
        <v>10</v>
      </c>
      <c r="B1850" s="1" t="s">
        <v>10</v>
      </c>
      <c r="C1850" s="1" t="s">
        <v>6321</v>
      </c>
      <c r="D1850" s="1" t="s">
        <v>10</v>
      </c>
      <c r="E1850" s="1" t="s">
        <v>10</v>
      </c>
      <c r="F1850" s="1" t="s">
        <v>10</v>
      </c>
      <c r="G1850" s="1" t="s">
        <v>10</v>
      </c>
      <c r="H1850" s="1" t="s">
        <v>10</v>
      </c>
      <c r="I1850" s="1" t="s">
        <v>334</v>
      </c>
      <c r="J1850" s="1" t="s">
        <v>10</v>
      </c>
      <c r="K1850" s="1" t="s">
        <v>10</v>
      </c>
      <c r="L1850" s="1" t="s">
        <v>6320</v>
      </c>
      <c r="M1850" s="1" t="s">
        <v>5</v>
      </c>
      <c r="N1850" s="1" t="s">
        <v>10</v>
      </c>
      <c r="O1850" s="1" t="s">
        <v>38</v>
      </c>
      <c r="P1850" s="5"/>
    </row>
    <row r="1851" spans="1:16" x14ac:dyDescent="0.2">
      <c r="A1851" s="1" t="s">
        <v>10</v>
      </c>
      <c r="B1851" s="1" t="s">
        <v>10</v>
      </c>
      <c r="C1851" s="1" t="s">
        <v>6323</v>
      </c>
      <c r="D1851" s="1" t="s">
        <v>10</v>
      </c>
      <c r="E1851" s="1" t="s">
        <v>10</v>
      </c>
      <c r="F1851" s="1" t="s">
        <v>10</v>
      </c>
      <c r="G1851" s="1" t="s">
        <v>10</v>
      </c>
      <c r="H1851" s="1" t="s">
        <v>10</v>
      </c>
      <c r="I1851" s="1" t="s">
        <v>334</v>
      </c>
      <c r="J1851" s="1" t="s">
        <v>10</v>
      </c>
      <c r="K1851" s="1" t="s">
        <v>10</v>
      </c>
      <c r="L1851" s="1" t="s">
        <v>6322</v>
      </c>
      <c r="M1851" s="1" t="s">
        <v>5</v>
      </c>
      <c r="N1851" s="1" t="s">
        <v>10</v>
      </c>
      <c r="O1851" s="1" t="s">
        <v>38</v>
      </c>
      <c r="P1851" s="5"/>
    </row>
    <row r="1852" spans="1:16" x14ac:dyDescent="0.2">
      <c r="A1852" s="1" t="s">
        <v>10</v>
      </c>
      <c r="B1852" s="1" t="s">
        <v>10</v>
      </c>
      <c r="C1852" s="1" t="s">
        <v>6325</v>
      </c>
      <c r="D1852" s="1" t="s">
        <v>10</v>
      </c>
      <c r="E1852" s="1" t="s">
        <v>10</v>
      </c>
      <c r="F1852" s="1" t="s">
        <v>10</v>
      </c>
      <c r="G1852" s="1" t="s">
        <v>10</v>
      </c>
      <c r="H1852" s="1" t="s">
        <v>10</v>
      </c>
      <c r="I1852" s="1" t="s">
        <v>334</v>
      </c>
      <c r="J1852" s="1" t="s">
        <v>10</v>
      </c>
      <c r="K1852" s="1" t="s">
        <v>10</v>
      </c>
      <c r="L1852" s="1" t="s">
        <v>6324</v>
      </c>
      <c r="M1852" s="1" t="s">
        <v>5</v>
      </c>
      <c r="N1852" s="1" t="s">
        <v>10</v>
      </c>
      <c r="O1852" s="1" t="s">
        <v>38</v>
      </c>
      <c r="P1852" s="5"/>
    </row>
    <row r="1853" spans="1:16" x14ac:dyDescent="0.2">
      <c r="A1853" s="1" t="s">
        <v>10</v>
      </c>
      <c r="B1853" s="1" t="s">
        <v>10</v>
      </c>
      <c r="C1853" s="1" t="s">
        <v>6327</v>
      </c>
      <c r="D1853" s="1" t="s">
        <v>10</v>
      </c>
      <c r="E1853" s="1" t="s">
        <v>10</v>
      </c>
      <c r="F1853" s="1" t="s">
        <v>10</v>
      </c>
      <c r="G1853" s="1" t="s">
        <v>10</v>
      </c>
      <c r="H1853" s="1" t="s">
        <v>10</v>
      </c>
      <c r="I1853" s="1" t="s">
        <v>334</v>
      </c>
      <c r="J1853" s="1" t="s">
        <v>10</v>
      </c>
      <c r="K1853" s="1" t="s">
        <v>10</v>
      </c>
      <c r="L1853" s="1" t="s">
        <v>6326</v>
      </c>
      <c r="M1853" s="1" t="s">
        <v>5</v>
      </c>
      <c r="N1853" s="1" t="s">
        <v>10</v>
      </c>
      <c r="O1853" s="1" t="s">
        <v>38</v>
      </c>
      <c r="P1853" s="5"/>
    </row>
    <row r="1854" spans="1:16" x14ac:dyDescent="0.2">
      <c r="A1854" s="1" t="s">
        <v>10</v>
      </c>
      <c r="B1854" s="1" t="s">
        <v>10</v>
      </c>
      <c r="C1854" s="1" t="s">
        <v>6329</v>
      </c>
      <c r="D1854" s="1" t="s">
        <v>10</v>
      </c>
      <c r="E1854" s="1" t="s">
        <v>10</v>
      </c>
      <c r="F1854" s="1" t="s">
        <v>10</v>
      </c>
      <c r="G1854" s="1" t="s">
        <v>10</v>
      </c>
      <c r="H1854" s="1" t="s">
        <v>10</v>
      </c>
      <c r="I1854" s="1" t="s">
        <v>334</v>
      </c>
      <c r="J1854" s="1" t="s">
        <v>10</v>
      </c>
      <c r="K1854" s="1" t="s">
        <v>10</v>
      </c>
      <c r="L1854" s="1" t="s">
        <v>6328</v>
      </c>
      <c r="M1854" s="1" t="s">
        <v>5</v>
      </c>
      <c r="N1854" s="1" t="s">
        <v>10</v>
      </c>
      <c r="O1854" s="1" t="s">
        <v>38</v>
      </c>
      <c r="P1854" s="5"/>
    </row>
    <row r="1855" spans="1:16" x14ac:dyDescent="0.2">
      <c r="A1855" s="1" t="s">
        <v>10</v>
      </c>
      <c r="B1855" s="1" t="s">
        <v>10</v>
      </c>
      <c r="C1855" s="1" t="s">
        <v>6331</v>
      </c>
      <c r="D1855" s="1" t="s">
        <v>10</v>
      </c>
      <c r="E1855" s="1" t="s">
        <v>10</v>
      </c>
      <c r="F1855" s="1" t="s">
        <v>10</v>
      </c>
      <c r="G1855" s="1" t="s">
        <v>10</v>
      </c>
      <c r="H1855" s="1" t="s">
        <v>10</v>
      </c>
      <c r="I1855" s="1" t="s">
        <v>334</v>
      </c>
      <c r="J1855" s="1" t="s">
        <v>10</v>
      </c>
      <c r="K1855" s="1" t="s">
        <v>10</v>
      </c>
      <c r="L1855" s="1" t="s">
        <v>6330</v>
      </c>
      <c r="M1855" s="1" t="s">
        <v>5</v>
      </c>
      <c r="N1855" s="1" t="s">
        <v>10</v>
      </c>
      <c r="O1855" s="1" t="s">
        <v>38</v>
      </c>
      <c r="P1855" s="5"/>
    </row>
    <row r="1856" spans="1:16" x14ac:dyDescent="0.2">
      <c r="A1856" s="1" t="s">
        <v>10</v>
      </c>
      <c r="B1856" s="1" t="s">
        <v>10</v>
      </c>
      <c r="C1856" s="1" t="s">
        <v>6333</v>
      </c>
      <c r="D1856" s="1" t="s">
        <v>10</v>
      </c>
      <c r="E1856" s="1" t="s">
        <v>10</v>
      </c>
      <c r="F1856" s="1" t="s">
        <v>10</v>
      </c>
      <c r="G1856" s="1" t="s">
        <v>10</v>
      </c>
      <c r="H1856" s="1" t="s">
        <v>10</v>
      </c>
      <c r="I1856" s="1" t="s">
        <v>334</v>
      </c>
      <c r="J1856" s="1" t="s">
        <v>10</v>
      </c>
      <c r="K1856" s="1" t="s">
        <v>10</v>
      </c>
      <c r="L1856" s="1" t="s">
        <v>6332</v>
      </c>
      <c r="M1856" s="1" t="s">
        <v>5</v>
      </c>
      <c r="N1856" s="1" t="s">
        <v>10</v>
      </c>
      <c r="O1856" s="1" t="s">
        <v>38</v>
      </c>
      <c r="P1856" s="5"/>
    </row>
    <row r="1857" spans="1:16" x14ac:dyDescent="0.2">
      <c r="A1857" s="1" t="s">
        <v>10</v>
      </c>
      <c r="B1857" s="1" t="s">
        <v>10</v>
      </c>
      <c r="C1857" s="1" t="s">
        <v>6335</v>
      </c>
      <c r="D1857" s="1" t="s">
        <v>10</v>
      </c>
      <c r="E1857" s="1" t="s">
        <v>10</v>
      </c>
      <c r="F1857" s="1" t="s">
        <v>10</v>
      </c>
      <c r="G1857" s="1" t="s">
        <v>10</v>
      </c>
      <c r="H1857" s="1" t="s">
        <v>10</v>
      </c>
      <c r="I1857" s="1" t="s">
        <v>334</v>
      </c>
      <c r="J1857" s="1" t="s">
        <v>10</v>
      </c>
      <c r="K1857" s="1" t="s">
        <v>10</v>
      </c>
      <c r="L1857" s="1" t="s">
        <v>6334</v>
      </c>
      <c r="M1857" s="1" t="s">
        <v>5</v>
      </c>
      <c r="N1857" s="1" t="s">
        <v>10</v>
      </c>
      <c r="O1857" s="1" t="s">
        <v>38</v>
      </c>
      <c r="P1857" s="5"/>
    </row>
    <row r="1858" spans="1:16" x14ac:dyDescent="0.2">
      <c r="A1858" s="1" t="s">
        <v>10</v>
      </c>
      <c r="B1858" s="1" t="s">
        <v>10</v>
      </c>
      <c r="C1858" s="1" t="s">
        <v>6337</v>
      </c>
      <c r="D1858" s="1" t="s">
        <v>10</v>
      </c>
      <c r="E1858" s="1" t="s">
        <v>10</v>
      </c>
      <c r="F1858" s="1" t="s">
        <v>10</v>
      </c>
      <c r="G1858" s="1" t="s">
        <v>10</v>
      </c>
      <c r="H1858" s="1" t="s">
        <v>10</v>
      </c>
      <c r="I1858" s="1" t="s">
        <v>334</v>
      </c>
      <c r="J1858" s="1" t="s">
        <v>10</v>
      </c>
      <c r="K1858" s="1" t="s">
        <v>10</v>
      </c>
      <c r="L1858" s="1" t="s">
        <v>6336</v>
      </c>
      <c r="M1858" s="1" t="s">
        <v>5</v>
      </c>
      <c r="N1858" s="1" t="s">
        <v>10</v>
      </c>
      <c r="O1858" s="1" t="s">
        <v>38</v>
      </c>
      <c r="P1858" s="5"/>
    </row>
    <row r="1859" spans="1:16" x14ac:dyDescent="0.2">
      <c r="A1859" s="1" t="s">
        <v>10</v>
      </c>
      <c r="B1859" s="1" t="s">
        <v>10</v>
      </c>
      <c r="C1859" s="1" t="s">
        <v>6339</v>
      </c>
      <c r="D1859" s="1" t="s">
        <v>10</v>
      </c>
      <c r="E1859" s="1" t="s">
        <v>10</v>
      </c>
      <c r="F1859" s="1" t="s">
        <v>10</v>
      </c>
      <c r="G1859" s="1" t="s">
        <v>10</v>
      </c>
      <c r="H1859" s="1" t="s">
        <v>10</v>
      </c>
      <c r="I1859" s="1" t="s">
        <v>334</v>
      </c>
      <c r="J1859" s="1" t="s">
        <v>10</v>
      </c>
      <c r="K1859" s="1" t="s">
        <v>10</v>
      </c>
      <c r="L1859" s="1" t="s">
        <v>6338</v>
      </c>
      <c r="M1859" s="1" t="s">
        <v>5</v>
      </c>
      <c r="N1859" s="1" t="s">
        <v>10</v>
      </c>
      <c r="O1859" s="1" t="s">
        <v>38</v>
      </c>
      <c r="P1859" s="5"/>
    </row>
    <row r="1860" spans="1:16" x14ac:dyDescent="0.2">
      <c r="A1860" s="1" t="s">
        <v>10</v>
      </c>
      <c r="B1860" s="1" t="s">
        <v>10</v>
      </c>
      <c r="C1860" s="1" t="s">
        <v>6341</v>
      </c>
      <c r="D1860" s="1" t="s">
        <v>10</v>
      </c>
      <c r="E1860" s="1" t="s">
        <v>10</v>
      </c>
      <c r="F1860" s="1" t="s">
        <v>10</v>
      </c>
      <c r="G1860" s="1" t="s">
        <v>10</v>
      </c>
      <c r="H1860" s="1" t="s">
        <v>10</v>
      </c>
      <c r="I1860" s="1" t="s">
        <v>334</v>
      </c>
      <c r="J1860" s="1" t="s">
        <v>10</v>
      </c>
      <c r="K1860" s="1" t="s">
        <v>10</v>
      </c>
      <c r="L1860" s="1" t="s">
        <v>6340</v>
      </c>
      <c r="M1860" s="1" t="s">
        <v>5</v>
      </c>
      <c r="N1860" s="1" t="s">
        <v>10</v>
      </c>
      <c r="O1860" s="1" t="s">
        <v>38</v>
      </c>
      <c r="P1860" s="5"/>
    </row>
    <row r="1861" spans="1:16" x14ac:dyDescent="0.2">
      <c r="A1861" s="1" t="s">
        <v>10</v>
      </c>
      <c r="B1861" s="1" t="s">
        <v>10</v>
      </c>
      <c r="C1861" s="1" t="s">
        <v>6343</v>
      </c>
      <c r="D1861" s="1" t="s">
        <v>10</v>
      </c>
      <c r="E1861" s="1" t="s">
        <v>10</v>
      </c>
      <c r="F1861" s="1" t="s">
        <v>10</v>
      </c>
      <c r="G1861" s="1" t="s">
        <v>10</v>
      </c>
      <c r="H1861" s="1" t="s">
        <v>10</v>
      </c>
      <c r="I1861" s="1" t="s">
        <v>334</v>
      </c>
      <c r="J1861" s="1" t="s">
        <v>10</v>
      </c>
      <c r="K1861" s="1" t="s">
        <v>10</v>
      </c>
      <c r="L1861" s="1" t="s">
        <v>6342</v>
      </c>
      <c r="M1861" s="1" t="s">
        <v>5</v>
      </c>
      <c r="N1861" s="1" t="s">
        <v>10</v>
      </c>
      <c r="O1861" s="1" t="s">
        <v>38</v>
      </c>
      <c r="P1861" s="5"/>
    </row>
    <row r="1862" spans="1:16" x14ac:dyDescent="0.2">
      <c r="A1862" s="1" t="s">
        <v>10</v>
      </c>
      <c r="B1862" s="1" t="s">
        <v>10</v>
      </c>
      <c r="C1862" s="1" t="s">
        <v>6345</v>
      </c>
      <c r="D1862" s="1" t="s">
        <v>10</v>
      </c>
      <c r="E1862" s="1" t="s">
        <v>10</v>
      </c>
      <c r="F1862" s="1" t="s">
        <v>10</v>
      </c>
      <c r="G1862" s="1" t="s">
        <v>10</v>
      </c>
      <c r="H1862" s="1" t="s">
        <v>10</v>
      </c>
      <c r="I1862" s="1" t="s">
        <v>334</v>
      </c>
      <c r="J1862" s="1" t="s">
        <v>10</v>
      </c>
      <c r="K1862" s="1" t="s">
        <v>10</v>
      </c>
      <c r="L1862" s="1" t="s">
        <v>6344</v>
      </c>
      <c r="M1862" s="1" t="s">
        <v>5</v>
      </c>
      <c r="N1862" s="1" t="s">
        <v>10</v>
      </c>
      <c r="O1862" s="1" t="s">
        <v>38</v>
      </c>
      <c r="P1862" s="5"/>
    </row>
    <row r="1863" spans="1:16" x14ac:dyDescent="0.2">
      <c r="A1863" s="1" t="s">
        <v>10</v>
      </c>
      <c r="B1863" s="1" t="s">
        <v>10</v>
      </c>
      <c r="C1863" s="1" t="s">
        <v>6347</v>
      </c>
      <c r="D1863" s="1" t="s">
        <v>10</v>
      </c>
      <c r="E1863" s="1" t="s">
        <v>10</v>
      </c>
      <c r="F1863" s="1" t="s">
        <v>10</v>
      </c>
      <c r="G1863" s="1" t="s">
        <v>10</v>
      </c>
      <c r="H1863" s="1" t="s">
        <v>10</v>
      </c>
      <c r="I1863" s="1" t="s">
        <v>334</v>
      </c>
      <c r="J1863" s="1" t="s">
        <v>10</v>
      </c>
      <c r="K1863" s="1" t="s">
        <v>10</v>
      </c>
      <c r="L1863" s="1" t="s">
        <v>6346</v>
      </c>
      <c r="M1863" s="1" t="s">
        <v>5</v>
      </c>
      <c r="N1863" s="1" t="s">
        <v>10</v>
      </c>
      <c r="O1863" s="1" t="s">
        <v>38</v>
      </c>
      <c r="P1863" s="5"/>
    </row>
    <row r="1864" spans="1:16" x14ac:dyDescent="0.2">
      <c r="A1864" s="1" t="s">
        <v>10</v>
      </c>
      <c r="B1864" s="1" t="s">
        <v>10</v>
      </c>
      <c r="C1864" s="1" t="s">
        <v>6349</v>
      </c>
      <c r="D1864" s="1" t="s">
        <v>10</v>
      </c>
      <c r="E1864" s="1" t="s">
        <v>10</v>
      </c>
      <c r="F1864" s="1" t="s">
        <v>10</v>
      </c>
      <c r="G1864" s="1" t="s">
        <v>10</v>
      </c>
      <c r="H1864" s="1" t="s">
        <v>10</v>
      </c>
      <c r="I1864" s="1" t="s">
        <v>334</v>
      </c>
      <c r="J1864" s="1" t="s">
        <v>10</v>
      </c>
      <c r="K1864" s="1" t="s">
        <v>10</v>
      </c>
      <c r="L1864" s="1" t="s">
        <v>6348</v>
      </c>
      <c r="M1864" s="1" t="s">
        <v>5</v>
      </c>
      <c r="N1864" s="1" t="s">
        <v>10</v>
      </c>
      <c r="O1864" s="1" t="s">
        <v>38</v>
      </c>
      <c r="P1864" s="5"/>
    </row>
    <row r="1865" spans="1:16" x14ac:dyDescent="0.2">
      <c r="A1865" s="1" t="s">
        <v>10</v>
      </c>
      <c r="B1865" s="1" t="s">
        <v>10</v>
      </c>
      <c r="C1865" s="1" t="s">
        <v>6351</v>
      </c>
      <c r="D1865" s="1" t="s">
        <v>10</v>
      </c>
      <c r="E1865" s="1" t="s">
        <v>10</v>
      </c>
      <c r="F1865" s="1" t="s">
        <v>10</v>
      </c>
      <c r="G1865" s="1" t="s">
        <v>10</v>
      </c>
      <c r="H1865" s="1" t="s">
        <v>10</v>
      </c>
      <c r="I1865" s="1" t="s">
        <v>334</v>
      </c>
      <c r="J1865" s="1" t="s">
        <v>10</v>
      </c>
      <c r="K1865" s="1" t="s">
        <v>10</v>
      </c>
      <c r="L1865" s="1" t="s">
        <v>6350</v>
      </c>
      <c r="M1865" s="1" t="s">
        <v>5</v>
      </c>
      <c r="N1865" s="1" t="s">
        <v>10</v>
      </c>
      <c r="O1865" s="1" t="s">
        <v>38</v>
      </c>
      <c r="P1865" s="5"/>
    </row>
    <row r="1866" spans="1:16" x14ac:dyDescent="0.2">
      <c r="A1866" s="1" t="s">
        <v>10</v>
      </c>
      <c r="B1866" s="1" t="s">
        <v>10</v>
      </c>
      <c r="C1866" s="1" t="s">
        <v>6353</v>
      </c>
      <c r="D1866" s="1" t="s">
        <v>10</v>
      </c>
      <c r="E1866" s="1" t="s">
        <v>10</v>
      </c>
      <c r="F1866" s="1" t="s">
        <v>10</v>
      </c>
      <c r="G1866" s="1" t="s">
        <v>10</v>
      </c>
      <c r="H1866" s="1" t="s">
        <v>10</v>
      </c>
      <c r="I1866" s="1" t="s">
        <v>334</v>
      </c>
      <c r="J1866" s="1" t="s">
        <v>10</v>
      </c>
      <c r="K1866" s="1" t="s">
        <v>10</v>
      </c>
      <c r="L1866" s="1" t="s">
        <v>6352</v>
      </c>
      <c r="M1866" s="1" t="s">
        <v>5</v>
      </c>
      <c r="N1866" s="1" t="s">
        <v>10</v>
      </c>
      <c r="O1866" s="1" t="s">
        <v>38</v>
      </c>
      <c r="P1866" s="5"/>
    </row>
    <row r="1867" spans="1:16" x14ac:dyDescent="0.2">
      <c r="A1867" s="1" t="s">
        <v>10</v>
      </c>
      <c r="B1867" s="1" t="s">
        <v>10</v>
      </c>
      <c r="C1867" s="1" t="s">
        <v>6355</v>
      </c>
      <c r="D1867" s="1" t="s">
        <v>10</v>
      </c>
      <c r="E1867" s="1" t="s">
        <v>10</v>
      </c>
      <c r="F1867" s="1" t="s">
        <v>10</v>
      </c>
      <c r="G1867" s="1" t="s">
        <v>10</v>
      </c>
      <c r="H1867" s="1" t="s">
        <v>10</v>
      </c>
      <c r="I1867" s="1" t="s">
        <v>334</v>
      </c>
      <c r="J1867" s="1" t="s">
        <v>10</v>
      </c>
      <c r="K1867" s="1" t="s">
        <v>10</v>
      </c>
      <c r="L1867" s="1" t="s">
        <v>6354</v>
      </c>
      <c r="M1867" s="1" t="s">
        <v>5</v>
      </c>
      <c r="N1867" s="1" t="s">
        <v>10</v>
      </c>
      <c r="O1867" s="1" t="s">
        <v>38</v>
      </c>
      <c r="P1867" s="5"/>
    </row>
    <row r="1868" spans="1:16" x14ac:dyDescent="0.2">
      <c r="A1868" s="1" t="s">
        <v>10</v>
      </c>
      <c r="B1868" s="1" t="s">
        <v>10</v>
      </c>
      <c r="C1868" s="1" t="s">
        <v>6357</v>
      </c>
      <c r="D1868" s="1" t="s">
        <v>10</v>
      </c>
      <c r="E1868" s="1" t="s">
        <v>10</v>
      </c>
      <c r="F1868" s="1" t="s">
        <v>10</v>
      </c>
      <c r="G1868" s="1" t="s">
        <v>10</v>
      </c>
      <c r="H1868" s="1" t="s">
        <v>10</v>
      </c>
      <c r="I1868" s="1" t="s">
        <v>334</v>
      </c>
      <c r="J1868" s="1" t="s">
        <v>10</v>
      </c>
      <c r="K1868" s="1" t="s">
        <v>10</v>
      </c>
      <c r="L1868" s="1" t="s">
        <v>6356</v>
      </c>
      <c r="M1868" s="1" t="s">
        <v>5</v>
      </c>
      <c r="N1868" s="1" t="s">
        <v>10</v>
      </c>
      <c r="O1868" s="1" t="s">
        <v>38</v>
      </c>
      <c r="P1868" s="5"/>
    </row>
    <row r="1869" spans="1:16" x14ac:dyDescent="0.2">
      <c r="A1869" s="1" t="s">
        <v>10</v>
      </c>
      <c r="B1869" s="1" t="s">
        <v>10</v>
      </c>
      <c r="C1869" s="1" t="s">
        <v>6359</v>
      </c>
      <c r="D1869" s="1" t="s">
        <v>10</v>
      </c>
      <c r="E1869" s="1" t="s">
        <v>10</v>
      </c>
      <c r="F1869" s="1" t="s">
        <v>10</v>
      </c>
      <c r="G1869" s="1" t="s">
        <v>10</v>
      </c>
      <c r="H1869" s="1" t="s">
        <v>10</v>
      </c>
      <c r="I1869" s="1" t="s">
        <v>334</v>
      </c>
      <c r="J1869" s="1" t="s">
        <v>10</v>
      </c>
      <c r="K1869" s="1" t="s">
        <v>10</v>
      </c>
      <c r="L1869" s="1" t="s">
        <v>6358</v>
      </c>
      <c r="M1869" s="1" t="s">
        <v>5</v>
      </c>
      <c r="N1869" s="1" t="s">
        <v>10</v>
      </c>
      <c r="O1869" s="1" t="s">
        <v>38</v>
      </c>
      <c r="P1869" s="5"/>
    </row>
    <row r="1870" spans="1:16" x14ac:dyDescent="0.2">
      <c r="A1870" s="1" t="s">
        <v>10</v>
      </c>
      <c r="B1870" s="1" t="s">
        <v>10</v>
      </c>
      <c r="C1870" s="1" t="s">
        <v>6361</v>
      </c>
      <c r="D1870" s="1" t="s">
        <v>10</v>
      </c>
      <c r="E1870" s="1" t="s">
        <v>10</v>
      </c>
      <c r="F1870" s="1" t="s">
        <v>10</v>
      </c>
      <c r="G1870" s="1" t="s">
        <v>10</v>
      </c>
      <c r="H1870" s="1" t="s">
        <v>10</v>
      </c>
      <c r="I1870" s="1" t="s">
        <v>334</v>
      </c>
      <c r="J1870" s="1" t="s">
        <v>10</v>
      </c>
      <c r="K1870" s="1" t="s">
        <v>10</v>
      </c>
      <c r="L1870" s="1" t="s">
        <v>6360</v>
      </c>
      <c r="M1870" s="1" t="s">
        <v>5</v>
      </c>
      <c r="N1870" s="1" t="s">
        <v>10</v>
      </c>
      <c r="O1870" s="1" t="s">
        <v>38</v>
      </c>
      <c r="P1870" s="5"/>
    </row>
    <row r="1871" spans="1:16" x14ac:dyDescent="0.2">
      <c r="A1871" s="1" t="s">
        <v>10</v>
      </c>
      <c r="B1871" s="1" t="s">
        <v>10</v>
      </c>
      <c r="C1871" s="1" t="s">
        <v>6363</v>
      </c>
      <c r="D1871" s="1" t="s">
        <v>10</v>
      </c>
      <c r="E1871" s="1" t="s">
        <v>10</v>
      </c>
      <c r="F1871" s="1" t="s">
        <v>10</v>
      </c>
      <c r="G1871" s="1" t="s">
        <v>10</v>
      </c>
      <c r="H1871" s="1" t="s">
        <v>10</v>
      </c>
      <c r="I1871" s="1" t="s">
        <v>334</v>
      </c>
      <c r="J1871" s="1" t="s">
        <v>10</v>
      </c>
      <c r="K1871" s="1" t="s">
        <v>10</v>
      </c>
      <c r="L1871" s="1" t="s">
        <v>6362</v>
      </c>
      <c r="M1871" s="1" t="s">
        <v>5</v>
      </c>
      <c r="N1871" s="1" t="s">
        <v>10</v>
      </c>
      <c r="O1871" s="1" t="s">
        <v>38</v>
      </c>
      <c r="P1871" s="5"/>
    </row>
    <row r="1872" spans="1:16" x14ac:dyDescent="0.2">
      <c r="A1872" s="1" t="s">
        <v>10</v>
      </c>
      <c r="B1872" s="1" t="s">
        <v>10</v>
      </c>
      <c r="C1872" s="1" t="s">
        <v>6365</v>
      </c>
      <c r="D1872" s="1" t="s">
        <v>10</v>
      </c>
      <c r="E1872" s="1" t="s">
        <v>10</v>
      </c>
      <c r="F1872" s="1" t="s">
        <v>10</v>
      </c>
      <c r="G1872" s="1" t="s">
        <v>10</v>
      </c>
      <c r="H1872" s="1" t="s">
        <v>10</v>
      </c>
      <c r="I1872" s="1" t="s">
        <v>334</v>
      </c>
      <c r="J1872" s="1" t="s">
        <v>10</v>
      </c>
      <c r="K1872" s="1" t="s">
        <v>10</v>
      </c>
      <c r="L1872" s="1" t="s">
        <v>6364</v>
      </c>
      <c r="M1872" s="1" t="s">
        <v>5</v>
      </c>
      <c r="N1872" s="1" t="s">
        <v>10</v>
      </c>
      <c r="O1872" s="1" t="s">
        <v>38</v>
      </c>
      <c r="P1872" s="5"/>
    </row>
    <row r="1873" spans="1:16" x14ac:dyDescent="0.2">
      <c r="A1873" s="1" t="s">
        <v>10</v>
      </c>
      <c r="B1873" s="1" t="s">
        <v>10</v>
      </c>
      <c r="C1873" s="1" t="s">
        <v>1522</v>
      </c>
      <c r="D1873" s="1" t="s">
        <v>10</v>
      </c>
      <c r="E1873" s="1" t="s">
        <v>10</v>
      </c>
      <c r="F1873" s="1" t="s">
        <v>10</v>
      </c>
      <c r="G1873" s="1" t="s">
        <v>10</v>
      </c>
      <c r="H1873" s="1" t="s">
        <v>10</v>
      </c>
      <c r="I1873" s="1" t="s">
        <v>334</v>
      </c>
      <c r="J1873" s="1" t="s">
        <v>10</v>
      </c>
      <c r="K1873" s="1" t="s">
        <v>10</v>
      </c>
      <c r="L1873" s="1" t="s">
        <v>6366</v>
      </c>
      <c r="M1873" s="1" t="s">
        <v>5</v>
      </c>
      <c r="N1873" s="1" t="s">
        <v>10</v>
      </c>
      <c r="O1873" s="1" t="s">
        <v>38</v>
      </c>
      <c r="P1873" s="5"/>
    </row>
    <row r="1874" spans="1:16" x14ac:dyDescent="0.2">
      <c r="A1874" s="1" t="s">
        <v>10</v>
      </c>
      <c r="B1874" s="1" t="s">
        <v>10</v>
      </c>
      <c r="C1874" s="1" t="s">
        <v>6368</v>
      </c>
      <c r="D1874" s="1" t="s">
        <v>10</v>
      </c>
      <c r="E1874" s="1" t="s">
        <v>10</v>
      </c>
      <c r="F1874" s="1" t="s">
        <v>10</v>
      </c>
      <c r="G1874" s="1" t="s">
        <v>10</v>
      </c>
      <c r="H1874" s="1" t="s">
        <v>10</v>
      </c>
      <c r="I1874" s="1" t="s">
        <v>334</v>
      </c>
      <c r="J1874" s="1" t="s">
        <v>10</v>
      </c>
      <c r="K1874" s="1" t="s">
        <v>10</v>
      </c>
      <c r="L1874" s="1" t="s">
        <v>6367</v>
      </c>
      <c r="M1874" s="1" t="s">
        <v>5</v>
      </c>
      <c r="N1874" s="1" t="s">
        <v>10</v>
      </c>
      <c r="O1874" s="1" t="s">
        <v>38</v>
      </c>
      <c r="P1874" s="5"/>
    </row>
    <row r="1875" spans="1:16" x14ac:dyDescent="0.2">
      <c r="A1875" s="1" t="s">
        <v>10</v>
      </c>
      <c r="B1875" s="1" t="s">
        <v>10</v>
      </c>
      <c r="C1875" s="1" t="s">
        <v>6370</v>
      </c>
      <c r="D1875" s="1" t="s">
        <v>10</v>
      </c>
      <c r="E1875" s="1" t="s">
        <v>10</v>
      </c>
      <c r="F1875" s="1" t="s">
        <v>10</v>
      </c>
      <c r="G1875" s="1" t="s">
        <v>10</v>
      </c>
      <c r="H1875" s="1" t="s">
        <v>10</v>
      </c>
      <c r="I1875" s="1" t="s">
        <v>334</v>
      </c>
      <c r="J1875" s="1" t="s">
        <v>10</v>
      </c>
      <c r="K1875" s="1" t="s">
        <v>10</v>
      </c>
      <c r="L1875" s="1" t="s">
        <v>6369</v>
      </c>
      <c r="M1875" s="1" t="s">
        <v>5</v>
      </c>
      <c r="N1875" s="1" t="s">
        <v>10</v>
      </c>
      <c r="O1875" s="1" t="s">
        <v>38</v>
      </c>
      <c r="P1875" s="5"/>
    </row>
    <row r="1876" spans="1:16" x14ac:dyDescent="0.2">
      <c r="A1876" s="1" t="s">
        <v>10</v>
      </c>
      <c r="B1876" s="1" t="s">
        <v>10</v>
      </c>
      <c r="C1876" s="1" t="s">
        <v>6372</v>
      </c>
      <c r="D1876" s="1" t="s">
        <v>10</v>
      </c>
      <c r="E1876" s="1" t="s">
        <v>10</v>
      </c>
      <c r="F1876" s="1" t="s">
        <v>10</v>
      </c>
      <c r="G1876" s="1" t="s">
        <v>10</v>
      </c>
      <c r="H1876" s="1" t="s">
        <v>10</v>
      </c>
      <c r="I1876" s="1" t="s">
        <v>334</v>
      </c>
      <c r="J1876" s="1" t="s">
        <v>10</v>
      </c>
      <c r="K1876" s="1" t="s">
        <v>10</v>
      </c>
      <c r="L1876" s="1" t="s">
        <v>6371</v>
      </c>
      <c r="M1876" s="1" t="s">
        <v>5</v>
      </c>
      <c r="N1876" s="1" t="s">
        <v>10</v>
      </c>
      <c r="O1876" s="1" t="s">
        <v>38</v>
      </c>
      <c r="P1876" s="5"/>
    </row>
    <row r="1877" spans="1:16" x14ac:dyDescent="0.2">
      <c r="A1877" s="1" t="s">
        <v>10</v>
      </c>
      <c r="B1877" s="1" t="s">
        <v>10</v>
      </c>
      <c r="C1877" s="1" t="s">
        <v>6374</v>
      </c>
      <c r="D1877" s="1" t="s">
        <v>10</v>
      </c>
      <c r="E1877" s="1" t="s">
        <v>10</v>
      </c>
      <c r="F1877" s="1" t="s">
        <v>10</v>
      </c>
      <c r="G1877" s="1" t="s">
        <v>10</v>
      </c>
      <c r="H1877" s="1" t="s">
        <v>10</v>
      </c>
      <c r="I1877" s="1" t="s">
        <v>334</v>
      </c>
      <c r="J1877" s="1" t="s">
        <v>10</v>
      </c>
      <c r="K1877" s="1" t="s">
        <v>10</v>
      </c>
      <c r="L1877" s="1" t="s">
        <v>6373</v>
      </c>
      <c r="M1877" s="1" t="s">
        <v>5</v>
      </c>
      <c r="N1877" s="1" t="s">
        <v>10</v>
      </c>
      <c r="O1877" s="1" t="s">
        <v>38</v>
      </c>
      <c r="P1877" s="5"/>
    </row>
    <row r="1878" spans="1:16" x14ac:dyDescent="0.2">
      <c r="A1878" s="1" t="s">
        <v>10</v>
      </c>
      <c r="B1878" s="1" t="s">
        <v>10</v>
      </c>
      <c r="C1878" s="1" t="s">
        <v>6376</v>
      </c>
      <c r="D1878" s="1" t="s">
        <v>10</v>
      </c>
      <c r="E1878" s="1" t="s">
        <v>10</v>
      </c>
      <c r="F1878" s="1" t="s">
        <v>10</v>
      </c>
      <c r="G1878" s="1" t="s">
        <v>10</v>
      </c>
      <c r="H1878" s="1" t="s">
        <v>10</v>
      </c>
      <c r="I1878" s="1" t="s">
        <v>334</v>
      </c>
      <c r="J1878" s="1" t="s">
        <v>10</v>
      </c>
      <c r="K1878" s="1" t="s">
        <v>10</v>
      </c>
      <c r="L1878" s="1" t="s">
        <v>6375</v>
      </c>
      <c r="M1878" s="1" t="s">
        <v>5</v>
      </c>
      <c r="N1878" s="1" t="s">
        <v>10</v>
      </c>
      <c r="O1878" s="1" t="s">
        <v>8</v>
      </c>
      <c r="P1878" s="5"/>
    </row>
    <row r="1879" spans="1:16" x14ac:dyDescent="0.2">
      <c r="A1879" s="1" t="s">
        <v>10</v>
      </c>
      <c r="B1879" s="1" t="s">
        <v>10</v>
      </c>
      <c r="C1879" s="1" t="s">
        <v>6378</v>
      </c>
      <c r="D1879" s="1" t="s">
        <v>10</v>
      </c>
      <c r="E1879" s="1" t="s">
        <v>10</v>
      </c>
      <c r="F1879" s="1" t="s">
        <v>10</v>
      </c>
      <c r="G1879" s="1" t="s">
        <v>10</v>
      </c>
      <c r="H1879" s="1" t="s">
        <v>10</v>
      </c>
      <c r="I1879" s="1" t="s">
        <v>334</v>
      </c>
      <c r="J1879" s="1" t="s">
        <v>10</v>
      </c>
      <c r="K1879" s="1" t="s">
        <v>10</v>
      </c>
      <c r="L1879" s="1" t="s">
        <v>6377</v>
      </c>
      <c r="M1879" s="1" t="s">
        <v>5</v>
      </c>
      <c r="N1879" s="1" t="s">
        <v>10</v>
      </c>
      <c r="O1879" s="1" t="s">
        <v>38</v>
      </c>
      <c r="P1879" s="5"/>
    </row>
    <row r="1880" spans="1:16" x14ac:dyDescent="0.2">
      <c r="A1880" s="1" t="s">
        <v>10</v>
      </c>
      <c r="B1880" s="1" t="s">
        <v>10</v>
      </c>
      <c r="C1880" s="1" t="s">
        <v>6380</v>
      </c>
      <c r="D1880" s="1" t="s">
        <v>10</v>
      </c>
      <c r="E1880" s="1" t="s">
        <v>10</v>
      </c>
      <c r="F1880" s="1" t="s">
        <v>10</v>
      </c>
      <c r="G1880" s="1" t="s">
        <v>10</v>
      </c>
      <c r="H1880" s="1" t="s">
        <v>10</v>
      </c>
      <c r="I1880" s="1" t="s">
        <v>334</v>
      </c>
      <c r="J1880" s="1" t="s">
        <v>10</v>
      </c>
      <c r="K1880" s="1" t="s">
        <v>10</v>
      </c>
      <c r="L1880" s="1" t="s">
        <v>6379</v>
      </c>
      <c r="M1880" s="1" t="s">
        <v>5</v>
      </c>
      <c r="N1880" s="1" t="s">
        <v>10</v>
      </c>
      <c r="O1880" s="1" t="s">
        <v>38</v>
      </c>
      <c r="P1880" s="5"/>
    </row>
    <row r="1881" spans="1:16" x14ac:dyDescent="0.2">
      <c r="A1881" s="1" t="s">
        <v>10</v>
      </c>
      <c r="B1881" s="1" t="s">
        <v>10</v>
      </c>
      <c r="C1881" s="1" t="s">
        <v>1329</v>
      </c>
      <c r="D1881" s="1" t="s">
        <v>10</v>
      </c>
      <c r="E1881" s="1" t="s">
        <v>10</v>
      </c>
      <c r="F1881" s="1" t="s">
        <v>10</v>
      </c>
      <c r="G1881" s="1" t="s">
        <v>10</v>
      </c>
      <c r="H1881" s="1" t="s">
        <v>10</v>
      </c>
      <c r="I1881" s="1" t="s">
        <v>334</v>
      </c>
      <c r="J1881" s="1" t="s">
        <v>10</v>
      </c>
      <c r="K1881" s="1" t="s">
        <v>10</v>
      </c>
      <c r="L1881" s="1" t="s">
        <v>6381</v>
      </c>
      <c r="M1881" s="1" t="s">
        <v>5</v>
      </c>
      <c r="N1881" s="1" t="s">
        <v>10</v>
      </c>
      <c r="O1881" s="1" t="s">
        <v>8</v>
      </c>
      <c r="P1881" s="5"/>
    </row>
    <row r="1882" spans="1:16" x14ac:dyDescent="0.2">
      <c r="A1882" s="1" t="s">
        <v>66</v>
      </c>
      <c r="B1882" s="1" t="s">
        <v>67</v>
      </c>
      <c r="C1882" s="1" t="s">
        <v>6384</v>
      </c>
      <c r="D1882" s="1" t="s">
        <v>10</v>
      </c>
      <c r="E1882" s="1" t="s">
        <v>6386</v>
      </c>
      <c r="F1882" s="1" t="s">
        <v>9</v>
      </c>
      <c r="G1882" s="1" t="s">
        <v>18</v>
      </c>
      <c r="H1882" s="1" t="s">
        <v>10</v>
      </c>
      <c r="I1882" s="1" t="s">
        <v>6382</v>
      </c>
      <c r="J1882" s="1" t="s">
        <v>6385</v>
      </c>
      <c r="K1882" s="1" t="s">
        <v>130</v>
      </c>
      <c r="L1882" s="1" t="s">
        <v>6383</v>
      </c>
      <c r="M1882" s="1" t="s">
        <v>10</v>
      </c>
      <c r="N1882" s="1" t="s">
        <v>6</v>
      </c>
      <c r="O1882" s="1" t="s">
        <v>8</v>
      </c>
      <c r="P1882" s="5" t="s">
        <v>29846</v>
      </c>
    </row>
    <row r="1883" spans="1:16" x14ac:dyDescent="0.2">
      <c r="A1883" s="1" t="s">
        <v>66</v>
      </c>
      <c r="B1883" s="1" t="s">
        <v>1117</v>
      </c>
      <c r="C1883" s="1" t="s">
        <v>6389</v>
      </c>
      <c r="D1883" s="1" t="s">
        <v>10</v>
      </c>
      <c r="E1883" s="1" t="s">
        <v>6392</v>
      </c>
      <c r="F1883" s="1" t="s">
        <v>27</v>
      </c>
      <c r="G1883" s="1" t="s">
        <v>10</v>
      </c>
      <c r="H1883" s="1" t="s">
        <v>6393</v>
      </c>
      <c r="I1883" s="1" t="s">
        <v>6382</v>
      </c>
      <c r="J1883" s="1" t="s">
        <v>6391</v>
      </c>
      <c r="K1883" s="1" t="s">
        <v>1468</v>
      </c>
      <c r="L1883" s="1" t="s">
        <v>6388</v>
      </c>
      <c r="M1883" s="1" t="s">
        <v>5</v>
      </c>
      <c r="N1883" s="1" t="s">
        <v>6</v>
      </c>
      <c r="O1883" s="1" t="s">
        <v>8</v>
      </c>
      <c r="P1883" s="5" t="s">
        <v>14</v>
      </c>
    </row>
    <row r="1884" spans="1:16" x14ac:dyDescent="0.2">
      <c r="A1884" s="1" t="s">
        <v>66</v>
      </c>
      <c r="B1884" s="1" t="s">
        <v>1117</v>
      </c>
      <c r="C1884" s="1" t="s">
        <v>6395</v>
      </c>
      <c r="D1884" s="1" t="s">
        <v>6396</v>
      </c>
      <c r="E1884" s="1" t="s">
        <v>6397</v>
      </c>
      <c r="F1884" s="1" t="s">
        <v>27</v>
      </c>
      <c r="G1884" s="1" t="s">
        <v>2299</v>
      </c>
      <c r="H1884" s="1" t="s">
        <v>6393</v>
      </c>
      <c r="I1884" s="1" t="s">
        <v>6382</v>
      </c>
      <c r="J1884" s="1" t="s">
        <v>6391</v>
      </c>
      <c r="K1884" s="1" t="s">
        <v>1548</v>
      </c>
      <c r="L1884" s="1" t="s">
        <v>6394</v>
      </c>
      <c r="M1884" s="1" t="s">
        <v>5</v>
      </c>
      <c r="N1884" s="1" t="s">
        <v>6</v>
      </c>
      <c r="O1884" s="1" t="s">
        <v>8</v>
      </c>
      <c r="P1884" s="5" t="s">
        <v>14</v>
      </c>
    </row>
    <row r="1885" spans="1:16" x14ac:dyDescent="0.2">
      <c r="A1885" s="1" t="s">
        <v>66</v>
      </c>
      <c r="B1885" s="1" t="s">
        <v>4741</v>
      </c>
      <c r="C1885" s="1" t="s">
        <v>6399</v>
      </c>
      <c r="D1885" s="1" t="s">
        <v>10</v>
      </c>
      <c r="E1885" s="1" t="s">
        <v>6401</v>
      </c>
      <c r="F1885" s="1" t="s">
        <v>27</v>
      </c>
      <c r="G1885" s="1" t="s">
        <v>10</v>
      </c>
      <c r="H1885" s="1" t="s">
        <v>6402</v>
      </c>
      <c r="I1885" s="1" t="s">
        <v>6382</v>
      </c>
      <c r="J1885" s="1" t="s">
        <v>6391</v>
      </c>
      <c r="K1885" s="1" t="s">
        <v>1468</v>
      </c>
      <c r="L1885" s="1" t="s">
        <v>6398</v>
      </c>
      <c r="M1885" s="1" t="s">
        <v>5</v>
      </c>
      <c r="N1885" s="1" t="s">
        <v>25</v>
      </c>
      <c r="O1885" s="1" t="s">
        <v>38</v>
      </c>
      <c r="P1885" s="5" t="s">
        <v>31238</v>
      </c>
    </row>
    <row r="1886" spans="1:16" x14ac:dyDescent="0.2">
      <c r="A1886" s="1" t="s">
        <v>329</v>
      </c>
      <c r="B1886" s="1" t="s">
        <v>340</v>
      </c>
      <c r="C1886" s="1" t="s">
        <v>6404</v>
      </c>
      <c r="D1886" s="1" t="s">
        <v>10</v>
      </c>
      <c r="E1886" s="1" t="s">
        <v>6406</v>
      </c>
      <c r="F1886" s="1" t="s">
        <v>27</v>
      </c>
      <c r="G1886" s="1" t="s">
        <v>10</v>
      </c>
      <c r="H1886" s="1" t="s">
        <v>6407</v>
      </c>
      <c r="I1886" s="1" t="s">
        <v>6382</v>
      </c>
      <c r="J1886" s="1" t="s">
        <v>19</v>
      </c>
      <c r="K1886" s="1" t="s">
        <v>6405</v>
      </c>
      <c r="L1886" s="1" t="s">
        <v>6403</v>
      </c>
      <c r="M1886" s="1" t="s">
        <v>5</v>
      </c>
      <c r="N1886" s="1" t="s">
        <v>25</v>
      </c>
      <c r="O1886" s="1" t="s">
        <v>8</v>
      </c>
      <c r="P1886" s="5" t="s">
        <v>31239</v>
      </c>
    </row>
    <row r="1887" spans="1:16" x14ac:dyDescent="0.2">
      <c r="A1887" s="1" t="s">
        <v>20</v>
      </c>
      <c r="B1887" s="1" t="s">
        <v>132</v>
      </c>
      <c r="C1887" s="1" t="s">
        <v>6409</v>
      </c>
      <c r="D1887" s="1" t="s">
        <v>6390</v>
      </c>
      <c r="E1887" s="1" t="s">
        <v>6410</v>
      </c>
      <c r="F1887" s="1" t="s">
        <v>27</v>
      </c>
      <c r="G1887" s="1" t="s">
        <v>10</v>
      </c>
      <c r="H1887" s="1" t="s">
        <v>6402</v>
      </c>
      <c r="I1887" s="1" t="s">
        <v>6382</v>
      </c>
      <c r="J1887" s="1" t="s">
        <v>6391</v>
      </c>
      <c r="K1887" s="1" t="s">
        <v>1468</v>
      </c>
      <c r="L1887" s="1" t="s">
        <v>6408</v>
      </c>
      <c r="M1887" s="1" t="s">
        <v>5</v>
      </c>
      <c r="N1887" s="1" t="s">
        <v>25</v>
      </c>
      <c r="O1887" s="1" t="s">
        <v>38</v>
      </c>
      <c r="P1887" s="5" t="s">
        <v>31240</v>
      </c>
    </row>
    <row r="1888" spans="1:16" x14ac:dyDescent="0.2">
      <c r="A1888" s="1" t="s">
        <v>1385</v>
      </c>
      <c r="B1888" s="1" t="s">
        <v>1490</v>
      </c>
      <c r="C1888" s="1" t="s">
        <v>6412</v>
      </c>
      <c r="D1888" s="1" t="s">
        <v>1283</v>
      </c>
      <c r="E1888" s="1" t="s">
        <v>6413</v>
      </c>
      <c r="F1888" s="1" t="s">
        <v>27</v>
      </c>
      <c r="G1888" s="1" t="s">
        <v>10</v>
      </c>
      <c r="H1888" s="1" t="s">
        <v>6402</v>
      </c>
      <c r="I1888" s="1" t="s">
        <v>6382</v>
      </c>
      <c r="J1888" s="1" t="s">
        <v>6391</v>
      </c>
      <c r="K1888" s="1" t="s">
        <v>64</v>
      </c>
      <c r="L1888" s="1" t="s">
        <v>6411</v>
      </c>
      <c r="M1888" s="1" t="s">
        <v>5</v>
      </c>
      <c r="N1888" s="1" t="s">
        <v>25</v>
      </c>
      <c r="O1888" s="1" t="s">
        <v>38</v>
      </c>
      <c r="P1888" s="5" t="s">
        <v>29846</v>
      </c>
    </row>
    <row r="1889" spans="1:16" x14ac:dyDescent="0.2">
      <c r="A1889" s="1" t="s">
        <v>66</v>
      </c>
      <c r="B1889" s="1" t="s">
        <v>1117</v>
      </c>
      <c r="C1889" s="1" t="s">
        <v>6415</v>
      </c>
      <c r="D1889" s="1" t="s">
        <v>323</v>
      </c>
      <c r="E1889" s="1" t="s">
        <v>6416</v>
      </c>
      <c r="F1889" s="1" t="s">
        <v>27</v>
      </c>
      <c r="G1889" s="1" t="s">
        <v>10</v>
      </c>
      <c r="H1889" s="1" t="s">
        <v>6402</v>
      </c>
      <c r="I1889" s="1" t="s">
        <v>6382</v>
      </c>
      <c r="J1889" s="1" t="s">
        <v>6391</v>
      </c>
      <c r="K1889" s="1" t="s">
        <v>1468</v>
      </c>
      <c r="L1889" s="1" t="s">
        <v>6414</v>
      </c>
      <c r="M1889" s="1" t="s">
        <v>5</v>
      </c>
      <c r="N1889" s="1" t="s">
        <v>25</v>
      </c>
      <c r="O1889" s="1" t="s">
        <v>38</v>
      </c>
      <c r="P1889" s="5" t="s">
        <v>40</v>
      </c>
    </row>
    <row r="1890" spans="1:16" x14ac:dyDescent="0.2">
      <c r="A1890" s="1" t="s">
        <v>66</v>
      </c>
      <c r="B1890" s="1" t="s">
        <v>1117</v>
      </c>
      <c r="C1890" s="1" t="s">
        <v>6418</v>
      </c>
      <c r="D1890" s="1" t="s">
        <v>323</v>
      </c>
      <c r="E1890" s="1" t="s">
        <v>6419</v>
      </c>
      <c r="F1890" s="1" t="s">
        <v>27</v>
      </c>
      <c r="G1890" s="1" t="s">
        <v>10</v>
      </c>
      <c r="H1890" s="1" t="s">
        <v>6402</v>
      </c>
      <c r="I1890" s="1" t="s">
        <v>6382</v>
      </c>
      <c r="J1890" s="1" t="s">
        <v>6391</v>
      </c>
      <c r="K1890" s="1" t="s">
        <v>1468</v>
      </c>
      <c r="L1890" s="1" t="s">
        <v>6417</v>
      </c>
      <c r="M1890" s="1" t="s">
        <v>5</v>
      </c>
      <c r="N1890" s="1" t="s">
        <v>25</v>
      </c>
      <c r="O1890" s="1" t="s">
        <v>38</v>
      </c>
      <c r="P1890" s="5" t="s">
        <v>40</v>
      </c>
    </row>
    <row r="1891" spans="1:16" x14ac:dyDescent="0.2">
      <c r="A1891" s="1" t="s">
        <v>66</v>
      </c>
      <c r="B1891" s="1" t="s">
        <v>1117</v>
      </c>
      <c r="C1891" s="1" t="s">
        <v>6421</v>
      </c>
      <c r="D1891" s="1" t="s">
        <v>323</v>
      </c>
      <c r="E1891" s="1" t="s">
        <v>6422</v>
      </c>
      <c r="F1891" s="1" t="s">
        <v>27</v>
      </c>
      <c r="G1891" s="1" t="s">
        <v>10</v>
      </c>
      <c r="H1891" s="1" t="s">
        <v>6402</v>
      </c>
      <c r="I1891" s="1" t="s">
        <v>6382</v>
      </c>
      <c r="J1891" s="1" t="s">
        <v>6391</v>
      </c>
      <c r="K1891" s="1" t="s">
        <v>443</v>
      </c>
      <c r="L1891" s="1" t="s">
        <v>6420</v>
      </c>
      <c r="M1891" s="1" t="s">
        <v>5</v>
      </c>
      <c r="N1891" s="1" t="s">
        <v>25</v>
      </c>
      <c r="O1891" s="1" t="s">
        <v>38</v>
      </c>
      <c r="P1891" s="5" t="s">
        <v>40</v>
      </c>
    </row>
    <row r="1892" spans="1:16" x14ac:dyDescent="0.2">
      <c r="A1892" s="1" t="s">
        <v>20</v>
      </c>
      <c r="B1892" s="1" t="s">
        <v>93</v>
      </c>
      <c r="C1892" s="1" t="s">
        <v>6424</v>
      </c>
      <c r="D1892" s="1" t="s">
        <v>10</v>
      </c>
      <c r="E1892" s="1" t="s">
        <v>6425</v>
      </c>
      <c r="F1892" s="1" t="s">
        <v>27</v>
      </c>
      <c r="G1892" s="1" t="s">
        <v>10</v>
      </c>
      <c r="H1892" s="1" t="s">
        <v>6426</v>
      </c>
      <c r="I1892" s="1" t="s">
        <v>6382</v>
      </c>
      <c r="J1892" s="1" t="s">
        <v>6385</v>
      </c>
      <c r="K1892" s="1" t="s">
        <v>179</v>
      </c>
      <c r="L1892" s="1" t="s">
        <v>6423</v>
      </c>
      <c r="M1892" s="1" t="s">
        <v>10</v>
      </c>
      <c r="N1892" s="1" t="s">
        <v>6</v>
      </c>
      <c r="O1892" s="1" t="s">
        <v>8</v>
      </c>
      <c r="P1892" s="5"/>
    </row>
    <row r="1893" spans="1:16" x14ac:dyDescent="0.2">
      <c r="A1893" s="1" t="s">
        <v>66</v>
      </c>
      <c r="B1893" s="1" t="s">
        <v>1117</v>
      </c>
      <c r="C1893" s="1" t="s">
        <v>6428</v>
      </c>
      <c r="D1893" s="1" t="s">
        <v>6429</v>
      </c>
      <c r="E1893" s="1" t="s">
        <v>6430</v>
      </c>
      <c r="F1893" s="1" t="s">
        <v>27</v>
      </c>
      <c r="G1893" s="1" t="s">
        <v>10</v>
      </c>
      <c r="H1893" s="1" t="s">
        <v>6402</v>
      </c>
      <c r="I1893" s="1" t="s">
        <v>6382</v>
      </c>
      <c r="J1893" s="1" t="s">
        <v>6391</v>
      </c>
      <c r="K1893" s="1" t="s">
        <v>443</v>
      </c>
      <c r="L1893" s="1" t="s">
        <v>6427</v>
      </c>
      <c r="M1893" s="1" t="s">
        <v>5</v>
      </c>
      <c r="N1893" s="1" t="s">
        <v>25</v>
      </c>
      <c r="O1893" s="1" t="s">
        <v>38</v>
      </c>
      <c r="P1893" s="5" t="s">
        <v>29945</v>
      </c>
    </row>
    <row r="1894" spans="1:16" x14ac:dyDescent="0.2">
      <c r="A1894" s="1" t="s">
        <v>66</v>
      </c>
      <c r="B1894" s="1" t="s">
        <v>1117</v>
      </c>
      <c r="C1894" s="1" t="s">
        <v>6432</v>
      </c>
      <c r="D1894" s="1" t="s">
        <v>6433</v>
      </c>
      <c r="E1894" s="1" t="s">
        <v>6434</v>
      </c>
      <c r="F1894" s="1" t="s">
        <v>27</v>
      </c>
      <c r="G1894" s="1" t="s">
        <v>10</v>
      </c>
      <c r="H1894" s="1" t="s">
        <v>6402</v>
      </c>
      <c r="I1894" s="1" t="s">
        <v>6382</v>
      </c>
      <c r="J1894" s="1" t="s">
        <v>6391</v>
      </c>
      <c r="K1894" s="1" t="s">
        <v>443</v>
      </c>
      <c r="L1894" s="1" t="s">
        <v>6431</v>
      </c>
      <c r="M1894" s="1" t="s">
        <v>5</v>
      </c>
      <c r="N1894" s="1" t="s">
        <v>25</v>
      </c>
      <c r="O1894" s="1" t="s">
        <v>38</v>
      </c>
      <c r="P1894" s="5" t="s">
        <v>29945</v>
      </c>
    </row>
    <row r="1895" spans="1:16" x14ac:dyDescent="0.2">
      <c r="A1895" s="1" t="s">
        <v>66</v>
      </c>
      <c r="B1895" s="1" t="s">
        <v>1117</v>
      </c>
      <c r="C1895" s="1" t="s">
        <v>6436</v>
      </c>
      <c r="D1895" s="1" t="s">
        <v>6437</v>
      </c>
      <c r="E1895" s="1" t="s">
        <v>6438</v>
      </c>
      <c r="F1895" s="1" t="s">
        <v>27</v>
      </c>
      <c r="G1895" s="1" t="s">
        <v>10</v>
      </c>
      <c r="H1895" s="1" t="s">
        <v>6402</v>
      </c>
      <c r="I1895" s="1" t="s">
        <v>6382</v>
      </c>
      <c r="J1895" s="1" t="s">
        <v>6391</v>
      </c>
      <c r="K1895" s="1" t="s">
        <v>443</v>
      </c>
      <c r="L1895" s="1" t="s">
        <v>6435</v>
      </c>
      <c r="M1895" s="1" t="s">
        <v>5</v>
      </c>
      <c r="N1895" s="1" t="s">
        <v>25</v>
      </c>
      <c r="O1895" s="1" t="s">
        <v>38</v>
      </c>
      <c r="P1895" s="5" t="s">
        <v>29946</v>
      </c>
    </row>
    <row r="1896" spans="1:16" x14ac:dyDescent="0.2">
      <c r="A1896" s="1" t="s">
        <v>66</v>
      </c>
      <c r="B1896" s="1" t="s">
        <v>1117</v>
      </c>
      <c r="C1896" s="1" t="s">
        <v>6441</v>
      </c>
      <c r="D1896" s="1" t="s">
        <v>6439</v>
      </c>
      <c r="E1896" s="1" t="s">
        <v>6442</v>
      </c>
      <c r="F1896" s="1" t="s">
        <v>27</v>
      </c>
      <c r="G1896" s="1" t="s">
        <v>10</v>
      </c>
      <c r="H1896" s="1" t="s">
        <v>6402</v>
      </c>
      <c r="I1896" s="1" t="s">
        <v>6382</v>
      </c>
      <c r="J1896" s="1" t="s">
        <v>6385</v>
      </c>
      <c r="K1896" s="1" t="s">
        <v>443</v>
      </c>
      <c r="L1896" s="1" t="s">
        <v>6440</v>
      </c>
      <c r="M1896" s="1" t="s">
        <v>10</v>
      </c>
      <c r="N1896" s="1" t="s">
        <v>6</v>
      </c>
      <c r="O1896" s="1" t="s">
        <v>38</v>
      </c>
      <c r="P1896" s="5" t="s">
        <v>161</v>
      </c>
    </row>
    <row r="1897" spans="1:16" x14ac:dyDescent="0.2">
      <c r="A1897" s="1" t="s">
        <v>20</v>
      </c>
      <c r="B1897" s="1" t="s">
        <v>302</v>
      </c>
      <c r="C1897" s="1" t="s">
        <v>6444</v>
      </c>
      <c r="D1897" s="1" t="s">
        <v>6445</v>
      </c>
      <c r="E1897" s="1" t="s">
        <v>6446</v>
      </c>
      <c r="F1897" s="1" t="s">
        <v>27</v>
      </c>
      <c r="G1897" s="1" t="s">
        <v>10</v>
      </c>
      <c r="H1897" s="1" t="s">
        <v>6402</v>
      </c>
      <c r="I1897" s="1" t="s">
        <v>6382</v>
      </c>
      <c r="J1897" s="1" t="s">
        <v>6391</v>
      </c>
      <c r="K1897" s="1" t="s">
        <v>1468</v>
      </c>
      <c r="L1897" s="1" t="s">
        <v>6443</v>
      </c>
      <c r="M1897" s="1" t="s">
        <v>5</v>
      </c>
      <c r="N1897" s="1" t="s">
        <v>25</v>
      </c>
      <c r="O1897" s="1" t="s">
        <v>38</v>
      </c>
      <c r="P1897" s="5" t="s">
        <v>29946</v>
      </c>
    </row>
    <row r="1898" spans="1:16" x14ac:dyDescent="0.2">
      <c r="A1898" s="1" t="s">
        <v>20</v>
      </c>
      <c r="B1898" s="1" t="s">
        <v>93</v>
      </c>
      <c r="C1898" s="1" t="s">
        <v>6448</v>
      </c>
      <c r="D1898" s="1" t="s">
        <v>532</v>
      </c>
      <c r="E1898" s="1" t="s">
        <v>6449</v>
      </c>
      <c r="F1898" s="1" t="s">
        <v>27</v>
      </c>
      <c r="G1898" s="1" t="s">
        <v>10</v>
      </c>
      <c r="H1898" s="1" t="s">
        <v>6450</v>
      </c>
      <c r="I1898" s="1" t="s">
        <v>6382</v>
      </c>
      <c r="J1898" s="1" t="s">
        <v>19</v>
      </c>
      <c r="K1898" s="1" t="s">
        <v>443</v>
      </c>
      <c r="L1898" s="1" t="s">
        <v>6447</v>
      </c>
      <c r="M1898" s="1" t="s">
        <v>5</v>
      </c>
      <c r="N1898" s="1" t="s">
        <v>6</v>
      </c>
      <c r="O1898" s="1" t="s">
        <v>8</v>
      </c>
      <c r="P1898" s="5"/>
    </row>
    <row r="1899" spans="1:16" x14ac:dyDescent="0.2">
      <c r="A1899" s="1" t="s">
        <v>329</v>
      </c>
      <c r="B1899" s="1" t="s">
        <v>753</v>
      </c>
      <c r="C1899" s="1" t="s">
        <v>6452</v>
      </c>
      <c r="D1899" s="1" t="s">
        <v>6453</v>
      </c>
      <c r="E1899" s="1" t="s">
        <v>6454</v>
      </c>
      <c r="F1899" s="1" t="s">
        <v>27</v>
      </c>
      <c r="G1899" s="1" t="s">
        <v>10</v>
      </c>
      <c r="H1899" s="1" t="s">
        <v>6455</v>
      </c>
      <c r="I1899" s="1" t="s">
        <v>6382</v>
      </c>
      <c r="J1899" s="1" t="s">
        <v>6391</v>
      </c>
      <c r="K1899" s="1" t="s">
        <v>1563</v>
      </c>
      <c r="L1899" s="1" t="s">
        <v>6451</v>
      </c>
      <c r="M1899" s="1" t="s">
        <v>5</v>
      </c>
      <c r="N1899" s="1" t="s">
        <v>25</v>
      </c>
      <c r="O1899" s="1" t="s">
        <v>8</v>
      </c>
      <c r="P1899" s="5" t="s">
        <v>29946</v>
      </c>
    </row>
    <row r="1900" spans="1:16" x14ac:dyDescent="0.2">
      <c r="A1900" s="1" t="s">
        <v>1385</v>
      </c>
      <c r="B1900" s="1" t="s">
        <v>1670</v>
      </c>
      <c r="C1900" s="1" t="s">
        <v>6457</v>
      </c>
      <c r="D1900" s="1" t="s">
        <v>6457</v>
      </c>
      <c r="E1900" s="1" t="s">
        <v>6458</v>
      </c>
      <c r="F1900" s="1" t="s">
        <v>27</v>
      </c>
      <c r="G1900" s="1" t="s">
        <v>10</v>
      </c>
      <c r="H1900" s="1" t="s">
        <v>6457</v>
      </c>
      <c r="I1900" s="1" t="s">
        <v>6382</v>
      </c>
      <c r="J1900" s="1" t="s">
        <v>19</v>
      </c>
      <c r="K1900" s="1" t="s">
        <v>64</v>
      </c>
      <c r="L1900" s="1" t="s">
        <v>6456</v>
      </c>
      <c r="M1900" s="1" t="s">
        <v>10</v>
      </c>
      <c r="N1900" s="1" t="s">
        <v>10</v>
      </c>
      <c r="O1900" s="1" t="s">
        <v>8</v>
      </c>
      <c r="P1900" s="5"/>
    </row>
    <row r="1901" spans="1:16" x14ac:dyDescent="0.2">
      <c r="A1901" s="1" t="s">
        <v>20</v>
      </c>
      <c r="B1901" s="1" t="s">
        <v>99</v>
      </c>
      <c r="C1901" s="1" t="s">
        <v>1502</v>
      </c>
      <c r="D1901" s="1" t="s">
        <v>6460</v>
      </c>
      <c r="E1901" s="1" t="s">
        <v>6461</v>
      </c>
      <c r="F1901" s="1" t="s">
        <v>27</v>
      </c>
      <c r="G1901" s="1" t="s">
        <v>10</v>
      </c>
      <c r="H1901" s="1" t="s">
        <v>6462</v>
      </c>
      <c r="I1901" s="1" t="s">
        <v>6382</v>
      </c>
      <c r="J1901" s="1" t="s">
        <v>19</v>
      </c>
      <c r="K1901" s="1" t="s">
        <v>443</v>
      </c>
      <c r="L1901" s="1" t="s">
        <v>6459</v>
      </c>
      <c r="M1901" s="1" t="s">
        <v>10</v>
      </c>
      <c r="N1901" s="1" t="s">
        <v>10</v>
      </c>
      <c r="O1901" s="1" t="s">
        <v>8</v>
      </c>
      <c r="P1901" s="5" t="s">
        <v>119</v>
      </c>
    </row>
    <row r="1902" spans="1:16" x14ac:dyDescent="0.2">
      <c r="A1902" s="1" t="s">
        <v>329</v>
      </c>
      <c r="B1902" s="1" t="s">
        <v>330</v>
      </c>
      <c r="C1902" s="1" t="s">
        <v>6471</v>
      </c>
      <c r="D1902" s="1" t="s">
        <v>10</v>
      </c>
      <c r="E1902" s="1" t="s">
        <v>6472</v>
      </c>
      <c r="F1902" s="1" t="s">
        <v>27</v>
      </c>
      <c r="G1902" s="1" t="s">
        <v>10</v>
      </c>
      <c r="H1902" s="1" t="s">
        <v>6402</v>
      </c>
      <c r="I1902" s="1" t="s">
        <v>6382</v>
      </c>
      <c r="J1902" s="1" t="s">
        <v>6385</v>
      </c>
      <c r="K1902" s="1" t="s">
        <v>100</v>
      </c>
      <c r="L1902" s="1" t="s">
        <v>6470</v>
      </c>
      <c r="M1902" s="1" t="s">
        <v>10</v>
      </c>
      <c r="N1902" s="1" t="s">
        <v>10</v>
      </c>
      <c r="O1902" s="1" t="s">
        <v>38</v>
      </c>
      <c r="P1902" s="5" t="s">
        <v>161</v>
      </c>
    </row>
    <row r="1903" spans="1:16" x14ac:dyDescent="0.2">
      <c r="A1903" s="1" t="s">
        <v>20</v>
      </c>
      <c r="B1903" s="1" t="s">
        <v>253</v>
      </c>
      <c r="C1903" s="1" t="s">
        <v>4166</v>
      </c>
      <c r="D1903" s="1" t="s">
        <v>10</v>
      </c>
      <c r="E1903" s="1" t="s">
        <v>6474</v>
      </c>
      <c r="F1903" s="1" t="s">
        <v>27</v>
      </c>
      <c r="G1903" s="1" t="s">
        <v>10</v>
      </c>
      <c r="H1903" s="1" t="s">
        <v>6475</v>
      </c>
      <c r="I1903" s="1" t="s">
        <v>6382</v>
      </c>
      <c r="J1903" s="1" t="s">
        <v>6391</v>
      </c>
      <c r="K1903" s="1" t="s">
        <v>7</v>
      </c>
      <c r="L1903" s="1" t="s">
        <v>6473</v>
      </c>
      <c r="M1903" s="1" t="s">
        <v>5</v>
      </c>
      <c r="N1903" s="1" t="s">
        <v>6</v>
      </c>
      <c r="O1903" s="1" t="s">
        <v>8</v>
      </c>
      <c r="P1903" s="5" t="s">
        <v>29846</v>
      </c>
    </row>
    <row r="1904" spans="1:16" x14ac:dyDescent="0.2">
      <c r="A1904" s="1" t="s">
        <v>20</v>
      </c>
      <c r="B1904" s="1" t="s">
        <v>93</v>
      </c>
      <c r="C1904" s="1" t="s">
        <v>6477</v>
      </c>
      <c r="D1904" s="1" t="s">
        <v>10</v>
      </c>
      <c r="E1904" s="1" t="s">
        <v>6478</v>
      </c>
      <c r="F1904" s="1" t="s">
        <v>27</v>
      </c>
      <c r="G1904" s="1" t="s">
        <v>10</v>
      </c>
      <c r="H1904" s="1" t="s">
        <v>6426</v>
      </c>
      <c r="I1904" s="1" t="s">
        <v>6382</v>
      </c>
      <c r="J1904" s="1" t="s">
        <v>19</v>
      </c>
      <c r="K1904" s="1" t="s">
        <v>27</v>
      </c>
      <c r="L1904" s="1" t="s">
        <v>6476</v>
      </c>
      <c r="M1904" s="1" t="s">
        <v>10</v>
      </c>
      <c r="N1904" s="1" t="s">
        <v>6</v>
      </c>
      <c r="O1904" s="1" t="s">
        <v>38</v>
      </c>
      <c r="P1904" s="5"/>
    </row>
    <row r="1905" spans="1:16" x14ac:dyDescent="0.2">
      <c r="A1905" s="1" t="s">
        <v>20</v>
      </c>
      <c r="B1905" s="1" t="s">
        <v>253</v>
      </c>
      <c r="C1905" s="1" t="s">
        <v>6483</v>
      </c>
      <c r="D1905" s="1" t="s">
        <v>6484</v>
      </c>
      <c r="E1905" s="1" t="s">
        <v>6486</v>
      </c>
      <c r="F1905" s="1" t="s">
        <v>27</v>
      </c>
      <c r="G1905" s="1" t="s">
        <v>10</v>
      </c>
      <c r="H1905" s="1" t="s">
        <v>6402</v>
      </c>
      <c r="I1905" s="1" t="s">
        <v>6382</v>
      </c>
      <c r="J1905" s="1" t="s">
        <v>6391</v>
      </c>
      <c r="K1905" s="1" t="s">
        <v>6485</v>
      </c>
      <c r="L1905" s="1" t="s">
        <v>6482</v>
      </c>
      <c r="M1905" s="1" t="s">
        <v>5</v>
      </c>
      <c r="N1905" s="1" t="s">
        <v>6</v>
      </c>
      <c r="O1905" s="1" t="s">
        <v>38</v>
      </c>
      <c r="P1905" s="5" t="s">
        <v>29846</v>
      </c>
    </row>
    <row r="1906" spans="1:16" x14ac:dyDescent="0.2">
      <c r="A1906" s="1" t="s">
        <v>20</v>
      </c>
      <c r="B1906" s="1" t="s">
        <v>132</v>
      </c>
      <c r="C1906" s="1" t="s">
        <v>6488</v>
      </c>
      <c r="D1906" s="1" t="s">
        <v>10</v>
      </c>
      <c r="E1906" s="1"/>
      <c r="F1906" s="1" t="s">
        <v>27</v>
      </c>
      <c r="G1906" s="1" t="s">
        <v>2299</v>
      </c>
      <c r="H1906" s="1" t="s">
        <v>6393</v>
      </c>
      <c r="I1906" s="1" t="s">
        <v>6382</v>
      </c>
      <c r="J1906" s="1" t="s">
        <v>6391</v>
      </c>
      <c r="K1906" s="1" t="s">
        <v>1548</v>
      </c>
      <c r="L1906" s="1" t="s">
        <v>6487</v>
      </c>
      <c r="M1906" s="1" t="s">
        <v>5</v>
      </c>
      <c r="N1906" s="1" t="s">
        <v>6</v>
      </c>
      <c r="O1906" s="1" t="s">
        <v>8</v>
      </c>
      <c r="P1906" s="5" t="s">
        <v>14</v>
      </c>
    </row>
    <row r="1907" spans="1:16" x14ac:dyDescent="0.2">
      <c r="A1907" s="1" t="s">
        <v>20</v>
      </c>
      <c r="B1907" s="1" t="s">
        <v>172</v>
      </c>
      <c r="C1907" s="1" t="s">
        <v>6490</v>
      </c>
      <c r="D1907" s="1" t="s">
        <v>10</v>
      </c>
      <c r="E1907" s="1" t="s">
        <v>6491</v>
      </c>
      <c r="F1907" s="1" t="s">
        <v>27</v>
      </c>
      <c r="G1907" s="1" t="s">
        <v>10</v>
      </c>
      <c r="H1907" s="1" t="s">
        <v>6426</v>
      </c>
      <c r="I1907" s="1" t="s">
        <v>6382</v>
      </c>
      <c r="J1907" s="1" t="s">
        <v>6385</v>
      </c>
      <c r="K1907" s="1" t="s">
        <v>7</v>
      </c>
      <c r="L1907" s="1" t="s">
        <v>6489</v>
      </c>
      <c r="M1907" s="1" t="s">
        <v>10</v>
      </c>
      <c r="N1907" s="1" t="s">
        <v>6</v>
      </c>
      <c r="O1907" s="1" t="s">
        <v>38</v>
      </c>
      <c r="P1907" s="5"/>
    </row>
    <row r="1908" spans="1:16" x14ac:dyDescent="0.2">
      <c r="A1908" s="1" t="s">
        <v>194</v>
      </c>
      <c r="B1908" s="1" t="s">
        <v>6481</v>
      </c>
      <c r="C1908" s="1" t="s">
        <v>6493</v>
      </c>
      <c r="D1908" s="1" t="s">
        <v>10</v>
      </c>
      <c r="E1908" s="1" t="s">
        <v>6494</v>
      </c>
      <c r="F1908" s="1" t="s">
        <v>27</v>
      </c>
      <c r="G1908" s="1" t="s">
        <v>10</v>
      </c>
      <c r="H1908" s="1" t="s">
        <v>6495</v>
      </c>
      <c r="I1908" s="1" t="s">
        <v>6382</v>
      </c>
      <c r="J1908" s="1" t="s">
        <v>6391</v>
      </c>
      <c r="K1908" s="1" t="s">
        <v>27</v>
      </c>
      <c r="L1908" s="1" t="s">
        <v>6492</v>
      </c>
      <c r="M1908" s="1" t="s">
        <v>5</v>
      </c>
      <c r="N1908" s="1" t="s">
        <v>6</v>
      </c>
      <c r="O1908" s="1" t="s">
        <v>8</v>
      </c>
      <c r="P1908" s="5"/>
    </row>
    <row r="1909" spans="1:16" x14ac:dyDescent="0.2">
      <c r="A1909" s="1" t="s">
        <v>20</v>
      </c>
      <c r="B1909" s="1" t="s">
        <v>253</v>
      </c>
      <c r="C1909" s="1" t="s">
        <v>6497</v>
      </c>
      <c r="D1909" s="1" t="s">
        <v>10</v>
      </c>
      <c r="E1909" s="1"/>
      <c r="F1909" s="1" t="s">
        <v>27</v>
      </c>
      <c r="G1909" s="1" t="s">
        <v>10</v>
      </c>
      <c r="H1909" s="1" t="s">
        <v>6402</v>
      </c>
      <c r="I1909" s="1" t="s">
        <v>6382</v>
      </c>
      <c r="J1909" s="1" t="s">
        <v>6391</v>
      </c>
      <c r="K1909" s="1" t="s">
        <v>7</v>
      </c>
      <c r="L1909" s="1" t="s">
        <v>6496</v>
      </c>
      <c r="M1909" s="1" t="s">
        <v>5</v>
      </c>
      <c r="N1909" s="1" t="s">
        <v>25</v>
      </c>
      <c r="O1909" s="1" t="s">
        <v>38</v>
      </c>
      <c r="P1909" s="5" t="s">
        <v>29846</v>
      </c>
    </row>
    <row r="1910" spans="1:16" x14ac:dyDescent="0.2">
      <c r="A1910" s="1" t="s">
        <v>66</v>
      </c>
      <c r="B1910" s="1" t="s">
        <v>1117</v>
      </c>
      <c r="C1910" s="1" t="s">
        <v>6501</v>
      </c>
      <c r="D1910" s="1" t="s">
        <v>10</v>
      </c>
      <c r="E1910" s="1" t="s">
        <v>6503</v>
      </c>
      <c r="F1910" s="1" t="s">
        <v>27</v>
      </c>
      <c r="G1910" s="1" t="s">
        <v>10</v>
      </c>
      <c r="H1910" s="1" t="s">
        <v>6393</v>
      </c>
      <c r="I1910" s="1" t="s">
        <v>6382</v>
      </c>
      <c r="J1910" s="1" t="s">
        <v>6502</v>
      </c>
      <c r="K1910" s="1" t="s">
        <v>7</v>
      </c>
      <c r="L1910" s="1" t="s">
        <v>6500</v>
      </c>
      <c r="M1910" s="1" t="s">
        <v>5</v>
      </c>
      <c r="N1910" s="1" t="s">
        <v>6</v>
      </c>
      <c r="O1910" s="1" t="s">
        <v>8</v>
      </c>
      <c r="P1910" s="5" t="s">
        <v>14</v>
      </c>
    </row>
    <row r="1911" spans="1:16" x14ac:dyDescent="0.2">
      <c r="A1911" s="1" t="s">
        <v>42</v>
      </c>
      <c r="B1911" s="1" t="s">
        <v>2091</v>
      </c>
      <c r="C1911" s="1" t="s">
        <v>6505</v>
      </c>
      <c r="D1911" s="1" t="s">
        <v>10</v>
      </c>
      <c r="E1911" s="1" t="s">
        <v>6506</v>
      </c>
      <c r="F1911" s="1" t="s">
        <v>27</v>
      </c>
      <c r="G1911" s="1" t="s">
        <v>10</v>
      </c>
      <c r="H1911" s="1" t="s">
        <v>6507</v>
      </c>
      <c r="I1911" s="1" t="s">
        <v>6382</v>
      </c>
      <c r="J1911" s="1" t="s">
        <v>19</v>
      </c>
      <c r="K1911" s="1" t="s">
        <v>6469</v>
      </c>
      <c r="L1911" s="1" t="s">
        <v>6504</v>
      </c>
      <c r="M1911" s="1" t="s">
        <v>5</v>
      </c>
      <c r="N1911" s="1" t="s">
        <v>6</v>
      </c>
      <c r="O1911" s="1" t="s">
        <v>8</v>
      </c>
      <c r="P1911" s="5" t="s">
        <v>14</v>
      </c>
    </row>
    <row r="1912" spans="1:16" x14ac:dyDescent="0.2">
      <c r="A1912" s="1" t="s">
        <v>20</v>
      </c>
      <c r="B1912" s="1" t="s">
        <v>253</v>
      </c>
      <c r="C1912" s="1" t="s">
        <v>6509</v>
      </c>
      <c r="D1912" s="1" t="s">
        <v>6510</v>
      </c>
      <c r="E1912" s="1"/>
      <c r="F1912" s="1" t="s">
        <v>27</v>
      </c>
      <c r="G1912" s="1" t="s">
        <v>10</v>
      </c>
      <c r="H1912" s="1" t="s">
        <v>6511</v>
      </c>
      <c r="I1912" s="1" t="s">
        <v>6382</v>
      </c>
      <c r="J1912" s="1" t="s">
        <v>19</v>
      </c>
      <c r="K1912" s="1" t="s">
        <v>7</v>
      </c>
      <c r="L1912" s="1" t="s">
        <v>6508</v>
      </c>
      <c r="M1912" s="1" t="s">
        <v>5</v>
      </c>
      <c r="N1912" s="1" t="s">
        <v>6</v>
      </c>
      <c r="O1912" s="1" t="s">
        <v>8</v>
      </c>
      <c r="P1912" s="5" t="s">
        <v>31241</v>
      </c>
    </row>
    <row r="1913" spans="1:16" x14ac:dyDescent="0.2">
      <c r="A1913" s="1" t="s">
        <v>20</v>
      </c>
      <c r="B1913" s="1" t="s">
        <v>253</v>
      </c>
      <c r="C1913" s="1" t="s">
        <v>6514</v>
      </c>
      <c r="D1913" s="1" t="s">
        <v>6515</v>
      </c>
      <c r="E1913" s="1"/>
      <c r="F1913" s="1" t="s">
        <v>27</v>
      </c>
      <c r="G1913" s="1" t="s">
        <v>10</v>
      </c>
      <c r="H1913" s="1" t="s">
        <v>6426</v>
      </c>
      <c r="I1913" s="1" t="s">
        <v>6382</v>
      </c>
      <c r="J1913" s="1" t="s">
        <v>6516</v>
      </c>
      <c r="K1913" s="1" t="s">
        <v>7</v>
      </c>
      <c r="L1913" s="1" t="s">
        <v>6513</v>
      </c>
      <c r="M1913" s="1" t="s">
        <v>10</v>
      </c>
      <c r="N1913" s="1" t="s">
        <v>6</v>
      </c>
      <c r="O1913" s="1" t="s">
        <v>8</v>
      </c>
      <c r="P1913" s="5"/>
    </row>
    <row r="1914" spans="1:16" x14ac:dyDescent="0.2">
      <c r="A1914" s="1" t="s">
        <v>10</v>
      </c>
      <c r="B1914" s="1" t="s">
        <v>10</v>
      </c>
      <c r="C1914" s="1" t="s">
        <v>6518</v>
      </c>
      <c r="D1914" s="1" t="s">
        <v>10</v>
      </c>
      <c r="E1914" s="1" t="s">
        <v>10</v>
      </c>
      <c r="F1914" s="1" t="s">
        <v>10</v>
      </c>
      <c r="G1914" s="1" t="s">
        <v>10</v>
      </c>
      <c r="H1914" s="1" t="s">
        <v>10</v>
      </c>
      <c r="I1914" s="1" t="s">
        <v>6382</v>
      </c>
      <c r="J1914" s="1" t="s">
        <v>10</v>
      </c>
      <c r="K1914" s="1" t="s">
        <v>10</v>
      </c>
      <c r="L1914" s="1" t="s">
        <v>6517</v>
      </c>
      <c r="M1914" s="1" t="s">
        <v>10</v>
      </c>
      <c r="N1914" s="1" t="s">
        <v>432</v>
      </c>
      <c r="O1914" s="1" t="s">
        <v>8</v>
      </c>
      <c r="P1914" s="5" t="s">
        <v>29846</v>
      </c>
    </row>
    <row r="1915" spans="1:16" x14ac:dyDescent="0.2">
      <c r="A1915" s="1" t="s">
        <v>66</v>
      </c>
      <c r="B1915" s="1" t="s">
        <v>1127</v>
      </c>
      <c r="C1915" s="1" t="s">
        <v>6521</v>
      </c>
      <c r="D1915" s="1" t="s">
        <v>6522</v>
      </c>
      <c r="E1915" s="1" t="s">
        <v>6523</v>
      </c>
      <c r="F1915" s="1" t="s">
        <v>10</v>
      </c>
      <c r="G1915" s="1" t="s">
        <v>10</v>
      </c>
      <c r="H1915" s="1" t="s">
        <v>10</v>
      </c>
      <c r="I1915" s="1" t="s">
        <v>6382</v>
      </c>
      <c r="J1915" s="1" t="s">
        <v>19</v>
      </c>
      <c r="K1915" s="1" t="s">
        <v>64</v>
      </c>
      <c r="L1915" s="1" t="s">
        <v>6520</v>
      </c>
      <c r="M1915" s="1" t="s">
        <v>10</v>
      </c>
      <c r="N1915" s="1" t="s">
        <v>10</v>
      </c>
      <c r="O1915" s="1" t="s">
        <v>38</v>
      </c>
      <c r="P1915" s="5" t="s">
        <v>29846</v>
      </c>
    </row>
    <row r="1916" spans="1:16" x14ac:dyDescent="0.2">
      <c r="A1916" s="1" t="s">
        <v>42</v>
      </c>
      <c r="B1916" s="1" t="s">
        <v>109</v>
      </c>
      <c r="C1916" s="1" t="s">
        <v>6525</v>
      </c>
      <c r="D1916" s="1" t="s">
        <v>6526</v>
      </c>
      <c r="E1916" s="1"/>
      <c r="F1916" s="1" t="s">
        <v>27</v>
      </c>
      <c r="G1916" s="1" t="s">
        <v>10</v>
      </c>
      <c r="H1916" s="1" t="s">
        <v>6402</v>
      </c>
      <c r="I1916" s="1" t="s">
        <v>6382</v>
      </c>
      <c r="J1916" s="1" t="s">
        <v>6527</v>
      </c>
      <c r="K1916" s="1" t="s">
        <v>7</v>
      </c>
      <c r="L1916" s="1" t="s">
        <v>6524</v>
      </c>
      <c r="M1916" s="1" t="s">
        <v>5</v>
      </c>
      <c r="N1916" s="1" t="s">
        <v>6</v>
      </c>
      <c r="O1916" s="1" t="s">
        <v>38</v>
      </c>
      <c r="P1916" s="5" t="s">
        <v>29943</v>
      </c>
    </row>
    <row r="1917" spans="1:16" x14ac:dyDescent="0.2">
      <c r="A1917" s="1" t="s">
        <v>10</v>
      </c>
      <c r="B1917" s="1" t="s">
        <v>10</v>
      </c>
      <c r="C1917" s="1" t="s">
        <v>6529</v>
      </c>
      <c r="D1917" s="1" t="s">
        <v>10</v>
      </c>
      <c r="E1917" s="1" t="s">
        <v>10</v>
      </c>
      <c r="F1917" s="1" t="s">
        <v>10</v>
      </c>
      <c r="G1917" s="1" t="s">
        <v>10</v>
      </c>
      <c r="H1917" s="1" t="s">
        <v>10</v>
      </c>
      <c r="I1917" s="1" t="s">
        <v>6382</v>
      </c>
      <c r="J1917" s="1" t="s">
        <v>10</v>
      </c>
      <c r="K1917" s="1" t="s">
        <v>10</v>
      </c>
      <c r="L1917" s="1" t="s">
        <v>6528</v>
      </c>
      <c r="M1917" s="1" t="s">
        <v>10</v>
      </c>
      <c r="N1917" s="1" t="s">
        <v>432</v>
      </c>
      <c r="O1917" s="1" t="s">
        <v>8</v>
      </c>
      <c r="P1917" s="5"/>
    </row>
    <row r="1918" spans="1:16" x14ac:dyDescent="0.2">
      <c r="A1918" s="1" t="s">
        <v>20</v>
      </c>
      <c r="B1918" s="1" t="s">
        <v>93</v>
      </c>
      <c r="C1918" s="1" t="s">
        <v>6531</v>
      </c>
      <c r="D1918" s="1" t="s">
        <v>6532</v>
      </c>
      <c r="E1918" s="1" t="s">
        <v>6534</v>
      </c>
      <c r="F1918" s="1" t="s">
        <v>27</v>
      </c>
      <c r="G1918" s="1" t="s">
        <v>10</v>
      </c>
      <c r="H1918" s="1" t="s">
        <v>6535</v>
      </c>
      <c r="I1918" s="1" t="s">
        <v>6382</v>
      </c>
      <c r="J1918" s="1" t="s">
        <v>19</v>
      </c>
      <c r="K1918" s="1" t="s">
        <v>6533</v>
      </c>
      <c r="L1918" s="1" t="s">
        <v>6530</v>
      </c>
      <c r="M1918" s="1" t="s">
        <v>5</v>
      </c>
      <c r="N1918" s="1" t="s">
        <v>25</v>
      </c>
      <c r="O1918" s="1" t="s">
        <v>8</v>
      </c>
      <c r="P1918" s="5" t="s">
        <v>29846</v>
      </c>
    </row>
    <row r="1919" spans="1:16" x14ac:dyDescent="0.2">
      <c r="A1919" s="1" t="s">
        <v>20</v>
      </c>
      <c r="B1919" s="1" t="s">
        <v>93</v>
      </c>
      <c r="C1919" s="1" t="s">
        <v>6537</v>
      </c>
      <c r="D1919" s="1" t="s">
        <v>6538</v>
      </c>
      <c r="E1919" s="1" t="s">
        <v>6539</v>
      </c>
      <c r="F1919" s="1" t="s">
        <v>9</v>
      </c>
      <c r="G1919" s="1" t="s">
        <v>18</v>
      </c>
      <c r="H1919" s="1" t="s">
        <v>10</v>
      </c>
      <c r="I1919" s="1" t="s">
        <v>6382</v>
      </c>
      <c r="J1919" s="1" t="s">
        <v>19</v>
      </c>
      <c r="K1919" s="1" t="s">
        <v>7</v>
      </c>
      <c r="L1919" s="1" t="s">
        <v>6536</v>
      </c>
      <c r="M1919" s="1" t="s">
        <v>5</v>
      </c>
      <c r="N1919" s="1" t="s">
        <v>25</v>
      </c>
      <c r="O1919" s="1" t="s">
        <v>8</v>
      </c>
      <c r="P1919" s="5" t="s">
        <v>29846</v>
      </c>
    </row>
    <row r="1920" spans="1:16" x14ac:dyDescent="0.2">
      <c r="A1920" s="1" t="s">
        <v>42</v>
      </c>
      <c r="B1920" s="1" t="s">
        <v>109</v>
      </c>
      <c r="C1920" s="1" t="s">
        <v>6541</v>
      </c>
      <c r="D1920" s="1" t="s">
        <v>6542</v>
      </c>
      <c r="E1920" s="1" t="s">
        <v>6543</v>
      </c>
      <c r="F1920" s="1" t="s">
        <v>27</v>
      </c>
      <c r="G1920" s="1" t="s">
        <v>2299</v>
      </c>
      <c r="H1920" s="1" t="s">
        <v>6393</v>
      </c>
      <c r="I1920" s="1" t="s">
        <v>6382</v>
      </c>
      <c r="J1920" s="1" t="s">
        <v>6527</v>
      </c>
      <c r="K1920" s="1" t="s">
        <v>7</v>
      </c>
      <c r="L1920" s="1" t="s">
        <v>6540</v>
      </c>
      <c r="M1920" s="1" t="s">
        <v>5</v>
      </c>
      <c r="N1920" s="1" t="s">
        <v>6</v>
      </c>
      <c r="O1920" s="1" t="s">
        <v>8</v>
      </c>
      <c r="P1920" s="5" t="s">
        <v>29846</v>
      </c>
    </row>
    <row r="1921" spans="1:16" x14ac:dyDescent="0.2">
      <c r="A1921" s="1" t="s">
        <v>20</v>
      </c>
      <c r="B1921" s="1" t="s">
        <v>253</v>
      </c>
      <c r="C1921" s="1" t="s">
        <v>6545</v>
      </c>
      <c r="D1921" s="1" t="s">
        <v>6546</v>
      </c>
      <c r="E1921" s="1"/>
      <c r="F1921" s="1" t="s">
        <v>27</v>
      </c>
      <c r="G1921" s="1" t="s">
        <v>10</v>
      </c>
      <c r="H1921" s="1" t="s">
        <v>6402</v>
      </c>
      <c r="I1921" s="1" t="s">
        <v>6382</v>
      </c>
      <c r="J1921" s="1" t="s">
        <v>6527</v>
      </c>
      <c r="K1921" s="1" t="s">
        <v>2591</v>
      </c>
      <c r="L1921" s="1" t="s">
        <v>6544</v>
      </c>
      <c r="M1921" s="1" t="s">
        <v>5</v>
      </c>
      <c r="N1921" s="1" t="s">
        <v>25</v>
      </c>
      <c r="O1921" s="1" t="s">
        <v>38</v>
      </c>
      <c r="P1921" s="5" t="s">
        <v>31242</v>
      </c>
    </row>
    <row r="1922" spans="1:16" x14ac:dyDescent="0.2">
      <c r="A1922" s="1" t="s">
        <v>20</v>
      </c>
      <c r="B1922" s="1" t="s">
        <v>253</v>
      </c>
      <c r="C1922" s="1" t="s">
        <v>6548</v>
      </c>
      <c r="D1922" s="1" t="s">
        <v>6549</v>
      </c>
      <c r="E1922" s="1"/>
      <c r="F1922" s="1" t="s">
        <v>27</v>
      </c>
      <c r="G1922" s="1" t="s">
        <v>10</v>
      </c>
      <c r="H1922" s="1" t="s">
        <v>6550</v>
      </c>
      <c r="I1922" s="1" t="s">
        <v>6382</v>
      </c>
      <c r="J1922" s="1" t="s">
        <v>6516</v>
      </c>
      <c r="K1922" s="1" t="s">
        <v>7</v>
      </c>
      <c r="L1922" s="1" t="s">
        <v>6547</v>
      </c>
      <c r="M1922" s="1" t="s">
        <v>10</v>
      </c>
      <c r="N1922" s="1" t="s">
        <v>6</v>
      </c>
      <c r="O1922" s="1" t="s">
        <v>38</v>
      </c>
      <c r="P1922" s="5" t="s">
        <v>29846</v>
      </c>
    </row>
    <row r="1923" spans="1:16" x14ac:dyDescent="0.2">
      <c r="A1923" s="1" t="s">
        <v>20</v>
      </c>
      <c r="B1923" s="1" t="s">
        <v>445</v>
      </c>
      <c r="C1923" s="1" t="s">
        <v>6552</v>
      </c>
      <c r="D1923" s="1" t="s">
        <v>96</v>
      </c>
      <c r="E1923" s="1" t="s">
        <v>6553</v>
      </c>
      <c r="F1923" s="1" t="s">
        <v>27</v>
      </c>
      <c r="G1923" s="1" t="s">
        <v>10</v>
      </c>
      <c r="H1923" s="1" t="s">
        <v>6554</v>
      </c>
      <c r="I1923" s="1" t="s">
        <v>6382</v>
      </c>
      <c r="J1923" s="1" t="s">
        <v>19</v>
      </c>
      <c r="K1923" s="1" t="s">
        <v>1468</v>
      </c>
      <c r="L1923" s="1" t="s">
        <v>6551</v>
      </c>
      <c r="M1923" s="1" t="s">
        <v>5</v>
      </c>
      <c r="N1923" s="1" t="s">
        <v>25</v>
      </c>
      <c r="O1923" s="1" t="s">
        <v>8</v>
      </c>
      <c r="P1923" s="5" t="s">
        <v>29944</v>
      </c>
    </row>
    <row r="1924" spans="1:16" x14ac:dyDescent="0.2">
      <c r="A1924" s="1" t="s">
        <v>20</v>
      </c>
      <c r="B1924" s="1" t="s">
        <v>172</v>
      </c>
      <c r="C1924" s="1" t="s">
        <v>6556</v>
      </c>
      <c r="D1924" s="1" t="s">
        <v>6557</v>
      </c>
      <c r="E1924" s="1" t="s">
        <v>6558</v>
      </c>
      <c r="F1924" s="1" t="s">
        <v>10</v>
      </c>
      <c r="G1924" s="1" t="s">
        <v>10</v>
      </c>
      <c r="H1924" s="1" t="s">
        <v>10</v>
      </c>
      <c r="I1924" s="1" t="s">
        <v>6382</v>
      </c>
      <c r="J1924" s="1" t="s">
        <v>19</v>
      </c>
      <c r="K1924" s="1" t="s">
        <v>100</v>
      </c>
      <c r="L1924" s="1" t="s">
        <v>6555</v>
      </c>
      <c r="M1924" s="1" t="s">
        <v>10</v>
      </c>
      <c r="N1924" s="1" t="s">
        <v>10</v>
      </c>
      <c r="O1924" s="1" t="s">
        <v>38</v>
      </c>
      <c r="P1924" s="5" t="s">
        <v>29846</v>
      </c>
    </row>
    <row r="1925" spans="1:16" x14ac:dyDescent="0.2">
      <c r="A1925" s="1" t="s">
        <v>42</v>
      </c>
      <c r="B1925" s="1" t="s">
        <v>50</v>
      </c>
      <c r="C1925" s="1" t="s">
        <v>6560</v>
      </c>
      <c r="D1925" s="1" t="s">
        <v>10</v>
      </c>
      <c r="E1925" s="1"/>
      <c r="F1925" s="1" t="s">
        <v>27</v>
      </c>
      <c r="G1925" s="1" t="s">
        <v>10</v>
      </c>
      <c r="H1925" s="1" t="s">
        <v>6550</v>
      </c>
      <c r="I1925" s="1" t="s">
        <v>6382</v>
      </c>
      <c r="J1925" s="1" t="s">
        <v>19</v>
      </c>
      <c r="K1925" s="1" t="s">
        <v>47</v>
      </c>
      <c r="L1925" s="1" t="s">
        <v>6559</v>
      </c>
      <c r="M1925" s="1" t="s">
        <v>10</v>
      </c>
      <c r="N1925" s="1" t="s">
        <v>25</v>
      </c>
      <c r="O1925" s="1" t="s">
        <v>38</v>
      </c>
      <c r="P1925" s="5" t="s">
        <v>29846</v>
      </c>
    </row>
    <row r="1926" spans="1:16" x14ac:dyDescent="0.2">
      <c r="A1926" s="1" t="s">
        <v>42</v>
      </c>
      <c r="B1926" s="1" t="s">
        <v>50</v>
      </c>
      <c r="C1926" s="1" t="s">
        <v>6562</v>
      </c>
      <c r="D1926" s="1" t="s">
        <v>6563</v>
      </c>
      <c r="E1926" s="1"/>
      <c r="F1926" s="1" t="s">
        <v>414</v>
      </c>
      <c r="G1926" s="1" t="s">
        <v>991</v>
      </c>
      <c r="H1926" s="1" t="s">
        <v>6563</v>
      </c>
      <c r="I1926" s="1" t="s">
        <v>6382</v>
      </c>
      <c r="J1926" s="1" t="s">
        <v>19</v>
      </c>
      <c r="K1926" s="1" t="s">
        <v>47</v>
      </c>
      <c r="L1926" s="1" t="s">
        <v>6561</v>
      </c>
      <c r="M1926" s="1" t="s">
        <v>5</v>
      </c>
      <c r="N1926" s="1" t="s">
        <v>25</v>
      </c>
      <c r="O1926" s="1" t="s">
        <v>8</v>
      </c>
      <c r="P1926" s="5" t="s">
        <v>31243</v>
      </c>
    </row>
    <row r="1927" spans="1:16" x14ac:dyDescent="0.2">
      <c r="A1927" s="1" t="s">
        <v>42</v>
      </c>
      <c r="B1927" s="1" t="s">
        <v>588</v>
      </c>
      <c r="C1927" s="1" t="s">
        <v>6565</v>
      </c>
      <c r="D1927" s="1" t="s">
        <v>6566</v>
      </c>
      <c r="E1927" s="1" t="s">
        <v>6567</v>
      </c>
      <c r="F1927" s="1" t="s">
        <v>27</v>
      </c>
      <c r="G1927" s="1" t="s">
        <v>2299</v>
      </c>
      <c r="H1927" s="1" t="s">
        <v>6393</v>
      </c>
      <c r="I1927" s="1" t="s">
        <v>6382</v>
      </c>
      <c r="J1927" s="1" t="s">
        <v>19</v>
      </c>
      <c r="K1927" s="1" t="s">
        <v>586</v>
      </c>
      <c r="L1927" s="1" t="s">
        <v>6564</v>
      </c>
      <c r="M1927" s="1" t="s">
        <v>5</v>
      </c>
      <c r="N1927" s="1" t="s">
        <v>6</v>
      </c>
      <c r="O1927" s="1" t="s">
        <v>8</v>
      </c>
      <c r="P1927" s="5" t="s">
        <v>14</v>
      </c>
    </row>
    <row r="1928" spans="1:16" x14ac:dyDescent="0.2">
      <c r="A1928" s="1" t="s">
        <v>42</v>
      </c>
      <c r="B1928" s="1" t="s">
        <v>50</v>
      </c>
      <c r="C1928" s="1" t="s">
        <v>6569</v>
      </c>
      <c r="D1928" s="1" t="s">
        <v>6570</v>
      </c>
      <c r="E1928" s="1" t="s">
        <v>6571</v>
      </c>
      <c r="F1928" s="1" t="s">
        <v>27</v>
      </c>
      <c r="G1928" s="1" t="s">
        <v>2299</v>
      </c>
      <c r="H1928" s="1" t="s">
        <v>6393</v>
      </c>
      <c r="I1928" s="1" t="s">
        <v>6382</v>
      </c>
      <c r="J1928" s="1" t="s">
        <v>19</v>
      </c>
      <c r="K1928" s="1" t="s">
        <v>47</v>
      </c>
      <c r="L1928" s="1" t="s">
        <v>6568</v>
      </c>
      <c r="M1928" s="1" t="s">
        <v>5</v>
      </c>
      <c r="N1928" s="1" t="s">
        <v>6</v>
      </c>
      <c r="O1928" s="1" t="s">
        <v>8</v>
      </c>
      <c r="P1928" s="5" t="s">
        <v>14</v>
      </c>
    </row>
    <row r="1929" spans="1:16" x14ac:dyDescent="0.2">
      <c r="A1929" s="1" t="s">
        <v>329</v>
      </c>
      <c r="B1929" s="1" t="s">
        <v>1168</v>
      </c>
      <c r="C1929" s="1" t="s">
        <v>6573</v>
      </c>
      <c r="D1929" s="1" t="s">
        <v>1935</v>
      </c>
      <c r="E1929" s="1" t="s">
        <v>6574</v>
      </c>
      <c r="F1929" s="1" t="s">
        <v>27</v>
      </c>
      <c r="G1929" s="1" t="s">
        <v>10</v>
      </c>
      <c r="H1929" s="1" t="s">
        <v>6575</v>
      </c>
      <c r="I1929" s="1" t="s">
        <v>6382</v>
      </c>
      <c r="J1929" s="1" t="s">
        <v>19</v>
      </c>
      <c r="K1929" s="1" t="s">
        <v>47</v>
      </c>
      <c r="L1929" s="1" t="s">
        <v>6572</v>
      </c>
      <c r="M1929" s="1" t="s">
        <v>5</v>
      </c>
      <c r="N1929" s="1" t="s">
        <v>6</v>
      </c>
      <c r="O1929" s="1" t="s">
        <v>8</v>
      </c>
      <c r="P1929" s="5"/>
    </row>
    <row r="1930" spans="1:16" x14ac:dyDescent="0.2">
      <c r="A1930" s="1" t="s">
        <v>20</v>
      </c>
      <c r="B1930" s="1" t="s">
        <v>132</v>
      </c>
      <c r="C1930" s="1" t="s">
        <v>6577</v>
      </c>
      <c r="D1930" s="1" t="s">
        <v>10</v>
      </c>
      <c r="E1930" s="1" t="s">
        <v>6578</v>
      </c>
      <c r="F1930" s="1" t="s">
        <v>10</v>
      </c>
      <c r="G1930" s="1" t="s">
        <v>10</v>
      </c>
      <c r="H1930" s="1" t="s">
        <v>10</v>
      </c>
      <c r="I1930" s="1" t="s">
        <v>6382</v>
      </c>
      <c r="J1930" s="1" t="s">
        <v>19</v>
      </c>
      <c r="K1930" s="1" t="s">
        <v>47</v>
      </c>
      <c r="L1930" s="1" t="s">
        <v>6576</v>
      </c>
      <c r="M1930" s="1" t="s">
        <v>5</v>
      </c>
      <c r="N1930" s="1" t="s">
        <v>6</v>
      </c>
      <c r="O1930" s="1" t="s">
        <v>38</v>
      </c>
      <c r="P1930" s="5" t="s">
        <v>29846</v>
      </c>
    </row>
    <row r="1931" spans="1:16" x14ac:dyDescent="0.2">
      <c r="A1931" s="1" t="s">
        <v>20</v>
      </c>
      <c r="B1931" s="1" t="s">
        <v>253</v>
      </c>
      <c r="C1931" s="1" t="s">
        <v>6580</v>
      </c>
      <c r="D1931" s="1" t="s">
        <v>3990</v>
      </c>
      <c r="E1931" s="1"/>
      <c r="F1931" s="1" t="s">
        <v>27</v>
      </c>
      <c r="G1931" s="1" t="s">
        <v>10</v>
      </c>
      <c r="H1931" s="1" t="s">
        <v>6581</v>
      </c>
      <c r="I1931" s="1" t="s">
        <v>6382</v>
      </c>
      <c r="J1931" s="1" t="s">
        <v>19</v>
      </c>
      <c r="K1931" s="1" t="s">
        <v>47</v>
      </c>
      <c r="L1931" s="1" t="s">
        <v>6579</v>
      </c>
      <c r="M1931" s="1" t="s">
        <v>5</v>
      </c>
      <c r="N1931" s="1" t="s">
        <v>25</v>
      </c>
      <c r="O1931" s="1" t="s">
        <v>8</v>
      </c>
      <c r="P1931" s="5" t="s">
        <v>29846</v>
      </c>
    </row>
    <row r="1932" spans="1:16" x14ac:dyDescent="0.2">
      <c r="A1932" s="1" t="s">
        <v>20</v>
      </c>
      <c r="B1932" s="1" t="s">
        <v>93</v>
      </c>
      <c r="C1932" s="1" t="s">
        <v>6583</v>
      </c>
      <c r="D1932" s="1" t="s">
        <v>10</v>
      </c>
      <c r="E1932" s="1" t="s">
        <v>6584</v>
      </c>
      <c r="F1932" s="1" t="s">
        <v>27</v>
      </c>
      <c r="G1932" s="1" t="s">
        <v>10</v>
      </c>
      <c r="H1932" s="1" t="s">
        <v>6426</v>
      </c>
      <c r="I1932" s="1" t="s">
        <v>6382</v>
      </c>
      <c r="J1932" s="1" t="s">
        <v>19</v>
      </c>
      <c r="K1932" s="1" t="s">
        <v>47</v>
      </c>
      <c r="L1932" s="1" t="s">
        <v>6582</v>
      </c>
      <c r="M1932" s="1" t="s">
        <v>10</v>
      </c>
      <c r="N1932" s="1" t="s">
        <v>6</v>
      </c>
      <c r="O1932" s="1" t="s">
        <v>8</v>
      </c>
      <c r="P1932" s="5" t="s">
        <v>10</v>
      </c>
    </row>
    <row r="1933" spans="1:16" x14ac:dyDescent="0.2">
      <c r="A1933" s="1" t="s">
        <v>42</v>
      </c>
      <c r="B1933" s="1" t="s">
        <v>50</v>
      </c>
      <c r="C1933" s="1" t="s">
        <v>6586</v>
      </c>
      <c r="D1933" s="1" t="s">
        <v>6587</v>
      </c>
      <c r="E1933" s="1"/>
      <c r="F1933" s="1" t="s">
        <v>27</v>
      </c>
      <c r="G1933" s="1" t="s">
        <v>10</v>
      </c>
      <c r="H1933" s="1" t="s">
        <v>6393</v>
      </c>
      <c r="I1933" s="1" t="s">
        <v>6382</v>
      </c>
      <c r="J1933" s="1" t="s">
        <v>19</v>
      </c>
      <c r="K1933" s="1" t="s">
        <v>47</v>
      </c>
      <c r="L1933" s="1" t="s">
        <v>6585</v>
      </c>
      <c r="M1933" s="1" t="s">
        <v>5</v>
      </c>
      <c r="N1933" s="1" t="s">
        <v>6</v>
      </c>
      <c r="O1933" s="1" t="s">
        <v>8</v>
      </c>
      <c r="P1933" s="5" t="s">
        <v>29846</v>
      </c>
    </row>
    <row r="1934" spans="1:16" x14ac:dyDescent="0.2">
      <c r="A1934" s="1" t="s">
        <v>20</v>
      </c>
      <c r="B1934" s="1" t="s">
        <v>253</v>
      </c>
      <c r="C1934" s="1" t="s">
        <v>6589</v>
      </c>
      <c r="D1934" s="1" t="s">
        <v>6590</v>
      </c>
      <c r="E1934" s="1"/>
      <c r="F1934" s="1" t="s">
        <v>27</v>
      </c>
      <c r="G1934" s="1" t="s">
        <v>10</v>
      </c>
      <c r="H1934" s="1" t="s">
        <v>6581</v>
      </c>
      <c r="I1934" s="1" t="s">
        <v>6382</v>
      </c>
      <c r="J1934" s="1" t="s">
        <v>6391</v>
      </c>
      <c r="K1934" s="1" t="s">
        <v>7</v>
      </c>
      <c r="L1934" s="1" t="s">
        <v>6588</v>
      </c>
      <c r="M1934" s="1" t="s">
        <v>5</v>
      </c>
      <c r="N1934" s="1" t="s">
        <v>25</v>
      </c>
      <c r="O1934" s="1" t="s">
        <v>8</v>
      </c>
      <c r="P1934" s="5" t="s">
        <v>29846</v>
      </c>
    </row>
    <row r="1935" spans="1:16" x14ac:dyDescent="0.2">
      <c r="A1935" s="1" t="s">
        <v>20</v>
      </c>
      <c r="B1935" s="1" t="s">
        <v>253</v>
      </c>
      <c r="C1935" s="1" t="s">
        <v>6592</v>
      </c>
      <c r="D1935" s="1" t="s">
        <v>6593</v>
      </c>
      <c r="E1935" s="1" t="s">
        <v>6594</v>
      </c>
      <c r="F1935" s="1" t="s">
        <v>27</v>
      </c>
      <c r="G1935" s="1" t="s">
        <v>6595</v>
      </c>
      <c r="H1935" s="1" t="s">
        <v>6581</v>
      </c>
      <c r="I1935" s="1" t="s">
        <v>6382</v>
      </c>
      <c r="J1935" s="1" t="s">
        <v>6391</v>
      </c>
      <c r="K1935" s="1" t="s">
        <v>7</v>
      </c>
      <c r="L1935" s="1" t="s">
        <v>6591</v>
      </c>
      <c r="M1935" s="1" t="s">
        <v>5</v>
      </c>
      <c r="N1935" s="1" t="s">
        <v>25</v>
      </c>
      <c r="O1935" s="1" t="s">
        <v>8</v>
      </c>
      <c r="P1935" s="5" t="s">
        <v>29846</v>
      </c>
    </row>
    <row r="1936" spans="1:16" x14ac:dyDescent="0.2">
      <c r="A1936" s="1" t="s">
        <v>329</v>
      </c>
      <c r="B1936" s="1" t="s">
        <v>1738</v>
      </c>
      <c r="C1936" s="1" t="s">
        <v>6597</v>
      </c>
      <c r="D1936" s="1" t="s">
        <v>10</v>
      </c>
      <c r="E1936" s="1" t="s">
        <v>6598</v>
      </c>
      <c r="F1936" s="1" t="s">
        <v>27</v>
      </c>
      <c r="G1936" s="1" t="s">
        <v>10</v>
      </c>
      <c r="H1936" s="1" t="s">
        <v>6599</v>
      </c>
      <c r="I1936" s="1" t="s">
        <v>6382</v>
      </c>
      <c r="J1936" s="1" t="s">
        <v>6391</v>
      </c>
      <c r="K1936" s="1" t="s">
        <v>7</v>
      </c>
      <c r="L1936" s="1" t="s">
        <v>6596</v>
      </c>
      <c r="M1936" s="1" t="s">
        <v>5</v>
      </c>
      <c r="N1936" s="1" t="s">
        <v>6</v>
      </c>
      <c r="O1936" s="1" t="s">
        <v>8</v>
      </c>
      <c r="P1936" s="5"/>
    </row>
    <row r="1937" spans="1:16" x14ac:dyDescent="0.2">
      <c r="A1937" s="1" t="s">
        <v>329</v>
      </c>
      <c r="B1937" s="1" t="s">
        <v>1738</v>
      </c>
      <c r="C1937" s="1" t="s">
        <v>6601</v>
      </c>
      <c r="D1937" s="1" t="s">
        <v>10</v>
      </c>
      <c r="E1937" s="1" t="s">
        <v>6602</v>
      </c>
      <c r="F1937" s="1" t="s">
        <v>27</v>
      </c>
      <c r="G1937" s="1" t="s">
        <v>10</v>
      </c>
      <c r="H1937" s="1" t="s">
        <v>6603</v>
      </c>
      <c r="I1937" s="1" t="s">
        <v>6382</v>
      </c>
      <c r="J1937" s="1" t="s">
        <v>6516</v>
      </c>
      <c r="K1937" s="1" t="s">
        <v>47</v>
      </c>
      <c r="L1937" s="1" t="s">
        <v>6600</v>
      </c>
      <c r="M1937" s="1" t="s">
        <v>10</v>
      </c>
      <c r="N1937" s="1" t="s">
        <v>432</v>
      </c>
      <c r="O1937" s="1" t="s">
        <v>8</v>
      </c>
      <c r="P1937" s="5"/>
    </row>
    <row r="1938" spans="1:16" x14ac:dyDescent="0.2">
      <c r="A1938" s="1" t="s">
        <v>20</v>
      </c>
      <c r="B1938" s="1" t="s">
        <v>93</v>
      </c>
      <c r="C1938" s="1" t="s">
        <v>6605</v>
      </c>
      <c r="D1938" s="1" t="s">
        <v>10</v>
      </c>
      <c r="E1938" s="1" t="s">
        <v>6606</v>
      </c>
      <c r="F1938" s="1" t="s">
        <v>27</v>
      </c>
      <c r="G1938" s="1" t="s">
        <v>10</v>
      </c>
      <c r="H1938" s="1" t="s">
        <v>6426</v>
      </c>
      <c r="I1938" s="1" t="s">
        <v>6382</v>
      </c>
      <c r="J1938" s="1" t="s">
        <v>6516</v>
      </c>
      <c r="K1938" s="1" t="s">
        <v>100</v>
      </c>
      <c r="L1938" s="1" t="s">
        <v>6604</v>
      </c>
      <c r="M1938" s="1" t="s">
        <v>10</v>
      </c>
      <c r="N1938" s="1" t="s">
        <v>6</v>
      </c>
      <c r="O1938" s="1" t="s">
        <v>8</v>
      </c>
      <c r="P1938" s="5" t="s">
        <v>10</v>
      </c>
    </row>
    <row r="1939" spans="1:16" x14ac:dyDescent="0.2">
      <c r="A1939" s="1" t="s">
        <v>66</v>
      </c>
      <c r="B1939" s="1" t="s">
        <v>1117</v>
      </c>
      <c r="C1939" s="1" t="s">
        <v>6608</v>
      </c>
      <c r="D1939" s="1" t="s">
        <v>10</v>
      </c>
      <c r="E1939" s="1"/>
      <c r="F1939" s="1" t="s">
        <v>27</v>
      </c>
      <c r="G1939" s="1" t="s">
        <v>10</v>
      </c>
      <c r="H1939" s="1" t="s">
        <v>6393</v>
      </c>
      <c r="I1939" s="1" t="s">
        <v>6382</v>
      </c>
      <c r="J1939" s="1" t="s">
        <v>6391</v>
      </c>
      <c r="K1939" s="1" t="s">
        <v>113</v>
      </c>
      <c r="L1939" s="1" t="s">
        <v>6607</v>
      </c>
      <c r="M1939" s="1" t="s">
        <v>5</v>
      </c>
      <c r="N1939" s="1" t="s">
        <v>6</v>
      </c>
      <c r="O1939" s="1" t="s">
        <v>8</v>
      </c>
      <c r="P1939" s="5" t="s">
        <v>14</v>
      </c>
    </row>
    <row r="1940" spans="1:16" x14ac:dyDescent="0.2">
      <c r="A1940" s="1" t="s">
        <v>329</v>
      </c>
      <c r="B1940" s="1" t="s">
        <v>596</v>
      </c>
      <c r="C1940" s="1" t="s">
        <v>6610</v>
      </c>
      <c r="D1940" s="1" t="s">
        <v>10</v>
      </c>
      <c r="E1940" s="1" t="s">
        <v>6611</v>
      </c>
      <c r="F1940" s="1" t="s">
        <v>27</v>
      </c>
      <c r="G1940" s="1" t="s">
        <v>10</v>
      </c>
      <c r="H1940" s="1" t="s">
        <v>6426</v>
      </c>
      <c r="I1940" s="1" t="s">
        <v>6382</v>
      </c>
      <c r="J1940" s="1" t="s">
        <v>19</v>
      </c>
      <c r="K1940" s="1" t="s">
        <v>130</v>
      </c>
      <c r="L1940" s="1" t="s">
        <v>6609</v>
      </c>
      <c r="M1940" s="1" t="s">
        <v>10</v>
      </c>
      <c r="N1940" s="1" t="s">
        <v>10</v>
      </c>
      <c r="O1940" s="1" t="s">
        <v>8</v>
      </c>
      <c r="P1940" s="5" t="s">
        <v>10</v>
      </c>
    </row>
    <row r="1941" spans="1:16" x14ac:dyDescent="0.2">
      <c r="A1941" s="1" t="s">
        <v>42</v>
      </c>
      <c r="B1941" s="1" t="s">
        <v>109</v>
      </c>
      <c r="C1941" s="1" t="s">
        <v>6613</v>
      </c>
      <c r="D1941" s="1" t="s">
        <v>6614</v>
      </c>
      <c r="E1941" s="1" t="s">
        <v>6616</v>
      </c>
      <c r="F1941" s="1" t="s">
        <v>27</v>
      </c>
      <c r="G1941" s="1" t="s">
        <v>10</v>
      </c>
      <c r="H1941" s="1" t="s">
        <v>6402</v>
      </c>
      <c r="I1941" s="1" t="s">
        <v>6382</v>
      </c>
      <c r="J1941" s="1" t="s">
        <v>6615</v>
      </c>
      <c r="K1941" s="1" t="s">
        <v>7</v>
      </c>
      <c r="L1941" s="1" t="s">
        <v>6612</v>
      </c>
      <c r="M1941" s="1" t="s">
        <v>5</v>
      </c>
      <c r="N1941" s="1" t="s">
        <v>6</v>
      </c>
      <c r="O1941" s="1" t="s">
        <v>38</v>
      </c>
      <c r="P1941" s="5" t="s">
        <v>29846</v>
      </c>
    </row>
    <row r="1942" spans="1:16" x14ac:dyDescent="0.2">
      <c r="A1942" s="1" t="s">
        <v>194</v>
      </c>
      <c r="B1942" s="1" t="s">
        <v>396</v>
      </c>
      <c r="C1942" s="1" t="s">
        <v>6618</v>
      </c>
      <c r="D1942" s="1" t="s">
        <v>6619</v>
      </c>
      <c r="E1942" s="1" t="s">
        <v>6620</v>
      </c>
      <c r="F1942" s="1" t="s">
        <v>27</v>
      </c>
      <c r="G1942" s="1" t="s">
        <v>10</v>
      </c>
      <c r="H1942" s="1" t="s">
        <v>6402</v>
      </c>
      <c r="I1942" s="1" t="s">
        <v>6382</v>
      </c>
      <c r="J1942" s="1" t="s">
        <v>6615</v>
      </c>
      <c r="K1942" s="1" t="s">
        <v>7</v>
      </c>
      <c r="L1942" s="1" t="s">
        <v>6617</v>
      </c>
      <c r="M1942" s="1" t="s">
        <v>5</v>
      </c>
      <c r="N1942" s="1" t="s">
        <v>25</v>
      </c>
      <c r="O1942" s="1" t="s">
        <v>38</v>
      </c>
      <c r="P1942" s="5" t="s">
        <v>29846</v>
      </c>
    </row>
    <row r="1943" spans="1:16" x14ac:dyDescent="0.2">
      <c r="A1943" s="1" t="s">
        <v>42</v>
      </c>
      <c r="B1943" s="1" t="s">
        <v>109</v>
      </c>
      <c r="C1943" s="1" t="s">
        <v>6622</v>
      </c>
      <c r="D1943" s="1" t="s">
        <v>6623</v>
      </c>
      <c r="E1943" s="1" t="s">
        <v>6624</v>
      </c>
      <c r="F1943" s="1" t="s">
        <v>27</v>
      </c>
      <c r="G1943" s="1" t="s">
        <v>10</v>
      </c>
      <c r="H1943" s="1" t="s">
        <v>6402</v>
      </c>
      <c r="I1943" s="1" t="s">
        <v>6382</v>
      </c>
      <c r="J1943" s="1" t="s">
        <v>6516</v>
      </c>
      <c r="K1943" s="1" t="s">
        <v>179</v>
      </c>
      <c r="L1943" s="1" t="s">
        <v>6621</v>
      </c>
      <c r="M1943" s="1" t="s">
        <v>10</v>
      </c>
      <c r="N1943" s="1" t="s">
        <v>25</v>
      </c>
      <c r="O1943" s="1" t="s">
        <v>38</v>
      </c>
      <c r="P1943" s="5" t="s">
        <v>29846</v>
      </c>
    </row>
    <row r="1944" spans="1:16" x14ac:dyDescent="0.2">
      <c r="A1944" s="1" t="s">
        <v>20</v>
      </c>
      <c r="B1944" s="1" t="s">
        <v>253</v>
      </c>
      <c r="C1944" s="1" t="s">
        <v>6627</v>
      </c>
      <c r="D1944" s="1" t="s">
        <v>6628</v>
      </c>
      <c r="E1944" s="1"/>
      <c r="F1944" s="1" t="s">
        <v>27</v>
      </c>
      <c r="G1944" s="1" t="s">
        <v>10</v>
      </c>
      <c r="H1944" s="1" t="s">
        <v>6402</v>
      </c>
      <c r="I1944" s="1" t="s">
        <v>6382</v>
      </c>
      <c r="J1944" s="1" t="s">
        <v>19</v>
      </c>
      <c r="K1944" s="1" t="s">
        <v>7</v>
      </c>
      <c r="L1944" s="1" t="s">
        <v>6626</v>
      </c>
      <c r="M1944" s="1" t="s">
        <v>5</v>
      </c>
      <c r="N1944" s="1" t="s">
        <v>25</v>
      </c>
      <c r="O1944" s="1" t="s">
        <v>38</v>
      </c>
      <c r="P1944" s="5" t="s">
        <v>31244</v>
      </c>
    </row>
    <row r="1945" spans="1:16" x14ac:dyDescent="0.2">
      <c r="A1945" s="1" t="s">
        <v>20</v>
      </c>
      <c r="B1945" s="1" t="s">
        <v>253</v>
      </c>
      <c r="C1945" s="1" t="s">
        <v>6630</v>
      </c>
      <c r="D1945" s="1" t="s">
        <v>6631</v>
      </c>
      <c r="E1945" s="1"/>
      <c r="F1945" s="1" t="s">
        <v>27</v>
      </c>
      <c r="G1945" s="1" t="s">
        <v>10</v>
      </c>
      <c r="H1945" s="1" t="s">
        <v>6402</v>
      </c>
      <c r="I1945" s="1" t="s">
        <v>6382</v>
      </c>
      <c r="J1945" s="1" t="s">
        <v>19</v>
      </c>
      <c r="K1945" s="1" t="s">
        <v>179</v>
      </c>
      <c r="L1945" s="1" t="s">
        <v>6629</v>
      </c>
      <c r="M1945" s="1" t="s">
        <v>5</v>
      </c>
      <c r="N1945" s="1" t="s">
        <v>25</v>
      </c>
      <c r="O1945" s="1" t="s">
        <v>38</v>
      </c>
      <c r="P1945" s="5" t="s">
        <v>29846</v>
      </c>
    </row>
    <row r="1946" spans="1:16" x14ac:dyDescent="0.2">
      <c r="A1946" s="1" t="s">
        <v>66</v>
      </c>
      <c r="B1946" s="1" t="s">
        <v>1117</v>
      </c>
      <c r="C1946" s="1" t="s">
        <v>6633</v>
      </c>
      <c r="D1946" s="1" t="s">
        <v>10</v>
      </c>
      <c r="E1946" s="1" t="s">
        <v>6634</v>
      </c>
      <c r="F1946" s="1" t="s">
        <v>10</v>
      </c>
      <c r="G1946" s="1" t="s">
        <v>10</v>
      </c>
      <c r="H1946" s="1" t="s">
        <v>10</v>
      </c>
      <c r="I1946" s="1" t="s">
        <v>6382</v>
      </c>
      <c r="J1946" s="1" t="s">
        <v>19</v>
      </c>
      <c r="K1946" s="1" t="s">
        <v>64</v>
      </c>
      <c r="L1946" s="1" t="s">
        <v>6632</v>
      </c>
      <c r="M1946" s="1" t="s">
        <v>10</v>
      </c>
      <c r="N1946" s="1" t="s">
        <v>10</v>
      </c>
      <c r="O1946" s="1" t="s">
        <v>38</v>
      </c>
      <c r="P1946" s="5" t="s">
        <v>161</v>
      </c>
    </row>
    <row r="1947" spans="1:16" x14ac:dyDescent="0.2">
      <c r="A1947" s="1" t="s">
        <v>20</v>
      </c>
      <c r="B1947" s="1" t="s">
        <v>172</v>
      </c>
      <c r="C1947" s="1" t="s">
        <v>6636</v>
      </c>
      <c r="D1947" s="1" t="s">
        <v>10</v>
      </c>
      <c r="E1947" s="1" t="s">
        <v>10</v>
      </c>
      <c r="F1947" s="1" t="s">
        <v>27</v>
      </c>
      <c r="G1947" s="1" t="s">
        <v>10</v>
      </c>
      <c r="H1947" s="1" t="s">
        <v>6636</v>
      </c>
      <c r="I1947" s="1" t="s">
        <v>6382</v>
      </c>
      <c r="J1947" s="1" t="s">
        <v>19</v>
      </c>
      <c r="K1947" s="1" t="s">
        <v>7</v>
      </c>
      <c r="L1947" s="1" t="s">
        <v>6635</v>
      </c>
      <c r="M1947" s="1" t="s">
        <v>10</v>
      </c>
      <c r="N1947" s="1" t="s">
        <v>10</v>
      </c>
      <c r="O1947" s="1" t="s">
        <v>8</v>
      </c>
      <c r="P1947" s="5" t="s">
        <v>10</v>
      </c>
    </row>
    <row r="1948" spans="1:16" x14ac:dyDescent="0.2">
      <c r="A1948" s="1" t="s">
        <v>20</v>
      </c>
      <c r="B1948" s="1" t="s">
        <v>253</v>
      </c>
      <c r="C1948" s="1" t="s">
        <v>6638</v>
      </c>
      <c r="D1948" s="1" t="s">
        <v>6639</v>
      </c>
      <c r="E1948" s="1" t="s">
        <v>6640</v>
      </c>
      <c r="F1948" s="1" t="s">
        <v>27</v>
      </c>
      <c r="G1948" s="1" t="s">
        <v>10</v>
      </c>
      <c r="H1948" s="1" t="s">
        <v>6641</v>
      </c>
      <c r="I1948" s="1" t="s">
        <v>6382</v>
      </c>
      <c r="J1948" s="1" t="s">
        <v>19</v>
      </c>
      <c r="K1948" s="1" t="s">
        <v>6405</v>
      </c>
      <c r="L1948" s="1" t="s">
        <v>6637</v>
      </c>
      <c r="M1948" s="1" t="s">
        <v>5</v>
      </c>
      <c r="N1948" s="1" t="s">
        <v>6</v>
      </c>
      <c r="O1948" s="1" t="s">
        <v>8</v>
      </c>
      <c r="P1948" s="5" t="s">
        <v>29846</v>
      </c>
    </row>
    <row r="1949" spans="1:16" x14ac:dyDescent="0.2">
      <c r="A1949" s="1" t="s">
        <v>329</v>
      </c>
      <c r="B1949" s="1" t="s">
        <v>1168</v>
      </c>
      <c r="C1949" s="1" t="s">
        <v>6643</v>
      </c>
      <c r="D1949" s="1" t="s">
        <v>10</v>
      </c>
      <c r="E1949" s="1"/>
      <c r="F1949" s="1" t="s">
        <v>27</v>
      </c>
      <c r="G1949" s="1" t="s">
        <v>10</v>
      </c>
      <c r="H1949" s="1" t="s">
        <v>6402</v>
      </c>
      <c r="I1949" s="1" t="s">
        <v>6382</v>
      </c>
      <c r="J1949" s="1" t="s">
        <v>19</v>
      </c>
      <c r="K1949" s="1" t="s">
        <v>7</v>
      </c>
      <c r="L1949" s="1" t="s">
        <v>6642</v>
      </c>
      <c r="M1949" s="1" t="s">
        <v>5</v>
      </c>
      <c r="N1949" s="1" t="s">
        <v>25</v>
      </c>
      <c r="O1949" s="1" t="s">
        <v>38</v>
      </c>
      <c r="P1949" s="5"/>
    </row>
    <row r="1950" spans="1:16" x14ac:dyDescent="0.2">
      <c r="A1950" s="1" t="s">
        <v>20</v>
      </c>
      <c r="B1950" s="1" t="s">
        <v>253</v>
      </c>
      <c r="C1950" s="1" t="s">
        <v>6645</v>
      </c>
      <c r="D1950" s="1" t="s">
        <v>6646</v>
      </c>
      <c r="E1950" s="1" t="s">
        <v>6647</v>
      </c>
      <c r="F1950" s="1" t="s">
        <v>27</v>
      </c>
      <c r="G1950" s="1" t="s">
        <v>10</v>
      </c>
      <c r="H1950" s="1" t="s">
        <v>6648</v>
      </c>
      <c r="I1950" s="1" t="s">
        <v>6382</v>
      </c>
      <c r="J1950" s="1" t="s">
        <v>19</v>
      </c>
      <c r="K1950" s="1" t="s">
        <v>7</v>
      </c>
      <c r="L1950" s="1" t="s">
        <v>6644</v>
      </c>
      <c r="M1950" s="1" t="s">
        <v>5</v>
      </c>
      <c r="N1950" s="1" t="s">
        <v>6</v>
      </c>
      <c r="O1950" s="1" t="s">
        <v>8</v>
      </c>
      <c r="P1950" s="5" t="s">
        <v>29846</v>
      </c>
    </row>
    <row r="1951" spans="1:16" x14ac:dyDescent="0.2">
      <c r="A1951" s="1" t="s">
        <v>20</v>
      </c>
      <c r="B1951" s="1" t="s">
        <v>93</v>
      </c>
      <c r="C1951" s="1" t="s">
        <v>6650</v>
      </c>
      <c r="D1951" s="1" t="s">
        <v>10</v>
      </c>
      <c r="E1951" s="1" t="s">
        <v>6651</v>
      </c>
      <c r="F1951" s="1" t="s">
        <v>27</v>
      </c>
      <c r="G1951" s="1" t="s">
        <v>10</v>
      </c>
      <c r="H1951" s="1" t="s">
        <v>6402</v>
      </c>
      <c r="I1951" s="1" t="s">
        <v>6382</v>
      </c>
      <c r="J1951" s="1" t="s">
        <v>19</v>
      </c>
      <c r="K1951" s="1" t="s">
        <v>7</v>
      </c>
      <c r="L1951" s="1" t="s">
        <v>6649</v>
      </c>
      <c r="M1951" s="1" t="s">
        <v>5</v>
      </c>
      <c r="N1951" s="1" t="s">
        <v>6</v>
      </c>
      <c r="O1951" s="1" t="s">
        <v>8</v>
      </c>
      <c r="P1951" s="5" t="s">
        <v>29846</v>
      </c>
    </row>
    <row r="1952" spans="1:16" x14ac:dyDescent="0.2">
      <c r="A1952" s="1" t="s">
        <v>20</v>
      </c>
      <c r="B1952" s="1" t="s">
        <v>93</v>
      </c>
      <c r="C1952" s="1" t="s">
        <v>6653</v>
      </c>
      <c r="D1952" s="1" t="s">
        <v>6654</v>
      </c>
      <c r="E1952" s="1" t="s">
        <v>6655</v>
      </c>
      <c r="F1952" s="1" t="s">
        <v>27</v>
      </c>
      <c r="G1952" s="1" t="s">
        <v>10</v>
      </c>
      <c r="H1952" s="1" t="s">
        <v>6393</v>
      </c>
      <c r="I1952" s="1" t="s">
        <v>6382</v>
      </c>
      <c r="J1952" s="1" t="s">
        <v>19</v>
      </c>
      <c r="K1952" s="1" t="s">
        <v>47</v>
      </c>
      <c r="L1952" s="1" t="s">
        <v>6652</v>
      </c>
      <c r="M1952" s="1" t="s">
        <v>5</v>
      </c>
      <c r="N1952" s="1" t="s">
        <v>6</v>
      </c>
      <c r="O1952" s="1" t="s">
        <v>8</v>
      </c>
      <c r="P1952" s="5" t="s">
        <v>14</v>
      </c>
    </row>
    <row r="1953" spans="1:16" x14ac:dyDescent="0.2">
      <c r="A1953" s="1" t="s">
        <v>42</v>
      </c>
      <c r="B1953" s="1" t="s">
        <v>320</v>
      </c>
      <c r="C1953" s="1" t="s">
        <v>6657</v>
      </c>
      <c r="D1953" s="1" t="s">
        <v>6658</v>
      </c>
      <c r="E1953" s="1" t="s">
        <v>6659</v>
      </c>
      <c r="F1953" s="1" t="s">
        <v>27</v>
      </c>
      <c r="G1953" s="1" t="s">
        <v>2299</v>
      </c>
      <c r="H1953" s="1" t="s">
        <v>6393</v>
      </c>
      <c r="I1953" s="1" t="s">
        <v>6382</v>
      </c>
      <c r="J1953" s="1" t="s">
        <v>19</v>
      </c>
      <c r="K1953" s="1" t="s">
        <v>37</v>
      </c>
      <c r="L1953" s="1" t="s">
        <v>6656</v>
      </c>
      <c r="M1953" s="1" t="s">
        <v>5</v>
      </c>
      <c r="N1953" s="1" t="s">
        <v>6</v>
      </c>
      <c r="O1953" s="1" t="s">
        <v>8</v>
      </c>
      <c r="P1953" s="5"/>
    </row>
    <row r="1954" spans="1:16" x14ac:dyDescent="0.2">
      <c r="A1954" s="1" t="s">
        <v>10</v>
      </c>
      <c r="B1954" s="1" t="s">
        <v>10</v>
      </c>
      <c r="C1954" s="1" t="s">
        <v>4511</v>
      </c>
      <c r="D1954" s="1" t="s">
        <v>10</v>
      </c>
      <c r="E1954" s="1" t="s">
        <v>10</v>
      </c>
      <c r="F1954" s="1" t="s">
        <v>10</v>
      </c>
      <c r="G1954" s="1" t="s">
        <v>10</v>
      </c>
      <c r="H1954" s="1" t="s">
        <v>10</v>
      </c>
      <c r="I1954" s="1" t="s">
        <v>6382</v>
      </c>
      <c r="J1954" s="1" t="s">
        <v>10</v>
      </c>
      <c r="K1954" s="1" t="s">
        <v>10</v>
      </c>
      <c r="L1954" s="1" t="s">
        <v>6660</v>
      </c>
      <c r="M1954" s="1" t="s">
        <v>10</v>
      </c>
      <c r="N1954" s="1" t="s">
        <v>1597</v>
      </c>
      <c r="O1954" s="1" t="s">
        <v>8</v>
      </c>
      <c r="P1954" s="5"/>
    </row>
    <row r="1955" spans="1:16" x14ac:dyDescent="0.2">
      <c r="A1955" s="1" t="s">
        <v>42</v>
      </c>
      <c r="B1955" s="1" t="s">
        <v>43</v>
      </c>
      <c r="C1955" s="1" t="s">
        <v>6662</v>
      </c>
      <c r="D1955" s="1" t="s">
        <v>6663</v>
      </c>
      <c r="E1955" s="1" t="s">
        <v>6664</v>
      </c>
      <c r="F1955" s="1" t="s">
        <v>27</v>
      </c>
      <c r="G1955" s="1" t="s">
        <v>10</v>
      </c>
      <c r="H1955" s="1" t="s">
        <v>6665</v>
      </c>
      <c r="I1955" s="1" t="s">
        <v>6382</v>
      </c>
      <c r="J1955" s="1" t="s">
        <v>19</v>
      </c>
      <c r="K1955" s="1" t="s">
        <v>179</v>
      </c>
      <c r="L1955" s="1" t="s">
        <v>6661</v>
      </c>
      <c r="M1955" s="1" t="s">
        <v>5</v>
      </c>
      <c r="N1955" s="1" t="s">
        <v>6</v>
      </c>
      <c r="O1955" s="1" t="s">
        <v>8</v>
      </c>
      <c r="P1955" s="5" t="s">
        <v>31245</v>
      </c>
    </row>
    <row r="1956" spans="1:16" x14ac:dyDescent="0.2">
      <c r="A1956" s="1" t="s">
        <v>66</v>
      </c>
      <c r="B1956" s="1" t="s">
        <v>574</v>
      </c>
      <c r="C1956" s="1" t="s">
        <v>6667</v>
      </c>
      <c r="D1956" s="1" t="s">
        <v>6663</v>
      </c>
      <c r="E1956" s="1" t="s">
        <v>6668</v>
      </c>
      <c r="F1956" s="1" t="s">
        <v>27</v>
      </c>
      <c r="G1956" s="1" t="s">
        <v>10</v>
      </c>
      <c r="H1956" s="1" t="s">
        <v>6665</v>
      </c>
      <c r="I1956" s="1" t="s">
        <v>6382</v>
      </c>
      <c r="J1956" s="1" t="s">
        <v>19</v>
      </c>
      <c r="K1956" s="1" t="s">
        <v>179</v>
      </c>
      <c r="L1956" s="1" t="s">
        <v>6666</v>
      </c>
      <c r="M1956" s="1" t="s">
        <v>5</v>
      </c>
      <c r="N1956" s="1" t="s">
        <v>6</v>
      </c>
      <c r="O1956" s="1" t="s">
        <v>8</v>
      </c>
      <c r="P1956" s="5" t="s">
        <v>29908</v>
      </c>
    </row>
    <row r="1957" spans="1:16" x14ac:dyDescent="0.2">
      <c r="A1957" s="1" t="s">
        <v>20</v>
      </c>
      <c r="B1957" s="1" t="s">
        <v>101</v>
      </c>
      <c r="C1957" s="1" t="s">
        <v>6670</v>
      </c>
      <c r="D1957" s="1" t="s">
        <v>6663</v>
      </c>
      <c r="E1957" s="1" t="s">
        <v>6668</v>
      </c>
      <c r="F1957" s="1" t="s">
        <v>27</v>
      </c>
      <c r="G1957" s="1" t="s">
        <v>10</v>
      </c>
      <c r="H1957" s="1" t="s">
        <v>6671</v>
      </c>
      <c r="I1957" s="1" t="s">
        <v>6382</v>
      </c>
      <c r="J1957" s="1" t="s">
        <v>19</v>
      </c>
      <c r="K1957" s="1" t="s">
        <v>179</v>
      </c>
      <c r="L1957" s="1" t="s">
        <v>6669</v>
      </c>
      <c r="M1957" s="1" t="s">
        <v>5</v>
      </c>
      <c r="N1957" s="1" t="s">
        <v>25</v>
      </c>
      <c r="O1957" s="1" t="s">
        <v>8</v>
      </c>
      <c r="P1957" s="5" t="s">
        <v>29908</v>
      </c>
    </row>
    <row r="1958" spans="1:16" x14ac:dyDescent="0.2">
      <c r="A1958" s="1" t="s">
        <v>42</v>
      </c>
      <c r="B1958" s="1" t="s">
        <v>118</v>
      </c>
      <c r="C1958" s="1" t="s">
        <v>6673</v>
      </c>
      <c r="D1958" s="1" t="s">
        <v>10</v>
      </c>
      <c r="E1958" s="1" t="s">
        <v>6675</v>
      </c>
      <c r="F1958" s="1" t="s">
        <v>27</v>
      </c>
      <c r="G1958" s="1" t="s">
        <v>2299</v>
      </c>
      <c r="H1958" s="1" t="s">
        <v>6393</v>
      </c>
      <c r="I1958" s="1" t="s">
        <v>6382</v>
      </c>
      <c r="J1958" s="1" t="s">
        <v>19</v>
      </c>
      <c r="K1958" s="1" t="s">
        <v>6674</v>
      </c>
      <c r="L1958" s="1" t="s">
        <v>6672</v>
      </c>
      <c r="M1958" s="1" t="s">
        <v>5</v>
      </c>
      <c r="N1958" s="1" t="s">
        <v>6</v>
      </c>
      <c r="O1958" s="1" t="s">
        <v>8</v>
      </c>
      <c r="P1958" s="5"/>
    </row>
    <row r="1959" spans="1:16" x14ac:dyDescent="0.2">
      <c r="A1959" s="1" t="s">
        <v>20</v>
      </c>
      <c r="B1959" s="1" t="s">
        <v>445</v>
      </c>
      <c r="C1959" s="1" t="s">
        <v>6677</v>
      </c>
      <c r="D1959" s="1" t="s">
        <v>10</v>
      </c>
      <c r="E1959" s="1"/>
      <c r="F1959" s="1" t="s">
        <v>27</v>
      </c>
      <c r="G1959" s="1" t="s">
        <v>2299</v>
      </c>
      <c r="H1959" s="1" t="s">
        <v>6393</v>
      </c>
      <c r="I1959" s="1" t="s">
        <v>6382</v>
      </c>
      <c r="J1959" s="1" t="s">
        <v>19</v>
      </c>
      <c r="K1959" s="1" t="s">
        <v>179</v>
      </c>
      <c r="L1959" s="1" t="s">
        <v>6676</v>
      </c>
      <c r="M1959" s="1" t="s">
        <v>5</v>
      </c>
      <c r="N1959" s="1" t="s">
        <v>6</v>
      </c>
      <c r="O1959" s="1" t="s">
        <v>8</v>
      </c>
      <c r="P1959" s="5"/>
    </row>
    <row r="1960" spans="1:16" x14ac:dyDescent="0.2">
      <c r="A1960" s="1" t="s">
        <v>66</v>
      </c>
      <c r="B1960" s="1" t="s">
        <v>1117</v>
      </c>
      <c r="C1960" s="1" t="s">
        <v>6679</v>
      </c>
      <c r="D1960" s="1" t="s">
        <v>6680</v>
      </c>
      <c r="E1960" s="1" t="s">
        <v>6681</v>
      </c>
      <c r="F1960" s="1" t="s">
        <v>27</v>
      </c>
      <c r="G1960" s="1" t="s">
        <v>2299</v>
      </c>
      <c r="H1960" s="1" t="s">
        <v>6393</v>
      </c>
      <c r="I1960" s="1" t="s">
        <v>6382</v>
      </c>
      <c r="J1960" s="1" t="s">
        <v>19</v>
      </c>
      <c r="K1960" s="1" t="s">
        <v>37</v>
      </c>
      <c r="L1960" s="1" t="s">
        <v>6678</v>
      </c>
      <c r="M1960" s="1" t="s">
        <v>5</v>
      </c>
      <c r="N1960" s="1" t="s">
        <v>6</v>
      </c>
      <c r="O1960" s="1" t="s">
        <v>8</v>
      </c>
      <c r="P1960" s="5"/>
    </row>
    <row r="1961" spans="1:16" x14ac:dyDescent="0.2">
      <c r="A1961" s="1" t="s">
        <v>20</v>
      </c>
      <c r="B1961" s="1" t="s">
        <v>93</v>
      </c>
      <c r="C1961" s="1" t="s">
        <v>6684</v>
      </c>
      <c r="D1961" s="1" t="s">
        <v>6685</v>
      </c>
      <c r="E1961" s="1" t="s">
        <v>6686</v>
      </c>
      <c r="F1961" s="1" t="s">
        <v>27</v>
      </c>
      <c r="G1961" s="1" t="s">
        <v>10</v>
      </c>
      <c r="H1961" s="1" t="s">
        <v>6426</v>
      </c>
      <c r="I1961" s="1" t="s">
        <v>6382</v>
      </c>
      <c r="J1961" s="1" t="s">
        <v>6498</v>
      </c>
      <c r="K1961" s="1" t="s">
        <v>100</v>
      </c>
      <c r="L1961" s="1" t="s">
        <v>6683</v>
      </c>
      <c r="M1961" s="1" t="s">
        <v>10</v>
      </c>
      <c r="N1961" s="1" t="s">
        <v>6</v>
      </c>
      <c r="O1961" s="1" t="s">
        <v>8</v>
      </c>
      <c r="P1961" s="5" t="s">
        <v>10</v>
      </c>
    </row>
    <row r="1962" spans="1:16" x14ac:dyDescent="0.2">
      <c r="A1962" s="1" t="s">
        <v>20</v>
      </c>
      <c r="B1962" s="1" t="s">
        <v>99</v>
      </c>
      <c r="C1962" s="1" t="s">
        <v>6688</v>
      </c>
      <c r="D1962" s="1" t="s">
        <v>6689</v>
      </c>
      <c r="E1962" s="1" t="s">
        <v>6690</v>
      </c>
      <c r="F1962" s="1" t="s">
        <v>27</v>
      </c>
      <c r="G1962" s="1" t="s">
        <v>10</v>
      </c>
      <c r="H1962" s="1" t="s">
        <v>10</v>
      </c>
      <c r="I1962" s="1" t="s">
        <v>6382</v>
      </c>
      <c r="J1962" s="1" t="s">
        <v>19</v>
      </c>
      <c r="K1962" s="1" t="s">
        <v>7</v>
      </c>
      <c r="L1962" s="1" t="s">
        <v>6687</v>
      </c>
      <c r="M1962" s="1" t="s">
        <v>10</v>
      </c>
      <c r="N1962" s="1" t="s">
        <v>25</v>
      </c>
      <c r="O1962" s="1" t="s">
        <v>38</v>
      </c>
      <c r="P1962" s="5" t="s">
        <v>161</v>
      </c>
    </row>
    <row r="1963" spans="1:16" x14ac:dyDescent="0.2">
      <c r="A1963" s="1" t="s">
        <v>20</v>
      </c>
      <c r="B1963" s="1" t="s">
        <v>253</v>
      </c>
      <c r="C1963" s="1" t="s">
        <v>6692</v>
      </c>
      <c r="D1963" s="1" t="s">
        <v>6693</v>
      </c>
      <c r="E1963" s="1" t="s">
        <v>6694</v>
      </c>
      <c r="F1963" s="1" t="s">
        <v>10</v>
      </c>
      <c r="G1963" s="1" t="s">
        <v>10</v>
      </c>
      <c r="H1963" s="1" t="s">
        <v>10</v>
      </c>
      <c r="I1963" s="1" t="s">
        <v>6382</v>
      </c>
      <c r="J1963" s="1" t="s">
        <v>19</v>
      </c>
      <c r="K1963" s="1" t="s">
        <v>47</v>
      </c>
      <c r="L1963" s="1" t="s">
        <v>6691</v>
      </c>
      <c r="M1963" s="1" t="s">
        <v>10</v>
      </c>
      <c r="N1963" s="1" t="s">
        <v>10</v>
      </c>
      <c r="O1963" s="1" t="s">
        <v>38</v>
      </c>
      <c r="P1963" s="5"/>
    </row>
    <row r="1964" spans="1:16" x14ac:dyDescent="0.2">
      <c r="A1964" s="1" t="s">
        <v>329</v>
      </c>
      <c r="B1964" s="1" t="s">
        <v>330</v>
      </c>
      <c r="C1964" s="1" t="s">
        <v>6696</v>
      </c>
      <c r="D1964" s="1" t="s">
        <v>10</v>
      </c>
      <c r="E1964" s="1" t="s">
        <v>6697</v>
      </c>
      <c r="F1964" s="1" t="s">
        <v>27</v>
      </c>
      <c r="G1964" s="1" t="s">
        <v>10</v>
      </c>
      <c r="H1964" s="1" t="s">
        <v>10</v>
      </c>
      <c r="I1964" s="1" t="s">
        <v>6382</v>
      </c>
      <c r="J1964" s="1" t="s">
        <v>6385</v>
      </c>
      <c r="K1964" s="1" t="s">
        <v>1468</v>
      </c>
      <c r="L1964" s="1" t="s">
        <v>6695</v>
      </c>
      <c r="M1964" s="1" t="s">
        <v>10</v>
      </c>
      <c r="N1964" s="1" t="s">
        <v>25</v>
      </c>
      <c r="O1964" s="1" t="s">
        <v>38</v>
      </c>
      <c r="P1964" s="5" t="s">
        <v>29846</v>
      </c>
    </row>
    <row r="1965" spans="1:16" x14ac:dyDescent="0.2">
      <c r="A1965" s="1" t="s">
        <v>194</v>
      </c>
      <c r="B1965" s="1" t="s">
        <v>6481</v>
      </c>
      <c r="C1965" s="1" t="s">
        <v>6699</v>
      </c>
      <c r="D1965" s="1" t="s">
        <v>10</v>
      </c>
      <c r="E1965" s="1" t="s">
        <v>6700</v>
      </c>
      <c r="F1965" s="1" t="s">
        <v>27</v>
      </c>
      <c r="G1965" s="1" t="s">
        <v>10</v>
      </c>
      <c r="H1965" s="1" t="s">
        <v>6701</v>
      </c>
      <c r="I1965" s="1" t="s">
        <v>6382</v>
      </c>
      <c r="J1965" s="1" t="s">
        <v>6391</v>
      </c>
      <c r="K1965" s="1" t="s">
        <v>27</v>
      </c>
      <c r="L1965" s="1" t="s">
        <v>6698</v>
      </c>
      <c r="M1965" s="1" t="s">
        <v>5</v>
      </c>
      <c r="N1965" s="1" t="s">
        <v>6</v>
      </c>
      <c r="O1965" s="1" t="s">
        <v>8</v>
      </c>
      <c r="P1965" s="5" t="s">
        <v>10</v>
      </c>
    </row>
    <row r="1966" spans="1:16" x14ac:dyDescent="0.2">
      <c r="A1966" s="1" t="s">
        <v>42</v>
      </c>
      <c r="B1966" s="1" t="s">
        <v>588</v>
      </c>
      <c r="C1966" s="1" t="s">
        <v>6703</v>
      </c>
      <c r="D1966" s="1" t="s">
        <v>6704</v>
      </c>
      <c r="E1966" s="1" t="s">
        <v>6705</v>
      </c>
      <c r="F1966" s="1" t="s">
        <v>27</v>
      </c>
      <c r="G1966" s="1" t="s">
        <v>10</v>
      </c>
      <c r="H1966" s="1" t="s">
        <v>6706</v>
      </c>
      <c r="I1966" s="1" t="s">
        <v>6382</v>
      </c>
      <c r="J1966" s="1" t="s">
        <v>19</v>
      </c>
      <c r="K1966" s="1" t="s">
        <v>586</v>
      </c>
      <c r="L1966" s="1" t="s">
        <v>6702</v>
      </c>
      <c r="M1966" s="1" t="s">
        <v>5</v>
      </c>
      <c r="N1966" s="1" t="s">
        <v>25</v>
      </c>
      <c r="O1966" s="1" t="s">
        <v>8</v>
      </c>
      <c r="P1966" s="5" t="s">
        <v>10</v>
      </c>
    </row>
    <row r="1967" spans="1:16" x14ac:dyDescent="0.2">
      <c r="A1967" s="1" t="s">
        <v>194</v>
      </c>
      <c r="B1967" s="1" t="s">
        <v>6481</v>
      </c>
      <c r="C1967" s="1" t="s">
        <v>6708</v>
      </c>
      <c r="D1967" s="1" t="s">
        <v>10</v>
      </c>
      <c r="E1967" s="1" t="s">
        <v>6709</v>
      </c>
      <c r="F1967" s="1" t="s">
        <v>27</v>
      </c>
      <c r="G1967" s="1" t="s">
        <v>10</v>
      </c>
      <c r="H1967" s="1" t="s">
        <v>6710</v>
      </c>
      <c r="I1967" s="1" t="s">
        <v>6382</v>
      </c>
      <c r="J1967" s="1" t="s">
        <v>6391</v>
      </c>
      <c r="K1967" s="1" t="s">
        <v>7</v>
      </c>
      <c r="L1967" s="1" t="s">
        <v>6707</v>
      </c>
      <c r="M1967" s="1" t="s">
        <v>5</v>
      </c>
      <c r="N1967" s="1" t="s">
        <v>6</v>
      </c>
      <c r="O1967" s="1" t="s">
        <v>8</v>
      </c>
      <c r="P1967" s="5" t="s">
        <v>10</v>
      </c>
    </row>
    <row r="1968" spans="1:16" x14ac:dyDescent="0.2">
      <c r="A1968" s="1" t="s">
        <v>194</v>
      </c>
      <c r="B1968" s="1" t="s">
        <v>6481</v>
      </c>
      <c r="C1968" s="1" t="s">
        <v>6712</v>
      </c>
      <c r="D1968" s="1" t="s">
        <v>10</v>
      </c>
      <c r="E1968" s="1" t="s">
        <v>6713</v>
      </c>
      <c r="F1968" s="1" t="s">
        <v>27</v>
      </c>
      <c r="G1968" s="1" t="s">
        <v>10</v>
      </c>
      <c r="H1968" s="1" t="s">
        <v>6714</v>
      </c>
      <c r="I1968" s="1" t="s">
        <v>6382</v>
      </c>
      <c r="J1968" s="1" t="s">
        <v>6391</v>
      </c>
      <c r="K1968" s="1" t="s">
        <v>7</v>
      </c>
      <c r="L1968" s="1" t="s">
        <v>6711</v>
      </c>
      <c r="M1968" s="1" t="s">
        <v>5</v>
      </c>
      <c r="N1968" s="1" t="s">
        <v>6</v>
      </c>
      <c r="O1968" s="1" t="s">
        <v>8</v>
      </c>
      <c r="P1968" s="5" t="s">
        <v>10</v>
      </c>
    </row>
    <row r="1969" spans="1:16" x14ac:dyDescent="0.2">
      <c r="A1969" s="1" t="s">
        <v>194</v>
      </c>
      <c r="B1969" s="1" t="s">
        <v>396</v>
      </c>
      <c r="C1969" s="1" t="s">
        <v>6716</v>
      </c>
      <c r="D1969" s="1" t="s">
        <v>10</v>
      </c>
      <c r="E1969" s="1" t="s">
        <v>6717</v>
      </c>
      <c r="F1969" s="1" t="s">
        <v>27</v>
      </c>
      <c r="G1969" s="1" t="s">
        <v>10</v>
      </c>
      <c r="H1969" s="1" t="s">
        <v>6718</v>
      </c>
      <c r="I1969" s="1" t="s">
        <v>6382</v>
      </c>
      <c r="J1969" s="1" t="s">
        <v>6391</v>
      </c>
      <c r="K1969" s="1" t="s">
        <v>7</v>
      </c>
      <c r="L1969" s="1" t="s">
        <v>6715</v>
      </c>
      <c r="M1969" s="1" t="s">
        <v>5</v>
      </c>
      <c r="N1969" s="1" t="s">
        <v>6</v>
      </c>
      <c r="O1969" s="1" t="s">
        <v>8</v>
      </c>
      <c r="P1969" s="5" t="s">
        <v>10</v>
      </c>
    </row>
    <row r="1970" spans="1:16" x14ac:dyDescent="0.2">
      <c r="A1970" s="1" t="s">
        <v>194</v>
      </c>
      <c r="B1970" s="1" t="s">
        <v>6723</v>
      </c>
      <c r="C1970" s="1" t="s">
        <v>6720</v>
      </c>
      <c r="D1970" s="1" t="s">
        <v>10</v>
      </c>
      <c r="E1970" s="1" t="s">
        <v>6721</v>
      </c>
      <c r="F1970" s="1" t="s">
        <v>27</v>
      </c>
      <c r="G1970" s="1" t="s">
        <v>10</v>
      </c>
      <c r="H1970" s="1" t="s">
        <v>6722</v>
      </c>
      <c r="I1970" s="1" t="s">
        <v>6382</v>
      </c>
      <c r="J1970" s="1" t="s">
        <v>6391</v>
      </c>
      <c r="K1970" s="1" t="s">
        <v>7</v>
      </c>
      <c r="L1970" s="1" t="s">
        <v>6719</v>
      </c>
      <c r="M1970" s="1" t="s">
        <v>5</v>
      </c>
      <c r="N1970" s="1" t="s">
        <v>6</v>
      </c>
      <c r="O1970" s="1" t="s">
        <v>8</v>
      </c>
      <c r="P1970" s="5" t="s">
        <v>10</v>
      </c>
    </row>
    <row r="1971" spans="1:16" x14ac:dyDescent="0.2">
      <c r="A1971" s="1" t="s">
        <v>194</v>
      </c>
      <c r="B1971" s="1" t="s">
        <v>6723</v>
      </c>
      <c r="C1971" s="1" t="s">
        <v>6725</v>
      </c>
      <c r="D1971" s="1" t="s">
        <v>10</v>
      </c>
      <c r="E1971" s="1" t="s">
        <v>6726</v>
      </c>
      <c r="F1971" s="1" t="s">
        <v>27</v>
      </c>
      <c r="G1971" s="1" t="s">
        <v>10</v>
      </c>
      <c r="H1971" s="1" t="s">
        <v>6727</v>
      </c>
      <c r="I1971" s="1" t="s">
        <v>6382</v>
      </c>
      <c r="J1971" s="1" t="s">
        <v>6391</v>
      </c>
      <c r="K1971" s="1" t="s">
        <v>7</v>
      </c>
      <c r="L1971" s="1" t="s">
        <v>6724</v>
      </c>
      <c r="M1971" s="1" t="s">
        <v>5</v>
      </c>
      <c r="N1971" s="1" t="s">
        <v>6</v>
      </c>
      <c r="O1971" s="1" t="s">
        <v>8</v>
      </c>
      <c r="P1971" s="5" t="s">
        <v>10</v>
      </c>
    </row>
    <row r="1972" spans="1:16" x14ac:dyDescent="0.2">
      <c r="A1972" s="1" t="s">
        <v>194</v>
      </c>
      <c r="B1972" s="1" t="s">
        <v>396</v>
      </c>
      <c r="C1972" s="1" t="s">
        <v>6729</v>
      </c>
      <c r="D1972" s="1" t="s">
        <v>10</v>
      </c>
      <c r="E1972" s="1" t="s">
        <v>6730</v>
      </c>
      <c r="F1972" s="1" t="s">
        <v>27</v>
      </c>
      <c r="G1972" s="1" t="s">
        <v>10</v>
      </c>
      <c r="H1972" s="1" t="s">
        <v>6731</v>
      </c>
      <c r="I1972" s="1" t="s">
        <v>6382</v>
      </c>
      <c r="J1972" s="1" t="s">
        <v>6391</v>
      </c>
      <c r="K1972" s="1" t="s">
        <v>7</v>
      </c>
      <c r="L1972" s="1" t="s">
        <v>6728</v>
      </c>
      <c r="M1972" s="1" t="s">
        <v>5</v>
      </c>
      <c r="N1972" s="1" t="s">
        <v>6</v>
      </c>
      <c r="O1972" s="1" t="s">
        <v>8</v>
      </c>
      <c r="P1972" s="5" t="s">
        <v>10</v>
      </c>
    </row>
    <row r="1973" spans="1:16" x14ac:dyDescent="0.2">
      <c r="A1973" s="1" t="s">
        <v>66</v>
      </c>
      <c r="B1973" s="1" t="s">
        <v>1117</v>
      </c>
      <c r="C1973" s="1" t="s">
        <v>6733</v>
      </c>
      <c r="D1973" s="1" t="s">
        <v>10</v>
      </c>
      <c r="E1973" s="1" t="s">
        <v>6734</v>
      </c>
      <c r="F1973" s="1" t="s">
        <v>27</v>
      </c>
      <c r="G1973" s="1" t="s">
        <v>10</v>
      </c>
      <c r="H1973" s="1" t="s">
        <v>6402</v>
      </c>
      <c r="I1973" s="1" t="s">
        <v>6382</v>
      </c>
      <c r="J1973" s="1" t="s">
        <v>6391</v>
      </c>
      <c r="K1973" s="1" t="s">
        <v>27</v>
      </c>
      <c r="L1973" s="1" t="s">
        <v>6732</v>
      </c>
      <c r="M1973" s="1" t="s">
        <v>5</v>
      </c>
      <c r="N1973" s="1" t="s">
        <v>25</v>
      </c>
      <c r="O1973" s="1" t="s">
        <v>38</v>
      </c>
      <c r="P1973" s="5" t="s">
        <v>29846</v>
      </c>
    </row>
    <row r="1974" spans="1:16" x14ac:dyDescent="0.2">
      <c r="A1974" s="1" t="s">
        <v>20</v>
      </c>
      <c r="B1974" s="1" t="s">
        <v>93</v>
      </c>
      <c r="C1974" s="1" t="s">
        <v>6736</v>
      </c>
      <c r="D1974" s="1" t="s">
        <v>10</v>
      </c>
      <c r="E1974" s="1" t="s">
        <v>6737</v>
      </c>
      <c r="F1974" s="1" t="s">
        <v>27</v>
      </c>
      <c r="G1974" s="1" t="s">
        <v>10</v>
      </c>
      <c r="H1974" s="1" t="s">
        <v>6738</v>
      </c>
      <c r="I1974" s="1" t="s">
        <v>6382</v>
      </c>
      <c r="J1974" s="1" t="s">
        <v>19</v>
      </c>
      <c r="K1974" s="1" t="s">
        <v>7</v>
      </c>
      <c r="L1974" s="1" t="s">
        <v>6735</v>
      </c>
      <c r="M1974" s="1" t="s">
        <v>5</v>
      </c>
      <c r="N1974" s="1" t="s">
        <v>6</v>
      </c>
      <c r="O1974" s="1" t="s">
        <v>8</v>
      </c>
      <c r="P1974" s="5" t="s">
        <v>29846</v>
      </c>
    </row>
    <row r="1975" spans="1:16" x14ac:dyDescent="0.2">
      <c r="A1975" s="1" t="s">
        <v>1385</v>
      </c>
      <c r="B1975" s="1" t="s">
        <v>1490</v>
      </c>
      <c r="C1975" s="1" t="s">
        <v>6740</v>
      </c>
      <c r="D1975" s="1" t="s">
        <v>6741</v>
      </c>
      <c r="E1975" s="1" t="s">
        <v>6742</v>
      </c>
      <c r="F1975" s="1" t="s">
        <v>10</v>
      </c>
      <c r="G1975" s="1" t="s">
        <v>10</v>
      </c>
      <c r="H1975" s="1" t="s">
        <v>10</v>
      </c>
      <c r="I1975" s="1" t="s">
        <v>6382</v>
      </c>
      <c r="J1975" s="1" t="s">
        <v>6385</v>
      </c>
      <c r="K1975" s="1" t="s">
        <v>64</v>
      </c>
      <c r="L1975" s="1" t="s">
        <v>6739</v>
      </c>
      <c r="M1975" s="1" t="s">
        <v>10</v>
      </c>
      <c r="N1975" s="1" t="s">
        <v>10</v>
      </c>
      <c r="O1975" s="1" t="s">
        <v>38</v>
      </c>
      <c r="P1975" s="5" t="s">
        <v>161</v>
      </c>
    </row>
    <row r="1976" spans="1:16" x14ac:dyDescent="0.2">
      <c r="A1976" s="1" t="s">
        <v>20</v>
      </c>
      <c r="B1976" s="1" t="s">
        <v>309</v>
      </c>
      <c r="C1976" s="1" t="s">
        <v>6744</v>
      </c>
      <c r="D1976" s="1" t="s">
        <v>10</v>
      </c>
      <c r="E1976" s="1" t="s">
        <v>6745</v>
      </c>
      <c r="F1976" s="1" t="s">
        <v>27</v>
      </c>
      <c r="G1976" s="1" t="s">
        <v>10</v>
      </c>
      <c r="H1976" s="1" t="s">
        <v>6402</v>
      </c>
      <c r="I1976" s="1" t="s">
        <v>6382</v>
      </c>
      <c r="J1976" s="1" t="s">
        <v>6391</v>
      </c>
      <c r="K1976" s="1" t="s">
        <v>1468</v>
      </c>
      <c r="L1976" s="1" t="s">
        <v>6743</v>
      </c>
      <c r="M1976" s="1" t="s">
        <v>10</v>
      </c>
      <c r="N1976" s="1" t="s">
        <v>25</v>
      </c>
      <c r="O1976" s="1" t="s">
        <v>38</v>
      </c>
      <c r="P1976" s="5" t="s">
        <v>29945</v>
      </c>
    </row>
    <row r="1977" spans="1:16" x14ac:dyDescent="0.2">
      <c r="A1977" s="1" t="s">
        <v>329</v>
      </c>
      <c r="B1977" s="1" t="s">
        <v>330</v>
      </c>
      <c r="C1977" s="1" t="s">
        <v>6747</v>
      </c>
      <c r="D1977" s="1" t="s">
        <v>10</v>
      </c>
      <c r="E1977" s="1" t="s">
        <v>6748</v>
      </c>
      <c r="F1977" s="1" t="s">
        <v>27</v>
      </c>
      <c r="G1977" s="1" t="s">
        <v>10</v>
      </c>
      <c r="H1977" s="1" t="s">
        <v>6402</v>
      </c>
      <c r="I1977" s="1" t="s">
        <v>6382</v>
      </c>
      <c r="J1977" s="1" t="s">
        <v>6385</v>
      </c>
      <c r="K1977" s="1" t="s">
        <v>1468</v>
      </c>
      <c r="L1977" s="1" t="s">
        <v>6746</v>
      </c>
      <c r="M1977" s="1" t="s">
        <v>10</v>
      </c>
      <c r="N1977" s="1" t="s">
        <v>25</v>
      </c>
      <c r="O1977" s="1" t="s">
        <v>38</v>
      </c>
      <c r="P1977" s="5"/>
    </row>
    <row r="1978" spans="1:16" x14ac:dyDescent="0.2">
      <c r="A1978" s="1" t="s">
        <v>329</v>
      </c>
      <c r="B1978" s="1" t="s">
        <v>330</v>
      </c>
      <c r="C1978" s="1" t="s">
        <v>6750</v>
      </c>
      <c r="D1978" s="1" t="s">
        <v>10</v>
      </c>
      <c r="E1978" s="1" t="s">
        <v>6748</v>
      </c>
      <c r="F1978" s="1" t="s">
        <v>27</v>
      </c>
      <c r="G1978" s="1" t="s">
        <v>10</v>
      </c>
      <c r="H1978" s="1" t="s">
        <v>6402</v>
      </c>
      <c r="I1978" s="1" t="s">
        <v>6382</v>
      </c>
      <c r="J1978" s="1" t="s">
        <v>6385</v>
      </c>
      <c r="K1978" s="1" t="s">
        <v>1468</v>
      </c>
      <c r="L1978" s="1" t="s">
        <v>6749</v>
      </c>
      <c r="M1978" s="1" t="s">
        <v>10</v>
      </c>
      <c r="N1978" s="1" t="s">
        <v>25</v>
      </c>
      <c r="O1978" s="1" t="s">
        <v>38</v>
      </c>
      <c r="P1978" s="5"/>
    </row>
    <row r="1979" spans="1:16" x14ac:dyDescent="0.2">
      <c r="A1979" s="1" t="s">
        <v>329</v>
      </c>
      <c r="B1979" s="1" t="s">
        <v>330</v>
      </c>
      <c r="C1979" s="1" t="s">
        <v>6752</v>
      </c>
      <c r="D1979" s="1" t="s">
        <v>10</v>
      </c>
      <c r="E1979" s="1" t="s">
        <v>6748</v>
      </c>
      <c r="F1979" s="1" t="s">
        <v>27</v>
      </c>
      <c r="G1979" s="1" t="s">
        <v>10</v>
      </c>
      <c r="H1979" s="1" t="s">
        <v>6402</v>
      </c>
      <c r="I1979" s="1" t="s">
        <v>6382</v>
      </c>
      <c r="J1979" s="1" t="s">
        <v>6385</v>
      </c>
      <c r="K1979" s="1" t="s">
        <v>1468</v>
      </c>
      <c r="L1979" s="1" t="s">
        <v>6751</v>
      </c>
      <c r="M1979" s="1" t="s">
        <v>10</v>
      </c>
      <c r="N1979" s="1" t="s">
        <v>25</v>
      </c>
      <c r="O1979" s="1" t="s">
        <v>38</v>
      </c>
      <c r="P1979" s="5"/>
    </row>
    <row r="1980" spans="1:16" x14ac:dyDescent="0.2">
      <c r="A1980" s="1" t="s">
        <v>329</v>
      </c>
      <c r="B1980" s="1" t="s">
        <v>330</v>
      </c>
      <c r="C1980" s="1" t="s">
        <v>6754</v>
      </c>
      <c r="D1980" s="1" t="s">
        <v>10</v>
      </c>
      <c r="E1980" s="1" t="s">
        <v>6748</v>
      </c>
      <c r="F1980" s="1" t="s">
        <v>27</v>
      </c>
      <c r="G1980" s="1" t="s">
        <v>10</v>
      </c>
      <c r="H1980" s="1" t="s">
        <v>6402</v>
      </c>
      <c r="I1980" s="1" t="s">
        <v>6382</v>
      </c>
      <c r="J1980" s="1" t="s">
        <v>6385</v>
      </c>
      <c r="K1980" s="1" t="s">
        <v>1468</v>
      </c>
      <c r="L1980" s="1" t="s">
        <v>6753</v>
      </c>
      <c r="M1980" s="1" t="s">
        <v>10</v>
      </c>
      <c r="N1980" s="1" t="s">
        <v>25</v>
      </c>
      <c r="O1980" s="1" t="s">
        <v>38</v>
      </c>
      <c r="P1980" s="5"/>
    </row>
    <row r="1981" spans="1:16" x14ac:dyDescent="0.2">
      <c r="A1981" s="1" t="s">
        <v>329</v>
      </c>
      <c r="B1981" s="1" t="s">
        <v>330</v>
      </c>
      <c r="C1981" s="1" t="s">
        <v>6756</v>
      </c>
      <c r="D1981" s="1" t="s">
        <v>10</v>
      </c>
      <c r="E1981" s="1" t="s">
        <v>6757</v>
      </c>
      <c r="F1981" s="1" t="s">
        <v>27</v>
      </c>
      <c r="G1981" s="1" t="s">
        <v>10</v>
      </c>
      <c r="H1981" s="1" t="s">
        <v>6402</v>
      </c>
      <c r="I1981" s="1" t="s">
        <v>6382</v>
      </c>
      <c r="J1981" s="1" t="s">
        <v>6385</v>
      </c>
      <c r="K1981" s="1" t="s">
        <v>1468</v>
      </c>
      <c r="L1981" s="1" t="s">
        <v>6755</v>
      </c>
      <c r="M1981" s="1" t="s">
        <v>10</v>
      </c>
      <c r="N1981" s="1" t="s">
        <v>25</v>
      </c>
      <c r="O1981" s="1" t="s">
        <v>38</v>
      </c>
      <c r="P1981" s="5"/>
    </row>
    <row r="1982" spans="1:16" x14ac:dyDescent="0.2">
      <c r="A1982" s="1" t="s">
        <v>329</v>
      </c>
      <c r="B1982" s="1" t="s">
        <v>330</v>
      </c>
      <c r="C1982" s="1" t="s">
        <v>6759</v>
      </c>
      <c r="D1982" s="1" t="s">
        <v>10</v>
      </c>
      <c r="E1982" s="1" t="s">
        <v>6760</v>
      </c>
      <c r="F1982" s="1" t="s">
        <v>27</v>
      </c>
      <c r="G1982" s="1" t="s">
        <v>10</v>
      </c>
      <c r="H1982" s="1" t="s">
        <v>6402</v>
      </c>
      <c r="I1982" s="1" t="s">
        <v>6382</v>
      </c>
      <c r="J1982" s="1" t="s">
        <v>19</v>
      </c>
      <c r="K1982" s="1" t="s">
        <v>1468</v>
      </c>
      <c r="L1982" s="1" t="s">
        <v>6758</v>
      </c>
      <c r="M1982" s="1" t="s">
        <v>10</v>
      </c>
      <c r="N1982" s="1" t="s">
        <v>25</v>
      </c>
      <c r="O1982" s="1" t="s">
        <v>38</v>
      </c>
      <c r="P1982" s="5"/>
    </row>
    <row r="1983" spans="1:16" x14ac:dyDescent="0.2">
      <c r="A1983" s="1" t="s">
        <v>329</v>
      </c>
      <c r="B1983" s="1" t="s">
        <v>330</v>
      </c>
      <c r="C1983" s="1" t="s">
        <v>6762</v>
      </c>
      <c r="D1983" s="1" t="s">
        <v>10</v>
      </c>
      <c r="E1983" s="1" t="s">
        <v>6748</v>
      </c>
      <c r="F1983" s="1" t="s">
        <v>27</v>
      </c>
      <c r="G1983" s="1" t="s">
        <v>10</v>
      </c>
      <c r="H1983" s="1" t="s">
        <v>6402</v>
      </c>
      <c r="I1983" s="1" t="s">
        <v>6382</v>
      </c>
      <c r="J1983" s="1" t="s">
        <v>6385</v>
      </c>
      <c r="K1983" s="1" t="s">
        <v>1468</v>
      </c>
      <c r="L1983" s="1" t="s">
        <v>6761</v>
      </c>
      <c r="M1983" s="1" t="s">
        <v>10</v>
      </c>
      <c r="N1983" s="1" t="s">
        <v>25</v>
      </c>
      <c r="O1983" s="1" t="s">
        <v>38</v>
      </c>
      <c r="P1983" s="5"/>
    </row>
    <row r="1984" spans="1:16" x14ac:dyDescent="0.2">
      <c r="A1984" s="1" t="s">
        <v>329</v>
      </c>
      <c r="B1984" s="1" t="s">
        <v>330</v>
      </c>
      <c r="C1984" s="1" t="s">
        <v>6764</v>
      </c>
      <c r="D1984" s="1" t="s">
        <v>10</v>
      </c>
      <c r="E1984" s="1" t="s">
        <v>6765</v>
      </c>
      <c r="F1984" s="1" t="s">
        <v>27</v>
      </c>
      <c r="G1984" s="1" t="s">
        <v>10</v>
      </c>
      <c r="H1984" s="1" t="s">
        <v>6402</v>
      </c>
      <c r="I1984" s="1" t="s">
        <v>6382</v>
      </c>
      <c r="J1984" s="1" t="s">
        <v>6498</v>
      </c>
      <c r="K1984" s="1" t="s">
        <v>1468</v>
      </c>
      <c r="L1984" s="1" t="s">
        <v>6763</v>
      </c>
      <c r="M1984" s="1" t="s">
        <v>10</v>
      </c>
      <c r="N1984" s="1" t="s">
        <v>25</v>
      </c>
      <c r="O1984" s="1" t="s">
        <v>38</v>
      </c>
      <c r="P1984" s="5"/>
    </row>
    <row r="1985" spans="1:16" x14ac:dyDescent="0.2">
      <c r="A1985" s="1" t="s">
        <v>329</v>
      </c>
      <c r="B1985" s="1" t="s">
        <v>330</v>
      </c>
      <c r="C1985" s="1" t="s">
        <v>6767</v>
      </c>
      <c r="D1985" s="1" t="s">
        <v>10</v>
      </c>
      <c r="E1985" s="1" t="s">
        <v>6768</v>
      </c>
      <c r="F1985" s="1" t="s">
        <v>27</v>
      </c>
      <c r="G1985" s="1" t="s">
        <v>10</v>
      </c>
      <c r="H1985" s="1" t="s">
        <v>6402</v>
      </c>
      <c r="I1985" s="1" t="s">
        <v>6382</v>
      </c>
      <c r="J1985" s="1" t="s">
        <v>6498</v>
      </c>
      <c r="K1985" s="1" t="s">
        <v>1468</v>
      </c>
      <c r="L1985" s="1" t="s">
        <v>6766</v>
      </c>
      <c r="M1985" s="1" t="s">
        <v>10</v>
      </c>
      <c r="N1985" s="1" t="s">
        <v>25</v>
      </c>
      <c r="O1985" s="1" t="s">
        <v>38</v>
      </c>
      <c r="P1985" s="5"/>
    </row>
    <row r="1986" spans="1:16" x14ac:dyDescent="0.2">
      <c r="A1986" s="1" t="s">
        <v>20</v>
      </c>
      <c r="B1986" s="1" t="s">
        <v>309</v>
      </c>
      <c r="C1986" s="1" t="s">
        <v>6770</v>
      </c>
      <c r="D1986" s="1" t="s">
        <v>10</v>
      </c>
      <c r="E1986" s="1" t="s">
        <v>6748</v>
      </c>
      <c r="F1986" s="1" t="s">
        <v>27</v>
      </c>
      <c r="G1986" s="1" t="s">
        <v>10</v>
      </c>
      <c r="H1986" s="1" t="s">
        <v>10</v>
      </c>
      <c r="I1986" s="1" t="s">
        <v>6382</v>
      </c>
      <c r="J1986" s="1" t="s">
        <v>6498</v>
      </c>
      <c r="K1986" s="1" t="s">
        <v>1468</v>
      </c>
      <c r="L1986" s="1" t="s">
        <v>6769</v>
      </c>
      <c r="M1986" s="1" t="s">
        <v>10</v>
      </c>
      <c r="N1986" s="1" t="s">
        <v>10</v>
      </c>
      <c r="O1986" s="1" t="s">
        <v>38</v>
      </c>
      <c r="P1986" s="5"/>
    </row>
    <row r="1987" spans="1:16" x14ac:dyDescent="0.2">
      <c r="A1987" s="1" t="s">
        <v>329</v>
      </c>
      <c r="B1987" s="1" t="s">
        <v>330</v>
      </c>
      <c r="C1987" s="1" t="s">
        <v>6772</v>
      </c>
      <c r="D1987" s="1" t="s">
        <v>10</v>
      </c>
      <c r="E1987" s="1" t="s">
        <v>6773</v>
      </c>
      <c r="F1987" s="1" t="s">
        <v>27</v>
      </c>
      <c r="G1987" s="1" t="s">
        <v>10</v>
      </c>
      <c r="H1987" s="1" t="s">
        <v>6402</v>
      </c>
      <c r="I1987" s="1" t="s">
        <v>6382</v>
      </c>
      <c r="J1987" s="1" t="s">
        <v>6498</v>
      </c>
      <c r="K1987" s="1" t="s">
        <v>1468</v>
      </c>
      <c r="L1987" s="1" t="s">
        <v>6771</v>
      </c>
      <c r="M1987" s="1" t="s">
        <v>10</v>
      </c>
      <c r="N1987" s="1" t="s">
        <v>25</v>
      </c>
      <c r="O1987" s="1" t="s">
        <v>38</v>
      </c>
      <c r="P1987" s="5"/>
    </row>
    <row r="1988" spans="1:16" x14ac:dyDescent="0.2">
      <c r="A1988" s="1" t="s">
        <v>329</v>
      </c>
      <c r="B1988" s="1" t="s">
        <v>330</v>
      </c>
      <c r="C1988" s="1" t="s">
        <v>6775</v>
      </c>
      <c r="D1988" s="1" t="s">
        <v>10</v>
      </c>
      <c r="E1988" s="1" t="s">
        <v>6776</v>
      </c>
      <c r="F1988" s="1" t="s">
        <v>27</v>
      </c>
      <c r="G1988" s="1" t="s">
        <v>10</v>
      </c>
      <c r="H1988" s="1" t="s">
        <v>6402</v>
      </c>
      <c r="I1988" s="1" t="s">
        <v>6382</v>
      </c>
      <c r="J1988" s="1" t="s">
        <v>6498</v>
      </c>
      <c r="K1988" s="1" t="s">
        <v>1468</v>
      </c>
      <c r="L1988" s="1" t="s">
        <v>6774</v>
      </c>
      <c r="M1988" s="1" t="s">
        <v>10</v>
      </c>
      <c r="N1988" s="1" t="s">
        <v>25</v>
      </c>
      <c r="O1988" s="1" t="s">
        <v>38</v>
      </c>
      <c r="P1988" s="5"/>
    </row>
    <row r="1989" spans="1:16" x14ac:dyDescent="0.2">
      <c r="A1989" s="1" t="s">
        <v>20</v>
      </c>
      <c r="B1989" s="1" t="s">
        <v>93</v>
      </c>
      <c r="C1989" s="1" t="s">
        <v>6778</v>
      </c>
      <c r="D1989" s="1" t="s">
        <v>10</v>
      </c>
      <c r="E1989" s="1" t="s">
        <v>6779</v>
      </c>
      <c r="F1989" s="1" t="s">
        <v>27</v>
      </c>
      <c r="G1989" s="1" t="s">
        <v>10</v>
      </c>
      <c r="H1989" s="1" t="s">
        <v>6426</v>
      </c>
      <c r="I1989" s="1" t="s">
        <v>6382</v>
      </c>
      <c r="J1989" s="1" t="s">
        <v>19</v>
      </c>
      <c r="K1989" s="1" t="s">
        <v>7</v>
      </c>
      <c r="L1989" s="1" t="s">
        <v>6777</v>
      </c>
      <c r="M1989" s="1" t="s">
        <v>10</v>
      </c>
      <c r="N1989" s="1" t="s">
        <v>10</v>
      </c>
      <c r="O1989" s="1" t="s">
        <v>8</v>
      </c>
      <c r="P1989" s="5"/>
    </row>
    <row r="1990" spans="1:16" x14ac:dyDescent="0.2">
      <c r="A1990" s="1" t="s">
        <v>20</v>
      </c>
      <c r="B1990" s="1" t="s">
        <v>93</v>
      </c>
      <c r="C1990" s="1" t="s">
        <v>1933</v>
      </c>
      <c r="D1990" s="1" t="s">
        <v>10</v>
      </c>
      <c r="E1990" s="1" t="s">
        <v>6781</v>
      </c>
      <c r="F1990" s="1" t="s">
        <v>27</v>
      </c>
      <c r="G1990" s="1" t="s">
        <v>10</v>
      </c>
      <c r="H1990" s="1" t="s">
        <v>6782</v>
      </c>
      <c r="I1990" s="1" t="s">
        <v>6382</v>
      </c>
      <c r="J1990" s="1" t="s">
        <v>6615</v>
      </c>
      <c r="K1990" s="1" t="s">
        <v>7</v>
      </c>
      <c r="L1990" s="1" t="s">
        <v>6780</v>
      </c>
      <c r="M1990" s="1" t="s">
        <v>5</v>
      </c>
      <c r="N1990" s="1" t="s">
        <v>6</v>
      </c>
      <c r="O1990" s="1" t="s">
        <v>8</v>
      </c>
      <c r="P1990" s="5" t="s">
        <v>10</v>
      </c>
    </row>
    <row r="1991" spans="1:16" x14ac:dyDescent="0.2">
      <c r="A1991" s="1" t="s">
        <v>20</v>
      </c>
      <c r="B1991" s="1" t="s">
        <v>310</v>
      </c>
      <c r="C1991" s="1" t="s">
        <v>6784</v>
      </c>
      <c r="D1991" s="1" t="s">
        <v>10</v>
      </c>
      <c r="E1991" s="1" t="s">
        <v>6785</v>
      </c>
      <c r="F1991" s="1" t="s">
        <v>27</v>
      </c>
      <c r="G1991" s="1" t="s">
        <v>10</v>
      </c>
      <c r="H1991" s="1" t="s">
        <v>6786</v>
      </c>
      <c r="I1991" s="1" t="s">
        <v>6382</v>
      </c>
      <c r="J1991" s="1" t="s">
        <v>19</v>
      </c>
      <c r="K1991" s="1" t="s">
        <v>1548</v>
      </c>
      <c r="L1991" s="1" t="s">
        <v>6783</v>
      </c>
      <c r="M1991" s="1" t="s">
        <v>5</v>
      </c>
      <c r="N1991" s="1" t="s">
        <v>1597</v>
      </c>
      <c r="O1991" s="1" t="s">
        <v>8</v>
      </c>
      <c r="P1991" s="5"/>
    </row>
    <row r="1992" spans="1:16" x14ac:dyDescent="0.2">
      <c r="A1992" s="1" t="s">
        <v>194</v>
      </c>
      <c r="B1992" s="1" t="s">
        <v>4492</v>
      </c>
      <c r="C1992" s="1" t="s">
        <v>6788</v>
      </c>
      <c r="D1992" s="1" t="s">
        <v>6788</v>
      </c>
      <c r="E1992" s="1" t="s">
        <v>6789</v>
      </c>
      <c r="F1992" s="1" t="s">
        <v>474</v>
      </c>
      <c r="G1992" s="1" t="s">
        <v>476</v>
      </c>
      <c r="H1992" s="1" t="s">
        <v>6790</v>
      </c>
      <c r="I1992" s="1" t="s">
        <v>6382</v>
      </c>
      <c r="J1992" s="1" t="s">
        <v>6499</v>
      </c>
      <c r="K1992" s="1" t="s">
        <v>64</v>
      </c>
      <c r="L1992" s="1" t="s">
        <v>6787</v>
      </c>
      <c r="M1992" s="1" t="s">
        <v>5</v>
      </c>
      <c r="N1992" s="1" t="s">
        <v>6</v>
      </c>
      <c r="O1992" s="1" t="s">
        <v>8</v>
      </c>
      <c r="P1992" s="5"/>
    </row>
    <row r="1993" spans="1:16" x14ac:dyDescent="0.2">
      <c r="A1993" s="1" t="s">
        <v>194</v>
      </c>
      <c r="B1993" s="1" t="s">
        <v>396</v>
      </c>
      <c r="C1993" s="1" t="s">
        <v>1810</v>
      </c>
      <c r="D1993" s="1" t="s">
        <v>1810</v>
      </c>
      <c r="E1993" s="1" t="s">
        <v>6792</v>
      </c>
      <c r="F1993" s="1" t="s">
        <v>27</v>
      </c>
      <c r="G1993" s="1" t="s">
        <v>10</v>
      </c>
      <c r="H1993" s="1" t="s">
        <v>6793</v>
      </c>
      <c r="I1993" s="1" t="s">
        <v>6382</v>
      </c>
      <c r="J1993" s="1" t="s">
        <v>6499</v>
      </c>
      <c r="K1993" s="1" t="s">
        <v>130</v>
      </c>
      <c r="L1993" s="1" t="s">
        <v>6791</v>
      </c>
      <c r="M1993" s="1" t="s">
        <v>5</v>
      </c>
      <c r="N1993" s="1" t="s">
        <v>6</v>
      </c>
      <c r="O1993" s="1" t="s">
        <v>8</v>
      </c>
      <c r="P1993" s="5" t="s">
        <v>10</v>
      </c>
    </row>
    <row r="1994" spans="1:16" x14ac:dyDescent="0.2">
      <c r="A1994" s="1" t="s">
        <v>20</v>
      </c>
      <c r="B1994" s="1" t="s">
        <v>99</v>
      </c>
      <c r="C1994" s="1" t="s">
        <v>6795</v>
      </c>
      <c r="D1994" s="1" t="s">
        <v>10</v>
      </c>
      <c r="E1994" s="1" t="s">
        <v>6796</v>
      </c>
      <c r="F1994" s="1" t="s">
        <v>27</v>
      </c>
      <c r="G1994" s="1" t="s">
        <v>10</v>
      </c>
      <c r="H1994" s="1" t="s">
        <v>6387</v>
      </c>
      <c r="I1994" s="1" t="s">
        <v>6382</v>
      </c>
      <c r="J1994" s="1" t="s">
        <v>19</v>
      </c>
      <c r="K1994" s="1" t="s">
        <v>7</v>
      </c>
      <c r="L1994" s="1" t="s">
        <v>6794</v>
      </c>
      <c r="M1994" s="1" t="s">
        <v>10</v>
      </c>
      <c r="N1994" s="1" t="s">
        <v>6</v>
      </c>
      <c r="O1994" s="1" t="s">
        <v>8</v>
      </c>
      <c r="P1994" s="5" t="s">
        <v>10</v>
      </c>
    </row>
    <row r="1995" spans="1:16" x14ac:dyDescent="0.2">
      <c r="A1995" s="1" t="s">
        <v>66</v>
      </c>
      <c r="B1995" s="1" t="s">
        <v>4741</v>
      </c>
      <c r="C1995" s="1" t="s">
        <v>6798</v>
      </c>
      <c r="D1995" s="1" t="s">
        <v>10</v>
      </c>
      <c r="E1995" s="1" t="s">
        <v>6799</v>
      </c>
      <c r="F1995" s="1" t="s">
        <v>27</v>
      </c>
      <c r="G1995" s="1" t="s">
        <v>2299</v>
      </c>
      <c r="H1995" s="1" t="s">
        <v>6393</v>
      </c>
      <c r="I1995" s="1" t="s">
        <v>6382</v>
      </c>
      <c r="J1995" s="1" t="s">
        <v>19</v>
      </c>
      <c r="K1995" s="1" t="s">
        <v>7</v>
      </c>
      <c r="L1995" s="1" t="s">
        <v>6797</v>
      </c>
      <c r="M1995" s="1" t="s">
        <v>5</v>
      </c>
      <c r="N1995" s="1" t="s">
        <v>6</v>
      </c>
      <c r="O1995" s="1" t="s">
        <v>8</v>
      </c>
      <c r="P1995" s="5" t="s">
        <v>14</v>
      </c>
    </row>
    <row r="1996" spans="1:16" x14ac:dyDescent="0.2">
      <c r="A1996" s="1" t="s">
        <v>20</v>
      </c>
      <c r="B1996" s="1" t="s">
        <v>302</v>
      </c>
      <c r="C1996" s="1" t="s">
        <v>6801</v>
      </c>
      <c r="D1996" s="1" t="s">
        <v>10</v>
      </c>
      <c r="E1996" s="1" t="s">
        <v>6802</v>
      </c>
      <c r="F1996" s="1" t="s">
        <v>27</v>
      </c>
      <c r="G1996" s="1" t="s">
        <v>10</v>
      </c>
      <c r="H1996" s="1" t="s">
        <v>6803</v>
      </c>
      <c r="I1996" s="1" t="s">
        <v>6382</v>
      </c>
      <c r="J1996" s="1" t="s">
        <v>19</v>
      </c>
      <c r="K1996" s="1" t="s">
        <v>7</v>
      </c>
      <c r="L1996" s="1" t="s">
        <v>6800</v>
      </c>
      <c r="M1996" s="1" t="s">
        <v>5</v>
      </c>
      <c r="N1996" s="1" t="s">
        <v>1597</v>
      </c>
      <c r="O1996" s="1" t="s">
        <v>38</v>
      </c>
      <c r="P1996" s="5" t="s">
        <v>29946</v>
      </c>
    </row>
    <row r="1997" spans="1:16" x14ac:dyDescent="0.2">
      <c r="A1997" s="1" t="s">
        <v>66</v>
      </c>
      <c r="B1997" s="1" t="s">
        <v>574</v>
      </c>
      <c r="C1997" s="1" t="s">
        <v>6805</v>
      </c>
      <c r="D1997" s="1" t="s">
        <v>10</v>
      </c>
      <c r="E1997" s="1" t="s">
        <v>6806</v>
      </c>
      <c r="F1997" s="1" t="s">
        <v>27</v>
      </c>
      <c r="G1997" s="1" t="s">
        <v>10</v>
      </c>
      <c r="H1997" s="1" t="s">
        <v>6393</v>
      </c>
      <c r="I1997" s="1" t="s">
        <v>6382</v>
      </c>
      <c r="J1997" s="1" t="s">
        <v>6499</v>
      </c>
      <c r="K1997" s="1" t="s">
        <v>7</v>
      </c>
      <c r="L1997" s="1" t="s">
        <v>6804</v>
      </c>
      <c r="M1997" s="1" t="s">
        <v>5</v>
      </c>
      <c r="N1997" s="1" t="s">
        <v>6</v>
      </c>
      <c r="O1997" s="1" t="s">
        <v>8</v>
      </c>
      <c r="P1997" s="5" t="s">
        <v>14</v>
      </c>
    </row>
    <row r="1998" spans="1:16" x14ac:dyDescent="0.2">
      <c r="A1998" s="1" t="s">
        <v>66</v>
      </c>
      <c r="B1998" s="1" t="s">
        <v>1127</v>
      </c>
      <c r="C1998" s="1" t="s">
        <v>6808</v>
      </c>
      <c r="D1998" s="1" t="s">
        <v>10</v>
      </c>
      <c r="E1998" s="1" t="s">
        <v>6809</v>
      </c>
      <c r="F1998" s="1" t="s">
        <v>27</v>
      </c>
      <c r="G1998" s="1" t="s">
        <v>6810</v>
      </c>
      <c r="H1998" s="1" t="s">
        <v>6808</v>
      </c>
      <c r="I1998" s="1" t="s">
        <v>6382</v>
      </c>
      <c r="J1998" s="1" t="s">
        <v>19</v>
      </c>
      <c r="K1998" s="1" t="s">
        <v>7</v>
      </c>
      <c r="L1998" s="1" t="s">
        <v>6807</v>
      </c>
      <c r="M1998" s="1" t="s">
        <v>10</v>
      </c>
      <c r="N1998" s="1" t="s">
        <v>432</v>
      </c>
      <c r="O1998" s="1" t="s">
        <v>8</v>
      </c>
      <c r="P1998" s="5"/>
    </row>
    <row r="1999" spans="1:16" x14ac:dyDescent="0.2">
      <c r="A1999" s="1" t="s">
        <v>194</v>
      </c>
      <c r="B1999" s="1" t="s">
        <v>396</v>
      </c>
      <c r="C1999" s="1" t="s">
        <v>6812</v>
      </c>
      <c r="D1999" s="1" t="s">
        <v>6376</v>
      </c>
      <c r="E1999" s="1"/>
      <c r="F1999" s="1" t="s">
        <v>27</v>
      </c>
      <c r="G1999" s="1" t="s">
        <v>10</v>
      </c>
      <c r="H1999" s="1" t="s">
        <v>6813</v>
      </c>
      <c r="I1999" s="1" t="s">
        <v>6382</v>
      </c>
      <c r="J1999" s="1" t="s">
        <v>6527</v>
      </c>
      <c r="K1999" s="1" t="s">
        <v>130</v>
      </c>
      <c r="L1999" s="1" t="s">
        <v>6811</v>
      </c>
      <c r="M1999" s="1" t="s">
        <v>5</v>
      </c>
      <c r="N1999" s="1" t="s">
        <v>6</v>
      </c>
      <c r="O1999" s="1" t="s">
        <v>8</v>
      </c>
      <c r="P1999" s="5"/>
    </row>
    <row r="2000" spans="1:16" x14ac:dyDescent="0.2">
      <c r="A2000" s="1" t="s">
        <v>66</v>
      </c>
      <c r="B2000" s="1" t="s">
        <v>1117</v>
      </c>
      <c r="C2000" s="1" t="s">
        <v>6815</v>
      </c>
      <c r="D2000" s="1" t="s">
        <v>10</v>
      </c>
      <c r="E2000" s="1" t="s">
        <v>6816</v>
      </c>
      <c r="F2000" s="1" t="s">
        <v>27</v>
      </c>
      <c r="G2000" s="1" t="s">
        <v>10</v>
      </c>
      <c r="H2000" s="1" t="s">
        <v>6817</v>
      </c>
      <c r="I2000" s="1" t="s">
        <v>6382</v>
      </c>
      <c r="J2000" s="1" t="s">
        <v>19</v>
      </c>
      <c r="K2000" s="1" t="s">
        <v>7</v>
      </c>
      <c r="L2000" s="1" t="s">
        <v>6814</v>
      </c>
      <c r="M2000" s="1" t="s">
        <v>5</v>
      </c>
      <c r="N2000" s="1" t="s">
        <v>25</v>
      </c>
      <c r="O2000" s="1" t="s">
        <v>38</v>
      </c>
      <c r="P2000" s="5" t="s">
        <v>29846</v>
      </c>
    </row>
    <row r="2001" spans="1:16" x14ac:dyDescent="0.2">
      <c r="A2001" s="1" t="s">
        <v>194</v>
      </c>
      <c r="B2001" s="1" t="s">
        <v>396</v>
      </c>
      <c r="C2001" s="1" t="s">
        <v>6819</v>
      </c>
      <c r="D2001" s="1" t="s">
        <v>10</v>
      </c>
      <c r="E2001" s="1"/>
      <c r="F2001" s="1" t="s">
        <v>27</v>
      </c>
      <c r="G2001" s="1" t="s">
        <v>10</v>
      </c>
      <c r="H2001" s="1" t="s">
        <v>6820</v>
      </c>
      <c r="I2001" s="1" t="s">
        <v>6382</v>
      </c>
      <c r="J2001" s="1" t="s">
        <v>6527</v>
      </c>
      <c r="K2001" s="1" t="s">
        <v>7</v>
      </c>
      <c r="L2001" s="1" t="s">
        <v>6818</v>
      </c>
      <c r="M2001" s="1" t="s">
        <v>5</v>
      </c>
      <c r="N2001" s="1" t="s">
        <v>6</v>
      </c>
      <c r="O2001" s="1" t="s">
        <v>8</v>
      </c>
      <c r="P2001" s="5"/>
    </row>
    <row r="2002" spans="1:16" x14ac:dyDescent="0.2">
      <c r="A2002" s="1" t="s">
        <v>329</v>
      </c>
      <c r="B2002" s="1" t="s">
        <v>330</v>
      </c>
      <c r="C2002" s="1" t="s">
        <v>6822</v>
      </c>
      <c r="D2002" s="1" t="s">
        <v>10</v>
      </c>
      <c r="E2002" s="1" t="s">
        <v>6823</v>
      </c>
      <c r="F2002" s="1" t="s">
        <v>27</v>
      </c>
      <c r="G2002" s="1" t="s">
        <v>10</v>
      </c>
      <c r="H2002" s="1" t="s">
        <v>6825</v>
      </c>
      <c r="I2002" s="1" t="s">
        <v>6382</v>
      </c>
      <c r="J2002" s="1" t="s">
        <v>6516</v>
      </c>
      <c r="K2002" s="1" t="s">
        <v>1468</v>
      </c>
      <c r="L2002" s="1" t="s">
        <v>6821</v>
      </c>
      <c r="M2002" s="1" t="s">
        <v>10</v>
      </c>
      <c r="N2002" s="1" t="s">
        <v>1597</v>
      </c>
      <c r="O2002" s="1" t="s">
        <v>38</v>
      </c>
      <c r="P2002" s="5" t="s">
        <v>6824</v>
      </c>
    </row>
    <row r="2003" spans="1:16" x14ac:dyDescent="0.2">
      <c r="A2003" s="1" t="s">
        <v>20</v>
      </c>
      <c r="B2003" s="1" t="s">
        <v>132</v>
      </c>
      <c r="C2003" s="1" t="s">
        <v>6827</v>
      </c>
      <c r="D2003" s="1" t="s">
        <v>10</v>
      </c>
      <c r="E2003" s="1" t="s">
        <v>6828</v>
      </c>
      <c r="F2003" s="1" t="s">
        <v>27</v>
      </c>
      <c r="G2003" s="1" t="s">
        <v>10</v>
      </c>
      <c r="H2003" s="1" t="s">
        <v>6402</v>
      </c>
      <c r="I2003" s="1" t="s">
        <v>6382</v>
      </c>
      <c r="J2003" s="1" t="s">
        <v>6391</v>
      </c>
      <c r="K2003" s="1" t="s">
        <v>1468</v>
      </c>
      <c r="L2003" s="1" t="s">
        <v>6826</v>
      </c>
      <c r="M2003" s="1" t="s">
        <v>5</v>
      </c>
      <c r="N2003" s="1" t="s">
        <v>1695</v>
      </c>
      <c r="O2003" s="1" t="s">
        <v>38</v>
      </c>
      <c r="P2003" s="5"/>
    </row>
    <row r="2004" spans="1:16" x14ac:dyDescent="0.2">
      <c r="A2004" s="1" t="s">
        <v>20</v>
      </c>
      <c r="B2004" s="1" t="s">
        <v>132</v>
      </c>
      <c r="C2004" s="1" t="s">
        <v>6830</v>
      </c>
      <c r="D2004" s="1" t="s">
        <v>10</v>
      </c>
      <c r="E2004" s="1" t="s">
        <v>6831</v>
      </c>
      <c r="F2004" s="1" t="s">
        <v>27</v>
      </c>
      <c r="G2004" s="1" t="s">
        <v>10</v>
      </c>
      <c r="H2004" s="1" t="s">
        <v>6402</v>
      </c>
      <c r="I2004" s="1" t="s">
        <v>6382</v>
      </c>
      <c r="J2004" s="1" t="s">
        <v>6391</v>
      </c>
      <c r="K2004" s="1" t="s">
        <v>1468</v>
      </c>
      <c r="L2004" s="1" t="s">
        <v>6829</v>
      </c>
      <c r="M2004" s="1" t="s">
        <v>5</v>
      </c>
      <c r="N2004" s="1" t="s">
        <v>1695</v>
      </c>
      <c r="O2004" s="1" t="s">
        <v>38</v>
      </c>
      <c r="P2004" s="5"/>
    </row>
    <row r="2005" spans="1:16" x14ac:dyDescent="0.2">
      <c r="A2005" s="1" t="s">
        <v>20</v>
      </c>
      <c r="B2005" s="1" t="s">
        <v>132</v>
      </c>
      <c r="C2005" s="1" t="s">
        <v>6833</v>
      </c>
      <c r="D2005" s="1" t="s">
        <v>10</v>
      </c>
      <c r="E2005" s="1" t="s">
        <v>6834</v>
      </c>
      <c r="F2005" s="1" t="s">
        <v>27</v>
      </c>
      <c r="G2005" s="1" t="s">
        <v>10</v>
      </c>
      <c r="H2005" s="1" t="s">
        <v>6402</v>
      </c>
      <c r="I2005" s="1" t="s">
        <v>6382</v>
      </c>
      <c r="J2005" s="1" t="s">
        <v>6391</v>
      </c>
      <c r="K2005" s="1" t="s">
        <v>1468</v>
      </c>
      <c r="L2005" s="1" t="s">
        <v>6832</v>
      </c>
      <c r="M2005" s="1" t="s">
        <v>5</v>
      </c>
      <c r="N2005" s="1" t="s">
        <v>1695</v>
      </c>
      <c r="O2005" s="1" t="s">
        <v>38</v>
      </c>
      <c r="P2005" s="5"/>
    </row>
    <row r="2006" spans="1:16" x14ac:dyDescent="0.2">
      <c r="A2006" s="1" t="s">
        <v>20</v>
      </c>
      <c r="B2006" s="1" t="s">
        <v>132</v>
      </c>
      <c r="C2006" s="1" t="s">
        <v>6836</v>
      </c>
      <c r="D2006" s="1" t="s">
        <v>10</v>
      </c>
      <c r="E2006" s="1" t="s">
        <v>6834</v>
      </c>
      <c r="F2006" s="1" t="s">
        <v>27</v>
      </c>
      <c r="G2006" s="1" t="s">
        <v>10</v>
      </c>
      <c r="H2006" s="1" t="s">
        <v>6402</v>
      </c>
      <c r="I2006" s="1" t="s">
        <v>6382</v>
      </c>
      <c r="J2006" s="1" t="s">
        <v>6391</v>
      </c>
      <c r="K2006" s="1" t="s">
        <v>100</v>
      </c>
      <c r="L2006" s="1" t="s">
        <v>6835</v>
      </c>
      <c r="M2006" s="1" t="s">
        <v>5</v>
      </c>
      <c r="N2006" s="1" t="s">
        <v>1695</v>
      </c>
      <c r="O2006" s="1" t="s">
        <v>38</v>
      </c>
      <c r="P2006" s="5"/>
    </row>
    <row r="2007" spans="1:16" x14ac:dyDescent="0.2">
      <c r="A2007" s="1" t="s">
        <v>20</v>
      </c>
      <c r="B2007" s="1" t="s">
        <v>253</v>
      </c>
      <c r="C2007" s="1" t="s">
        <v>6838</v>
      </c>
      <c r="D2007" s="1" t="s">
        <v>6839</v>
      </c>
      <c r="E2007" s="1" t="s">
        <v>6840</v>
      </c>
      <c r="F2007" s="1" t="s">
        <v>27</v>
      </c>
      <c r="G2007" s="1" t="s">
        <v>10</v>
      </c>
      <c r="H2007" s="1" t="s">
        <v>6581</v>
      </c>
      <c r="I2007" s="1" t="s">
        <v>6382</v>
      </c>
      <c r="J2007" s="1" t="s">
        <v>19</v>
      </c>
      <c r="K2007" s="1" t="s">
        <v>64</v>
      </c>
      <c r="L2007" s="1" t="s">
        <v>6837</v>
      </c>
      <c r="M2007" s="1" t="s">
        <v>5</v>
      </c>
      <c r="N2007" s="1" t="s">
        <v>25</v>
      </c>
      <c r="O2007" s="1" t="s">
        <v>8</v>
      </c>
      <c r="P2007" s="5" t="s">
        <v>29846</v>
      </c>
    </row>
    <row r="2008" spans="1:16" x14ac:dyDescent="0.2">
      <c r="A2008" s="1" t="s">
        <v>20</v>
      </c>
      <c r="B2008" s="1" t="s">
        <v>99</v>
      </c>
      <c r="C2008" s="1" t="s">
        <v>6842</v>
      </c>
      <c r="D2008" s="1" t="s">
        <v>10</v>
      </c>
      <c r="E2008" s="1" t="s">
        <v>6843</v>
      </c>
      <c r="F2008" s="1" t="s">
        <v>27</v>
      </c>
      <c r="G2008" s="1" t="s">
        <v>10</v>
      </c>
      <c r="H2008" s="1" t="s">
        <v>6402</v>
      </c>
      <c r="I2008" s="1" t="s">
        <v>6382</v>
      </c>
      <c r="J2008" s="1" t="s">
        <v>6391</v>
      </c>
      <c r="K2008" s="1" t="s">
        <v>100</v>
      </c>
      <c r="L2008" s="1" t="s">
        <v>6841</v>
      </c>
      <c r="M2008" s="1" t="s">
        <v>5</v>
      </c>
      <c r="N2008" s="1" t="s">
        <v>25</v>
      </c>
      <c r="O2008" s="1" t="s">
        <v>38</v>
      </c>
      <c r="P2008" s="5" t="s">
        <v>10</v>
      </c>
    </row>
    <row r="2009" spans="1:16" x14ac:dyDescent="0.2">
      <c r="A2009" s="1" t="s">
        <v>20</v>
      </c>
      <c r="B2009" s="1" t="s">
        <v>99</v>
      </c>
      <c r="C2009" s="1" t="s">
        <v>6845</v>
      </c>
      <c r="D2009" s="1" t="s">
        <v>10</v>
      </c>
      <c r="E2009" s="1" t="s">
        <v>6846</v>
      </c>
      <c r="F2009" s="1" t="s">
        <v>27</v>
      </c>
      <c r="G2009" s="1" t="s">
        <v>10</v>
      </c>
      <c r="H2009" s="1" t="s">
        <v>6402</v>
      </c>
      <c r="I2009" s="1" t="s">
        <v>6382</v>
      </c>
      <c r="J2009" s="1" t="s">
        <v>19</v>
      </c>
      <c r="K2009" s="1" t="s">
        <v>100</v>
      </c>
      <c r="L2009" s="1" t="s">
        <v>6844</v>
      </c>
      <c r="M2009" s="1" t="s">
        <v>5</v>
      </c>
      <c r="N2009" s="1" t="s">
        <v>25</v>
      </c>
      <c r="O2009" s="1" t="s">
        <v>38</v>
      </c>
      <c r="P2009" s="5" t="s">
        <v>29946</v>
      </c>
    </row>
    <row r="2010" spans="1:16" x14ac:dyDescent="0.2">
      <c r="A2010" s="1" t="s">
        <v>329</v>
      </c>
      <c r="B2010" s="1" t="s">
        <v>330</v>
      </c>
      <c r="C2010" s="1" t="s">
        <v>6848</v>
      </c>
      <c r="D2010" s="1" t="s">
        <v>6849</v>
      </c>
      <c r="E2010" s="1" t="s">
        <v>6850</v>
      </c>
      <c r="F2010" s="1" t="s">
        <v>27</v>
      </c>
      <c r="G2010" s="1" t="s">
        <v>10</v>
      </c>
      <c r="H2010" s="1" t="s">
        <v>6851</v>
      </c>
      <c r="I2010" s="1" t="s">
        <v>6382</v>
      </c>
      <c r="J2010" s="1" t="s">
        <v>6391</v>
      </c>
      <c r="K2010" s="1" t="s">
        <v>7</v>
      </c>
      <c r="L2010" s="1" t="s">
        <v>6847</v>
      </c>
      <c r="M2010" s="1" t="s">
        <v>5</v>
      </c>
      <c r="N2010" s="1" t="s">
        <v>1597</v>
      </c>
      <c r="O2010" s="1" t="s">
        <v>8</v>
      </c>
      <c r="P2010" s="5" t="s">
        <v>10</v>
      </c>
    </row>
    <row r="2011" spans="1:16" x14ac:dyDescent="0.2">
      <c r="A2011" s="1" t="s">
        <v>20</v>
      </c>
      <c r="B2011" s="1" t="s">
        <v>132</v>
      </c>
      <c r="C2011" s="1" t="s">
        <v>6853</v>
      </c>
      <c r="D2011" s="1" t="s">
        <v>10</v>
      </c>
      <c r="E2011" s="1" t="s">
        <v>6854</v>
      </c>
      <c r="F2011" s="1" t="s">
        <v>27</v>
      </c>
      <c r="G2011" s="1" t="s">
        <v>10</v>
      </c>
      <c r="H2011" s="1" t="s">
        <v>6402</v>
      </c>
      <c r="I2011" s="1" t="s">
        <v>6382</v>
      </c>
      <c r="J2011" s="1" t="s">
        <v>6391</v>
      </c>
      <c r="K2011" s="1" t="s">
        <v>100</v>
      </c>
      <c r="L2011" s="1" t="s">
        <v>6852</v>
      </c>
      <c r="M2011" s="1" t="s">
        <v>5</v>
      </c>
      <c r="N2011" s="1" t="s">
        <v>1597</v>
      </c>
      <c r="O2011" s="1" t="s">
        <v>8</v>
      </c>
      <c r="P2011" s="5" t="s">
        <v>10</v>
      </c>
    </row>
    <row r="2012" spans="1:16" x14ac:dyDescent="0.2">
      <c r="A2012" s="1" t="s">
        <v>32</v>
      </c>
      <c r="B2012" s="1" t="s">
        <v>1163</v>
      </c>
      <c r="C2012" s="1" t="s">
        <v>1982</v>
      </c>
      <c r="D2012" s="1" t="s">
        <v>10</v>
      </c>
      <c r="E2012" s="1" t="s">
        <v>6856</v>
      </c>
      <c r="F2012" s="1" t="s">
        <v>27</v>
      </c>
      <c r="G2012" s="1" t="s">
        <v>10</v>
      </c>
      <c r="H2012" s="1" t="s">
        <v>6857</v>
      </c>
      <c r="I2012" s="1" t="s">
        <v>6382</v>
      </c>
      <c r="J2012" s="1" t="s">
        <v>19</v>
      </c>
      <c r="K2012" s="1" t="s">
        <v>64</v>
      </c>
      <c r="L2012" s="1" t="s">
        <v>6855</v>
      </c>
      <c r="M2012" s="1" t="s">
        <v>5</v>
      </c>
      <c r="N2012" s="1" t="s">
        <v>25</v>
      </c>
      <c r="O2012" s="1" t="s">
        <v>8</v>
      </c>
      <c r="P2012" s="5" t="s">
        <v>29846</v>
      </c>
    </row>
    <row r="2013" spans="1:16" x14ac:dyDescent="0.2">
      <c r="A2013" s="1" t="s">
        <v>42</v>
      </c>
      <c r="B2013" s="1" t="s">
        <v>87</v>
      </c>
      <c r="C2013" s="1" t="s">
        <v>6859</v>
      </c>
      <c r="D2013" s="1" t="s">
        <v>10</v>
      </c>
      <c r="E2013" s="1" t="s">
        <v>6860</v>
      </c>
      <c r="F2013" s="1" t="s">
        <v>27</v>
      </c>
      <c r="G2013" s="1" t="s">
        <v>10</v>
      </c>
      <c r="H2013" s="1" t="s">
        <v>6861</v>
      </c>
      <c r="I2013" s="1" t="s">
        <v>6382</v>
      </c>
      <c r="J2013" s="1" t="s">
        <v>19</v>
      </c>
      <c r="K2013" s="1" t="s">
        <v>7</v>
      </c>
      <c r="L2013" s="1" t="s">
        <v>6858</v>
      </c>
      <c r="M2013" s="1" t="s">
        <v>5</v>
      </c>
      <c r="N2013" s="1" t="s">
        <v>25</v>
      </c>
      <c r="O2013" s="1" t="s">
        <v>8</v>
      </c>
      <c r="P2013" s="5" t="s">
        <v>40</v>
      </c>
    </row>
    <row r="2014" spans="1:16" x14ac:dyDescent="0.2">
      <c r="A2014" s="1" t="s">
        <v>32</v>
      </c>
      <c r="B2014" s="1" t="s">
        <v>1163</v>
      </c>
      <c r="C2014" s="1" t="s">
        <v>6863</v>
      </c>
      <c r="D2014" s="1" t="s">
        <v>1160</v>
      </c>
      <c r="E2014" s="1" t="s">
        <v>6864</v>
      </c>
      <c r="F2014" s="1" t="s">
        <v>522</v>
      </c>
      <c r="G2014" s="1" t="s">
        <v>1162</v>
      </c>
      <c r="H2014" s="1" t="s">
        <v>10</v>
      </c>
      <c r="I2014" s="1" t="s">
        <v>6382</v>
      </c>
      <c r="J2014" s="1" t="s">
        <v>19</v>
      </c>
      <c r="K2014" s="1" t="s">
        <v>64</v>
      </c>
      <c r="L2014" s="1" t="s">
        <v>6862</v>
      </c>
      <c r="M2014" s="1" t="s">
        <v>5</v>
      </c>
      <c r="N2014" s="1" t="s">
        <v>1009</v>
      </c>
      <c r="O2014" s="1" t="s">
        <v>8</v>
      </c>
      <c r="P2014" s="5" t="s">
        <v>29846</v>
      </c>
    </row>
    <row r="2015" spans="1:16" x14ac:dyDescent="0.2">
      <c r="A2015" s="1" t="s">
        <v>32</v>
      </c>
      <c r="B2015" s="1" t="s">
        <v>1163</v>
      </c>
      <c r="C2015" s="1" t="s">
        <v>6866</v>
      </c>
      <c r="D2015" s="1" t="s">
        <v>6867</v>
      </c>
      <c r="E2015" s="1" t="s">
        <v>6868</v>
      </c>
      <c r="F2015" s="1" t="s">
        <v>27</v>
      </c>
      <c r="G2015" s="1" t="s">
        <v>10</v>
      </c>
      <c r="H2015" s="1" t="s">
        <v>6869</v>
      </c>
      <c r="I2015" s="1" t="s">
        <v>6382</v>
      </c>
      <c r="J2015" s="1" t="s">
        <v>19</v>
      </c>
      <c r="K2015" s="1" t="s">
        <v>64</v>
      </c>
      <c r="L2015" s="1" t="s">
        <v>6865</v>
      </c>
      <c r="M2015" s="1" t="s">
        <v>5</v>
      </c>
      <c r="N2015" s="1" t="s">
        <v>1009</v>
      </c>
      <c r="O2015" s="1" t="s">
        <v>8</v>
      </c>
      <c r="P2015" s="5" t="s">
        <v>29846</v>
      </c>
    </row>
    <row r="2016" spans="1:16" x14ac:dyDescent="0.2">
      <c r="A2016" s="1" t="s">
        <v>10</v>
      </c>
      <c r="B2016" s="1" t="s">
        <v>10</v>
      </c>
      <c r="C2016" s="1" t="s">
        <v>1180</v>
      </c>
      <c r="D2016" s="1" t="s">
        <v>6871</v>
      </c>
      <c r="E2016" s="1" t="s">
        <v>6872</v>
      </c>
      <c r="F2016" s="1" t="s">
        <v>27</v>
      </c>
      <c r="G2016" s="1" t="s">
        <v>10</v>
      </c>
      <c r="H2016" s="1" t="s">
        <v>6873</v>
      </c>
      <c r="I2016" s="1" t="s">
        <v>6382</v>
      </c>
      <c r="J2016" s="1" t="s">
        <v>19</v>
      </c>
      <c r="K2016" s="1" t="s">
        <v>64</v>
      </c>
      <c r="L2016" s="1" t="s">
        <v>6870</v>
      </c>
      <c r="M2016" s="1" t="s">
        <v>5</v>
      </c>
      <c r="N2016" s="1" t="s">
        <v>25</v>
      </c>
      <c r="O2016" s="1" t="s">
        <v>8</v>
      </c>
      <c r="P2016" s="5" t="s">
        <v>29846</v>
      </c>
    </row>
    <row r="2017" spans="1:16" x14ac:dyDescent="0.2">
      <c r="A2017" s="1" t="s">
        <v>20</v>
      </c>
      <c r="B2017" s="1" t="s">
        <v>93</v>
      </c>
      <c r="C2017" s="1" t="s">
        <v>6875</v>
      </c>
      <c r="D2017" s="1" t="s">
        <v>10</v>
      </c>
      <c r="E2017" s="1" t="s">
        <v>6876</v>
      </c>
      <c r="F2017" s="1" t="s">
        <v>10</v>
      </c>
      <c r="G2017" s="1" t="s">
        <v>10</v>
      </c>
      <c r="H2017" s="1" t="s">
        <v>10</v>
      </c>
      <c r="I2017" s="1" t="s">
        <v>6382</v>
      </c>
      <c r="J2017" s="1" t="s">
        <v>19</v>
      </c>
      <c r="K2017" s="1" t="s">
        <v>64</v>
      </c>
      <c r="L2017" s="1" t="s">
        <v>6874</v>
      </c>
      <c r="M2017" s="1" t="s">
        <v>5</v>
      </c>
      <c r="N2017" s="1" t="s">
        <v>25</v>
      </c>
      <c r="O2017" s="1" t="s">
        <v>8</v>
      </c>
      <c r="P2017" s="5" t="s">
        <v>29946</v>
      </c>
    </row>
    <row r="2018" spans="1:16" x14ac:dyDescent="0.2">
      <c r="A2018" s="1" t="s">
        <v>1385</v>
      </c>
      <c r="B2018" s="1" t="s">
        <v>2028</v>
      </c>
      <c r="C2018" s="1" t="s">
        <v>6878</v>
      </c>
      <c r="D2018" s="1" t="s">
        <v>10</v>
      </c>
      <c r="E2018" s="1" t="s">
        <v>6879</v>
      </c>
      <c r="F2018" s="1" t="s">
        <v>27</v>
      </c>
      <c r="G2018" s="1" t="s">
        <v>10</v>
      </c>
      <c r="H2018" s="1" t="s">
        <v>6880</v>
      </c>
      <c r="I2018" s="1" t="s">
        <v>6382</v>
      </c>
      <c r="J2018" s="1" t="s">
        <v>6527</v>
      </c>
      <c r="K2018" s="1" t="s">
        <v>7</v>
      </c>
      <c r="L2018" s="1" t="s">
        <v>6877</v>
      </c>
      <c r="M2018" s="1" t="s">
        <v>5</v>
      </c>
      <c r="N2018" s="1" t="s">
        <v>25</v>
      </c>
      <c r="O2018" s="1" t="s">
        <v>8</v>
      </c>
      <c r="P2018" s="5" t="s">
        <v>29846</v>
      </c>
    </row>
    <row r="2019" spans="1:16" x14ac:dyDescent="0.2">
      <c r="A2019" s="1" t="s">
        <v>20</v>
      </c>
      <c r="B2019" s="1" t="s">
        <v>253</v>
      </c>
      <c r="C2019" s="1" t="s">
        <v>6882</v>
      </c>
      <c r="D2019" s="1" t="s">
        <v>10</v>
      </c>
      <c r="E2019" s="1" t="s">
        <v>6883</v>
      </c>
      <c r="F2019" s="1" t="s">
        <v>27</v>
      </c>
      <c r="G2019" s="1" t="s">
        <v>10</v>
      </c>
      <c r="H2019" s="1" t="s">
        <v>6884</v>
      </c>
      <c r="I2019" s="1" t="s">
        <v>6382</v>
      </c>
      <c r="J2019" s="1" t="s">
        <v>6391</v>
      </c>
      <c r="K2019" s="1" t="s">
        <v>7</v>
      </c>
      <c r="L2019" s="1" t="s">
        <v>6881</v>
      </c>
      <c r="M2019" s="1" t="s">
        <v>5</v>
      </c>
      <c r="N2019" s="1" t="s">
        <v>25</v>
      </c>
      <c r="O2019" s="1" t="s">
        <v>8</v>
      </c>
      <c r="P2019" s="5" t="s">
        <v>29846</v>
      </c>
    </row>
    <row r="2020" spans="1:16" x14ac:dyDescent="0.2">
      <c r="A2020" s="1" t="s">
        <v>20</v>
      </c>
      <c r="B2020" s="1" t="s">
        <v>132</v>
      </c>
      <c r="C2020" s="1" t="s">
        <v>6886</v>
      </c>
      <c r="D2020" s="1" t="s">
        <v>10</v>
      </c>
      <c r="E2020" s="1"/>
      <c r="F2020" s="1" t="s">
        <v>27</v>
      </c>
      <c r="G2020" s="1" t="s">
        <v>10</v>
      </c>
      <c r="H2020" s="1" t="s">
        <v>6887</v>
      </c>
      <c r="I2020" s="1" t="s">
        <v>6382</v>
      </c>
      <c r="J2020" s="1" t="s">
        <v>6391</v>
      </c>
      <c r="K2020" s="1" t="s">
        <v>7</v>
      </c>
      <c r="L2020" s="1" t="s">
        <v>6885</v>
      </c>
      <c r="M2020" s="1" t="s">
        <v>5</v>
      </c>
      <c r="N2020" s="1" t="s">
        <v>25</v>
      </c>
      <c r="O2020" s="1" t="s">
        <v>8</v>
      </c>
      <c r="P2020" s="5" t="s">
        <v>29846</v>
      </c>
    </row>
    <row r="2021" spans="1:16" x14ac:dyDescent="0.2">
      <c r="A2021" s="1" t="s">
        <v>20</v>
      </c>
      <c r="B2021" s="1" t="s">
        <v>132</v>
      </c>
      <c r="C2021" s="1" t="s">
        <v>6889</v>
      </c>
      <c r="D2021" s="1" t="s">
        <v>6890</v>
      </c>
      <c r="E2021" s="1" t="s">
        <v>6891</v>
      </c>
      <c r="F2021" s="1" t="s">
        <v>27</v>
      </c>
      <c r="G2021" s="1" t="s">
        <v>10</v>
      </c>
      <c r="H2021" s="1" t="s">
        <v>6402</v>
      </c>
      <c r="I2021" s="1" t="s">
        <v>6382</v>
      </c>
      <c r="J2021" s="1" t="s">
        <v>19</v>
      </c>
      <c r="K2021" s="1" t="s">
        <v>7</v>
      </c>
      <c r="L2021" s="1" t="s">
        <v>6888</v>
      </c>
      <c r="M2021" s="1" t="s">
        <v>5</v>
      </c>
      <c r="N2021" s="1" t="s">
        <v>25</v>
      </c>
      <c r="O2021" s="1" t="s">
        <v>38</v>
      </c>
      <c r="P2021" s="5" t="s">
        <v>29846</v>
      </c>
    </row>
    <row r="2022" spans="1:16" x14ac:dyDescent="0.2">
      <c r="A2022" s="1" t="s">
        <v>66</v>
      </c>
      <c r="B2022" s="1" t="s">
        <v>1117</v>
      </c>
      <c r="C2022" s="1" t="s">
        <v>6893</v>
      </c>
      <c r="D2022" s="1" t="s">
        <v>10</v>
      </c>
      <c r="E2022" s="1" t="s">
        <v>6894</v>
      </c>
      <c r="F2022" s="1" t="s">
        <v>27</v>
      </c>
      <c r="G2022" s="1" t="s">
        <v>10</v>
      </c>
      <c r="H2022" s="1" t="s">
        <v>6402</v>
      </c>
      <c r="I2022" s="1" t="s">
        <v>6382</v>
      </c>
      <c r="J2022" s="1" t="s">
        <v>19</v>
      </c>
      <c r="K2022" s="1" t="s">
        <v>27</v>
      </c>
      <c r="L2022" s="1" t="s">
        <v>6892</v>
      </c>
      <c r="M2022" s="1" t="s">
        <v>5</v>
      </c>
      <c r="N2022" s="1" t="s">
        <v>25</v>
      </c>
      <c r="O2022" s="1" t="s">
        <v>38</v>
      </c>
      <c r="P2022" s="5" t="s">
        <v>29946</v>
      </c>
    </row>
    <row r="2023" spans="1:16" x14ac:dyDescent="0.2">
      <c r="A2023" s="1" t="s">
        <v>10</v>
      </c>
      <c r="B2023" s="1" t="s">
        <v>10</v>
      </c>
      <c r="C2023" s="1" t="s">
        <v>6896</v>
      </c>
      <c r="D2023" s="1" t="s">
        <v>10</v>
      </c>
      <c r="E2023" s="1" t="s">
        <v>6897</v>
      </c>
      <c r="F2023" s="1" t="s">
        <v>27</v>
      </c>
      <c r="G2023" s="1" t="s">
        <v>10</v>
      </c>
      <c r="H2023" s="1" t="s">
        <v>6898</v>
      </c>
      <c r="I2023" s="1" t="s">
        <v>6382</v>
      </c>
      <c r="J2023" s="1" t="s">
        <v>19</v>
      </c>
      <c r="K2023" s="1" t="s">
        <v>10</v>
      </c>
      <c r="L2023" s="1" t="s">
        <v>6895</v>
      </c>
      <c r="M2023" s="1" t="s">
        <v>5</v>
      </c>
      <c r="N2023" s="1" t="s">
        <v>25</v>
      </c>
      <c r="O2023" s="1" t="s">
        <v>8</v>
      </c>
      <c r="P2023" s="5" t="s">
        <v>29846</v>
      </c>
    </row>
    <row r="2024" spans="1:16" x14ac:dyDescent="0.2">
      <c r="A2024" s="1" t="s">
        <v>20</v>
      </c>
      <c r="B2024" s="1" t="s">
        <v>99</v>
      </c>
      <c r="C2024" s="1" t="s">
        <v>6900</v>
      </c>
      <c r="D2024" s="1" t="s">
        <v>10</v>
      </c>
      <c r="E2024" s="1" t="s">
        <v>6901</v>
      </c>
      <c r="F2024" s="1" t="s">
        <v>27</v>
      </c>
      <c r="G2024" s="1" t="s">
        <v>10</v>
      </c>
      <c r="H2024" s="1" t="s">
        <v>6402</v>
      </c>
      <c r="I2024" s="1" t="s">
        <v>6382</v>
      </c>
      <c r="J2024" s="1" t="s">
        <v>19</v>
      </c>
      <c r="K2024" s="1" t="s">
        <v>64</v>
      </c>
      <c r="L2024" s="1" t="s">
        <v>6899</v>
      </c>
      <c r="M2024" s="1" t="s">
        <v>5</v>
      </c>
      <c r="N2024" s="1" t="s">
        <v>6</v>
      </c>
      <c r="O2024" s="1" t="s">
        <v>38</v>
      </c>
      <c r="P2024" s="5" t="s">
        <v>10</v>
      </c>
    </row>
    <row r="2025" spans="1:16" x14ac:dyDescent="0.2">
      <c r="A2025" s="1" t="s">
        <v>20</v>
      </c>
      <c r="B2025" s="1" t="s">
        <v>93</v>
      </c>
      <c r="C2025" s="1" t="s">
        <v>6903</v>
      </c>
      <c r="D2025" s="1" t="s">
        <v>10</v>
      </c>
      <c r="E2025" s="1" t="s">
        <v>6904</v>
      </c>
      <c r="F2025" s="1" t="s">
        <v>27</v>
      </c>
      <c r="G2025" s="1" t="s">
        <v>10</v>
      </c>
      <c r="H2025" s="1" t="s">
        <v>6393</v>
      </c>
      <c r="I2025" s="1" t="s">
        <v>6382</v>
      </c>
      <c r="J2025" s="1" t="s">
        <v>19</v>
      </c>
      <c r="K2025" s="1" t="s">
        <v>244</v>
      </c>
      <c r="L2025" s="1" t="s">
        <v>6902</v>
      </c>
      <c r="M2025" s="1" t="s">
        <v>5</v>
      </c>
      <c r="N2025" s="1" t="s">
        <v>6</v>
      </c>
      <c r="O2025" s="1" t="s">
        <v>8</v>
      </c>
      <c r="P2025" s="5" t="s">
        <v>29846</v>
      </c>
    </row>
    <row r="2026" spans="1:16" x14ac:dyDescent="0.2">
      <c r="A2026" s="1" t="s">
        <v>66</v>
      </c>
      <c r="B2026" s="1" t="s">
        <v>574</v>
      </c>
      <c r="C2026" s="1" t="s">
        <v>6906</v>
      </c>
      <c r="D2026" s="1" t="s">
        <v>10</v>
      </c>
      <c r="E2026" s="1" t="s">
        <v>6908</v>
      </c>
      <c r="F2026" s="1" t="s">
        <v>27</v>
      </c>
      <c r="G2026" s="1" t="s">
        <v>10</v>
      </c>
      <c r="H2026" s="1" t="s">
        <v>5702</v>
      </c>
      <c r="I2026" s="1" t="s">
        <v>6382</v>
      </c>
      <c r="J2026" s="1" t="s">
        <v>19</v>
      </c>
      <c r="K2026" s="1" t="s">
        <v>6907</v>
      </c>
      <c r="L2026" s="1" t="s">
        <v>6905</v>
      </c>
      <c r="M2026" s="1" t="s">
        <v>5</v>
      </c>
      <c r="N2026" s="1" t="s">
        <v>6</v>
      </c>
      <c r="O2026" s="1" t="s">
        <v>8</v>
      </c>
      <c r="P2026" s="5" t="s">
        <v>29846</v>
      </c>
    </row>
    <row r="2027" spans="1:16" x14ac:dyDescent="0.2">
      <c r="A2027" s="1" t="s">
        <v>10</v>
      </c>
      <c r="B2027" s="1" t="s">
        <v>10</v>
      </c>
      <c r="C2027" s="1" t="s">
        <v>1991</v>
      </c>
      <c r="D2027" s="1" t="s">
        <v>10</v>
      </c>
      <c r="E2027" s="1" t="s">
        <v>6910</v>
      </c>
      <c r="F2027" s="1" t="s">
        <v>10</v>
      </c>
      <c r="G2027" s="1" t="s">
        <v>10</v>
      </c>
      <c r="H2027" s="1" t="s">
        <v>10</v>
      </c>
      <c r="I2027" s="1" t="s">
        <v>6382</v>
      </c>
      <c r="J2027" s="1" t="s">
        <v>19</v>
      </c>
      <c r="K2027" s="1" t="s">
        <v>10</v>
      </c>
      <c r="L2027" s="1" t="s">
        <v>6909</v>
      </c>
      <c r="M2027" s="1" t="s">
        <v>5</v>
      </c>
      <c r="N2027" s="1" t="s">
        <v>6</v>
      </c>
      <c r="O2027" s="1" t="s">
        <v>8</v>
      </c>
      <c r="P2027" s="5" t="s">
        <v>14</v>
      </c>
    </row>
    <row r="2028" spans="1:16" x14ac:dyDescent="0.2">
      <c r="A2028" s="1" t="s">
        <v>329</v>
      </c>
      <c r="B2028" s="1" t="s">
        <v>691</v>
      </c>
      <c r="C2028" s="1" t="s">
        <v>6912</v>
      </c>
      <c r="D2028" s="1" t="s">
        <v>10</v>
      </c>
      <c r="E2028" s="1" t="s">
        <v>6913</v>
      </c>
      <c r="F2028" s="1" t="s">
        <v>27</v>
      </c>
      <c r="G2028" s="1" t="s">
        <v>10</v>
      </c>
      <c r="H2028" s="1" t="s">
        <v>6402</v>
      </c>
      <c r="I2028" s="1" t="s">
        <v>6382</v>
      </c>
      <c r="J2028" s="1" t="s">
        <v>6391</v>
      </c>
      <c r="K2028" s="1" t="s">
        <v>7</v>
      </c>
      <c r="L2028" s="1" t="s">
        <v>6911</v>
      </c>
      <c r="M2028" s="1" t="s">
        <v>5</v>
      </c>
      <c r="N2028" s="1" t="s">
        <v>25</v>
      </c>
      <c r="O2028" s="1" t="s">
        <v>38</v>
      </c>
      <c r="P2028" s="5" t="s">
        <v>29947</v>
      </c>
    </row>
    <row r="2029" spans="1:16" x14ac:dyDescent="0.2">
      <c r="A2029" s="1" t="s">
        <v>20</v>
      </c>
      <c r="B2029" s="1" t="s">
        <v>93</v>
      </c>
      <c r="C2029" s="1" t="s">
        <v>6915</v>
      </c>
      <c r="D2029" s="1" t="s">
        <v>6916</v>
      </c>
      <c r="E2029" s="1" t="s">
        <v>6917</v>
      </c>
      <c r="F2029" s="1" t="s">
        <v>27</v>
      </c>
      <c r="G2029" s="1" t="s">
        <v>10</v>
      </c>
      <c r="H2029" s="1" t="s">
        <v>6738</v>
      </c>
      <c r="I2029" s="1" t="s">
        <v>6382</v>
      </c>
      <c r="J2029" s="1" t="s">
        <v>19</v>
      </c>
      <c r="K2029" s="1" t="s">
        <v>7</v>
      </c>
      <c r="L2029" s="1" t="s">
        <v>6914</v>
      </c>
      <c r="M2029" s="1" t="s">
        <v>5</v>
      </c>
      <c r="N2029" s="1" t="s">
        <v>6</v>
      </c>
      <c r="O2029" s="1" t="s">
        <v>8</v>
      </c>
      <c r="P2029" s="5" t="s">
        <v>29846</v>
      </c>
    </row>
    <row r="2030" spans="1:16" x14ac:dyDescent="0.2">
      <c r="A2030" s="1" t="s">
        <v>20</v>
      </c>
      <c r="B2030" s="1" t="s">
        <v>93</v>
      </c>
      <c r="C2030" s="1" t="s">
        <v>6919</v>
      </c>
      <c r="D2030" s="1" t="s">
        <v>6920</v>
      </c>
      <c r="E2030" s="1" t="s">
        <v>6921</v>
      </c>
      <c r="F2030" s="1" t="s">
        <v>27</v>
      </c>
      <c r="G2030" s="1" t="s">
        <v>10</v>
      </c>
      <c r="H2030" s="1" t="s">
        <v>6738</v>
      </c>
      <c r="I2030" s="1" t="s">
        <v>6382</v>
      </c>
      <c r="J2030" s="1" t="s">
        <v>19</v>
      </c>
      <c r="K2030" s="1" t="s">
        <v>7</v>
      </c>
      <c r="L2030" s="1" t="s">
        <v>6918</v>
      </c>
      <c r="M2030" s="1" t="s">
        <v>5</v>
      </c>
      <c r="N2030" s="1" t="s">
        <v>6</v>
      </c>
      <c r="O2030" s="1" t="s">
        <v>8</v>
      </c>
      <c r="P2030" s="5" t="s">
        <v>29846</v>
      </c>
    </row>
    <row r="2031" spans="1:16" x14ac:dyDescent="0.2">
      <c r="A2031" s="1" t="s">
        <v>10</v>
      </c>
      <c r="B2031" s="1" t="s">
        <v>10</v>
      </c>
      <c r="C2031" s="1" t="s">
        <v>6923</v>
      </c>
      <c r="D2031" s="1" t="s">
        <v>10</v>
      </c>
      <c r="E2031" s="1" t="s">
        <v>6924</v>
      </c>
      <c r="F2031" s="1" t="s">
        <v>27</v>
      </c>
      <c r="G2031" s="1" t="s">
        <v>10</v>
      </c>
      <c r="H2031" s="1" t="s">
        <v>6925</v>
      </c>
      <c r="I2031" s="1" t="s">
        <v>6382</v>
      </c>
      <c r="J2031" s="1" t="s">
        <v>19</v>
      </c>
      <c r="K2031" s="1" t="s">
        <v>64</v>
      </c>
      <c r="L2031" s="1" t="s">
        <v>6922</v>
      </c>
      <c r="M2031" s="1" t="s">
        <v>5</v>
      </c>
      <c r="N2031" s="1" t="s">
        <v>6</v>
      </c>
      <c r="O2031" s="1" t="s">
        <v>8</v>
      </c>
      <c r="P2031" s="5" t="s">
        <v>29846</v>
      </c>
    </row>
    <row r="2032" spans="1:16" x14ac:dyDescent="0.2">
      <c r="A2032" s="1" t="s">
        <v>32</v>
      </c>
      <c r="B2032" s="1" t="s">
        <v>1163</v>
      </c>
      <c r="C2032" s="1" t="s">
        <v>6927</v>
      </c>
      <c r="D2032" s="1" t="s">
        <v>10</v>
      </c>
      <c r="E2032" s="1" t="s">
        <v>6928</v>
      </c>
      <c r="F2032" s="1" t="s">
        <v>10</v>
      </c>
      <c r="G2032" s="1" t="s">
        <v>10</v>
      </c>
      <c r="H2032" s="1" t="s">
        <v>10</v>
      </c>
      <c r="I2032" s="1" t="s">
        <v>6382</v>
      </c>
      <c r="J2032" s="1" t="s">
        <v>19</v>
      </c>
      <c r="K2032" s="1" t="s">
        <v>10</v>
      </c>
      <c r="L2032" s="1" t="s">
        <v>6926</v>
      </c>
      <c r="M2032" s="1" t="s">
        <v>5</v>
      </c>
      <c r="N2032" s="1" t="s">
        <v>6</v>
      </c>
      <c r="O2032" s="1" t="s">
        <v>8</v>
      </c>
      <c r="P2032" s="5" t="s">
        <v>10</v>
      </c>
    </row>
    <row r="2033" spans="1:16" x14ac:dyDescent="0.2">
      <c r="A2033" s="1" t="s">
        <v>20</v>
      </c>
      <c r="B2033" s="1" t="s">
        <v>253</v>
      </c>
      <c r="C2033" s="1" t="s">
        <v>6930</v>
      </c>
      <c r="D2033" s="1" t="s">
        <v>6930</v>
      </c>
      <c r="E2033" s="1" t="s">
        <v>6931</v>
      </c>
      <c r="F2033" s="1" t="s">
        <v>27</v>
      </c>
      <c r="G2033" s="1" t="s">
        <v>10</v>
      </c>
      <c r="H2033" s="1" t="s">
        <v>6581</v>
      </c>
      <c r="I2033" s="1" t="s">
        <v>6382</v>
      </c>
      <c r="J2033" s="1" t="s">
        <v>19</v>
      </c>
      <c r="K2033" s="1" t="s">
        <v>10</v>
      </c>
      <c r="L2033" s="1" t="s">
        <v>6929</v>
      </c>
      <c r="M2033" s="1" t="s">
        <v>5</v>
      </c>
      <c r="N2033" s="1" t="s">
        <v>6</v>
      </c>
      <c r="O2033" s="1" t="s">
        <v>8</v>
      </c>
      <c r="P2033" s="5" t="s">
        <v>29846</v>
      </c>
    </row>
    <row r="2034" spans="1:16" x14ac:dyDescent="0.2">
      <c r="A2034" s="1" t="s">
        <v>10</v>
      </c>
      <c r="B2034" s="1" t="s">
        <v>10</v>
      </c>
      <c r="C2034" s="1" t="s">
        <v>1106</v>
      </c>
      <c r="D2034" s="1" t="s">
        <v>1107</v>
      </c>
      <c r="E2034" s="1" t="s">
        <v>6933</v>
      </c>
      <c r="F2034" s="1" t="s">
        <v>27</v>
      </c>
      <c r="G2034" s="1" t="s">
        <v>10</v>
      </c>
      <c r="H2034" s="1" t="s">
        <v>6934</v>
      </c>
      <c r="I2034" s="1" t="s">
        <v>6382</v>
      </c>
      <c r="J2034" s="1" t="s">
        <v>19</v>
      </c>
      <c r="K2034" s="1" t="s">
        <v>10</v>
      </c>
      <c r="L2034" s="1" t="s">
        <v>6932</v>
      </c>
      <c r="M2034" s="1" t="s">
        <v>5</v>
      </c>
      <c r="N2034" s="1" t="s">
        <v>6</v>
      </c>
      <c r="O2034" s="1" t="s">
        <v>8</v>
      </c>
      <c r="P2034" s="5" t="s">
        <v>29846</v>
      </c>
    </row>
    <row r="2035" spans="1:16" x14ac:dyDescent="0.2">
      <c r="A2035" s="1" t="s">
        <v>194</v>
      </c>
      <c r="B2035" s="1" t="s">
        <v>6723</v>
      </c>
      <c r="C2035" s="1" t="s">
        <v>6937</v>
      </c>
      <c r="D2035" s="1" t="s">
        <v>10</v>
      </c>
      <c r="E2035" s="1" t="s">
        <v>6938</v>
      </c>
      <c r="F2035" s="1" t="s">
        <v>27</v>
      </c>
      <c r="G2035" s="1" t="s">
        <v>10</v>
      </c>
      <c r="H2035" s="1" t="s">
        <v>6939</v>
      </c>
      <c r="I2035" s="1" t="s">
        <v>6382</v>
      </c>
      <c r="J2035" s="1" t="s">
        <v>19</v>
      </c>
      <c r="K2035" s="1" t="s">
        <v>586</v>
      </c>
      <c r="L2035" s="1" t="s">
        <v>6936</v>
      </c>
      <c r="M2035" s="1" t="s">
        <v>5</v>
      </c>
      <c r="N2035" s="1" t="s">
        <v>6</v>
      </c>
      <c r="O2035" s="1" t="s">
        <v>8</v>
      </c>
      <c r="P2035" s="5"/>
    </row>
    <row r="2036" spans="1:16" x14ac:dyDescent="0.2">
      <c r="A2036" s="1" t="s">
        <v>194</v>
      </c>
      <c r="B2036" s="1" t="s">
        <v>6723</v>
      </c>
      <c r="C2036" s="1" t="s">
        <v>6941</v>
      </c>
      <c r="D2036" s="1" t="s">
        <v>10</v>
      </c>
      <c r="E2036" s="1" t="s">
        <v>6942</v>
      </c>
      <c r="F2036" s="1" t="s">
        <v>27</v>
      </c>
      <c r="G2036" s="1" t="s">
        <v>10</v>
      </c>
      <c r="H2036" s="1" t="s">
        <v>6943</v>
      </c>
      <c r="I2036" s="1" t="s">
        <v>6382</v>
      </c>
      <c r="J2036" s="1" t="s">
        <v>19</v>
      </c>
      <c r="K2036" s="1" t="s">
        <v>586</v>
      </c>
      <c r="L2036" s="1" t="s">
        <v>6940</v>
      </c>
      <c r="M2036" s="1" t="s">
        <v>5</v>
      </c>
      <c r="N2036" s="1" t="s">
        <v>6</v>
      </c>
      <c r="O2036" s="1" t="s">
        <v>8</v>
      </c>
      <c r="P2036" s="5"/>
    </row>
    <row r="2037" spans="1:16" x14ac:dyDescent="0.2">
      <c r="A2037" s="1" t="s">
        <v>194</v>
      </c>
      <c r="B2037" s="1" t="s">
        <v>6723</v>
      </c>
      <c r="C2037" s="1" t="s">
        <v>6945</v>
      </c>
      <c r="D2037" s="1" t="s">
        <v>6946</v>
      </c>
      <c r="E2037" s="1" t="s">
        <v>6947</v>
      </c>
      <c r="F2037" s="1" t="s">
        <v>27</v>
      </c>
      <c r="G2037" s="1" t="s">
        <v>10</v>
      </c>
      <c r="H2037" s="1" t="s">
        <v>6948</v>
      </c>
      <c r="I2037" s="1" t="s">
        <v>6382</v>
      </c>
      <c r="J2037" s="1" t="s">
        <v>19</v>
      </c>
      <c r="K2037" s="1" t="s">
        <v>586</v>
      </c>
      <c r="L2037" s="1" t="s">
        <v>6944</v>
      </c>
      <c r="M2037" s="1" t="s">
        <v>5</v>
      </c>
      <c r="N2037" s="1" t="s">
        <v>6</v>
      </c>
      <c r="O2037" s="1" t="s">
        <v>8</v>
      </c>
      <c r="P2037" s="5"/>
    </row>
    <row r="2038" spans="1:16" x14ac:dyDescent="0.2">
      <c r="A2038" s="1" t="s">
        <v>194</v>
      </c>
      <c r="B2038" s="1" t="s">
        <v>6723</v>
      </c>
      <c r="C2038" s="1" t="s">
        <v>6950</v>
      </c>
      <c r="D2038" s="1" t="s">
        <v>10</v>
      </c>
      <c r="E2038" s="1" t="s">
        <v>6951</v>
      </c>
      <c r="F2038" s="1" t="s">
        <v>27</v>
      </c>
      <c r="G2038" s="1" t="s">
        <v>10</v>
      </c>
      <c r="H2038" s="1" t="s">
        <v>5751</v>
      </c>
      <c r="I2038" s="1" t="s">
        <v>6382</v>
      </c>
      <c r="J2038" s="1" t="s">
        <v>19</v>
      </c>
      <c r="K2038" s="1" t="s">
        <v>586</v>
      </c>
      <c r="L2038" s="1" t="s">
        <v>6949</v>
      </c>
      <c r="M2038" s="1" t="s">
        <v>5</v>
      </c>
      <c r="N2038" s="1" t="s">
        <v>6</v>
      </c>
      <c r="O2038" s="1" t="s">
        <v>8</v>
      </c>
      <c r="P2038" s="5"/>
    </row>
    <row r="2039" spans="1:16" x14ac:dyDescent="0.2">
      <c r="A2039" s="1" t="s">
        <v>42</v>
      </c>
      <c r="B2039" s="1" t="s">
        <v>2091</v>
      </c>
      <c r="C2039" s="1" t="s">
        <v>6953</v>
      </c>
      <c r="D2039" s="1" t="s">
        <v>10</v>
      </c>
      <c r="E2039" s="1" t="s">
        <v>6954</v>
      </c>
      <c r="F2039" s="1" t="s">
        <v>27</v>
      </c>
      <c r="G2039" s="1" t="s">
        <v>10</v>
      </c>
      <c r="H2039" s="1" t="s">
        <v>6955</v>
      </c>
      <c r="I2039" s="1" t="s">
        <v>6382</v>
      </c>
      <c r="J2039" s="1" t="s">
        <v>19</v>
      </c>
      <c r="K2039" s="1" t="s">
        <v>27</v>
      </c>
      <c r="L2039" s="1" t="s">
        <v>6952</v>
      </c>
      <c r="M2039" s="1" t="s">
        <v>5</v>
      </c>
      <c r="N2039" s="1" t="s">
        <v>6</v>
      </c>
      <c r="O2039" s="1" t="s">
        <v>38</v>
      </c>
      <c r="P2039" s="5"/>
    </row>
    <row r="2040" spans="1:16" x14ac:dyDescent="0.2">
      <c r="A2040" s="1" t="s">
        <v>20</v>
      </c>
      <c r="B2040" s="1" t="s">
        <v>1047</v>
      </c>
      <c r="C2040" s="1" t="s">
        <v>6957</v>
      </c>
      <c r="D2040" s="1" t="s">
        <v>10</v>
      </c>
      <c r="E2040" s="1" t="s">
        <v>6958</v>
      </c>
      <c r="F2040" s="1" t="s">
        <v>105</v>
      </c>
      <c r="G2040" s="1" t="s">
        <v>6959</v>
      </c>
      <c r="H2040" s="1" t="s">
        <v>10</v>
      </c>
      <c r="I2040" s="1" t="s">
        <v>6382</v>
      </c>
      <c r="J2040" s="1" t="s">
        <v>19</v>
      </c>
      <c r="K2040" s="1" t="s">
        <v>100</v>
      </c>
      <c r="L2040" s="1" t="s">
        <v>6956</v>
      </c>
      <c r="M2040" s="1" t="s">
        <v>5</v>
      </c>
      <c r="N2040" s="1" t="s">
        <v>6</v>
      </c>
      <c r="O2040" s="1" t="s">
        <v>8</v>
      </c>
      <c r="P2040" s="5"/>
    </row>
    <row r="2041" spans="1:16" x14ac:dyDescent="0.2">
      <c r="A2041" s="1" t="s">
        <v>10</v>
      </c>
      <c r="B2041" s="1" t="s">
        <v>10</v>
      </c>
      <c r="C2041" s="1" t="s">
        <v>6961</v>
      </c>
      <c r="D2041" s="1" t="s">
        <v>10</v>
      </c>
      <c r="E2041" s="1" t="s">
        <v>6935</v>
      </c>
      <c r="F2041" s="1" t="s">
        <v>10</v>
      </c>
      <c r="G2041" s="1" t="s">
        <v>10</v>
      </c>
      <c r="H2041" s="1" t="s">
        <v>10</v>
      </c>
      <c r="I2041" s="1" t="s">
        <v>6382</v>
      </c>
      <c r="J2041" s="1" t="s">
        <v>19</v>
      </c>
      <c r="K2041" s="1" t="s">
        <v>10</v>
      </c>
      <c r="L2041" s="1" t="s">
        <v>6960</v>
      </c>
      <c r="M2041" s="1" t="s">
        <v>5</v>
      </c>
      <c r="N2041" s="1" t="s">
        <v>6</v>
      </c>
      <c r="O2041" s="1" t="s">
        <v>8</v>
      </c>
      <c r="P2041" s="5" t="s">
        <v>10</v>
      </c>
    </row>
    <row r="2042" spans="1:16" x14ac:dyDescent="0.2">
      <c r="A2042" s="1" t="s">
        <v>32</v>
      </c>
      <c r="B2042" s="1" t="s">
        <v>140</v>
      </c>
      <c r="C2042" s="1" t="s">
        <v>6963</v>
      </c>
      <c r="D2042" s="1" t="s">
        <v>10</v>
      </c>
      <c r="E2042" s="1" t="s">
        <v>6935</v>
      </c>
      <c r="F2042" s="1" t="s">
        <v>10</v>
      </c>
      <c r="G2042" s="1" t="s">
        <v>10</v>
      </c>
      <c r="H2042" s="1" t="s">
        <v>10</v>
      </c>
      <c r="I2042" s="1" t="s">
        <v>6382</v>
      </c>
      <c r="J2042" s="1" t="s">
        <v>19</v>
      </c>
      <c r="K2042" s="1" t="s">
        <v>10</v>
      </c>
      <c r="L2042" s="1" t="s">
        <v>6962</v>
      </c>
      <c r="M2042" s="1" t="s">
        <v>5</v>
      </c>
      <c r="N2042" s="1" t="s">
        <v>25</v>
      </c>
      <c r="O2042" s="1" t="s">
        <v>8</v>
      </c>
      <c r="P2042" s="5" t="s">
        <v>10</v>
      </c>
    </row>
    <row r="2043" spans="1:16" x14ac:dyDescent="0.2">
      <c r="A2043" s="1" t="s">
        <v>20</v>
      </c>
      <c r="B2043" s="1" t="s">
        <v>93</v>
      </c>
      <c r="C2043" s="1" t="s">
        <v>6965</v>
      </c>
      <c r="D2043" s="1" t="s">
        <v>10</v>
      </c>
      <c r="E2043" s="1" t="s">
        <v>6966</v>
      </c>
      <c r="F2043" s="1" t="s">
        <v>27</v>
      </c>
      <c r="G2043" s="1" t="s">
        <v>10</v>
      </c>
      <c r="H2043" s="1" t="s">
        <v>6967</v>
      </c>
      <c r="I2043" s="1" t="s">
        <v>6382</v>
      </c>
      <c r="J2043" s="1" t="s">
        <v>19</v>
      </c>
      <c r="K2043" s="1" t="s">
        <v>27</v>
      </c>
      <c r="L2043" s="1" t="s">
        <v>6964</v>
      </c>
      <c r="M2043" s="1" t="s">
        <v>5</v>
      </c>
      <c r="N2043" s="1" t="s">
        <v>6</v>
      </c>
      <c r="O2043" s="1" t="s">
        <v>8</v>
      </c>
      <c r="P2043" s="5" t="s">
        <v>10</v>
      </c>
    </row>
    <row r="2044" spans="1:16" x14ac:dyDescent="0.2">
      <c r="A2044" s="1" t="s">
        <v>1984</v>
      </c>
      <c r="B2044" s="1" t="s">
        <v>6971</v>
      </c>
      <c r="C2044" s="1" t="s">
        <v>6969</v>
      </c>
      <c r="D2044" s="1" t="s">
        <v>10</v>
      </c>
      <c r="E2044" s="1" t="s">
        <v>6970</v>
      </c>
      <c r="F2044" s="1" t="s">
        <v>2159</v>
      </c>
      <c r="G2044" s="1" t="s">
        <v>10</v>
      </c>
      <c r="H2044" s="1" t="s">
        <v>10</v>
      </c>
      <c r="I2044" s="1" t="s">
        <v>6382</v>
      </c>
      <c r="J2044" s="1" t="s">
        <v>19</v>
      </c>
      <c r="K2044" s="1" t="s">
        <v>64</v>
      </c>
      <c r="L2044" s="1" t="s">
        <v>6968</v>
      </c>
      <c r="M2044" s="1" t="s">
        <v>5</v>
      </c>
      <c r="N2044" s="1" t="s">
        <v>6</v>
      </c>
      <c r="O2044" s="1" t="s">
        <v>8</v>
      </c>
      <c r="P2044" s="5"/>
    </row>
    <row r="2045" spans="1:16" x14ac:dyDescent="0.2">
      <c r="A2045" s="1" t="s">
        <v>10</v>
      </c>
      <c r="B2045" s="1" t="s">
        <v>10</v>
      </c>
      <c r="C2045" s="1" t="s">
        <v>6973</v>
      </c>
      <c r="D2045" s="1" t="s">
        <v>10</v>
      </c>
      <c r="E2045" s="1" t="s">
        <v>6974</v>
      </c>
      <c r="F2045" s="1" t="s">
        <v>27</v>
      </c>
      <c r="G2045" s="1" t="s">
        <v>10</v>
      </c>
      <c r="H2045" s="1" t="s">
        <v>6975</v>
      </c>
      <c r="I2045" s="1" t="s">
        <v>6382</v>
      </c>
      <c r="J2045" s="1" t="s">
        <v>19</v>
      </c>
      <c r="K2045" s="1" t="s">
        <v>10</v>
      </c>
      <c r="L2045" s="1" t="s">
        <v>6972</v>
      </c>
      <c r="M2045" s="1" t="s">
        <v>5</v>
      </c>
      <c r="N2045" s="1" t="s">
        <v>6</v>
      </c>
      <c r="O2045" s="1" t="s">
        <v>8</v>
      </c>
      <c r="P2045" s="5" t="s">
        <v>10</v>
      </c>
    </row>
    <row r="2046" spans="1:16" x14ac:dyDescent="0.2">
      <c r="A2046" s="1" t="s">
        <v>10</v>
      </c>
      <c r="B2046" s="1" t="s">
        <v>10</v>
      </c>
      <c r="C2046" s="1" t="s">
        <v>6977</v>
      </c>
      <c r="D2046" s="1" t="s">
        <v>10</v>
      </c>
      <c r="E2046" s="1" t="s">
        <v>6935</v>
      </c>
      <c r="F2046" s="1" t="s">
        <v>27</v>
      </c>
      <c r="G2046" s="1" t="s">
        <v>10</v>
      </c>
      <c r="H2046" s="1" t="s">
        <v>6978</v>
      </c>
      <c r="I2046" s="1" t="s">
        <v>6382</v>
      </c>
      <c r="J2046" s="1" t="s">
        <v>19</v>
      </c>
      <c r="K2046" s="1" t="s">
        <v>10</v>
      </c>
      <c r="L2046" s="1" t="s">
        <v>6976</v>
      </c>
      <c r="M2046" s="1" t="s">
        <v>5</v>
      </c>
      <c r="N2046" s="1" t="s">
        <v>6</v>
      </c>
      <c r="O2046" s="1" t="s">
        <v>8</v>
      </c>
      <c r="P2046" s="5" t="s">
        <v>10</v>
      </c>
    </row>
    <row r="2047" spans="1:16" x14ac:dyDescent="0.2">
      <c r="A2047" s="1" t="s">
        <v>10</v>
      </c>
      <c r="B2047" s="1" t="s">
        <v>10</v>
      </c>
      <c r="C2047" s="1" t="s">
        <v>6980</v>
      </c>
      <c r="D2047" s="1" t="s">
        <v>10</v>
      </c>
      <c r="E2047" s="1" t="s">
        <v>6935</v>
      </c>
      <c r="F2047" s="1" t="s">
        <v>27</v>
      </c>
      <c r="G2047" s="1" t="s">
        <v>10</v>
      </c>
      <c r="H2047" s="1" t="s">
        <v>6981</v>
      </c>
      <c r="I2047" s="1" t="s">
        <v>6382</v>
      </c>
      <c r="J2047" s="1" t="s">
        <v>19</v>
      </c>
      <c r="K2047" s="1" t="s">
        <v>10</v>
      </c>
      <c r="L2047" s="1" t="s">
        <v>6979</v>
      </c>
      <c r="M2047" s="1" t="s">
        <v>5</v>
      </c>
      <c r="N2047" s="1" t="s">
        <v>6</v>
      </c>
      <c r="O2047" s="1" t="s">
        <v>8</v>
      </c>
      <c r="P2047" s="5" t="s">
        <v>10</v>
      </c>
    </row>
    <row r="2048" spans="1:16" x14ac:dyDescent="0.2">
      <c r="A2048" s="1" t="s">
        <v>10</v>
      </c>
      <c r="B2048" s="1" t="s">
        <v>10</v>
      </c>
      <c r="C2048" s="1" t="s">
        <v>6983</v>
      </c>
      <c r="D2048" s="1" t="s">
        <v>10</v>
      </c>
      <c r="E2048" s="1" t="s">
        <v>6935</v>
      </c>
      <c r="F2048" s="1" t="s">
        <v>27</v>
      </c>
      <c r="G2048" s="1" t="s">
        <v>10</v>
      </c>
      <c r="H2048" s="1" t="s">
        <v>6984</v>
      </c>
      <c r="I2048" s="1" t="s">
        <v>6382</v>
      </c>
      <c r="J2048" s="1" t="s">
        <v>19</v>
      </c>
      <c r="K2048" s="1" t="s">
        <v>10</v>
      </c>
      <c r="L2048" s="1" t="s">
        <v>6982</v>
      </c>
      <c r="M2048" s="1" t="s">
        <v>5</v>
      </c>
      <c r="N2048" s="1" t="s">
        <v>6</v>
      </c>
      <c r="O2048" s="1" t="s">
        <v>8</v>
      </c>
      <c r="P2048" s="5" t="s">
        <v>10</v>
      </c>
    </row>
    <row r="2049" spans="1:16" x14ac:dyDescent="0.2">
      <c r="A2049" s="1" t="s">
        <v>20</v>
      </c>
      <c r="B2049" s="1" t="s">
        <v>21</v>
      </c>
      <c r="C2049" s="1" t="s">
        <v>6986</v>
      </c>
      <c r="D2049" s="1" t="s">
        <v>10</v>
      </c>
      <c r="E2049" s="1" t="s">
        <v>6987</v>
      </c>
      <c r="F2049" s="1" t="s">
        <v>522</v>
      </c>
      <c r="G2049" s="1" t="s">
        <v>6988</v>
      </c>
      <c r="H2049" s="1" t="s">
        <v>10</v>
      </c>
      <c r="I2049" s="1" t="s">
        <v>6382</v>
      </c>
      <c r="J2049" s="1" t="s">
        <v>6615</v>
      </c>
      <c r="K2049" s="1" t="s">
        <v>100</v>
      </c>
      <c r="L2049" s="1" t="s">
        <v>6985</v>
      </c>
      <c r="M2049" s="1" t="s">
        <v>5</v>
      </c>
      <c r="N2049" s="1" t="s">
        <v>1597</v>
      </c>
      <c r="O2049" s="1" t="s">
        <v>8</v>
      </c>
      <c r="P2049" s="5" t="s">
        <v>29846</v>
      </c>
    </row>
    <row r="2050" spans="1:16" x14ac:dyDescent="0.2">
      <c r="A2050" s="1" t="s">
        <v>32</v>
      </c>
      <c r="B2050" s="1" t="s">
        <v>1163</v>
      </c>
      <c r="C2050" s="1" t="s">
        <v>6990</v>
      </c>
      <c r="D2050" s="1" t="s">
        <v>10</v>
      </c>
      <c r="E2050" s="1" t="s">
        <v>6991</v>
      </c>
      <c r="F2050" s="1" t="s">
        <v>27</v>
      </c>
      <c r="G2050" s="1" t="s">
        <v>10</v>
      </c>
      <c r="H2050" s="1" t="s">
        <v>6992</v>
      </c>
      <c r="I2050" s="1" t="s">
        <v>6382</v>
      </c>
      <c r="J2050" s="1" t="s">
        <v>19</v>
      </c>
      <c r="K2050" s="1" t="s">
        <v>64</v>
      </c>
      <c r="L2050" s="1" t="s">
        <v>6989</v>
      </c>
      <c r="M2050" s="1" t="s">
        <v>5</v>
      </c>
      <c r="N2050" s="1" t="s">
        <v>6</v>
      </c>
      <c r="O2050" s="1" t="s">
        <v>8</v>
      </c>
      <c r="P2050" s="5" t="s">
        <v>29846</v>
      </c>
    </row>
    <row r="2051" spans="1:16" x14ac:dyDescent="0.2">
      <c r="A2051" s="1" t="s">
        <v>66</v>
      </c>
      <c r="B2051" s="1" t="s">
        <v>1117</v>
      </c>
      <c r="C2051" s="1" t="s">
        <v>6994</v>
      </c>
      <c r="D2051" s="1" t="s">
        <v>10</v>
      </c>
      <c r="E2051" s="1" t="s">
        <v>6995</v>
      </c>
      <c r="F2051" s="1" t="s">
        <v>27</v>
      </c>
      <c r="G2051" s="1" t="s">
        <v>10</v>
      </c>
      <c r="H2051" s="1" t="s">
        <v>6393</v>
      </c>
      <c r="I2051" s="1" t="s">
        <v>6382</v>
      </c>
      <c r="J2051" s="1" t="s">
        <v>19</v>
      </c>
      <c r="K2051" s="1" t="s">
        <v>64</v>
      </c>
      <c r="L2051" s="1" t="s">
        <v>6993</v>
      </c>
      <c r="M2051" s="1" t="s">
        <v>5</v>
      </c>
      <c r="N2051" s="1" t="s">
        <v>6</v>
      </c>
      <c r="O2051" s="1" t="s">
        <v>8</v>
      </c>
      <c r="P2051" s="5" t="s">
        <v>14</v>
      </c>
    </row>
    <row r="2052" spans="1:16" x14ac:dyDescent="0.2">
      <c r="A2052" s="1" t="s">
        <v>20</v>
      </c>
      <c r="B2052" s="1" t="s">
        <v>101</v>
      </c>
      <c r="C2052" s="1" t="s">
        <v>6997</v>
      </c>
      <c r="D2052" s="1" t="s">
        <v>10</v>
      </c>
      <c r="E2052" s="1" t="s">
        <v>6998</v>
      </c>
      <c r="F2052" s="1" t="s">
        <v>27</v>
      </c>
      <c r="G2052" s="1" t="s">
        <v>10</v>
      </c>
      <c r="H2052" s="1" t="s">
        <v>6999</v>
      </c>
      <c r="I2052" s="1" t="s">
        <v>6382</v>
      </c>
      <c r="J2052" s="1" t="s">
        <v>6391</v>
      </c>
      <c r="K2052" s="1" t="s">
        <v>100</v>
      </c>
      <c r="L2052" s="1" t="s">
        <v>6996</v>
      </c>
      <c r="M2052" s="1" t="s">
        <v>5</v>
      </c>
      <c r="N2052" s="1" t="s">
        <v>1597</v>
      </c>
      <c r="O2052" s="1" t="s">
        <v>8</v>
      </c>
      <c r="P2052" s="5" t="s">
        <v>10</v>
      </c>
    </row>
    <row r="2053" spans="1:16" x14ac:dyDescent="0.2">
      <c r="A2053" s="1" t="s">
        <v>194</v>
      </c>
      <c r="B2053" s="1" t="s">
        <v>396</v>
      </c>
      <c r="C2053" s="1" t="s">
        <v>7001</v>
      </c>
      <c r="D2053" s="1" t="s">
        <v>10</v>
      </c>
      <c r="E2053" s="1" t="s">
        <v>7002</v>
      </c>
      <c r="F2053" s="1" t="s">
        <v>27</v>
      </c>
      <c r="G2053" s="1" t="s">
        <v>10</v>
      </c>
      <c r="H2053" s="1" t="s">
        <v>7003</v>
      </c>
      <c r="I2053" s="1" t="s">
        <v>6382</v>
      </c>
      <c r="J2053" s="1" t="s">
        <v>19</v>
      </c>
      <c r="K2053" s="1" t="s">
        <v>130</v>
      </c>
      <c r="L2053" s="1" t="s">
        <v>7000</v>
      </c>
      <c r="M2053" s="1" t="s">
        <v>5</v>
      </c>
      <c r="N2053" s="1" t="s">
        <v>6</v>
      </c>
      <c r="O2053" s="1" t="s">
        <v>8</v>
      </c>
      <c r="P2053" s="5" t="s">
        <v>10</v>
      </c>
    </row>
    <row r="2054" spans="1:16" x14ac:dyDescent="0.2">
      <c r="A2054" s="1" t="s">
        <v>20</v>
      </c>
      <c r="B2054" s="1" t="s">
        <v>253</v>
      </c>
      <c r="C2054" s="1" t="s">
        <v>7005</v>
      </c>
      <c r="D2054" s="1" t="s">
        <v>10</v>
      </c>
      <c r="E2054" s="1" t="s">
        <v>7006</v>
      </c>
      <c r="F2054" s="1" t="s">
        <v>27</v>
      </c>
      <c r="G2054" s="1" t="s">
        <v>10</v>
      </c>
      <c r="H2054" s="1" t="s">
        <v>6581</v>
      </c>
      <c r="I2054" s="1" t="s">
        <v>6382</v>
      </c>
      <c r="J2054" s="1" t="s">
        <v>6391</v>
      </c>
      <c r="K2054" s="1" t="s">
        <v>7</v>
      </c>
      <c r="L2054" s="1" t="s">
        <v>7004</v>
      </c>
      <c r="M2054" s="1" t="s">
        <v>5</v>
      </c>
      <c r="N2054" s="1" t="s">
        <v>25</v>
      </c>
      <c r="O2054" s="1" t="s">
        <v>8</v>
      </c>
      <c r="P2054" s="5" t="s">
        <v>29846</v>
      </c>
    </row>
    <row r="2055" spans="1:16" x14ac:dyDescent="0.2">
      <c r="A2055" s="1" t="s">
        <v>20</v>
      </c>
      <c r="B2055" s="1" t="s">
        <v>132</v>
      </c>
      <c r="C2055" s="1" t="s">
        <v>6467</v>
      </c>
      <c r="D2055" s="1" t="s">
        <v>6463</v>
      </c>
      <c r="E2055" s="1" t="s">
        <v>6466</v>
      </c>
      <c r="F2055" s="1" t="s">
        <v>10</v>
      </c>
      <c r="G2055" s="1" t="s">
        <v>10</v>
      </c>
      <c r="H2055" s="1" t="s">
        <v>10</v>
      </c>
      <c r="I2055" s="1" t="s">
        <v>6382</v>
      </c>
      <c r="J2055" s="1" t="s">
        <v>6385</v>
      </c>
      <c r="K2055" s="1" t="s">
        <v>7</v>
      </c>
      <c r="L2055" s="1" t="s">
        <v>7007</v>
      </c>
      <c r="M2055" s="1" t="s">
        <v>10</v>
      </c>
      <c r="N2055" s="1" t="s">
        <v>10</v>
      </c>
      <c r="O2055" s="1" t="s">
        <v>38</v>
      </c>
      <c r="P2055" s="5" t="s">
        <v>10</v>
      </c>
    </row>
    <row r="2056" spans="1:16" x14ac:dyDescent="0.2">
      <c r="A2056" s="1" t="s">
        <v>20</v>
      </c>
      <c r="B2056" s="1" t="s">
        <v>132</v>
      </c>
      <c r="C2056" s="1" t="s">
        <v>6465</v>
      </c>
      <c r="D2056" s="1" t="s">
        <v>6463</v>
      </c>
      <c r="E2056" s="1" t="s">
        <v>6464</v>
      </c>
      <c r="F2056" s="1" t="s">
        <v>10</v>
      </c>
      <c r="G2056" s="1" t="s">
        <v>10</v>
      </c>
      <c r="H2056" s="1" t="s">
        <v>10</v>
      </c>
      <c r="I2056" s="1" t="s">
        <v>6382</v>
      </c>
      <c r="J2056" s="1" t="s">
        <v>6385</v>
      </c>
      <c r="K2056" s="1" t="s">
        <v>7</v>
      </c>
      <c r="L2056" s="1" t="s">
        <v>7008</v>
      </c>
      <c r="M2056" s="1" t="s">
        <v>10</v>
      </c>
      <c r="N2056" s="1" t="s">
        <v>10</v>
      </c>
      <c r="O2056" s="1" t="s">
        <v>38</v>
      </c>
      <c r="P2056" s="5" t="s">
        <v>10</v>
      </c>
    </row>
    <row r="2057" spans="1:16" x14ac:dyDescent="0.2">
      <c r="A2057" s="1" t="s">
        <v>10</v>
      </c>
      <c r="B2057" s="1" t="s">
        <v>10</v>
      </c>
      <c r="C2057" s="1" t="s">
        <v>7011</v>
      </c>
      <c r="D2057" s="1" t="s">
        <v>10</v>
      </c>
      <c r="E2057" s="1" t="s">
        <v>10</v>
      </c>
      <c r="F2057" s="1" t="s">
        <v>10</v>
      </c>
      <c r="G2057" s="1" t="s">
        <v>10</v>
      </c>
      <c r="H2057" s="1" t="s">
        <v>10</v>
      </c>
      <c r="I2057" s="1" t="s">
        <v>7009</v>
      </c>
      <c r="J2057" s="1" t="s">
        <v>10</v>
      </c>
      <c r="K2057" s="1" t="s">
        <v>10</v>
      </c>
      <c r="L2057" s="1" t="s">
        <v>7010</v>
      </c>
      <c r="M2057" s="1" t="s">
        <v>5</v>
      </c>
      <c r="N2057" s="1" t="s">
        <v>25</v>
      </c>
      <c r="O2057" s="1" t="s">
        <v>38</v>
      </c>
      <c r="P2057" s="5"/>
    </row>
    <row r="2058" spans="1:16" x14ac:dyDescent="0.2">
      <c r="A2058" s="1" t="s">
        <v>10</v>
      </c>
      <c r="B2058" s="1" t="s">
        <v>10</v>
      </c>
      <c r="C2058" s="1" t="s">
        <v>7014</v>
      </c>
      <c r="D2058" s="1" t="s">
        <v>7014</v>
      </c>
      <c r="E2058" s="1" t="s">
        <v>7015</v>
      </c>
      <c r="F2058" s="1" t="s">
        <v>10</v>
      </c>
      <c r="G2058" s="1" t="s">
        <v>10</v>
      </c>
      <c r="H2058" s="1" t="s">
        <v>10</v>
      </c>
      <c r="I2058" s="1" t="s">
        <v>7012</v>
      </c>
      <c r="J2058" s="1" t="s">
        <v>10</v>
      </c>
      <c r="K2058" s="1" t="s">
        <v>10</v>
      </c>
      <c r="L2058" s="1" t="s">
        <v>7013</v>
      </c>
      <c r="M2058" s="1" t="s">
        <v>5</v>
      </c>
      <c r="N2058" s="1" t="s">
        <v>10</v>
      </c>
      <c r="O2058" s="1" t="s">
        <v>8</v>
      </c>
      <c r="P2058" s="5"/>
    </row>
    <row r="2059" spans="1:16" x14ac:dyDescent="0.2">
      <c r="A2059" s="1" t="s">
        <v>42</v>
      </c>
      <c r="B2059" s="1" t="s">
        <v>1341</v>
      </c>
      <c r="C2059" s="1" t="s">
        <v>7066</v>
      </c>
      <c r="D2059" s="1" t="s">
        <v>7067</v>
      </c>
      <c r="E2059" s="1"/>
      <c r="F2059" s="1" t="s">
        <v>10</v>
      </c>
      <c r="G2059" s="1" t="s">
        <v>10</v>
      </c>
      <c r="H2059" s="1" t="s">
        <v>10</v>
      </c>
      <c r="I2059" s="1" t="s">
        <v>7064</v>
      </c>
      <c r="J2059" s="1" t="s">
        <v>7068</v>
      </c>
      <c r="K2059" s="1" t="s">
        <v>130</v>
      </c>
      <c r="L2059" s="1" t="s">
        <v>7065</v>
      </c>
      <c r="M2059" s="1" t="s">
        <v>5</v>
      </c>
      <c r="N2059" s="1" t="s">
        <v>10</v>
      </c>
      <c r="O2059" s="1" t="s">
        <v>38</v>
      </c>
      <c r="P2059" s="5" t="s">
        <v>29948</v>
      </c>
    </row>
    <row r="2060" spans="1:16" x14ac:dyDescent="0.2">
      <c r="A2060" s="1" t="s">
        <v>1086</v>
      </c>
      <c r="B2060" s="1" t="s">
        <v>7073</v>
      </c>
      <c r="C2060" s="1" t="s">
        <v>7070</v>
      </c>
      <c r="D2060" s="1" t="s">
        <v>7070</v>
      </c>
      <c r="E2060" s="1"/>
      <c r="F2060" s="1" t="s">
        <v>7071</v>
      </c>
      <c r="G2060" s="1" t="s">
        <v>1042</v>
      </c>
      <c r="H2060" s="1" t="s">
        <v>7072</v>
      </c>
      <c r="I2060" s="1" t="s">
        <v>7064</v>
      </c>
      <c r="J2060" s="1" t="s">
        <v>19</v>
      </c>
      <c r="K2060" s="1" t="s">
        <v>747</v>
      </c>
      <c r="L2060" s="1" t="s">
        <v>7069</v>
      </c>
      <c r="M2060" s="1" t="s">
        <v>5</v>
      </c>
      <c r="N2060" s="1" t="s">
        <v>10</v>
      </c>
      <c r="O2060" s="1" t="s">
        <v>8</v>
      </c>
      <c r="P2060" s="5" t="s">
        <v>30398</v>
      </c>
    </row>
    <row r="2061" spans="1:16" x14ac:dyDescent="0.2">
      <c r="A2061" s="1" t="s">
        <v>42</v>
      </c>
      <c r="B2061" s="1" t="s">
        <v>335</v>
      </c>
      <c r="C2061" s="1" t="s">
        <v>7075</v>
      </c>
      <c r="D2061" s="1" t="s">
        <v>3247</v>
      </c>
      <c r="E2061" s="1" t="s">
        <v>10</v>
      </c>
      <c r="F2061" s="1" t="s">
        <v>7076</v>
      </c>
      <c r="G2061" s="1" t="s">
        <v>1042</v>
      </c>
      <c r="H2061" s="1" t="s">
        <v>7077</v>
      </c>
      <c r="I2061" s="1" t="s">
        <v>7064</v>
      </c>
      <c r="J2061" s="1" t="s">
        <v>19</v>
      </c>
      <c r="K2061" s="1" t="s">
        <v>47</v>
      </c>
      <c r="L2061" s="1" t="s">
        <v>7074</v>
      </c>
      <c r="M2061" s="1" t="s">
        <v>5</v>
      </c>
      <c r="N2061" s="1" t="s">
        <v>10</v>
      </c>
      <c r="O2061" s="1" t="s">
        <v>8</v>
      </c>
      <c r="P2061" s="5"/>
    </row>
    <row r="2062" spans="1:16" x14ac:dyDescent="0.2">
      <c r="A2062" s="1" t="s">
        <v>20</v>
      </c>
      <c r="B2062" s="1" t="s">
        <v>1047</v>
      </c>
      <c r="C2062" s="1" t="s">
        <v>7079</v>
      </c>
      <c r="D2062" s="1" t="s">
        <v>7079</v>
      </c>
      <c r="E2062" s="1"/>
      <c r="F2062" s="1" t="s">
        <v>7080</v>
      </c>
      <c r="G2062" s="1" t="s">
        <v>1049</v>
      </c>
      <c r="H2062" s="1" t="s">
        <v>10</v>
      </c>
      <c r="I2062" s="1" t="s">
        <v>7064</v>
      </c>
      <c r="J2062" s="1" t="s">
        <v>19</v>
      </c>
      <c r="K2062" s="1" t="s">
        <v>100</v>
      </c>
      <c r="L2062" s="1" t="s">
        <v>7078</v>
      </c>
      <c r="M2062" s="1" t="s">
        <v>5</v>
      </c>
      <c r="N2062" s="1" t="s">
        <v>10</v>
      </c>
      <c r="O2062" s="1" t="s">
        <v>8</v>
      </c>
      <c r="P2062" s="5" t="s">
        <v>29949</v>
      </c>
    </row>
    <row r="2063" spans="1:16" x14ac:dyDescent="0.2">
      <c r="A2063" s="1" t="s">
        <v>20</v>
      </c>
      <c r="B2063" s="1" t="s">
        <v>1047</v>
      </c>
      <c r="C2063" s="1" t="s">
        <v>7083</v>
      </c>
      <c r="D2063" s="1" t="s">
        <v>7084</v>
      </c>
      <c r="E2063" s="1"/>
      <c r="F2063" s="1" t="s">
        <v>7085</v>
      </c>
      <c r="G2063" s="1" t="s">
        <v>1042</v>
      </c>
      <c r="H2063" s="1" t="s">
        <v>7086</v>
      </c>
      <c r="I2063" s="1" t="s">
        <v>7064</v>
      </c>
      <c r="J2063" s="1" t="s">
        <v>19</v>
      </c>
      <c r="K2063" s="1" t="s">
        <v>100</v>
      </c>
      <c r="L2063" s="1" t="s">
        <v>7082</v>
      </c>
      <c r="M2063" s="1" t="s">
        <v>5</v>
      </c>
      <c r="N2063" s="1" t="s">
        <v>10</v>
      </c>
      <c r="O2063" s="1" t="s">
        <v>8</v>
      </c>
      <c r="P2063" s="5" t="s">
        <v>29821</v>
      </c>
    </row>
    <row r="2064" spans="1:16" x14ac:dyDescent="0.2">
      <c r="A2064" s="1" t="s">
        <v>329</v>
      </c>
      <c r="B2064" s="1" t="s">
        <v>340</v>
      </c>
      <c r="C2064" s="1" t="s">
        <v>7088</v>
      </c>
      <c r="D2064" s="1" t="s">
        <v>7089</v>
      </c>
      <c r="E2064" s="1" t="s">
        <v>10</v>
      </c>
      <c r="F2064" s="1" t="s">
        <v>7090</v>
      </c>
      <c r="G2064" s="1" t="s">
        <v>10</v>
      </c>
      <c r="H2064" s="1" t="s">
        <v>7091</v>
      </c>
      <c r="I2064" s="1" t="s">
        <v>7064</v>
      </c>
      <c r="J2064" s="1" t="s">
        <v>10</v>
      </c>
      <c r="K2064" s="1" t="s">
        <v>10</v>
      </c>
      <c r="L2064" s="1" t="s">
        <v>7087</v>
      </c>
      <c r="M2064" s="1" t="s">
        <v>5</v>
      </c>
      <c r="N2064" s="1" t="s">
        <v>10</v>
      </c>
      <c r="O2064" s="1" t="s">
        <v>8</v>
      </c>
      <c r="P2064" s="5" t="s">
        <v>10</v>
      </c>
    </row>
    <row r="2065" spans="1:16" x14ac:dyDescent="0.2">
      <c r="A2065" s="1" t="s">
        <v>42</v>
      </c>
      <c r="B2065" s="1" t="s">
        <v>1341</v>
      </c>
      <c r="C2065" s="1" t="s">
        <v>7093</v>
      </c>
      <c r="D2065" s="1" t="s">
        <v>7093</v>
      </c>
      <c r="E2065" s="1"/>
      <c r="F2065" s="1" t="s">
        <v>10</v>
      </c>
      <c r="G2065" s="1" t="s">
        <v>7095</v>
      </c>
      <c r="H2065" s="1" t="s">
        <v>10</v>
      </c>
      <c r="I2065" s="1" t="s">
        <v>7064</v>
      </c>
      <c r="J2065" s="1" t="s">
        <v>7068</v>
      </c>
      <c r="K2065" s="1" t="s">
        <v>130</v>
      </c>
      <c r="L2065" s="1" t="s">
        <v>7092</v>
      </c>
      <c r="M2065" s="1" t="s">
        <v>5</v>
      </c>
      <c r="N2065" s="1" t="s">
        <v>10</v>
      </c>
      <c r="O2065" s="1" t="s">
        <v>8</v>
      </c>
      <c r="P2065" s="5" t="s">
        <v>29950</v>
      </c>
    </row>
    <row r="2066" spans="1:16" x14ac:dyDescent="0.2">
      <c r="A2066" s="1" t="s">
        <v>20</v>
      </c>
      <c r="B2066" s="1" t="s">
        <v>172</v>
      </c>
      <c r="C2066" s="1" t="s">
        <v>7097</v>
      </c>
      <c r="D2066" s="1" t="s">
        <v>6538</v>
      </c>
      <c r="E2066" s="1"/>
      <c r="F2066" s="1" t="s">
        <v>7098</v>
      </c>
      <c r="G2066" s="1" t="s">
        <v>18</v>
      </c>
      <c r="H2066" s="1" t="s">
        <v>10</v>
      </c>
      <c r="I2066" s="1" t="s">
        <v>7064</v>
      </c>
      <c r="J2066" s="1" t="s">
        <v>19</v>
      </c>
      <c r="K2066" s="1" t="s">
        <v>7</v>
      </c>
      <c r="L2066" s="1" t="s">
        <v>7096</v>
      </c>
      <c r="M2066" s="1" t="s">
        <v>5</v>
      </c>
      <c r="N2066" s="1" t="s">
        <v>10</v>
      </c>
      <c r="O2066" s="1" t="s">
        <v>8</v>
      </c>
      <c r="P2066" s="5" t="s">
        <v>30398</v>
      </c>
    </row>
    <row r="2067" spans="1:16" x14ac:dyDescent="0.2">
      <c r="A2067" s="1" t="s">
        <v>42</v>
      </c>
      <c r="B2067" s="1" t="s">
        <v>1341</v>
      </c>
      <c r="C2067" s="1" t="s">
        <v>7100</v>
      </c>
      <c r="D2067" s="1" t="s">
        <v>7101</v>
      </c>
      <c r="E2067" s="1"/>
      <c r="F2067" s="1" t="s">
        <v>10</v>
      </c>
      <c r="G2067" s="1" t="s">
        <v>10</v>
      </c>
      <c r="H2067" s="1" t="s">
        <v>10</v>
      </c>
      <c r="I2067" s="1" t="s">
        <v>7064</v>
      </c>
      <c r="J2067" s="1" t="s">
        <v>7068</v>
      </c>
      <c r="K2067" s="1" t="s">
        <v>130</v>
      </c>
      <c r="L2067" s="1" t="s">
        <v>7099</v>
      </c>
      <c r="M2067" s="1" t="s">
        <v>5</v>
      </c>
      <c r="N2067" s="1" t="s">
        <v>10</v>
      </c>
      <c r="O2067" s="1" t="s">
        <v>38</v>
      </c>
      <c r="P2067" s="5" t="s">
        <v>29821</v>
      </c>
    </row>
    <row r="2068" spans="1:16" x14ac:dyDescent="0.2">
      <c r="A2068" s="1" t="s">
        <v>42</v>
      </c>
      <c r="B2068" s="1" t="s">
        <v>43</v>
      </c>
      <c r="C2068" s="1" t="s">
        <v>574</v>
      </c>
      <c r="D2068" s="1" t="s">
        <v>7104</v>
      </c>
      <c r="E2068" s="1"/>
      <c r="F2068" s="1" t="s">
        <v>1813</v>
      </c>
      <c r="G2068" s="1" t="s">
        <v>1042</v>
      </c>
      <c r="H2068" s="1" t="s">
        <v>7105</v>
      </c>
      <c r="I2068" s="1" t="s">
        <v>7064</v>
      </c>
      <c r="J2068" s="1" t="s">
        <v>19</v>
      </c>
      <c r="K2068" s="1" t="s">
        <v>37</v>
      </c>
      <c r="L2068" s="1" t="s">
        <v>7103</v>
      </c>
      <c r="M2068" s="1" t="s">
        <v>5</v>
      </c>
      <c r="N2068" s="1" t="s">
        <v>10</v>
      </c>
      <c r="O2068" s="1" t="s">
        <v>8</v>
      </c>
      <c r="P2068" s="5" t="s">
        <v>31246</v>
      </c>
    </row>
    <row r="2069" spans="1:16" x14ac:dyDescent="0.2">
      <c r="A2069" s="1" t="s">
        <v>66</v>
      </c>
      <c r="B2069" s="1" t="s">
        <v>1117</v>
      </c>
      <c r="C2069" s="1" t="s">
        <v>7107</v>
      </c>
      <c r="D2069" s="1" t="s">
        <v>2244</v>
      </c>
      <c r="E2069" s="1"/>
      <c r="F2069" s="1" t="s">
        <v>7108</v>
      </c>
      <c r="G2069" s="1" t="s">
        <v>1042</v>
      </c>
      <c r="H2069" s="1" t="s">
        <v>2244</v>
      </c>
      <c r="I2069" s="1" t="s">
        <v>7064</v>
      </c>
      <c r="J2069" s="1" t="s">
        <v>19</v>
      </c>
      <c r="K2069" s="1" t="s">
        <v>7</v>
      </c>
      <c r="L2069" s="1" t="s">
        <v>7106</v>
      </c>
      <c r="M2069" s="1" t="s">
        <v>5</v>
      </c>
      <c r="N2069" s="1" t="s">
        <v>10</v>
      </c>
      <c r="O2069" s="1" t="s">
        <v>8</v>
      </c>
      <c r="P2069" s="5" t="s">
        <v>30398</v>
      </c>
    </row>
    <row r="2070" spans="1:16" x14ac:dyDescent="0.2">
      <c r="A2070" s="1" t="s">
        <v>42</v>
      </c>
      <c r="B2070" s="1" t="s">
        <v>87</v>
      </c>
      <c r="C2070" s="1" t="s">
        <v>7110</v>
      </c>
      <c r="D2070" s="1" t="s">
        <v>7111</v>
      </c>
      <c r="E2070" s="1"/>
      <c r="F2070" s="1" t="s">
        <v>7112</v>
      </c>
      <c r="G2070" s="1" t="s">
        <v>1042</v>
      </c>
      <c r="H2070" s="1" t="s">
        <v>7113</v>
      </c>
      <c r="I2070" s="1" t="s">
        <v>7064</v>
      </c>
      <c r="J2070" s="1" t="s">
        <v>19</v>
      </c>
      <c r="K2070" s="1" t="s">
        <v>7</v>
      </c>
      <c r="L2070" s="1" t="s">
        <v>7109</v>
      </c>
      <c r="M2070" s="1" t="s">
        <v>5</v>
      </c>
      <c r="N2070" s="1" t="s">
        <v>10</v>
      </c>
      <c r="O2070" s="1" t="s">
        <v>8</v>
      </c>
      <c r="P2070" s="5" t="s">
        <v>30398</v>
      </c>
    </row>
    <row r="2071" spans="1:16" x14ac:dyDescent="0.2">
      <c r="A2071" s="1" t="s">
        <v>329</v>
      </c>
      <c r="B2071" s="1" t="s">
        <v>1738</v>
      </c>
      <c r="C2071" s="1" t="s">
        <v>7115</v>
      </c>
      <c r="D2071" s="1" t="s">
        <v>7116</v>
      </c>
      <c r="E2071" s="1"/>
      <c r="F2071" s="1" t="s">
        <v>10</v>
      </c>
      <c r="G2071" s="1" t="s">
        <v>10</v>
      </c>
      <c r="H2071" s="1" t="s">
        <v>10</v>
      </c>
      <c r="I2071" s="1" t="s">
        <v>7064</v>
      </c>
      <c r="J2071" s="1" t="s">
        <v>7068</v>
      </c>
      <c r="K2071" s="1" t="s">
        <v>47</v>
      </c>
      <c r="L2071" s="1" t="s">
        <v>7114</v>
      </c>
      <c r="M2071" s="1" t="s">
        <v>5</v>
      </c>
      <c r="N2071" s="1" t="s">
        <v>10</v>
      </c>
      <c r="O2071" s="1" t="s">
        <v>38</v>
      </c>
      <c r="P2071" s="5" t="s">
        <v>31247</v>
      </c>
    </row>
    <row r="2072" spans="1:16" x14ac:dyDescent="0.2">
      <c r="A2072" s="1" t="s">
        <v>20</v>
      </c>
      <c r="B2072" s="1" t="s">
        <v>309</v>
      </c>
      <c r="C2072" s="1" t="s">
        <v>7118</v>
      </c>
      <c r="D2072" s="1" t="s">
        <v>7119</v>
      </c>
      <c r="E2072" s="1" t="s">
        <v>10</v>
      </c>
      <c r="F2072" s="1" t="s">
        <v>10</v>
      </c>
      <c r="G2072" s="1" t="s">
        <v>10</v>
      </c>
      <c r="H2072" s="1" t="s">
        <v>10</v>
      </c>
      <c r="I2072" s="1" t="s">
        <v>7064</v>
      </c>
      <c r="J2072" s="1" t="s">
        <v>7068</v>
      </c>
      <c r="K2072" s="1" t="s">
        <v>100</v>
      </c>
      <c r="L2072" s="1" t="s">
        <v>7117</v>
      </c>
      <c r="M2072" s="1" t="s">
        <v>5</v>
      </c>
      <c r="N2072" s="1" t="s">
        <v>10</v>
      </c>
      <c r="O2072" s="1" t="s">
        <v>38</v>
      </c>
      <c r="P2072" s="5"/>
    </row>
    <row r="2073" spans="1:16" x14ac:dyDescent="0.2">
      <c r="A2073" s="1" t="s">
        <v>20</v>
      </c>
      <c r="B2073" s="1" t="s">
        <v>93</v>
      </c>
      <c r="C2073" s="1" t="s">
        <v>7121</v>
      </c>
      <c r="D2073" s="1" t="s">
        <v>7121</v>
      </c>
      <c r="E2073" s="1"/>
      <c r="F2073" s="1" t="s">
        <v>7122</v>
      </c>
      <c r="G2073" s="1" t="s">
        <v>1042</v>
      </c>
      <c r="H2073" s="1" t="s">
        <v>7123</v>
      </c>
      <c r="I2073" s="1" t="s">
        <v>7064</v>
      </c>
      <c r="J2073" s="1" t="s">
        <v>7068</v>
      </c>
      <c r="K2073" s="1" t="s">
        <v>7</v>
      </c>
      <c r="L2073" s="1" t="s">
        <v>7120</v>
      </c>
      <c r="M2073" s="1" t="s">
        <v>5</v>
      </c>
      <c r="N2073" s="1" t="s">
        <v>10</v>
      </c>
      <c r="O2073" s="1" t="s">
        <v>8</v>
      </c>
      <c r="P2073" s="5" t="s">
        <v>30398</v>
      </c>
    </row>
    <row r="2074" spans="1:16" x14ac:dyDescent="0.2">
      <c r="A2074" s="1" t="s">
        <v>329</v>
      </c>
      <c r="B2074" s="1" t="s">
        <v>1659</v>
      </c>
      <c r="C2074" s="1" t="s">
        <v>7126</v>
      </c>
      <c r="D2074" s="1" t="s">
        <v>7127</v>
      </c>
      <c r="E2074" s="1"/>
      <c r="F2074" s="1" t="s">
        <v>7085</v>
      </c>
      <c r="G2074" s="1" t="s">
        <v>1042</v>
      </c>
      <c r="H2074" s="1" t="s">
        <v>7086</v>
      </c>
      <c r="I2074" s="1" t="s">
        <v>7064</v>
      </c>
      <c r="J2074" s="1" t="s">
        <v>19</v>
      </c>
      <c r="K2074" s="1" t="s">
        <v>47</v>
      </c>
      <c r="L2074" s="1" t="s">
        <v>7125</v>
      </c>
      <c r="M2074" s="1" t="s">
        <v>5</v>
      </c>
      <c r="N2074" s="1" t="s">
        <v>10</v>
      </c>
      <c r="O2074" s="1" t="s">
        <v>8</v>
      </c>
      <c r="P2074" s="5" t="s">
        <v>29951</v>
      </c>
    </row>
    <row r="2075" spans="1:16" x14ac:dyDescent="0.2">
      <c r="A2075" s="1" t="s">
        <v>42</v>
      </c>
      <c r="B2075" s="1" t="s">
        <v>1341</v>
      </c>
      <c r="C2075" s="1" t="s">
        <v>7129</v>
      </c>
      <c r="D2075" s="1" t="s">
        <v>7130</v>
      </c>
      <c r="E2075" s="1"/>
      <c r="F2075" s="1" t="s">
        <v>10</v>
      </c>
      <c r="G2075" s="1" t="s">
        <v>10</v>
      </c>
      <c r="H2075" s="1" t="s">
        <v>10</v>
      </c>
      <c r="I2075" s="1" t="s">
        <v>7064</v>
      </c>
      <c r="J2075" s="1" t="s">
        <v>7068</v>
      </c>
      <c r="K2075" s="1" t="s">
        <v>130</v>
      </c>
      <c r="L2075" s="1" t="s">
        <v>7128</v>
      </c>
      <c r="M2075" s="1" t="s">
        <v>5</v>
      </c>
      <c r="N2075" s="1" t="s">
        <v>10</v>
      </c>
      <c r="O2075" s="1" t="s">
        <v>38</v>
      </c>
      <c r="P2075" s="5" t="s">
        <v>29821</v>
      </c>
    </row>
    <row r="2076" spans="1:16" x14ac:dyDescent="0.2">
      <c r="A2076" s="1" t="s">
        <v>329</v>
      </c>
      <c r="B2076" s="1" t="s">
        <v>1659</v>
      </c>
      <c r="C2076" s="1" t="s">
        <v>7132</v>
      </c>
      <c r="D2076" s="1" t="s">
        <v>7133</v>
      </c>
      <c r="E2076" s="1"/>
      <c r="F2076" s="1" t="s">
        <v>7085</v>
      </c>
      <c r="G2076" s="1" t="s">
        <v>1042</v>
      </c>
      <c r="H2076" s="1" t="s">
        <v>7081</v>
      </c>
      <c r="I2076" s="1" t="s">
        <v>7064</v>
      </c>
      <c r="J2076" s="1" t="s">
        <v>19</v>
      </c>
      <c r="K2076" s="1" t="s">
        <v>47</v>
      </c>
      <c r="L2076" s="1" t="s">
        <v>7131</v>
      </c>
      <c r="M2076" s="1" t="s">
        <v>5</v>
      </c>
      <c r="N2076" s="1" t="s">
        <v>10</v>
      </c>
      <c r="O2076" s="1" t="s">
        <v>8</v>
      </c>
      <c r="P2076" s="5" t="s">
        <v>29951</v>
      </c>
    </row>
    <row r="2077" spans="1:16" x14ac:dyDescent="0.2">
      <c r="A2077" s="1" t="s">
        <v>20</v>
      </c>
      <c r="B2077" s="1" t="s">
        <v>172</v>
      </c>
      <c r="C2077" s="1" t="s">
        <v>7135</v>
      </c>
      <c r="D2077" s="1" t="s">
        <v>7136</v>
      </c>
      <c r="E2077" s="1"/>
      <c r="F2077" s="1" t="s">
        <v>7085</v>
      </c>
      <c r="G2077" s="1" t="s">
        <v>1042</v>
      </c>
      <c r="H2077" s="1" t="s">
        <v>7086</v>
      </c>
      <c r="I2077" s="1" t="s">
        <v>7064</v>
      </c>
      <c r="J2077" s="1" t="s">
        <v>19</v>
      </c>
      <c r="K2077" s="1" t="s">
        <v>6533</v>
      </c>
      <c r="L2077" s="1" t="s">
        <v>7134</v>
      </c>
      <c r="M2077" s="1" t="s">
        <v>5</v>
      </c>
      <c r="N2077" s="1" t="s">
        <v>10</v>
      </c>
      <c r="O2077" s="1" t="s">
        <v>8</v>
      </c>
      <c r="P2077" s="5" t="s">
        <v>29952</v>
      </c>
    </row>
    <row r="2078" spans="1:16" x14ac:dyDescent="0.2">
      <c r="A2078" s="1" t="s">
        <v>42</v>
      </c>
      <c r="B2078" s="1" t="s">
        <v>43</v>
      </c>
      <c r="C2078" s="1" t="s">
        <v>7138</v>
      </c>
      <c r="D2078" s="1" t="s">
        <v>7139</v>
      </c>
      <c r="E2078" s="1"/>
      <c r="F2078" s="1" t="s">
        <v>7140</v>
      </c>
      <c r="G2078" s="1" t="s">
        <v>1042</v>
      </c>
      <c r="H2078" s="1" t="s">
        <v>7141</v>
      </c>
      <c r="I2078" s="1" t="s">
        <v>7064</v>
      </c>
      <c r="J2078" s="1" t="s">
        <v>19</v>
      </c>
      <c r="K2078" s="1" t="s">
        <v>37</v>
      </c>
      <c r="L2078" s="1" t="s">
        <v>7137</v>
      </c>
      <c r="M2078" s="1" t="s">
        <v>5</v>
      </c>
      <c r="N2078" s="1" t="s">
        <v>10</v>
      </c>
      <c r="O2078" s="1" t="s">
        <v>8</v>
      </c>
      <c r="P2078" s="5" t="s">
        <v>30398</v>
      </c>
    </row>
    <row r="2079" spans="1:16" x14ac:dyDescent="0.2">
      <c r="A2079" s="1" t="s">
        <v>194</v>
      </c>
      <c r="B2079" s="1" t="s">
        <v>7145</v>
      </c>
      <c r="C2079" s="1" t="s">
        <v>7143</v>
      </c>
      <c r="D2079" s="1" t="s">
        <v>7144</v>
      </c>
      <c r="E2079" s="1" t="s">
        <v>10</v>
      </c>
      <c r="F2079" s="1" t="s">
        <v>10</v>
      </c>
      <c r="G2079" s="1" t="s">
        <v>10</v>
      </c>
      <c r="H2079" s="1" t="s">
        <v>10</v>
      </c>
      <c r="I2079" s="1" t="s">
        <v>7064</v>
      </c>
      <c r="J2079" s="1" t="s">
        <v>19</v>
      </c>
      <c r="K2079" s="1" t="s">
        <v>100</v>
      </c>
      <c r="L2079" s="1" t="s">
        <v>7142</v>
      </c>
      <c r="M2079" s="1" t="s">
        <v>5</v>
      </c>
      <c r="N2079" s="1" t="s">
        <v>10</v>
      </c>
      <c r="O2079" s="1" t="s">
        <v>38</v>
      </c>
      <c r="P2079" s="5"/>
    </row>
    <row r="2080" spans="1:16" x14ac:dyDescent="0.2">
      <c r="A2080" s="1" t="s">
        <v>32</v>
      </c>
      <c r="B2080" s="1" t="s">
        <v>140</v>
      </c>
      <c r="C2080" s="1" t="s">
        <v>7147</v>
      </c>
      <c r="D2080" s="1" t="s">
        <v>7148</v>
      </c>
      <c r="E2080" s="1"/>
      <c r="F2080" s="1" t="s">
        <v>7149</v>
      </c>
      <c r="G2080" s="1" t="s">
        <v>1042</v>
      </c>
      <c r="H2080" s="1" t="s">
        <v>7148</v>
      </c>
      <c r="I2080" s="1" t="s">
        <v>7064</v>
      </c>
      <c r="J2080" s="1" t="s">
        <v>19</v>
      </c>
      <c r="K2080" s="1" t="s">
        <v>64</v>
      </c>
      <c r="L2080" s="1" t="s">
        <v>7146</v>
      </c>
      <c r="M2080" s="1" t="s">
        <v>5</v>
      </c>
      <c r="N2080" s="1" t="s">
        <v>10</v>
      </c>
      <c r="O2080" s="1" t="s">
        <v>8</v>
      </c>
      <c r="P2080" s="5" t="s">
        <v>31246</v>
      </c>
    </row>
    <row r="2081" spans="1:16" x14ac:dyDescent="0.2">
      <c r="A2081" s="1" t="s">
        <v>42</v>
      </c>
      <c r="B2081" s="1" t="s">
        <v>50</v>
      </c>
      <c r="C2081" s="1" t="s">
        <v>1018</v>
      </c>
      <c r="D2081" s="1" t="s">
        <v>1019</v>
      </c>
      <c r="E2081" s="1"/>
      <c r="F2081" s="1" t="s">
        <v>10</v>
      </c>
      <c r="G2081" s="1" t="s">
        <v>10</v>
      </c>
      <c r="H2081" s="1" t="s">
        <v>10</v>
      </c>
      <c r="I2081" s="1" t="s">
        <v>7064</v>
      </c>
      <c r="J2081" s="1" t="s">
        <v>19</v>
      </c>
      <c r="K2081" s="1" t="s">
        <v>47</v>
      </c>
      <c r="L2081" s="1" t="s">
        <v>7150</v>
      </c>
      <c r="M2081" s="1" t="s">
        <v>5</v>
      </c>
      <c r="N2081" s="1" t="s">
        <v>10</v>
      </c>
      <c r="O2081" s="1" t="s">
        <v>38</v>
      </c>
      <c r="P2081" s="5" t="s">
        <v>31248</v>
      </c>
    </row>
    <row r="2082" spans="1:16" x14ac:dyDescent="0.2">
      <c r="A2082" s="1" t="s">
        <v>329</v>
      </c>
      <c r="B2082" s="1" t="s">
        <v>1659</v>
      </c>
      <c r="C2082" s="1" t="s">
        <v>7152</v>
      </c>
      <c r="D2082" s="1" t="s">
        <v>7153</v>
      </c>
      <c r="E2082" s="1"/>
      <c r="F2082" s="1" t="s">
        <v>7080</v>
      </c>
      <c r="G2082" s="1" t="s">
        <v>668</v>
      </c>
      <c r="H2082" s="1" t="s">
        <v>10</v>
      </c>
      <c r="I2082" s="1" t="s">
        <v>7064</v>
      </c>
      <c r="J2082" s="1" t="s">
        <v>19</v>
      </c>
      <c r="K2082" s="1" t="s">
        <v>47</v>
      </c>
      <c r="L2082" s="1" t="s">
        <v>7151</v>
      </c>
      <c r="M2082" s="1" t="s">
        <v>5</v>
      </c>
      <c r="N2082" s="1" t="s">
        <v>10</v>
      </c>
      <c r="O2082" s="1" t="s">
        <v>8</v>
      </c>
      <c r="P2082" s="5" t="s">
        <v>30398</v>
      </c>
    </row>
    <row r="2083" spans="1:16" x14ac:dyDescent="0.2">
      <c r="A2083" s="1" t="s">
        <v>20</v>
      </c>
      <c r="B2083" s="1" t="s">
        <v>1047</v>
      </c>
      <c r="C2083" s="1" t="s">
        <v>7155</v>
      </c>
      <c r="D2083" s="1" t="s">
        <v>7156</v>
      </c>
      <c r="E2083" s="1" t="s">
        <v>7157</v>
      </c>
      <c r="F2083" s="1" t="s">
        <v>10</v>
      </c>
      <c r="G2083" s="1" t="s">
        <v>10</v>
      </c>
      <c r="H2083" s="1" t="s">
        <v>10</v>
      </c>
      <c r="I2083" s="1" t="s">
        <v>7064</v>
      </c>
      <c r="J2083" s="1" t="s">
        <v>19</v>
      </c>
      <c r="K2083" s="1" t="s">
        <v>100</v>
      </c>
      <c r="L2083" s="1" t="s">
        <v>7154</v>
      </c>
      <c r="M2083" s="1" t="s">
        <v>5</v>
      </c>
      <c r="N2083" s="1" t="s">
        <v>10</v>
      </c>
      <c r="O2083" s="1" t="s">
        <v>38</v>
      </c>
      <c r="P2083" s="5" t="s">
        <v>29846</v>
      </c>
    </row>
    <row r="2084" spans="1:16" x14ac:dyDescent="0.2">
      <c r="A2084" s="1" t="s">
        <v>20</v>
      </c>
      <c r="B2084" s="1" t="s">
        <v>309</v>
      </c>
      <c r="C2084" s="1" t="s">
        <v>7159</v>
      </c>
      <c r="D2084" s="1" t="s">
        <v>7160</v>
      </c>
      <c r="E2084" s="1" t="s">
        <v>10</v>
      </c>
      <c r="F2084" s="1" t="s">
        <v>10</v>
      </c>
      <c r="G2084" s="1" t="s">
        <v>10</v>
      </c>
      <c r="H2084" s="1" t="s">
        <v>10</v>
      </c>
      <c r="I2084" s="1" t="s">
        <v>7064</v>
      </c>
      <c r="J2084" s="1" t="s">
        <v>7068</v>
      </c>
      <c r="K2084" s="1" t="s">
        <v>100</v>
      </c>
      <c r="L2084" s="1" t="s">
        <v>7158</v>
      </c>
      <c r="M2084" s="1" t="s">
        <v>5</v>
      </c>
      <c r="N2084" s="1" t="s">
        <v>10</v>
      </c>
      <c r="O2084" s="1" t="s">
        <v>38</v>
      </c>
      <c r="P2084" s="5" t="s">
        <v>29846</v>
      </c>
    </row>
    <row r="2085" spans="1:16" x14ac:dyDescent="0.2">
      <c r="A2085" s="1" t="s">
        <v>20</v>
      </c>
      <c r="B2085" s="1" t="s">
        <v>172</v>
      </c>
      <c r="C2085" s="1" t="s">
        <v>7162</v>
      </c>
      <c r="D2085" s="1" t="s">
        <v>7163</v>
      </c>
      <c r="E2085" s="1"/>
      <c r="F2085" s="1" t="s">
        <v>7164</v>
      </c>
      <c r="G2085" s="1" t="s">
        <v>1042</v>
      </c>
      <c r="H2085" s="1" t="s">
        <v>7163</v>
      </c>
      <c r="I2085" s="1" t="s">
        <v>7064</v>
      </c>
      <c r="J2085" s="1" t="s">
        <v>19</v>
      </c>
      <c r="K2085" s="1" t="s">
        <v>7</v>
      </c>
      <c r="L2085" s="1" t="s">
        <v>7161</v>
      </c>
      <c r="M2085" s="1" t="s">
        <v>5</v>
      </c>
      <c r="N2085" s="1" t="s">
        <v>10</v>
      </c>
      <c r="O2085" s="1" t="s">
        <v>8</v>
      </c>
      <c r="P2085" s="5" t="s">
        <v>30398</v>
      </c>
    </row>
    <row r="2086" spans="1:16" x14ac:dyDescent="0.2">
      <c r="A2086" s="1" t="s">
        <v>42</v>
      </c>
      <c r="B2086" s="1" t="s">
        <v>50</v>
      </c>
      <c r="C2086" s="1" t="s">
        <v>7166</v>
      </c>
      <c r="D2086" s="1" t="s">
        <v>7167</v>
      </c>
      <c r="E2086" s="1"/>
      <c r="F2086" s="1" t="s">
        <v>10</v>
      </c>
      <c r="G2086" s="1" t="s">
        <v>10</v>
      </c>
      <c r="H2086" s="1" t="s">
        <v>10</v>
      </c>
      <c r="I2086" s="1" t="s">
        <v>7064</v>
      </c>
      <c r="J2086" s="1" t="s">
        <v>19</v>
      </c>
      <c r="K2086" s="1" t="s">
        <v>47</v>
      </c>
      <c r="L2086" s="1" t="s">
        <v>7165</v>
      </c>
      <c r="M2086" s="1" t="s">
        <v>5</v>
      </c>
      <c r="N2086" s="1" t="s">
        <v>10</v>
      </c>
      <c r="O2086" s="1" t="s">
        <v>38</v>
      </c>
      <c r="P2086" s="5" t="s">
        <v>31249</v>
      </c>
    </row>
    <row r="2087" spans="1:16" x14ac:dyDescent="0.2">
      <c r="A2087" s="1" t="s">
        <v>42</v>
      </c>
      <c r="B2087" s="1" t="s">
        <v>1341</v>
      </c>
      <c r="C2087" s="1" t="s">
        <v>7169</v>
      </c>
      <c r="D2087" s="1" t="s">
        <v>7170</v>
      </c>
      <c r="E2087" s="1"/>
      <c r="F2087" s="1" t="s">
        <v>10</v>
      </c>
      <c r="G2087" s="1" t="s">
        <v>10</v>
      </c>
      <c r="H2087" s="1" t="s">
        <v>10</v>
      </c>
      <c r="I2087" s="1" t="s">
        <v>7064</v>
      </c>
      <c r="J2087" s="1" t="s">
        <v>7068</v>
      </c>
      <c r="K2087" s="1" t="s">
        <v>130</v>
      </c>
      <c r="L2087" s="1" t="s">
        <v>7168</v>
      </c>
      <c r="M2087" s="1" t="s">
        <v>5</v>
      </c>
      <c r="N2087" s="1" t="s">
        <v>10</v>
      </c>
      <c r="O2087" s="1" t="s">
        <v>38</v>
      </c>
      <c r="P2087" s="5" t="s">
        <v>31250</v>
      </c>
    </row>
    <row r="2088" spans="1:16" x14ac:dyDescent="0.2">
      <c r="A2088" s="1" t="s">
        <v>194</v>
      </c>
      <c r="B2088" s="1" t="s">
        <v>7175</v>
      </c>
      <c r="C2088" s="1" t="s">
        <v>7173</v>
      </c>
      <c r="D2088" s="1" t="s">
        <v>7174</v>
      </c>
      <c r="E2088" s="1" t="s">
        <v>10</v>
      </c>
      <c r="F2088" s="1" t="s">
        <v>10</v>
      </c>
      <c r="G2088" s="1" t="s">
        <v>10</v>
      </c>
      <c r="H2088" s="1" t="s">
        <v>10</v>
      </c>
      <c r="I2088" s="1" t="s">
        <v>7064</v>
      </c>
      <c r="J2088" s="1" t="s">
        <v>7124</v>
      </c>
      <c r="K2088" s="1" t="s">
        <v>7</v>
      </c>
      <c r="L2088" s="1" t="s">
        <v>7172</v>
      </c>
      <c r="M2088" s="1" t="s">
        <v>5</v>
      </c>
      <c r="N2088" s="1" t="s">
        <v>10</v>
      </c>
      <c r="O2088" s="1" t="s">
        <v>8</v>
      </c>
      <c r="P2088" s="5" t="s">
        <v>29953</v>
      </c>
    </row>
    <row r="2089" spans="1:16" x14ac:dyDescent="0.2">
      <c r="A2089" s="1" t="s">
        <v>42</v>
      </c>
      <c r="B2089" s="1" t="s">
        <v>1341</v>
      </c>
      <c r="C2089" s="1" t="s">
        <v>7177</v>
      </c>
      <c r="D2089" s="1" t="s">
        <v>7178</v>
      </c>
      <c r="E2089" s="1"/>
      <c r="F2089" s="1" t="s">
        <v>10</v>
      </c>
      <c r="G2089" s="1" t="s">
        <v>10</v>
      </c>
      <c r="H2089" s="1" t="s">
        <v>10</v>
      </c>
      <c r="I2089" s="1" t="s">
        <v>7064</v>
      </c>
      <c r="J2089" s="1" t="s">
        <v>7102</v>
      </c>
      <c r="K2089" s="1" t="s">
        <v>130</v>
      </c>
      <c r="L2089" s="1" t="s">
        <v>7176</v>
      </c>
      <c r="M2089" s="1" t="s">
        <v>5</v>
      </c>
      <c r="N2089" s="1" t="s">
        <v>10</v>
      </c>
      <c r="O2089" s="1" t="s">
        <v>38</v>
      </c>
      <c r="P2089" s="5" t="s">
        <v>60</v>
      </c>
    </row>
    <row r="2090" spans="1:16" x14ac:dyDescent="0.2">
      <c r="A2090" s="1" t="s">
        <v>329</v>
      </c>
      <c r="B2090" s="1" t="s">
        <v>1659</v>
      </c>
      <c r="C2090" s="1" t="s">
        <v>7180</v>
      </c>
      <c r="D2090" s="1" t="s">
        <v>188</v>
      </c>
      <c r="E2090" s="1"/>
      <c r="F2090" s="1" t="s">
        <v>7164</v>
      </c>
      <c r="G2090" s="1" t="s">
        <v>1042</v>
      </c>
      <c r="H2090" s="1" t="s">
        <v>7181</v>
      </c>
      <c r="I2090" s="1" t="s">
        <v>7064</v>
      </c>
      <c r="J2090" s="1" t="s">
        <v>19</v>
      </c>
      <c r="K2090" s="1" t="s">
        <v>47</v>
      </c>
      <c r="L2090" s="1" t="s">
        <v>7179</v>
      </c>
      <c r="M2090" s="1" t="s">
        <v>5</v>
      </c>
      <c r="N2090" s="1" t="s">
        <v>10</v>
      </c>
      <c r="O2090" s="1" t="s">
        <v>8</v>
      </c>
      <c r="P2090" s="5" t="s">
        <v>60</v>
      </c>
    </row>
    <row r="2091" spans="1:16" x14ac:dyDescent="0.2">
      <c r="A2091" s="1" t="s">
        <v>42</v>
      </c>
      <c r="B2091" s="1" t="s">
        <v>1341</v>
      </c>
      <c r="C2091" s="1" t="s">
        <v>7183</v>
      </c>
      <c r="D2091" s="1" t="s">
        <v>7171</v>
      </c>
      <c r="E2091" s="1"/>
      <c r="F2091" s="1" t="s">
        <v>10</v>
      </c>
      <c r="G2091" s="1" t="s">
        <v>10</v>
      </c>
      <c r="H2091" s="1" t="s">
        <v>10</v>
      </c>
      <c r="I2091" s="1" t="s">
        <v>7064</v>
      </c>
      <c r="J2091" s="1" t="s">
        <v>7068</v>
      </c>
      <c r="K2091" s="1" t="s">
        <v>130</v>
      </c>
      <c r="L2091" s="1" t="s">
        <v>7182</v>
      </c>
      <c r="M2091" s="1" t="s">
        <v>5</v>
      </c>
      <c r="N2091" s="1" t="s">
        <v>10</v>
      </c>
      <c r="O2091" s="1" t="s">
        <v>38</v>
      </c>
      <c r="P2091" s="5" t="s">
        <v>31251</v>
      </c>
    </row>
    <row r="2092" spans="1:16" x14ac:dyDescent="0.2">
      <c r="A2092" s="1" t="s">
        <v>20</v>
      </c>
      <c r="B2092" s="1" t="s">
        <v>172</v>
      </c>
      <c r="C2092" s="1" t="s">
        <v>7185</v>
      </c>
      <c r="D2092" s="1" t="s">
        <v>7186</v>
      </c>
      <c r="E2092" s="1"/>
      <c r="F2092" s="1" t="s">
        <v>7164</v>
      </c>
      <c r="G2092" s="1" t="s">
        <v>1042</v>
      </c>
      <c r="H2092" s="1" t="s">
        <v>7163</v>
      </c>
      <c r="I2092" s="1" t="s">
        <v>7064</v>
      </c>
      <c r="J2092" s="1" t="s">
        <v>19</v>
      </c>
      <c r="K2092" s="1" t="s">
        <v>7</v>
      </c>
      <c r="L2092" s="1" t="s">
        <v>7184</v>
      </c>
      <c r="M2092" s="1" t="s">
        <v>5</v>
      </c>
      <c r="N2092" s="1" t="s">
        <v>10</v>
      </c>
      <c r="O2092" s="1" t="s">
        <v>8</v>
      </c>
      <c r="P2092" s="5" t="s">
        <v>30398</v>
      </c>
    </row>
    <row r="2093" spans="1:16" x14ac:dyDescent="0.2">
      <c r="A2093" s="1" t="s">
        <v>20</v>
      </c>
      <c r="B2093" s="1" t="s">
        <v>1047</v>
      </c>
      <c r="C2093" s="1" t="s">
        <v>7188</v>
      </c>
      <c r="D2093" s="1" t="s">
        <v>7189</v>
      </c>
      <c r="E2093" s="1"/>
      <c r="F2093" s="1" t="s">
        <v>10</v>
      </c>
      <c r="G2093" s="1" t="s">
        <v>10</v>
      </c>
      <c r="H2093" s="1" t="s">
        <v>10</v>
      </c>
      <c r="I2093" s="1" t="s">
        <v>7064</v>
      </c>
      <c r="J2093" s="1" t="s">
        <v>19</v>
      </c>
      <c r="K2093" s="1" t="s">
        <v>100</v>
      </c>
      <c r="L2093" s="1" t="s">
        <v>7187</v>
      </c>
      <c r="M2093" s="1" t="s">
        <v>5</v>
      </c>
      <c r="N2093" s="1" t="s">
        <v>10</v>
      </c>
      <c r="O2093" s="1" t="s">
        <v>38</v>
      </c>
      <c r="P2093" s="5" t="s">
        <v>30398</v>
      </c>
    </row>
    <row r="2094" spans="1:16" x14ac:dyDescent="0.2">
      <c r="A2094" s="1" t="s">
        <v>42</v>
      </c>
      <c r="B2094" s="1" t="s">
        <v>1341</v>
      </c>
      <c r="C2094" s="1" t="s">
        <v>7191</v>
      </c>
      <c r="D2094" s="1" t="s">
        <v>7192</v>
      </c>
      <c r="E2094" s="1" t="s">
        <v>10</v>
      </c>
      <c r="F2094" s="1" t="s">
        <v>10</v>
      </c>
      <c r="G2094" s="1" t="s">
        <v>10</v>
      </c>
      <c r="H2094" s="1" t="s">
        <v>10</v>
      </c>
      <c r="I2094" s="1" t="s">
        <v>7064</v>
      </c>
      <c r="J2094" s="1" t="s">
        <v>7068</v>
      </c>
      <c r="K2094" s="1" t="s">
        <v>130</v>
      </c>
      <c r="L2094" s="1" t="s">
        <v>7190</v>
      </c>
      <c r="M2094" s="1" t="s">
        <v>5</v>
      </c>
      <c r="N2094" s="1" t="s">
        <v>10</v>
      </c>
      <c r="O2094" s="1" t="s">
        <v>38</v>
      </c>
      <c r="P2094" s="5" t="s">
        <v>31252</v>
      </c>
    </row>
    <row r="2095" spans="1:16" x14ac:dyDescent="0.2">
      <c r="A2095" s="1" t="s">
        <v>42</v>
      </c>
      <c r="B2095" s="1" t="s">
        <v>1341</v>
      </c>
      <c r="C2095" s="1" t="s">
        <v>7194</v>
      </c>
      <c r="D2095" s="1" t="s">
        <v>7195</v>
      </c>
      <c r="E2095" s="1"/>
      <c r="F2095" s="1" t="s">
        <v>10</v>
      </c>
      <c r="G2095" s="1" t="s">
        <v>10</v>
      </c>
      <c r="H2095" s="1" t="s">
        <v>10</v>
      </c>
      <c r="I2095" s="1" t="s">
        <v>7064</v>
      </c>
      <c r="J2095" s="1" t="s">
        <v>7068</v>
      </c>
      <c r="K2095" s="1" t="s">
        <v>130</v>
      </c>
      <c r="L2095" s="1" t="s">
        <v>7193</v>
      </c>
      <c r="M2095" s="1" t="s">
        <v>5</v>
      </c>
      <c r="N2095" s="1" t="s">
        <v>10</v>
      </c>
      <c r="O2095" s="1" t="s">
        <v>38</v>
      </c>
      <c r="P2095" s="5" t="s">
        <v>29954</v>
      </c>
    </row>
    <row r="2096" spans="1:16" x14ac:dyDescent="0.2">
      <c r="A2096" s="1" t="s">
        <v>42</v>
      </c>
      <c r="B2096" s="1" t="s">
        <v>1341</v>
      </c>
      <c r="C2096" s="1" t="s">
        <v>7197</v>
      </c>
      <c r="D2096" s="1" t="s">
        <v>7198</v>
      </c>
      <c r="E2096" s="1"/>
      <c r="F2096" s="1" t="s">
        <v>10</v>
      </c>
      <c r="G2096" s="1" t="s">
        <v>10</v>
      </c>
      <c r="H2096" s="1" t="s">
        <v>10</v>
      </c>
      <c r="I2096" s="1" t="s">
        <v>7064</v>
      </c>
      <c r="J2096" s="1" t="s">
        <v>7068</v>
      </c>
      <c r="K2096" s="1" t="s">
        <v>130</v>
      </c>
      <c r="L2096" s="1" t="s">
        <v>7196</v>
      </c>
      <c r="M2096" s="1" t="s">
        <v>5</v>
      </c>
      <c r="N2096" s="1" t="s">
        <v>10</v>
      </c>
      <c r="O2096" s="1" t="s">
        <v>38</v>
      </c>
      <c r="P2096" s="5" t="s">
        <v>29821</v>
      </c>
    </row>
    <row r="2097" spans="1:16" x14ac:dyDescent="0.2">
      <c r="A2097" s="1" t="s">
        <v>20</v>
      </c>
      <c r="B2097" s="1" t="s">
        <v>101</v>
      </c>
      <c r="C2097" s="1" t="s">
        <v>7200</v>
      </c>
      <c r="D2097" s="1" t="s">
        <v>7201</v>
      </c>
      <c r="E2097" s="1" t="s">
        <v>10</v>
      </c>
      <c r="F2097" s="1" t="s">
        <v>10</v>
      </c>
      <c r="G2097" s="1" t="s">
        <v>10</v>
      </c>
      <c r="H2097" s="1" t="s">
        <v>10</v>
      </c>
      <c r="I2097" s="1" t="s">
        <v>7064</v>
      </c>
      <c r="J2097" s="1" t="s">
        <v>19</v>
      </c>
      <c r="K2097" s="1" t="s">
        <v>100</v>
      </c>
      <c r="L2097" s="1" t="s">
        <v>7199</v>
      </c>
      <c r="M2097" s="1" t="s">
        <v>5</v>
      </c>
      <c r="N2097" s="1" t="s">
        <v>10</v>
      </c>
      <c r="O2097" s="1" t="s">
        <v>38</v>
      </c>
      <c r="P2097" s="5"/>
    </row>
    <row r="2098" spans="1:16" x14ac:dyDescent="0.2">
      <c r="A2098" s="1" t="s">
        <v>42</v>
      </c>
      <c r="B2098" s="1" t="s">
        <v>50</v>
      </c>
      <c r="C2098" s="1" t="s">
        <v>7203</v>
      </c>
      <c r="D2098" s="1" t="s">
        <v>7204</v>
      </c>
      <c r="E2098" s="1"/>
      <c r="F2098" s="1" t="s">
        <v>10</v>
      </c>
      <c r="G2098" s="1" t="s">
        <v>10</v>
      </c>
      <c r="H2098" s="1" t="s">
        <v>10</v>
      </c>
      <c r="I2098" s="1" t="s">
        <v>7064</v>
      </c>
      <c r="J2098" s="1" t="s">
        <v>19</v>
      </c>
      <c r="K2098" s="1" t="s">
        <v>130</v>
      </c>
      <c r="L2098" s="1" t="s">
        <v>7202</v>
      </c>
      <c r="M2098" s="1" t="s">
        <v>5</v>
      </c>
      <c r="N2098" s="1" t="s">
        <v>10</v>
      </c>
      <c r="O2098" s="1" t="s">
        <v>38</v>
      </c>
      <c r="P2098" s="5" t="s">
        <v>31247</v>
      </c>
    </row>
    <row r="2099" spans="1:16" x14ac:dyDescent="0.2">
      <c r="A2099" s="1" t="s">
        <v>42</v>
      </c>
      <c r="B2099" s="1" t="s">
        <v>50</v>
      </c>
      <c r="C2099" s="1" t="s">
        <v>7206</v>
      </c>
      <c r="D2099" s="1" t="s">
        <v>7207</v>
      </c>
      <c r="E2099" s="1"/>
      <c r="F2099" s="1" t="s">
        <v>7208</v>
      </c>
      <c r="G2099" s="1" t="s">
        <v>1042</v>
      </c>
      <c r="H2099" s="1" t="s">
        <v>7207</v>
      </c>
      <c r="I2099" s="1" t="s">
        <v>7064</v>
      </c>
      <c r="J2099" s="1" t="s">
        <v>19</v>
      </c>
      <c r="K2099" s="1" t="s">
        <v>47</v>
      </c>
      <c r="L2099" s="1" t="s">
        <v>7205</v>
      </c>
      <c r="M2099" s="1" t="s">
        <v>5</v>
      </c>
      <c r="N2099" s="1" t="s">
        <v>10</v>
      </c>
      <c r="O2099" s="1" t="s">
        <v>8</v>
      </c>
      <c r="P2099" s="5" t="s">
        <v>31247</v>
      </c>
    </row>
    <row r="2100" spans="1:16" x14ac:dyDescent="0.2">
      <c r="A2100" s="1" t="s">
        <v>329</v>
      </c>
      <c r="B2100" s="1" t="s">
        <v>1738</v>
      </c>
      <c r="C2100" s="1" t="s">
        <v>7210</v>
      </c>
      <c r="D2100" s="1" t="s">
        <v>7211</v>
      </c>
      <c r="E2100" s="1"/>
      <c r="F2100" s="1" t="s">
        <v>10</v>
      </c>
      <c r="G2100" s="1" t="s">
        <v>10</v>
      </c>
      <c r="H2100" s="1" t="s">
        <v>10</v>
      </c>
      <c r="I2100" s="1" t="s">
        <v>7064</v>
      </c>
      <c r="J2100" s="1" t="s">
        <v>19</v>
      </c>
      <c r="K2100" s="1" t="s">
        <v>47</v>
      </c>
      <c r="L2100" s="1" t="s">
        <v>7209</v>
      </c>
      <c r="M2100" s="1" t="s">
        <v>5</v>
      </c>
      <c r="N2100" s="1" t="s">
        <v>10</v>
      </c>
      <c r="O2100" s="1" t="s">
        <v>38</v>
      </c>
      <c r="P2100" s="5" t="s">
        <v>31247</v>
      </c>
    </row>
    <row r="2101" spans="1:16" x14ac:dyDescent="0.2">
      <c r="A2101" s="1" t="s">
        <v>42</v>
      </c>
      <c r="B2101" s="1" t="s">
        <v>1858</v>
      </c>
      <c r="C2101" s="1" t="s">
        <v>1854</v>
      </c>
      <c r="D2101" s="1" t="s">
        <v>1855</v>
      </c>
      <c r="E2101" s="1"/>
      <c r="F2101" s="1" t="s">
        <v>7140</v>
      </c>
      <c r="G2101" s="1" t="s">
        <v>1042</v>
      </c>
      <c r="H2101" s="1" t="s">
        <v>1855</v>
      </c>
      <c r="I2101" s="1" t="s">
        <v>7064</v>
      </c>
      <c r="J2101" s="1" t="s">
        <v>19</v>
      </c>
      <c r="K2101" s="1" t="s">
        <v>37</v>
      </c>
      <c r="L2101" s="1" t="s">
        <v>7212</v>
      </c>
      <c r="M2101" s="1" t="s">
        <v>5</v>
      </c>
      <c r="N2101" s="1" t="s">
        <v>10</v>
      </c>
      <c r="O2101" s="1" t="s">
        <v>8</v>
      </c>
      <c r="P2101" s="5" t="s">
        <v>31253</v>
      </c>
    </row>
    <row r="2102" spans="1:16" x14ac:dyDescent="0.2">
      <c r="A2102" s="1" t="s">
        <v>42</v>
      </c>
      <c r="B2102" s="1" t="s">
        <v>50</v>
      </c>
      <c r="C2102" s="1" t="s">
        <v>7215</v>
      </c>
      <c r="D2102" s="1" t="s">
        <v>4946</v>
      </c>
      <c r="E2102" s="1"/>
      <c r="F2102" s="1" t="s">
        <v>10</v>
      </c>
      <c r="G2102" s="1" t="s">
        <v>10</v>
      </c>
      <c r="H2102" s="1" t="s">
        <v>10</v>
      </c>
      <c r="I2102" s="1" t="s">
        <v>7064</v>
      </c>
      <c r="J2102" s="1" t="s">
        <v>19</v>
      </c>
      <c r="K2102" s="1" t="s">
        <v>47</v>
      </c>
      <c r="L2102" s="1" t="s">
        <v>7214</v>
      </c>
      <c r="M2102" s="1" t="s">
        <v>5</v>
      </c>
      <c r="N2102" s="1" t="s">
        <v>10</v>
      </c>
      <c r="O2102" s="1" t="s">
        <v>38</v>
      </c>
      <c r="P2102" s="5" t="s">
        <v>31254</v>
      </c>
    </row>
    <row r="2103" spans="1:16" x14ac:dyDescent="0.2">
      <c r="A2103" s="1" t="s">
        <v>20</v>
      </c>
      <c r="B2103" s="1" t="s">
        <v>101</v>
      </c>
      <c r="C2103" s="1" t="s">
        <v>7217</v>
      </c>
      <c r="D2103" s="1" t="s">
        <v>7217</v>
      </c>
      <c r="E2103" s="1" t="s">
        <v>10</v>
      </c>
      <c r="F2103" s="1" t="s">
        <v>10</v>
      </c>
      <c r="G2103" s="1" t="s">
        <v>10</v>
      </c>
      <c r="H2103" s="1" t="s">
        <v>10</v>
      </c>
      <c r="I2103" s="1" t="s">
        <v>7064</v>
      </c>
      <c r="J2103" s="1" t="s">
        <v>7068</v>
      </c>
      <c r="K2103" s="1" t="s">
        <v>130</v>
      </c>
      <c r="L2103" s="1" t="s">
        <v>7216</v>
      </c>
      <c r="M2103" s="1" t="s">
        <v>5</v>
      </c>
      <c r="N2103" s="1" t="s">
        <v>10</v>
      </c>
      <c r="O2103" s="1" t="s">
        <v>38</v>
      </c>
      <c r="P2103" s="5" t="s">
        <v>29955</v>
      </c>
    </row>
    <row r="2104" spans="1:16" x14ac:dyDescent="0.2">
      <c r="A2104" s="1" t="s">
        <v>42</v>
      </c>
      <c r="B2104" s="1" t="s">
        <v>1341</v>
      </c>
      <c r="C2104" s="1" t="s">
        <v>7219</v>
      </c>
      <c r="D2104" s="1" t="s">
        <v>7220</v>
      </c>
      <c r="E2104" s="1"/>
      <c r="F2104" s="1" t="s">
        <v>10</v>
      </c>
      <c r="G2104" s="1" t="s">
        <v>10</v>
      </c>
      <c r="H2104" s="1" t="s">
        <v>10</v>
      </c>
      <c r="I2104" s="1" t="s">
        <v>7064</v>
      </c>
      <c r="J2104" s="1" t="s">
        <v>7068</v>
      </c>
      <c r="K2104" s="1" t="s">
        <v>130</v>
      </c>
      <c r="L2104" s="1" t="s">
        <v>7218</v>
      </c>
      <c r="M2104" s="1" t="s">
        <v>5</v>
      </c>
      <c r="N2104" s="1" t="s">
        <v>10</v>
      </c>
      <c r="O2104" s="1" t="s">
        <v>38</v>
      </c>
      <c r="P2104" s="5" t="s">
        <v>29956</v>
      </c>
    </row>
    <row r="2105" spans="1:16" x14ac:dyDescent="0.2">
      <c r="A2105" s="1" t="s">
        <v>329</v>
      </c>
      <c r="B2105" s="1" t="s">
        <v>1659</v>
      </c>
      <c r="C2105" s="1" t="s">
        <v>7222</v>
      </c>
      <c r="D2105" s="1" t="s">
        <v>7223</v>
      </c>
      <c r="E2105" s="1"/>
      <c r="F2105" s="1" t="s">
        <v>10</v>
      </c>
      <c r="G2105" s="1" t="s">
        <v>10</v>
      </c>
      <c r="H2105" s="1" t="s">
        <v>10</v>
      </c>
      <c r="I2105" s="1" t="s">
        <v>7064</v>
      </c>
      <c r="J2105" s="1" t="s">
        <v>19</v>
      </c>
      <c r="K2105" s="1" t="s">
        <v>47</v>
      </c>
      <c r="L2105" s="1" t="s">
        <v>7221</v>
      </c>
      <c r="M2105" s="1" t="s">
        <v>5</v>
      </c>
      <c r="N2105" s="1" t="s">
        <v>10</v>
      </c>
      <c r="O2105" s="1" t="s">
        <v>38</v>
      </c>
      <c r="P2105" s="5" t="s">
        <v>29951</v>
      </c>
    </row>
    <row r="2106" spans="1:16" x14ac:dyDescent="0.2">
      <c r="A2106" s="1" t="s">
        <v>42</v>
      </c>
      <c r="B2106" s="1" t="s">
        <v>1341</v>
      </c>
      <c r="C2106" s="1" t="s">
        <v>7225</v>
      </c>
      <c r="D2106" s="1" t="s">
        <v>7226</v>
      </c>
      <c r="E2106" s="1"/>
      <c r="F2106" s="1" t="s">
        <v>10</v>
      </c>
      <c r="G2106" s="1" t="s">
        <v>10</v>
      </c>
      <c r="H2106" s="1" t="s">
        <v>10</v>
      </c>
      <c r="I2106" s="1" t="s">
        <v>7064</v>
      </c>
      <c r="J2106" s="1" t="s">
        <v>19</v>
      </c>
      <c r="K2106" s="1" t="s">
        <v>130</v>
      </c>
      <c r="L2106" s="1" t="s">
        <v>7224</v>
      </c>
      <c r="M2106" s="1" t="s">
        <v>5</v>
      </c>
      <c r="N2106" s="1" t="s">
        <v>10</v>
      </c>
      <c r="O2106" s="1" t="s">
        <v>38</v>
      </c>
      <c r="P2106" s="5" t="s">
        <v>60</v>
      </c>
    </row>
    <row r="2107" spans="1:16" x14ac:dyDescent="0.2">
      <c r="A2107" s="1" t="s">
        <v>42</v>
      </c>
      <c r="B2107" s="1" t="s">
        <v>1341</v>
      </c>
      <c r="C2107" s="1" t="s">
        <v>7228</v>
      </c>
      <c r="D2107" s="1" t="s">
        <v>7229</v>
      </c>
      <c r="E2107" s="1"/>
      <c r="F2107" s="1" t="s">
        <v>10</v>
      </c>
      <c r="G2107" s="1" t="s">
        <v>10</v>
      </c>
      <c r="H2107" s="1" t="s">
        <v>10</v>
      </c>
      <c r="I2107" s="1" t="s">
        <v>7064</v>
      </c>
      <c r="J2107" s="1" t="s">
        <v>7068</v>
      </c>
      <c r="K2107" s="1" t="s">
        <v>130</v>
      </c>
      <c r="L2107" s="1" t="s">
        <v>7227</v>
      </c>
      <c r="M2107" s="1" t="s">
        <v>5</v>
      </c>
      <c r="N2107" s="1" t="s">
        <v>10</v>
      </c>
      <c r="O2107" s="1" t="s">
        <v>38</v>
      </c>
      <c r="P2107" s="5" t="s">
        <v>29821</v>
      </c>
    </row>
    <row r="2108" spans="1:16" x14ac:dyDescent="0.2">
      <c r="A2108" s="1" t="s">
        <v>42</v>
      </c>
      <c r="B2108" s="1" t="s">
        <v>1341</v>
      </c>
      <c r="C2108" s="1" t="s">
        <v>7231</v>
      </c>
      <c r="D2108" s="1" t="s">
        <v>7232</v>
      </c>
      <c r="E2108" s="1"/>
      <c r="F2108" s="1" t="s">
        <v>10</v>
      </c>
      <c r="G2108" s="1" t="s">
        <v>10</v>
      </c>
      <c r="H2108" s="1" t="s">
        <v>10</v>
      </c>
      <c r="I2108" s="1" t="s">
        <v>7064</v>
      </c>
      <c r="J2108" s="1" t="s">
        <v>7068</v>
      </c>
      <c r="K2108" s="1" t="s">
        <v>130</v>
      </c>
      <c r="L2108" s="1" t="s">
        <v>7230</v>
      </c>
      <c r="M2108" s="1" t="s">
        <v>5</v>
      </c>
      <c r="N2108" s="1" t="s">
        <v>10</v>
      </c>
      <c r="O2108" s="1" t="s">
        <v>38</v>
      </c>
      <c r="P2108" s="5" t="s">
        <v>29957</v>
      </c>
    </row>
    <row r="2109" spans="1:16" x14ac:dyDescent="0.2">
      <c r="A2109" s="1" t="s">
        <v>194</v>
      </c>
      <c r="B2109" s="1" t="s">
        <v>396</v>
      </c>
      <c r="C2109" s="1" t="s">
        <v>7234</v>
      </c>
      <c r="D2109" s="1" t="s">
        <v>7234</v>
      </c>
      <c r="E2109" s="1"/>
      <c r="F2109" s="1" t="s">
        <v>10</v>
      </c>
      <c r="G2109" s="1" t="s">
        <v>10</v>
      </c>
      <c r="H2109" s="1" t="s">
        <v>10</v>
      </c>
      <c r="I2109" s="1" t="s">
        <v>7064</v>
      </c>
      <c r="J2109" s="1" t="s">
        <v>19</v>
      </c>
      <c r="K2109" s="1" t="s">
        <v>64</v>
      </c>
      <c r="L2109" s="1" t="s">
        <v>7233</v>
      </c>
      <c r="M2109" s="1" t="s">
        <v>5</v>
      </c>
      <c r="N2109" s="1" t="s">
        <v>10</v>
      </c>
      <c r="O2109" s="1" t="s">
        <v>38</v>
      </c>
      <c r="P2109" s="5" t="s">
        <v>31247</v>
      </c>
    </row>
    <row r="2110" spans="1:16" ht="89.25" x14ac:dyDescent="0.2">
      <c r="A2110" s="1" t="s">
        <v>10</v>
      </c>
      <c r="B2110" s="1" t="s">
        <v>10</v>
      </c>
      <c r="C2110" s="1" t="s">
        <v>7236</v>
      </c>
      <c r="D2110" s="1" t="s">
        <v>1691</v>
      </c>
      <c r="E2110" s="1" t="s">
        <v>10</v>
      </c>
      <c r="F2110" s="1" t="s">
        <v>10</v>
      </c>
      <c r="G2110" s="1" t="s">
        <v>10</v>
      </c>
      <c r="H2110" s="1" t="s">
        <v>10</v>
      </c>
      <c r="I2110" s="1" t="s">
        <v>7064</v>
      </c>
      <c r="J2110" s="1" t="s">
        <v>10</v>
      </c>
      <c r="K2110" s="1" t="s">
        <v>10</v>
      </c>
      <c r="L2110" s="1" t="s">
        <v>7235</v>
      </c>
      <c r="M2110" s="1" t="s">
        <v>5</v>
      </c>
      <c r="N2110" s="1" t="s">
        <v>10</v>
      </c>
      <c r="O2110" s="1" t="s">
        <v>38</v>
      </c>
      <c r="P2110" s="9" t="s">
        <v>32733</v>
      </c>
    </row>
    <row r="2111" spans="1:16" x14ac:dyDescent="0.2">
      <c r="A2111" s="1" t="s">
        <v>487</v>
      </c>
      <c r="B2111" s="1" t="s">
        <v>488</v>
      </c>
      <c r="C2111" s="1" t="s">
        <v>1106</v>
      </c>
      <c r="D2111" s="1" t="s">
        <v>1107</v>
      </c>
      <c r="E2111" s="1"/>
      <c r="F2111" s="1" t="s">
        <v>7085</v>
      </c>
      <c r="G2111" s="1" t="s">
        <v>1042</v>
      </c>
      <c r="H2111" s="1" t="s">
        <v>7238</v>
      </c>
      <c r="I2111" s="1" t="s">
        <v>7064</v>
      </c>
      <c r="J2111" s="1" t="s">
        <v>19</v>
      </c>
      <c r="K2111" s="1" t="s">
        <v>64</v>
      </c>
      <c r="L2111" s="1" t="s">
        <v>7237</v>
      </c>
      <c r="M2111" s="1" t="s">
        <v>5</v>
      </c>
      <c r="N2111" s="1" t="s">
        <v>10</v>
      </c>
      <c r="O2111" s="1" t="s">
        <v>8</v>
      </c>
      <c r="P2111" s="5" t="s">
        <v>30398</v>
      </c>
    </row>
    <row r="2112" spans="1:16" x14ac:dyDescent="0.2">
      <c r="A2112" s="1" t="s">
        <v>42</v>
      </c>
      <c r="B2112" s="1" t="s">
        <v>1341</v>
      </c>
      <c r="C2112" s="1" t="s">
        <v>7240</v>
      </c>
      <c r="D2112" s="1" t="s">
        <v>7241</v>
      </c>
      <c r="E2112" s="1"/>
      <c r="F2112" s="1" t="s">
        <v>10</v>
      </c>
      <c r="G2112" s="1" t="s">
        <v>10</v>
      </c>
      <c r="H2112" s="1" t="s">
        <v>10</v>
      </c>
      <c r="I2112" s="1" t="s">
        <v>7064</v>
      </c>
      <c r="J2112" s="1" t="s">
        <v>7102</v>
      </c>
      <c r="K2112" s="1" t="s">
        <v>130</v>
      </c>
      <c r="L2112" s="1" t="s">
        <v>7239</v>
      </c>
      <c r="M2112" s="1" t="s">
        <v>5</v>
      </c>
      <c r="N2112" s="1" t="s">
        <v>10</v>
      </c>
      <c r="O2112" s="1" t="s">
        <v>38</v>
      </c>
      <c r="P2112" s="5" t="s">
        <v>31250</v>
      </c>
    </row>
    <row r="2113" spans="1:16" x14ac:dyDescent="0.2">
      <c r="A2113" s="1" t="s">
        <v>66</v>
      </c>
      <c r="B2113" s="1" t="s">
        <v>276</v>
      </c>
      <c r="C2113" s="1" t="s">
        <v>7243</v>
      </c>
      <c r="D2113" s="1" t="s">
        <v>7243</v>
      </c>
      <c r="E2113" s="1"/>
      <c r="F2113" s="1" t="s">
        <v>7243</v>
      </c>
      <c r="G2113" s="1" t="s">
        <v>1042</v>
      </c>
      <c r="H2113" s="1" t="s">
        <v>7244</v>
      </c>
      <c r="I2113" s="1" t="s">
        <v>7064</v>
      </c>
      <c r="J2113" s="1" t="s">
        <v>19</v>
      </c>
      <c r="K2113" s="1" t="s">
        <v>64</v>
      </c>
      <c r="L2113" s="1" t="s">
        <v>7242</v>
      </c>
      <c r="M2113" s="1" t="s">
        <v>5</v>
      </c>
      <c r="N2113" s="1" t="s">
        <v>10</v>
      </c>
      <c r="O2113" s="1" t="s">
        <v>8</v>
      </c>
      <c r="P2113" s="5" t="s">
        <v>60</v>
      </c>
    </row>
    <row r="2114" spans="1:16" x14ac:dyDescent="0.2">
      <c r="A2114" s="1" t="s">
        <v>10</v>
      </c>
      <c r="B2114" s="1" t="s">
        <v>10</v>
      </c>
      <c r="C2114" s="1" t="s">
        <v>7246</v>
      </c>
      <c r="D2114" s="1" t="s">
        <v>10</v>
      </c>
      <c r="E2114" s="1" t="s">
        <v>7248</v>
      </c>
      <c r="F2114" s="1" t="s">
        <v>10</v>
      </c>
      <c r="G2114" s="1" t="s">
        <v>10</v>
      </c>
      <c r="H2114" s="1" t="s">
        <v>10</v>
      </c>
      <c r="I2114" s="1" t="s">
        <v>7245</v>
      </c>
      <c r="J2114" s="1" t="s">
        <v>10</v>
      </c>
      <c r="K2114" s="1" t="s">
        <v>10</v>
      </c>
      <c r="L2114" s="1" t="s">
        <v>7247</v>
      </c>
      <c r="M2114" s="1" t="s">
        <v>5</v>
      </c>
      <c r="N2114" s="1" t="s">
        <v>10</v>
      </c>
      <c r="O2114" s="1" t="s">
        <v>38</v>
      </c>
      <c r="P2114" s="5"/>
    </row>
    <row r="2115" spans="1:16" x14ac:dyDescent="0.2">
      <c r="A2115" s="1" t="s">
        <v>10</v>
      </c>
      <c r="B2115" s="1" t="s">
        <v>10</v>
      </c>
      <c r="C2115" s="1" t="s">
        <v>7250</v>
      </c>
      <c r="D2115" s="1" t="s">
        <v>10</v>
      </c>
      <c r="E2115" s="1" t="s">
        <v>7251</v>
      </c>
      <c r="F2115" s="1" t="s">
        <v>10</v>
      </c>
      <c r="G2115" s="1" t="s">
        <v>10</v>
      </c>
      <c r="H2115" s="1" t="s">
        <v>10</v>
      </c>
      <c r="I2115" s="1" t="s">
        <v>7245</v>
      </c>
      <c r="J2115" s="1" t="s">
        <v>10</v>
      </c>
      <c r="K2115" s="1" t="s">
        <v>10</v>
      </c>
      <c r="L2115" s="1" t="s">
        <v>7249</v>
      </c>
      <c r="M2115" s="1" t="s">
        <v>5</v>
      </c>
      <c r="N2115" s="1" t="s">
        <v>10</v>
      </c>
      <c r="O2115" s="1" t="s">
        <v>8</v>
      </c>
      <c r="P2115" s="5"/>
    </row>
    <row r="2116" spans="1:16" x14ac:dyDescent="0.2">
      <c r="A2116" s="1" t="s">
        <v>10</v>
      </c>
      <c r="B2116" s="1" t="s">
        <v>10</v>
      </c>
      <c r="C2116" s="1" t="s">
        <v>7252</v>
      </c>
      <c r="D2116" s="1" t="s">
        <v>10</v>
      </c>
      <c r="E2116" s="1" t="s">
        <v>7254</v>
      </c>
      <c r="F2116" s="1" t="s">
        <v>10</v>
      </c>
      <c r="G2116" s="1" t="s">
        <v>10</v>
      </c>
      <c r="H2116" s="1" t="s">
        <v>10</v>
      </c>
      <c r="I2116" s="1" t="s">
        <v>7245</v>
      </c>
      <c r="J2116" s="1" t="s">
        <v>10</v>
      </c>
      <c r="K2116" s="1" t="s">
        <v>10</v>
      </c>
      <c r="L2116" s="1" t="s">
        <v>7253</v>
      </c>
      <c r="M2116" s="1" t="s">
        <v>5</v>
      </c>
      <c r="N2116" s="1" t="s">
        <v>10</v>
      </c>
      <c r="O2116" s="1" t="s">
        <v>8</v>
      </c>
      <c r="P2116" s="5"/>
    </row>
    <row r="2117" spans="1:16" x14ac:dyDescent="0.2">
      <c r="A2117" s="1" t="s">
        <v>10</v>
      </c>
      <c r="B2117" s="1" t="s">
        <v>10</v>
      </c>
      <c r="C2117" s="1" t="s">
        <v>7256</v>
      </c>
      <c r="D2117" s="1" t="s">
        <v>10</v>
      </c>
      <c r="E2117" s="1" t="s">
        <v>7257</v>
      </c>
      <c r="F2117" s="1" t="s">
        <v>10</v>
      </c>
      <c r="G2117" s="1" t="s">
        <v>10</v>
      </c>
      <c r="H2117" s="1" t="s">
        <v>10</v>
      </c>
      <c r="I2117" s="1" t="s">
        <v>7245</v>
      </c>
      <c r="J2117" s="1" t="s">
        <v>10</v>
      </c>
      <c r="K2117" s="1" t="s">
        <v>10</v>
      </c>
      <c r="L2117" s="1" t="s">
        <v>7255</v>
      </c>
      <c r="M2117" s="1" t="s">
        <v>5</v>
      </c>
      <c r="N2117" s="1" t="s">
        <v>10</v>
      </c>
      <c r="O2117" s="1" t="s">
        <v>38</v>
      </c>
      <c r="P2117" s="5"/>
    </row>
    <row r="2118" spans="1:16" x14ac:dyDescent="0.2">
      <c r="A2118" s="1" t="s">
        <v>10</v>
      </c>
      <c r="B2118" s="1" t="s">
        <v>10</v>
      </c>
      <c r="C2118" s="1" t="s">
        <v>7259</v>
      </c>
      <c r="D2118" s="1" t="s">
        <v>10</v>
      </c>
      <c r="E2118" s="1" t="s">
        <v>7260</v>
      </c>
      <c r="F2118" s="1" t="s">
        <v>10</v>
      </c>
      <c r="G2118" s="1" t="s">
        <v>10</v>
      </c>
      <c r="H2118" s="1" t="s">
        <v>10</v>
      </c>
      <c r="I2118" s="1" t="s">
        <v>7245</v>
      </c>
      <c r="J2118" s="1" t="s">
        <v>10</v>
      </c>
      <c r="K2118" s="1" t="s">
        <v>10</v>
      </c>
      <c r="L2118" s="1" t="s">
        <v>7258</v>
      </c>
      <c r="M2118" s="1" t="s">
        <v>5</v>
      </c>
      <c r="N2118" s="1" t="s">
        <v>10</v>
      </c>
      <c r="O2118" s="1" t="s">
        <v>38</v>
      </c>
      <c r="P2118" s="5"/>
    </row>
    <row r="2119" spans="1:16" x14ac:dyDescent="0.2">
      <c r="A2119" s="1" t="s">
        <v>329</v>
      </c>
      <c r="B2119" s="1" t="s">
        <v>1738</v>
      </c>
      <c r="C2119" s="1" t="s">
        <v>7263</v>
      </c>
      <c r="D2119" s="1" t="s">
        <v>7264</v>
      </c>
      <c r="E2119" s="1" t="s">
        <v>7266</v>
      </c>
      <c r="F2119" s="1" t="s">
        <v>10</v>
      </c>
      <c r="G2119" s="1" t="s">
        <v>10</v>
      </c>
      <c r="H2119" s="1" t="s">
        <v>10</v>
      </c>
      <c r="I2119" s="1" t="s">
        <v>7261</v>
      </c>
      <c r="J2119" s="1" t="s">
        <v>7265</v>
      </c>
      <c r="K2119" s="1" t="s">
        <v>27</v>
      </c>
      <c r="L2119" s="1" t="s">
        <v>7262</v>
      </c>
      <c r="M2119" s="1" t="s">
        <v>5</v>
      </c>
      <c r="N2119" s="1" t="s">
        <v>25</v>
      </c>
      <c r="O2119" s="1" t="s">
        <v>38</v>
      </c>
      <c r="P2119" s="5" t="s">
        <v>29958</v>
      </c>
    </row>
    <row r="2120" spans="1:16" x14ac:dyDescent="0.2">
      <c r="A2120" s="1" t="s">
        <v>194</v>
      </c>
      <c r="B2120" s="1" t="s">
        <v>6479</v>
      </c>
      <c r="C2120" s="1" t="s">
        <v>7269</v>
      </c>
      <c r="D2120" s="1" t="s">
        <v>7270</v>
      </c>
      <c r="E2120" s="1" t="s">
        <v>7273</v>
      </c>
      <c r="F2120" s="1" t="s">
        <v>7271</v>
      </c>
      <c r="G2120" s="1" t="s">
        <v>4159</v>
      </c>
      <c r="H2120" s="1" t="s">
        <v>7270</v>
      </c>
      <c r="I2120" s="1" t="s">
        <v>7261</v>
      </c>
      <c r="J2120" s="1" t="s">
        <v>7272</v>
      </c>
      <c r="K2120" s="1" t="s">
        <v>1548</v>
      </c>
      <c r="L2120" s="1" t="s">
        <v>7268</v>
      </c>
      <c r="M2120" s="1" t="s">
        <v>5</v>
      </c>
      <c r="N2120" s="1" t="s">
        <v>1009</v>
      </c>
      <c r="O2120" s="1" t="s">
        <v>8</v>
      </c>
      <c r="P2120" s="5" t="s">
        <v>29944</v>
      </c>
    </row>
    <row r="2121" spans="1:16" x14ac:dyDescent="0.2">
      <c r="A2121" s="1" t="s">
        <v>32</v>
      </c>
      <c r="B2121" s="1" t="s">
        <v>2216</v>
      </c>
      <c r="C2121" s="1" t="s">
        <v>7275</v>
      </c>
      <c r="D2121" s="1" t="s">
        <v>7276</v>
      </c>
      <c r="E2121" s="1"/>
      <c r="F2121" s="1" t="s">
        <v>10</v>
      </c>
      <c r="G2121" s="1" t="s">
        <v>10</v>
      </c>
      <c r="H2121" s="1" t="s">
        <v>10</v>
      </c>
      <c r="I2121" s="1" t="s">
        <v>7261</v>
      </c>
      <c r="J2121" s="1" t="s">
        <v>7265</v>
      </c>
      <c r="K2121" s="1" t="s">
        <v>64</v>
      </c>
      <c r="L2121" s="1" t="s">
        <v>7274</v>
      </c>
      <c r="M2121" s="1" t="s">
        <v>5</v>
      </c>
      <c r="N2121" s="1" t="s">
        <v>25</v>
      </c>
      <c r="O2121" s="1" t="s">
        <v>38</v>
      </c>
      <c r="P2121" s="5" t="s">
        <v>29958</v>
      </c>
    </row>
    <row r="2122" spans="1:16" x14ac:dyDescent="0.2">
      <c r="A2122" s="1" t="s">
        <v>32</v>
      </c>
      <c r="B2122" s="1" t="s">
        <v>33</v>
      </c>
      <c r="C2122" s="1" t="s">
        <v>7278</v>
      </c>
      <c r="D2122" s="1" t="s">
        <v>7279</v>
      </c>
      <c r="E2122" s="1" t="s">
        <v>7280</v>
      </c>
      <c r="F2122" s="1" t="s">
        <v>10</v>
      </c>
      <c r="G2122" s="1" t="s">
        <v>10</v>
      </c>
      <c r="H2122" s="1" t="s">
        <v>10</v>
      </c>
      <c r="I2122" s="1" t="s">
        <v>7261</v>
      </c>
      <c r="J2122" s="1" t="s">
        <v>7265</v>
      </c>
      <c r="K2122" s="1" t="s">
        <v>64</v>
      </c>
      <c r="L2122" s="1" t="s">
        <v>7277</v>
      </c>
      <c r="M2122" s="1" t="s">
        <v>5</v>
      </c>
      <c r="N2122" s="1" t="s">
        <v>25</v>
      </c>
      <c r="O2122" s="1" t="s">
        <v>38</v>
      </c>
      <c r="P2122" s="5" t="s">
        <v>29958</v>
      </c>
    </row>
    <row r="2123" spans="1:16" x14ac:dyDescent="0.2">
      <c r="A2123" s="1" t="s">
        <v>194</v>
      </c>
      <c r="B2123" s="1" t="s">
        <v>6479</v>
      </c>
      <c r="C2123" s="1" t="s">
        <v>7282</v>
      </c>
      <c r="D2123" s="1" t="s">
        <v>7283</v>
      </c>
      <c r="E2123" s="1" t="s">
        <v>7285</v>
      </c>
      <c r="F2123" s="1" t="s">
        <v>1813</v>
      </c>
      <c r="G2123" s="1" t="s">
        <v>4159</v>
      </c>
      <c r="H2123" s="1" t="s">
        <v>7286</v>
      </c>
      <c r="I2123" s="1" t="s">
        <v>7261</v>
      </c>
      <c r="J2123" s="1" t="s">
        <v>7284</v>
      </c>
      <c r="K2123" s="1" t="s">
        <v>27</v>
      </c>
      <c r="L2123" s="1" t="s">
        <v>7281</v>
      </c>
      <c r="M2123" s="1" t="s">
        <v>5</v>
      </c>
      <c r="N2123" s="1" t="s">
        <v>6</v>
      </c>
      <c r="O2123" s="1" t="s">
        <v>8</v>
      </c>
      <c r="P2123" s="5" t="s">
        <v>31255</v>
      </c>
    </row>
    <row r="2124" spans="1:16" x14ac:dyDescent="0.2">
      <c r="A2124" s="1" t="s">
        <v>42</v>
      </c>
      <c r="B2124" s="1" t="s">
        <v>50</v>
      </c>
      <c r="C2124" s="1" t="s">
        <v>7288</v>
      </c>
      <c r="D2124" s="1" t="s">
        <v>7289</v>
      </c>
      <c r="E2124" s="1" t="s">
        <v>7290</v>
      </c>
      <c r="F2124" s="1" t="s">
        <v>10</v>
      </c>
      <c r="G2124" s="1" t="s">
        <v>10</v>
      </c>
      <c r="H2124" s="1" t="s">
        <v>10</v>
      </c>
      <c r="I2124" s="1" t="s">
        <v>7261</v>
      </c>
      <c r="J2124" s="1" t="s">
        <v>7265</v>
      </c>
      <c r="K2124" s="1" t="s">
        <v>3004</v>
      </c>
      <c r="L2124" s="1" t="s">
        <v>7287</v>
      </c>
      <c r="M2124" s="1" t="s">
        <v>5</v>
      </c>
      <c r="N2124" s="1" t="s">
        <v>960</v>
      </c>
      <c r="O2124" s="1" t="s">
        <v>38</v>
      </c>
      <c r="P2124" s="5" t="s">
        <v>29944</v>
      </c>
    </row>
    <row r="2125" spans="1:16" x14ac:dyDescent="0.2">
      <c r="A2125" s="1" t="s">
        <v>20</v>
      </c>
      <c r="B2125" s="1" t="s">
        <v>93</v>
      </c>
      <c r="C2125" s="1" t="s">
        <v>7292</v>
      </c>
      <c r="D2125" s="1" t="s">
        <v>7293</v>
      </c>
      <c r="E2125" s="1" t="s">
        <v>7294</v>
      </c>
      <c r="F2125" s="1" t="s">
        <v>10</v>
      </c>
      <c r="G2125" s="1" t="s">
        <v>10</v>
      </c>
      <c r="H2125" s="1" t="s">
        <v>10</v>
      </c>
      <c r="I2125" s="1" t="s">
        <v>7261</v>
      </c>
      <c r="J2125" s="1" t="s">
        <v>7265</v>
      </c>
      <c r="K2125" s="1" t="s">
        <v>1548</v>
      </c>
      <c r="L2125" s="1" t="s">
        <v>7291</v>
      </c>
      <c r="M2125" s="1" t="s">
        <v>5</v>
      </c>
      <c r="N2125" s="1" t="s">
        <v>6</v>
      </c>
      <c r="O2125" s="1" t="s">
        <v>38</v>
      </c>
      <c r="P2125" s="5" t="s">
        <v>29944</v>
      </c>
    </row>
    <row r="2126" spans="1:16" x14ac:dyDescent="0.2">
      <c r="A2126" s="1" t="s">
        <v>42</v>
      </c>
      <c r="B2126" s="1" t="s">
        <v>43</v>
      </c>
      <c r="C2126" s="1" t="s">
        <v>968</v>
      </c>
      <c r="D2126" s="1" t="s">
        <v>968</v>
      </c>
      <c r="E2126" s="1" t="s">
        <v>7297</v>
      </c>
      <c r="F2126" s="1" t="s">
        <v>968</v>
      </c>
      <c r="G2126" s="1" t="s">
        <v>4159</v>
      </c>
      <c r="H2126" s="1" t="s">
        <v>968</v>
      </c>
      <c r="I2126" s="1" t="s">
        <v>7261</v>
      </c>
      <c r="J2126" s="1" t="s">
        <v>7296</v>
      </c>
      <c r="K2126" s="1" t="s">
        <v>37</v>
      </c>
      <c r="L2126" s="1" t="s">
        <v>7295</v>
      </c>
      <c r="M2126" s="1" t="s">
        <v>5</v>
      </c>
      <c r="N2126" s="1" t="s">
        <v>6</v>
      </c>
      <c r="O2126" s="1" t="s">
        <v>8</v>
      </c>
      <c r="P2126" s="5" t="s">
        <v>31256</v>
      </c>
    </row>
    <row r="2127" spans="1:16" x14ac:dyDescent="0.2">
      <c r="A2127" s="1" t="s">
        <v>20</v>
      </c>
      <c r="B2127" s="1" t="s">
        <v>1804</v>
      </c>
      <c r="C2127" s="1" t="s">
        <v>7299</v>
      </c>
      <c r="D2127" s="1" t="s">
        <v>3627</v>
      </c>
      <c r="E2127" s="1"/>
      <c r="F2127" s="1" t="s">
        <v>10</v>
      </c>
      <c r="G2127" s="1" t="s">
        <v>10</v>
      </c>
      <c r="H2127" s="1" t="s">
        <v>10</v>
      </c>
      <c r="I2127" s="1" t="s">
        <v>7261</v>
      </c>
      <c r="J2127" s="1" t="s">
        <v>7265</v>
      </c>
      <c r="K2127" s="1" t="s">
        <v>27</v>
      </c>
      <c r="L2127" s="1" t="s">
        <v>7298</v>
      </c>
      <c r="M2127" s="1" t="s">
        <v>5</v>
      </c>
      <c r="N2127" s="1" t="s">
        <v>25</v>
      </c>
      <c r="O2127" s="1" t="s">
        <v>38</v>
      </c>
      <c r="P2127" s="5" t="s">
        <v>29959</v>
      </c>
    </row>
    <row r="2128" spans="1:16" x14ac:dyDescent="0.2">
      <c r="A2128" s="1" t="s">
        <v>10</v>
      </c>
      <c r="B2128" s="1" t="s">
        <v>376</v>
      </c>
      <c r="C2128" s="1" t="s">
        <v>7301</v>
      </c>
      <c r="D2128" s="1" t="s">
        <v>7301</v>
      </c>
      <c r="E2128" s="1" t="s">
        <v>7304</v>
      </c>
      <c r="F2128" s="1" t="s">
        <v>7302</v>
      </c>
      <c r="G2128" s="1" t="s">
        <v>4159</v>
      </c>
      <c r="H2128" s="1" t="s">
        <v>7301</v>
      </c>
      <c r="I2128" s="1" t="s">
        <v>7261</v>
      </c>
      <c r="J2128" s="1" t="s">
        <v>7303</v>
      </c>
      <c r="K2128" s="1" t="s">
        <v>27</v>
      </c>
      <c r="L2128" s="1" t="s">
        <v>7300</v>
      </c>
      <c r="M2128" s="1" t="s">
        <v>5</v>
      </c>
      <c r="N2128" s="1" t="s">
        <v>25</v>
      </c>
      <c r="O2128" s="1" t="s">
        <v>8</v>
      </c>
      <c r="P2128" s="5" t="s">
        <v>31257</v>
      </c>
    </row>
    <row r="2129" spans="1:16" x14ac:dyDescent="0.2">
      <c r="A2129" s="1" t="s">
        <v>42</v>
      </c>
      <c r="B2129" s="1" t="s">
        <v>43</v>
      </c>
      <c r="C2129" s="1" t="s">
        <v>7306</v>
      </c>
      <c r="D2129" s="1" t="s">
        <v>1826</v>
      </c>
      <c r="E2129" s="1" t="s">
        <v>7307</v>
      </c>
      <c r="F2129" s="1" t="s">
        <v>10</v>
      </c>
      <c r="G2129" s="1" t="s">
        <v>10</v>
      </c>
      <c r="H2129" s="1" t="s">
        <v>10</v>
      </c>
      <c r="I2129" s="1" t="s">
        <v>7261</v>
      </c>
      <c r="J2129" s="1" t="s">
        <v>7303</v>
      </c>
      <c r="K2129" s="1" t="s">
        <v>37</v>
      </c>
      <c r="L2129" s="1" t="s">
        <v>7305</v>
      </c>
      <c r="M2129" s="1" t="s">
        <v>5</v>
      </c>
      <c r="N2129" s="1" t="s">
        <v>25</v>
      </c>
      <c r="O2129" s="1" t="s">
        <v>38</v>
      </c>
      <c r="P2129" s="5" t="s">
        <v>29958</v>
      </c>
    </row>
    <row r="2130" spans="1:16" x14ac:dyDescent="0.2">
      <c r="A2130" s="1" t="s">
        <v>194</v>
      </c>
      <c r="B2130" s="1" t="s">
        <v>6479</v>
      </c>
      <c r="C2130" s="1" t="s">
        <v>7309</v>
      </c>
      <c r="D2130" s="1" t="s">
        <v>7309</v>
      </c>
      <c r="E2130" s="1" t="s">
        <v>7312</v>
      </c>
      <c r="F2130" s="1" t="s">
        <v>7310</v>
      </c>
      <c r="G2130" s="1" t="s">
        <v>1042</v>
      </c>
      <c r="H2130" s="1" t="s">
        <v>7309</v>
      </c>
      <c r="I2130" s="1" t="s">
        <v>7261</v>
      </c>
      <c r="J2130" s="1" t="s">
        <v>7311</v>
      </c>
      <c r="K2130" s="1" t="s">
        <v>1548</v>
      </c>
      <c r="L2130" s="1" t="s">
        <v>7308</v>
      </c>
      <c r="M2130" s="1" t="s">
        <v>5</v>
      </c>
      <c r="N2130" s="1" t="s">
        <v>1009</v>
      </c>
      <c r="O2130" s="1" t="s">
        <v>38</v>
      </c>
      <c r="P2130" s="5" t="s">
        <v>29846</v>
      </c>
    </row>
    <row r="2131" spans="1:16" x14ac:dyDescent="0.2">
      <c r="A2131" s="1" t="s">
        <v>42</v>
      </c>
      <c r="B2131" s="1" t="s">
        <v>588</v>
      </c>
      <c r="C2131" s="1" t="s">
        <v>7314</v>
      </c>
      <c r="D2131" s="1" t="s">
        <v>7315</v>
      </c>
      <c r="E2131" s="1" t="s">
        <v>7317</v>
      </c>
      <c r="F2131" s="1" t="s">
        <v>10</v>
      </c>
      <c r="G2131" s="1" t="s">
        <v>10</v>
      </c>
      <c r="H2131" s="1" t="s">
        <v>10</v>
      </c>
      <c r="I2131" s="1" t="s">
        <v>7261</v>
      </c>
      <c r="J2131" s="1" t="s">
        <v>7316</v>
      </c>
      <c r="K2131" s="1" t="s">
        <v>113</v>
      </c>
      <c r="L2131" s="1" t="s">
        <v>7313</v>
      </c>
      <c r="M2131" s="1" t="s">
        <v>5</v>
      </c>
      <c r="N2131" s="1" t="s">
        <v>25</v>
      </c>
      <c r="O2131" s="1" t="s">
        <v>38</v>
      </c>
      <c r="P2131" s="5" t="s">
        <v>29958</v>
      </c>
    </row>
    <row r="2132" spans="1:16" x14ac:dyDescent="0.2">
      <c r="A2132" s="1" t="s">
        <v>20</v>
      </c>
      <c r="B2132" s="1" t="s">
        <v>93</v>
      </c>
      <c r="C2132" s="1" t="s">
        <v>7319</v>
      </c>
      <c r="D2132" s="1" t="s">
        <v>7319</v>
      </c>
      <c r="E2132" s="1"/>
      <c r="F2132" s="1" t="s">
        <v>7320</v>
      </c>
      <c r="G2132" s="1" t="s">
        <v>4159</v>
      </c>
      <c r="H2132" s="1" t="s">
        <v>7321</v>
      </c>
      <c r="I2132" s="1" t="s">
        <v>7261</v>
      </c>
      <c r="J2132" s="1" t="s">
        <v>7265</v>
      </c>
      <c r="K2132" s="1" t="s">
        <v>7</v>
      </c>
      <c r="L2132" s="1" t="s">
        <v>7318</v>
      </c>
      <c r="M2132" s="1" t="s">
        <v>5</v>
      </c>
      <c r="N2132" s="1" t="s">
        <v>25</v>
      </c>
      <c r="O2132" s="1" t="s">
        <v>8</v>
      </c>
      <c r="P2132" s="5" t="s">
        <v>29960</v>
      </c>
    </row>
    <row r="2133" spans="1:16" x14ac:dyDescent="0.2">
      <c r="A2133" s="1" t="s">
        <v>194</v>
      </c>
      <c r="B2133" s="1" t="s">
        <v>6479</v>
      </c>
      <c r="C2133" s="1" t="s">
        <v>7324</v>
      </c>
      <c r="D2133" s="1" t="s">
        <v>7325</v>
      </c>
      <c r="E2133" s="1" t="s">
        <v>7327</v>
      </c>
      <c r="F2133" s="1" t="s">
        <v>10</v>
      </c>
      <c r="G2133" s="1" t="s">
        <v>10</v>
      </c>
      <c r="H2133" s="1" t="s">
        <v>10</v>
      </c>
      <c r="I2133" s="1" t="s">
        <v>7261</v>
      </c>
      <c r="J2133" s="1" t="s">
        <v>7326</v>
      </c>
      <c r="K2133" s="1" t="s">
        <v>27</v>
      </c>
      <c r="L2133" s="1" t="s">
        <v>7323</v>
      </c>
      <c r="M2133" s="1" t="s">
        <v>5</v>
      </c>
      <c r="N2133" s="1" t="s">
        <v>25</v>
      </c>
      <c r="O2133" s="1" t="s">
        <v>38</v>
      </c>
      <c r="P2133" s="5" t="s">
        <v>29960</v>
      </c>
    </row>
    <row r="2134" spans="1:16" x14ac:dyDescent="0.2">
      <c r="A2134" s="1" t="s">
        <v>42</v>
      </c>
      <c r="B2134" s="1" t="s">
        <v>588</v>
      </c>
      <c r="C2134" s="1" t="s">
        <v>7329</v>
      </c>
      <c r="D2134" s="1" t="s">
        <v>7329</v>
      </c>
      <c r="E2134" s="1" t="s">
        <v>7331</v>
      </c>
      <c r="F2134" s="1" t="s">
        <v>7330</v>
      </c>
      <c r="G2134" s="1" t="s">
        <v>4159</v>
      </c>
      <c r="H2134" s="1" t="s">
        <v>7329</v>
      </c>
      <c r="I2134" s="1" t="s">
        <v>7261</v>
      </c>
      <c r="J2134" s="1" t="s">
        <v>7316</v>
      </c>
      <c r="K2134" s="1" t="s">
        <v>586</v>
      </c>
      <c r="L2134" s="1" t="s">
        <v>7328</v>
      </c>
      <c r="M2134" s="1" t="s">
        <v>5</v>
      </c>
      <c r="N2134" s="1" t="s">
        <v>1009</v>
      </c>
      <c r="O2134" s="1" t="s">
        <v>8</v>
      </c>
      <c r="P2134" s="5" t="s">
        <v>29846</v>
      </c>
    </row>
    <row r="2135" spans="1:16" x14ac:dyDescent="0.2">
      <c r="A2135" s="1" t="s">
        <v>42</v>
      </c>
      <c r="B2135" s="1" t="s">
        <v>118</v>
      </c>
      <c r="C2135" s="1" t="s">
        <v>7334</v>
      </c>
      <c r="D2135" s="1" t="s">
        <v>7335</v>
      </c>
      <c r="E2135" s="1" t="s">
        <v>7336</v>
      </c>
      <c r="F2135" s="1" t="s">
        <v>10</v>
      </c>
      <c r="G2135" s="1" t="s">
        <v>10</v>
      </c>
      <c r="H2135" s="1" t="s">
        <v>10</v>
      </c>
      <c r="I2135" s="1" t="s">
        <v>7261</v>
      </c>
      <c r="J2135" s="1" t="s">
        <v>7316</v>
      </c>
      <c r="K2135" s="1" t="s">
        <v>113</v>
      </c>
      <c r="L2135" s="1" t="s">
        <v>7333</v>
      </c>
      <c r="M2135" s="1" t="s">
        <v>5</v>
      </c>
      <c r="N2135" s="1" t="s">
        <v>25</v>
      </c>
      <c r="O2135" s="1" t="s">
        <v>38</v>
      </c>
      <c r="P2135" s="5" t="s">
        <v>29960</v>
      </c>
    </row>
    <row r="2136" spans="1:16" x14ac:dyDescent="0.2">
      <c r="A2136" s="1" t="s">
        <v>42</v>
      </c>
      <c r="B2136" s="1" t="s">
        <v>588</v>
      </c>
      <c r="C2136" s="1" t="s">
        <v>7338</v>
      </c>
      <c r="D2136" s="1" t="s">
        <v>7339</v>
      </c>
      <c r="E2136" s="1" t="s">
        <v>7341</v>
      </c>
      <c r="F2136" s="1" t="s">
        <v>10</v>
      </c>
      <c r="G2136" s="1" t="s">
        <v>10</v>
      </c>
      <c r="H2136" s="1" t="s">
        <v>10</v>
      </c>
      <c r="I2136" s="1" t="s">
        <v>7261</v>
      </c>
      <c r="J2136" s="1" t="s">
        <v>7265</v>
      </c>
      <c r="K2136" s="1" t="s">
        <v>7340</v>
      </c>
      <c r="L2136" s="1" t="s">
        <v>7337</v>
      </c>
      <c r="M2136" s="1" t="s">
        <v>5</v>
      </c>
      <c r="N2136" s="1" t="s">
        <v>25</v>
      </c>
      <c r="O2136" s="1" t="s">
        <v>38</v>
      </c>
      <c r="P2136" s="5" t="s">
        <v>29958</v>
      </c>
    </row>
    <row r="2137" spans="1:16" x14ac:dyDescent="0.2">
      <c r="A2137" s="1" t="s">
        <v>10</v>
      </c>
      <c r="B2137" s="1" t="s">
        <v>376</v>
      </c>
      <c r="C2137" s="1" t="s">
        <v>7343</v>
      </c>
      <c r="D2137" s="1" t="s">
        <v>7344</v>
      </c>
      <c r="E2137" s="1"/>
      <c r="F2137" s="1" t="s">
        <v>10</v>
      </c>
      <c r="G2137" s="1" t="s">
        <v>10</v>
      </c>
      <c r="H2137" s="1" t="s">
        <v>10</v>
      </c>
      <c r="I2137" s="1" t="s">
        <v>7261</v>
      </c>
      <c r="J2137" s="1" t="s">
        <v>7265</v>
      </c>
      <c r="K2137" s="1" t="s">
        <v>27</v>
      </c>
      <c r="L2137" s="1" t="s">
        <v>7342</v>
      </c>
      <c r="M2137" s="1" t="s">
        <v>5</v>
      </c>
      <c r="N2137" s="1" t="s">
        <v>25</v>
      </c>
      <c r="O2137" s="1" t="s">
        <v>38</v>
      </c>
      <c r="P2137" s="5" t="s">
        <v>29958</v>
      </c>
    </row>
    <row r="2138" spans="1:16" ht="38.25" x14ac:dyDescent="0.2">
      <c r="A2138" s="1" t="s">
        <v>42</v>
      </c>
      <c r="B2138" s="1" t="s">
        <v>50</v>
      </c>
      <c r="C2138" s="1" t="s">
        <v>7346</v>
      </c>
      <c r="D2138" s="1" t="s">
        <v>7347</v>
      </c>
      <c r="E2138" s="1" t="s">
        <v>7348</v>
      </c>
      <c r="F2138" s="1" t="s">
        <v>1868</v>
      </c>
      <c r="G2138" s="1" t="s">
        <v>4159</v>
      </c>
      <c r="H2138" s="1" t="s">
        <v>7347</v>
      </c>
      <c r="I2138" s="1" t="s">
        <v>7261</v>
      </c>
      <c r="J2138" s="1" t="s">
        <v>7265</v>
      </c>
      <c r="K2138" s="1" t="s">
        <v>47</v>
      </c>
      <c r="L2138" s="1" t="s">
        <v>7345</v>
      </c>
      <c r="M2138" s="1" t="s">
        <v>5</v>
      </c>
      <c r="N2138" s="1" t="s">
        <v>1009</v>
      </c>
      <c r="O2138" s="1" t="s">
        <v>8</v>
      </c>
      <c r="P2138" s="9" t="s">
        <v>31258</v>
      </c>
    </row>
    <row r="2139" spans="1:16" x14ac:dyDescent="0.2">
      <c r="A2139" s="1" t="s">
        <v>42</v>
      </c>
      <c r="B2139" s="1" t="s">
        <v>87</v>
      </c>
      <c r="C2139" s="1" t="s">
        <v>7350</v>
      </c>
      <c r="D2139" s="1" t="s">
        <v>7351</v>
      </c>
      <c r="E2139" s="1" t="s">
        <v>7352</v>
      </c>
      <c r="F2139" s="1" t="s">
        <v>7112</v>
      </c>
      <c r="G2139" s="1" t="s">
        <v>4159</v>
      </c>
      <c r="H2139" s="1" t="s">
        <v>7353</v>
      </c>
      <c r="I2139" s="1" t="s">
        <v>7261</v>
      </c>
      <c r="J2139" s="1" t="s">
        <v>7265</v>
      </c>
      <c r="K2139" s="1" t="s">
        <v>7</v>
      </c>
      <c r="L2139" s="1" t="s">
        <v>7349</v>
      </c>
      <c r="M2139" s="1" t="s">
        <v>5</v>
      </c>
      <c r="N2139" s="1" t="s">
        <v>25</v>
      </c>
      <c r="O2139" s="1" t="s">
        <v>8</v>
      </c>
      <c r="P2139" s="5" t="s">
        <v>30330</v>
      </c>
    </row>
    <row r="2140" spans="1:16" x14ac:dyDescent="0.2">
      <c r="A2140" s="1" t="s">
        <v>42</v>
      </c>
      <c r="B2140" s="1" t="s">
        <v>588</v>
      </c>
      <c r="C2140" s="1" t="s">
        <v>7355</v>
      </c>
      <c r="D2140" s="1" t="s">
        <v>7355</v>
      </c>
      <c r="E2140" s="1" t="s">
        <v>7357</v>
      </c>
      <c r="F2140" s="1" t="s">
        <v>7356</v>
      </c>
      <c r="G2140" s="1" t="s">
        <v>4159</v>
      </c>
      <c r="H2140" s="1" t="s">
        <v>7358</v>
      </c>
      <c r="I2140" s="1" t="s">
        <v>7261</v>
      </c>
      <c r="J2140" s="1" t="s">
        <v>7316</v>
      </c>
      <c r="K2140" s="1" t="s">
        <v>27</v>
      </c>
      <c r="L2140" s="1" t="s">
        <v>7354</v>
      </c>
      <c r="M2140" s="1" t="s">
        <v>5</v>
      </c>
      <c r="N2140" s="1" t="s">
        <v>25</v>
      </c>
      <c r="O2140" s="1" t="s">
        <v>8</v>
      </c>
      <c r="P2140" s="5" t="s">
        <v>30398</v>
      </c>
    </row>
    <row r="2141" spans="1:16" x14ac:dyDescent="0.2">
      <c r="A2141" s="1" t="s">
        <v>20</v>
      </c>
      <c r="B2141" s="1" t="s">
        <v>1047</v>
      </c>
      <c r="C2141" s="1" t="s">
        <v>7361</v>
      </c>
      <c r="D2141" s="1" t="s">
        <v>7362</v>
      </c>
      <c r="E2141" s="1" t="s">
        <v>7363</v>
      </c>
      <c r="F2141" s="1" t="s">
        <v>10</v>
      </c>
      <c r="G2141" s="1" t="s">
        <v>10</v>
      </c>
      <c r="H2141" s="1" t="s">
        <v>10</v>
      </c>
      <c r="I2141" s="1" t="s">
        <v>7261</v>
      </c>
      <c r="J2141" s="1" t="s">
        <v>7303</v>
      </c>
      <c r="K2141" s="1" t="s">
        <v>100</v>
      </c>
      <c r="L2141" s="1" t="s">
        <v>7360</v>
      </c>
      <c r="M2141" s="1" t="s">
        <v>5</v>
      </c>
      <c r="N2141" s="1" t="s">
        <v>25</v>
      </c>
      <c r="O2141" s="1" t="s">
        <v>38</v>
      </c>
      <c r="P2141" s="5" t="s">
        <v>29960</v>
      </c>
    </row>
    <row r="2142" spans="1:16" x14ac:dyDescent="0.2">
      <c r="A2142" s="1" t="s">
        <v>42</v>
      </c>
      <c r="B2142" s="1" t="s">
        <v>1341</v>
      </c>
      <c r="C2142" s="1" t="s">
        <v>7365</v>
      </c>
      <c r="D2142" s="1" t="s">
        <v>7366</v>
      </c>
      <c r="E2142" s="1" t="s">
        <v>7368</v>
      </c>
      <c r="F2142" s="1" t="s">
        <v>10</v>
      </c>
      <c r="G2142" s="1" t="s">
        <v>10</v>
      </c>
      <c r="H2142" s="1" t="s">
        <v>10</v>
      </c>
      <c r="I2142" s="1" t="s">
        <v>7261</v>
      </c>
      <c r="J2142" s="1" t="s">
        <v>7303</v>
      </c>
      <c r="K2142" s="1" t="s">
        <v>7367</v>
      </c>
      <c r="L2142" s="1" t="s">
        <v>7364</v>
      </c>
      <c r="M2142" s="1" t="s">
        <v>5</v>
      </c>
      <c r="N2142" s="1" t="s">
        <v>25</v>
      </c>
      <c r="O2142" s="1" t="s">
        <v>38</v>
      </c>
      <c r="P2142" s="5" t="s">
        <v>29958</v>
      </c>
    </row>
    <row r="2143" spans="1:16" x14ac:dyDescent="0.2">
      <c r="A2143" s="1" t="s">
        <v>42</v>
      </c>
      <c r="B2143" s="1" t="s">
        <v>50</v>
      </c>
      <c r="C2143" s="1" t="s">
        <v>7370</v>
      </c>
      <c r="D2143" s="1" t="s">
        <v>7371</v>
      </c>
      <c r="E2143" s="1" t="s">
        <v>7372</v>
      </c>
      <c r="F2143" s="1" t="s">
        <v>10</v>
      </c>
      <c r="G2143" s="1" t="s">
        <v>10</v>
      </c>
      <c r="H2143" s="1" t="s">
        <v>10</v>
      </c>
      <c r="I2143" s="1" t="s">
        <v>7261</v>
      </c>
      <c r="J2143" s="1" t="s">
        <v>7265</v>
      </c>
      <c r="K2143" s="1" t="s">
        <v>6907</v>
      </c>
      <c r="L2143" s="1" t="s">
        <v>7369</v>
      </c>
      <c r="M2143" s="1" t="s">
        <v>5</v>
      </c>
      <c r="N2143" s="1" t="s">
        <v>25</v>
      </c>
      <c r="O2143" s="1" t="s">
        <v>38</v>
      </c>
      <c r="P2143" s="5" t="s">
        <v>29958</v>
      </c>
    </row>
    <row r="2144" spans="1:16" x14ac:dyDescent="0.2">
      <c r="A2144" s="1" t="s">
        <v>194</v>
      </c>
      <c r="B2144" s="1" t="s">
        <v>6479</v>
      </c>
      <c r="C2144" s="1" t="s">
        <v>7374</v>
      </c>
      <c r="D2144" s="1" t="s">
        <v>7375</v>
      </c>
      <c r="E2144" s="1" t="s">
        <v>7377</v>
      </c>
      <c r="F2144" s="1" t="s">
        <v>7376</v>
      </c>
      <c r="G2144" s="1" t="s">
        <v>1042</v>
      </c>
      <c r="H2144" s="1" t="s">
        <v>10</v>
      </c>
      <c r="I2144" s="1" t="s">
        <v>7261</v>
      </c>
      <c r="J2144" s="1" t="s">
        <v>10</v>
      </c>
      <c r="K2144" s="1" t="s">
        <v>10</v>
      </c>
      <c r="L2144" s="1" t="s">
        <v>7373</v>
      </c>
      <c r="M2144" s="1" t="s">
        <v>5</v>
      </c>
      <c r="N2144" s="1" t="s">
        <v>6</v>
      </c>
      <c r="O2144" s="1" t="s">
        <v>8</v>
      </c>
      <c r="P2144" s="5" t="s">
        <v>31255</v>
      </c>
    </row>
    <row r="2145" spans="1:16" x14ac:dyDescent="0.2">
      <c r="A2145" s="1" t="s">
        <v>32</v>
      </c>
      <c r="B2145" s="1" t="s">
        <v>7383</v>
      </c>
      <c r="C2145" s="1" t="s">
        <v>7379</v>
      </c>
      <c r="D2145" s="1" t="s">
        <v>7380</v>
      </c>
      <c r="E2145" s="1" t="s">
        <v>7382</v>
      </c>
      <c r="F2145" s="1" t="s">
        <v>10</v>
      </c>
      <c r="G2145" s="1" t="s">
        <v>10</v>
      </c>
      <c r="H2145" s="1" t="s">
        <v>10</v>
      </c>
      <c r="I2145" s="1" t="s">
        <v>7261</v>
      </c>
      <c r="J2145" s="1" t="s">
        <v>7265</v>
      </c>
      <c r="K2145" s="1" t="s">
        <v>7381</v>
      </c>
      <c r="L2145" s="1" t="s">
        <v>7378</v>
      </c>
      <c r="M2145" s="1" t="s">
        <v>5</v>
      </c>
      <c r="N2145" s="1" t="s">
        <v>25</v>
      </c>
      <c r="O2145" s="1" t="s">
        <v>38</v>
      </c>
      <c r="P2145" s="5" t="s">
        <v>29960</v>
      </c>
    </row>
    <row r="2146" spans="1:16" x14ac:dyDescent="0.2">
      <c r="A2146" s="1" t="s">
        <v>194</v>
      </c>
      <c r="B2146" s="1" t="s">
        <v>6479</v>
      </c>
      <c r="C2146" s="1" t="s">
        <v>7385</v>
      </c>
      <c r="D2146" s="1" t="s">
        <v>7386</v>
      </c>
      <c r="E2146" s="1" t="s">
        <v>7387</v>
      </c>
      <c r="F2146" s="1" t="s">
        <v>10</v>
      </c>
      <c r="G2146" s="1" t="s">
        <v>10</v>
      </c>
      <c r="H2146" s="1" t="s">
        <v>10</v>
      </c>
      <c r="I2146" s="1" t="s">
        <v>7261</v>
      </c>
      <c r="J2146" s="1" t="s">
        <v>7326</v>
      </c>
      <c r="K2146" s="1" t="s">
        <v>27</v>
      </c>
      <c r="L2146" s="1" t="s">
        <v>7384</v>
      </c>
      <c r="M2146" s="1" t="s">
        <v>5</v>
      </c>
      <c r="N2146" s="1" t="s">
        <v>25</v>
      </c>
      <c r="O2146" s="1" t="s">
        <v>38</v>
      </c>
      <c r="P2146" s="5" t="s">
        <v>29960</v>
      </c>
    </row>
    <row r="2147" spans="1:16" x14ac:dyDescent="0.2">
      <c r="A2147" s="1" t="s">
        <v>32</v>
      </c>
      <c r="B2147" s="1" t="s">
        <v>140</v>
      </c>
      <c r="C2147" s="1" t="s">
        <v>7389</v>
      </c>
      <c r="D2147" s="1" t="s">
        <v>7390</v>
      </c>
      <c r="E2147" s="1" t="s">
        <v>7392</v>
      </c>
      <c r="F2147" s="1" t="s">
        <v>10</v>
      </c>
      <c r="G2147" s="1" t="s">
        <v>10</v>
      </c>
      <c r="H2147" s="1" t="s">
        <v>10</v>
      </c>
      <c r="I2147" s="1" t="s">
        <v>7261</v>
      </c>
      <c r="J2147" s="1" t="s">
        <v>7316</v>
      </c>
      <c r="K2147" s="1" t="s">
        <v>7391</v>
      </c>
      <c r="L2147" s="1" t="s">
        <v>7388</v>
      </c>
      <c r="M2147" s="1" t="s">
        <v>5</v>
      </c>
      <c r="N2147" s="1" t="s">
        <v>25</v>
      </c>
      <c r="O2147" s="1" t="s">
        <v>38</v>
      </c>
      <c r="P2147" s="5" t="s">
        <v>29960</v>
      </c>
    </row>
    <row r="2148" spans="1:16" x14ac:dyDescent="0.2">
      <c r="A2148" s="1" t="s">
        <v>1086</v>
      </c>
      <c r="B2148" s="1" t="s">
        <v>1400</v>
      </c>
      <c r="C2148" s="1" t="s">
        <v>7394</v>
      </c>
      <c r="D2148" s="1" t="s">
        <v>7395</v>
      </c>
      <c r="E2148" s="1" t="s">
        <v>7397</v>
      </c>
      <c r="F2148" s="1" t="s">
        <v>10</v>
      </c>
      <c r="G2148" s="1" t="s">
        <v>10</v>
      </c>
      <c r="H2148" s="1" t="s">
        <v>10</v>
      </c>
      <c r="I2148" s="1" t="s">
        <v>7261</v>
      </c>
      <c r="J2148" s="1" t="s">
        <v>7396</v>
      </c>
      <c r="K2148" s="1" t="s">
        <v>64</v>
      </c>
      <c r="L2148" s="1" t="s">
        <v>7393</v>
      </c>
      <c r="M2148" s="1" t="s">
        <v>5</v>
      </c>
      <c r="N2148" s="1" t="s">
        <v>25</v>
      </c>
      <c r="O2148" s="1" t="s">
        <v>38</v>
      </c>
      <c r="P2148" s="5" t="s">
        <v>29960</v>
      </c>
    </row>
    <row r="2149" spans="1:16" x14ac:dyDescent="0.2">
      <c r="A2149" s="1" t="s">
        <v>42</v>
      </c>
      <c r="B2149" s="1" t="s">
        <v>109</v>
      </c>
      <c r="C2149" s="1" t="s">
        <v>7399</v>
      </c>
      <c r="D2149" s="1" t="s">
        <v>7400</v>
      </c>
      <c r="E2149" s="1"/>
      <c r="F2149" s="1" t="s">
        <v>10</v>
      </c>
      <c r="G2149" s="1" t="s">
        <v>10</v>
      </c>
      <c r="H2149" s="1" t="s">
        <v>10</v>
      </c>
      <c r="I2149" s="1" t="s">
        <v>7261</v>
      </c>
      <c r="J2149" s="1" t="s">
        <v>7401</v>
      </c>
      <c r="K2149" s="1" t="s">
        <v>27</v>
      </c>
      <c r="L2149" s="1" t="s">
        <v>7398</v>
      </c>
      <c r="M2149" s="1" t="s">
        <v>5</v>
      </c>
      <c r="N2149" s="1" t="s">
        <v>25</v>
      </c>
      <c r="O2149" s="1" t="s">
        <v>38</v>
      </c>
      <c r="P2149" s="5" t="s">
        <v>29960</v>
      </c>
    </row>
    <row r="2150" spans="1:16" x14ac:dyDescent="0.2">
      <c r="A2150" s="1" t="s">
        <v>42</v>
      </c>
      <c r="B2150" s="1" t="s">
        <v>50</v>
      </c>
      <c r="C2150" s="1" t="s">
        <v>7403</v>
      </c>
      <c r="D2150" s="1" t="s">
        <v>7404</v>
      </c>
      <c r="E2150" s="1" t="s">
        <v>7405</v>
      </c>
      <c r="F2150" s="1" t="s">
        <v>1868</v>
      </c>
      <c r="G2150" s="1" t="s">
        <v>4159</v>
      </c>
      <c r="H2150" s="1" t="s">
        <v>7406</v>
      </c>
      <c r="I2150" s="1" t="s">
        <v>7261</v>
      </c>
      <c r="J2150" s="1" t="s">
        <v>7265</v>
      </c>
      <c r="K2150" s="1" t="s">
        <v>47</v>
      </c>
      <c r="L2150" s="1" t="s">
        <v>7402</v>
      </c>
      <c r="M2150" s="1" t="s">
        <v>5</v>
      </c>
      <c r="N2150" s="1" t="s">
        <v>25</v>
      </c>
      <c r="O2150" s="1" t="s">
        <v>8</v>
      </c>
      <c r="P2150" s="5" t="s">
        <v>29960</v>
      </c>
    </row>
    <row r="2151" spans="1:16" x14ac:dyDescent="0.2">
      <c r="A2151" s="1" t="s">
        <v>42</v>
      </c>
      <c r="B2151" s="1" t="s">
        <v>7411</v>
      </c>
      <c r="C2151" s="1" t="s">
        <v>7408</v>
      </c>
      <c r="D2151" s="1" t="s">
        <v>7409</v>
      </c>
      <c r="E2151" s="1" t="s">
        <v>7410</v>
      </c>
      <c r="F2151" s="1" t="s">
        <v>2168</v>
      </c>
      <c r="G2151" s="1" t="s">
        <v>1042</v>
      </c>
      <c r="H2151" s="1" t="s">
        <v>7409</v>
      </c>
      <c r="I2151" s="1" t="s">
        <v>7261</v>
      </c>
      <c r="J2151" s="1" t="s">
        <v>10</v>
      </c>
      <c r="K2151" s="1" t="s">
        <v>47</v>
      </c>
      <c r="L2151" s="1" t="s">
        <v>7407</v>
      </c>
      <c r="M2151" s="1" t="s">
        <v>5</v>
      </c>
      <c r="N2151" s="1" t="s">
        <v>6</v>
      </c>
      <c r="O2151" s="1" t="s">
        <v>38</v>
      </c>
      <c r="P2151" s="5" t="s">
        <v>31255</v>
      </c>
    </row>
    <row r="2152" spans="1:16" x14ac:dyDescent="0.2">
      <c r="A2152" s="1" t="s">
        <v>10</v>
      </c>
      <c r="B2152" s="1" t="s">
        <v>10</v>
      </c>
      <c r="C2152" s="1" t="s">
        <v>7413</v>
      </c>
      <c r="D2152" s="1" t="s">
        <v>7414</v>
      </c>
      <c r="E2152" s="1" t="s">
        <v>7413</v>
      </c>
      <c r="F2152" s="1" t="s">
        <v>7415</v>
      </c>
      <c r="G2152" s="1" t="s">
        <v>1042</v>
      </c>
      <c r="H2152" s="1" t="s">
        <v>7413</v>
      </c>
      <c r="I2152" s="1" t="s">
        <v>7261</v>
      </c>
      <c r="J2152" s="1" t="s">
        <v>10</v>
      </c>
      <c r="K2152" s="1" t="s">
        <v>6674</v>
      </c>
      <c r="L2152" s="1" t="s">
        <v>7412</v>
      </c>
      <c r="M2152" s="1" t="s">
        <v>5</v>
      </c>
      <c r="N2152" s="1" t="s">
        <v>6</v>
      </c>
      <c r="O2152" s="1" t="s">
        <v>8</v>
      </c>
      <c r="P2152" s="5" t="s">
        <v>14</v>
      </c>
    </row>
    <row r="2153" spans="1:16" x14ac:dyDescent="0.2">
      <c r="A2153" s="1" t="s">
        <v>10</v>
      </c>
      <c r="B2153" s="1" t="s">
        <v>10</v>
      </c>
      <c r="C2153" s="1" t="s">
        <v>4166</v>
      </c>
      <c r="D2153" s="1" t="s">
        <v>4166</v>
      </c>
      <c r="E2153" s="1" t="s">
        <v>7418</v>
      </c>
      <c r="F2153" s="1" t="s">
        <v>7417</v>
      </c>
      <c r="G2153" s="1" t="s">
        <v>10</v>
      </c>
      <c r="H2153" s="1" t="s">
        <v>10</v>
      </c>
      <c r="I2153" s="1" t="s">
        <v>7261</v>
      </c>
      <c r="J2153" s="1" t="s">
        <v>10</v>
      </c>
      <c r="K2153" s="1" t="s">
        <v>10</v>
      </c>
      <c r="L2153" s="1" t="s">
        <v>7416</v>
      </c>
      <c r="M2153" s="1" t="s">
        <v>5</v>
      </c>
      <c r="N2153" s="1" t="s">
        <v>25</v>
      </c>
      <c r="O2153" s="1" t="s">
        <v>8</v>
      </c>
      <c r="P2153" s="5" t="s">
        <v>32734</v>
      </c>
    </row>
    <row r="2154" spans="1:16" x14ac:dyDescent="0.2">
      <c r="A2154" s="1" t="s">
        <v>42</v>
      </c>
      <c r="B2154" s="1" t="s">
        <v>2091</v>
      </c>
      <c r="C2154" s="1" t="s">
        <v>7420</v>
      </c>
      <c r="D2154" s="1" t="s">
        <v>7421</v>
      </c>
      <c r="E2154" s="1" t="s">
        <v>7424</v>
      </c>
      <c r="F2154" s="1" t="s">
        <v>7423</v>
      </c>
      <c r="G2154" s="1" t="s">
        <v>4159</v>
      </c>
      <c r="H2154" s="1" t="s">
        <v>7425</v>
      </c>
      <c r="I2154" s="1" t="s">
        <v>7261</v>
      </c>
      <c r="J2154" s="1" t="s">
        <v>7316</v>
      </c>
      <c r="K2154" s="1" t="s">
        <v>7422</v>
      </c>
      <c r="L2154" s="1" t="s">
        <v>7419</v>
      </c>
      <c r="M2154" s="1" t="s">
        <v>5</v>
      </c>
      <c r="N2154" s="1" t="s">
        <v>1695</v>
      </c>
      <c r="O2154" s="1" t="s">
        <v>8</v>
      </c>
      <c r="P2154" s="5" t="s">
        <v>29958</v>
      </c>
    </row>
    <row r="2155" spans="1:16" x14ac:dyDescent="0.2">
      <c r="A2155" s="1" t="s">
        <v>66</v>
      </c>
      <c r="B2155" s="1" t="s">
        <v>574</v>
      </c>
      <c r="C2155" s="1" t="s">
        <v>7427</v>
      </c>
      <c r="D2155" s="1" t="s">
        <v>7428</v>
      </c>
      <c r="E2155" s="1" t="s">
        <v>7429</v>
      </c>
      <c r="F2155" s="1" t="s">
        <v>10</v>
      </c>
      <c r="G2155" s="1" t="s">
        <v>10</v>
      </c>
      <c r="H2155" s="1" t="s">
        <v>10</v>
      </c>
      <c r="I2155" s="1" t="s">
        <v>7261</v>
      </c>
      <c r="J2155" s="1" t="s">
        <v>7265</v>
      </c>
      <c r="K2155" s="1" t="s">
        <v>7</v>
      </c>
      <c r="L2155" s="1" t="s">
        <v>7426</v>
      </c>
      <c r="M2155" s="1" t="s">
        <v>5</v>
      </c>
      <c r="N2155" s="1" t="s">
        <v>25</v>
      </c>
      <c r="O2155" s="1" t="s">
        <v>8</v>
      </c>
      <c r="P2155" s="5" t="s">
        <v>31259</v>
      </c>
    </row>
    <row r="2156" spans="1:16" x14ac:dyDescent="0.2">
      <c r="A2156" s="1" t="s">
        <v>42</v>
      </c>
      <c r="B2156" s="1" t="s">
        <v>43</v>
      </c>
      <c r="C2156" s="1" t="s">
        <v>7431</v>
      </c>
      <c r="D2156" s="1" t="s">
        <v>7432</v>
      </c>
      <c r="E2156" s="1" t="s">
        <v>7433</v>
      </c>
      <c r="F2156" s="1" t="s">
        <v>10</v>
      </c>
      <c r="G2156" s="1" t="s">
        <v>10</v>
      </c>
      <c r="H2156" s="1" t="s">
        <v>10</v>
      </c>
      <c r="I2156" s="1" t="s">
        <v>7261</v>
      </c>
      <c r="J2156" s="1" t="s">
        <v>7272</v>
      </c>
      <c r="K2156" s="1" t="s">
        <v>27</v>
      </c>
      <c r="L2156" s="1" t="s">
        <v>7430</v>
      </c>
      <c r="M2156" s="1" t="s">
        <v>5</v>
      </c>
      <c r="N2156" s="1" t="s">
        <v>25</v>
      </c>
      <c r="O2156" s="1" t="s">
        <v>38</v>
      </c>
      <c r="P2156" s="5" t="s">
        <v>29960</v>
      </c>
    </row>
    <row r="2157" spans="1:16" x14ac:dyDescent="0.2">
      <c r="A2157" s="1" t="s">
        <v>42</v>
      </c>
      <c r="B2157" s="1" t="s">
        <v>1377</v>
      </c>
      <c r="C2157" s="1" t="s">
        <v>7435</v>
      </c>
      <c r="D2157" s="1" t="s">
        <v>7436</v>
      </c>
      <c r="E2157" s="1" t="s">
        <v>7437</v>
      </c>
      <c r="F2157" s="1" t="s">
        <v>10</v>
      </c>
      <c r="G2157" s="1" t="s">
        <v>10</v>
      </c>
      <c r="H2157" s="1" t="s">
        <v>10</v>
      </c>
      <c r="I2157" s="1" t="s">
        <v>7261</v>
      </c>
      <c r="J2157" s="1" t="s">
        <v>7303</v>
      </c>
      <c r="K2157" s="1" t="s">
        <v>100</v>
      </c>
      <c r="L2157" s="1" t="s">
        <v>7434</v>
      </c>
      <c r="M2157" s="1" t="s">
        <v>5</v>
      </c>
      <c r="N2157" s="1" t="s">
        <v>25</v>
      </c>
      <c r="O2157" s="1" t="s">
        <v>38</v>
      </c>
      <c r="P2157" s="5" t="s">
        <v>29960</v>
      </c>
    </row>
    <row r="2158" spans="1:16" x14ac:dyDescent="0.2">
      <c r="A2158" s="1" t="s">
        <v>42</v>
      </c>
      <c r="B2158" s="1" t="s">
        <v>1377</v>
      </c>
      <c r="C2158" s="1" t="s">
        <v>7439</v>
      </c>
      <c r="D2158" s="1" t="s">
        <v>7440</v>
      </c>
      <c r="E2158" s="1"/>
      <c r="F2158" s="1" t="s">
        <v>10</v>
      </c>
      <c r="G2158" s="1" t="s">
        <v>10</v>
      </c>
      <c r="H2158" s="1" t="s">
        <v>10</v>
      </c>
      <c r="I2158" s="1" t="s">
        <v>7261</v>
      </c>
      <c r="J2158" s="1" t="s">
        <v>7272</v>
      </c>
      <c r="K2158" s="1" t="s">
        <v>3748</v>
      </c>
      <c r="L2158" s="1" t="s">
        <v>7438</v>
      </c>
      <c r="M2158" s="1" t="s">
        <v>5</v>
      </c>
      <c r="N2158" s="1" t="s">
        <v>25</v>
      </c>
      <c r="O2158" s="1" t="s">
        <v>38</v>
      </c>
      <c r="P2158" s="5" t="s">
        <v>29960</v>
      </c>
    </row>
    <row r="2159" spans="1:16" x14ac:dyDescent="0.2">
      <c r="A2159" s="1" t="s">
        <v>42</v>
      </c>
      <c r="B2159" s="1" t="s">
        <v>43</v>
      </c>
      <c r="C2159" s="1" t="s">
        <v>7442</v>
      </c>
      <c r="D2159" s="1" t="s">
        <v>7443</v>
      </c>
      <c r="E2159" s="1" t="s">
        <v>7444</v>
      </c>
      <c r="F2159" s="1" t="s">
        <v>10</v>
      </c>
      <c r="G2159" s="1" t="s">
        <v>10</v>
      </c>
      <c r="H2159" s="1" t="s">
        <v>10</v>
      </c>
      <c r="I2159" s="1" t="s">
        <v>7261</v>
      </c>
      <c r="J2159" s="1" t="s">
        <v>7303</v>
      </c>
      <c r="K2159" s="1" t="s">
        <v>37</v>
      </c>
      <c r="L2159" s="1" t="s">
        <v>7441</v>
      </c>
      <c r="M2159" s="1" t="s">
        <v>5</v>
      </c>
      <c r="N2159" s="1" t="s">
        <v>25</v>
      </c>
      <c r="O2159" s="1" t="s">
        <v>38</v>
      </c>
      <c r="P2159" s="5" t="s">
        <v>29958</v>
      </c>
    </row>
    <row r="2160" spans="1:16" x14ac:dyDescent="0.2">
      <c r="A2160" s="1" t="s">
        <v>194</v>
      </c>
      <c r="B2160" s="1" t="s">
        <v>7175</v>
      </c>
      <c r="C2160" s="1" t="s">
        <v>7446</v>
      </c>
      <c r="D2160" s="1" t="s">
        <v>7447</v>
      </c>
      <c r="E2160" s="1" t="s">
        <v>7448</v>
      </c>
      <c r="F2160" s="1" t="s">
        <v>10</v>
      </c>
      <c r="G2160" s="1" t="s">
        <v>10</v>
      </c>
      <c r="H2160" s="1" t="s">
        <v>10</v>
      </c>
      <c r="I2160" s="1" t="s">
        <v>7261</v>
      </c>
      <c r="J2160" s="1" t="s">
        <v>7272</v>
      </c>
      <c r="K2160" s="1" t="s">
        <v>7422</v>
      </c>
      <c r="L2160" s="1" t="s">
        <v>7445</v>
      </c>
      <c r="M2160" s="1" t="s">
        <v>5</v>
      </c>
      <c r="N2160" s="1" t="s">
        <v>25</v>
      </c>
      <c r="O2160" s="1" t="s">
        <v>38</v>
      </c>
      <c r="P2160" s="5" t="s">
        <v>29960</v>
      </c>
    </row>
    <row r="2161" spans="1:16" x14ac:dyDescent="0.2">
      <c r="A2161" s="1" t="s">
        <v>42</v>
      </c>
      <c r="B2161" s="1" t="s">
        <v>588</v>
      </c>
      <c r="C2161" s="1" t="s">
        <v>7450</v>
      </c>
      <c r="D2161" s="1" t="s">
        <v>7451</v>
      </c>
      <c r="E2161" s="1" t="s">
        <v>7453</v>
      </c>
      <c r="F2161" s="1" t="s">
        <v>7452</v>
      </c>
      <c r="G2161" s="1" t="s">
        <v>4159</v>
      </c>
      <c r="H2161" s="1" t="s">
        <v>7454</v>
      </c>
      <c r="I2161" s="1" t="s">
        <v>7261</v>
      </c>
      <c r="J2161" s="1" t="s">
        <v>7316</v>
      </c>
      <c r="K2161" s="1" t="s">
        <v>586</v>
      </c>
      <c r="L2161" s="1" t="s">
        <v>7449</v>
      </c>
      <c r="M2161" s="1" t="s">
        <v>5</v>
      </c>
      <c r="N2161" s="1" t="s">
        <v>25</v>
      </c>
      <c r="O2161" s="1" t="s">
        <v>8</v>
      </c>
      <c r="P2161" s="5" t="s">
        <v>31260</v>
      </c>
    </row>
    <row r="2162" spans="1:16" x14ac:dyDescent="0.2">
      <c r="A2162" s="1" t="s">
        <v>42</v>
      </c>
      <c r="B2162" s="1" t="s">
        <v>50</v>
      </c>
      <c r="C2162" s="1" t="s">
        <v>7456</v>
      </c>
      <c r="D2162" s="1" t="s">
        <v>3646</v>
      </c>
      <c r="E2162" s="1" t="s">
        <v>7457</v>
      </c>
      <c r="F2162" s="1" t="s">
        <v>10</v>
      </c>
      <c r="G2162" s="1" t="s">
        <v>10</v>
      </c>
      <c r="H2162" s="1" t="s">
        <v>10</v>
      </c>
      <c r="I2162" s="1" t="s">
        <v>7261</v>
      </c>
      <c r="J2162" s="1" t="s">
        <v>7396</v>
      </c>
      <c r="K2162" s="1" t="s">
        <v>47</v>
      </c>
      <c r="L2162" s="1" t="s">
        <v>7455</v>
      </c>
      <c r="M2162" s="1" t="s">
        <v>5</v>
      </c>
      <c r="N2162" s="1" t="s">
        <v>25</v>
      </c>
      <c r="O2162" s="1" t="s">
        <v>38</v>
      </c>
      <c r="P2162" s="5" t="s">
        <v>30330</v>
      </c>
    </row>
    <row r="2163" spans="1:16" x14ac:dyDescent="0.2">
      <c r="A2163" s="1" t="s">
        <v>329</v>
      </c>
      <c r="B2163" s="1" t="s">
        <v>596</v>
      </c>
      <c r="C2163" s="1" t="s">
        <v>7459</v>
      </c>
      <c r="D2163" s="1" t="s">
        <v>7460</v>
      </c>
      <c r="E2163" s="1" t="s">
        <v>7461</v>
      </c>
      <c r="F2163" s="1" t="s">
        <v>10</v>
      </c>
      <c r="G2163" s="1" t="s">
        <v>10</v>
      </c>
      <c r="H2163" s="1" t="s">
        <v>10</v>
      </c>
      <c r="I2163" s="1" t="s">
        <v>7261</v>
      </c>
      <c r="J2163" s="1" t="s">
        <v>7303</v>
      </c>
      <c r="K2163" s="1" t="s">
        <v>27</v>
      </c>
      <c r="L2163" s="1" t="s">
        <v>7458</v>
      </c>
      <c r="M2163" s="1" t="s">
        <v>5</v>
      </c>
      <c r="N2163" s="1" t="s">
        <v>25</v>
      </c>
      <c r="O2163" s="1" t="s">
        <v>38</v>
      </c>
      <c r="P2163" s="5" t="s">
        <v>30330</v>
      </c>
    </row>
    <row r="2164" spans="1:16" x14ac:dyDescent="0.2">
      <c r="A2164" s="1" t="s">
        <v>42</v>
      </c>
      <c r="B2164" s="1" t="s">
        <v>50</v>
      </c>
      <c r="C2164" s="1" t="s">
        <v>7463</v>
      </c>
      <c r="D2164" s="1" t="s">
        <v>7464</v>
      </c>
      <c r="E2164" s="1" t="s">
        <v>7465</v>
      </c>
      <c r="F2164" s="1" t="s">
        <v>10</v>
      </c>
      <c r="G2164" s="1" t="s">
        <v>10</v>
      </c>
      <c r="H2164" s="1" t="s">
        <v>10</v>
      </c>
      <c r="I2164" s="1" t="s">
        <v>7261</v>
      </c>
      <c r="J2164" s="1" t="s">
        <v>7265</v>
      </c>
      <c r="K2164" s="1" t="s">
        <v>27</v>
      </c>
      <c r="L2164" s="1" t="s">
        <v>7462</v>
      </c>
      <c r="M2164" s="1" t="s">
        <v>5</v>
      </c>
      <c r="N2164" s="1" t="s">
        <v>25</v>
      </c>
      <c r="O2164" s="1" t="s">
        <v>38</v>
      </c>
      <c r="P2164" s="5" t="s">
        <v>31261</v>
      </c>
    </row>
    <row r="2165" spans="1:16" x14ac:dyDescent="0.2">
      <c r="A2165" s="1" t="s">
        <v>194</v>
      </c>
      <c r="B2165" s="1" t="s">
        <v>6479</v>
      </c>
      <c r="C2165" s="1" t="s">
        <v>7467</v>
      </c>
      <c r="D2165" s="1" t="s">
        <v>7468</v>
      </c>
      <c r="E2165" s="1" t="s">
        <v>7469</v>
      </c>
      <c r="F2165" s="1" t="s">
        <v>10</v>
      </c>
      <c r="G2165" s="1" t="s">
        <v>10</v>
      </c>
      <c r="H2165" s="1" t="s">
        <v>10</v>
      </c>
      <c r="I2165" s="1" t="s">
        <v>7261</v>
      </c>
      <c r="J2165" s="1" t="s">
        <v>7284</v>
      </c>
      <c r="K2165" s="1" t="s">
        <v>27</v>
      </c>
      <c r="L2165" s="1" t="s">
        <v>7466</v>
      </c>
      <c r="M2165" s="1" t="s">
        <v>5</v>
      </c>
      <c r="N2165" s="1" t="s">
        <v>25</v>
      </c>
      <c r="O2165" s="1" t="s">
        <v>38</v>
      </c>
      <c r="P2165" s="5" t="s">
        <v>29960</v>
      </c>
    </row>
    <row r="2166" spans="1:16" x14ac:dyDescent="0.2">
      <c r="A2166" s="1" t="s">
        <v>20</v>
      </c>
      <c r="B2166" s="1" t="s">
        <v>93</v>
      </c>
      <c r="C2166" s="1" t="s">
        <v>7471</v>
      </c>
      <c r="D2166" s="1" t="s">
        <v>7472</v>
      </c>
      <c r="E2166" s="1" t="s">
        <v>7474</v>
      </c>
      <c r="F2166" s="1" t="s">
        <v>10</v>
      </c>
      <c r="G2166" s="1" t="s">
        <v>10</v>
      </c>
      <c r="H2166" s="1" t="s">
        <v>10</v>
      </c>
      <c r="I2166" s="1" t="s">
        <v>7261</v>
      </c>
      <c r="J2166" s="1" t="s">
        <v>7473</v>
      </c>
      <c r="K2166" s="1" t="s">
        <v>1548</v>
      </c>
      <c r="L2166" s="1" t="s">
        <v>7470</v>
      </c>
      <c r="M2166" s="1" t="s">
        <v>5</v>
      </c>
      <c r="N2166" s="1" t="s">
        <v>1009</v>
      </c>
      <c r="O2166" s="1" t="s">
        <v>38</v>
      </c>
      <c r="P2166" s="5" t="s">
        <v>31262</v>
      </c>
    </row>
    <row r="2167" spans="1:16" x14ac:dyDescent="0.2">
      <c r="A2167" s="1" t="s">
        <v>329</v>
      </c>
      <c r="B2167" s="1" t="s">
        <v>340</v>
      </c>
      <c r="C2167" s="1" t="s">
        <v>7476</v>
      </c>
      <c r="D2167" s="1" t="s">
        <v>7477</v>
      </c>
      <c r="E2167" s="1" t="s">
        <v>7478</v>
      </c>
      <c r="F2167" s="1" t="s">
        <v>10</v>
      </c>
      <c r="G2167" s="1" t="s">
        <v>10</v>
      </c>
      <c r="H2167" s="1" t="s">
        <v>10</v>
      </c>
      <c r="I2167" s="1" t="s">
        <v>7261</v>
      </c>
      <c r="J2167" s="1" t="s">
        <v>7265</v>
      </c>
      <c r="K2167" s="1" t="s">
        <v>130</v>
      </c>
      <c r="L2167" s="1" t="s">
        <v>7475</v>
      </c>
      <c r="M2167" s="1" t="s">
        <v>5</v>
      </c>
      <c r="N2167" s="1" t="s">
        <v>25</v>
      </c>
      <c r="O2167" s="1" t="s">
        <v>38</v>
      </c>
      <c r="P2167" s="5" t="s">
        <v>29907</v>
      </c>
    </row>
    <row r="2168" spans="1:16" x14ac:dyDescent="0.2">
      <c r="A2168" s="1" t="s">
        <v>20</v>
      </c>
      <c r="B2168" s="1" t="s">
        <v>1047</v>
      </c>
      <c r="C2168" s="1" t="s">
        <v>1699</v>
      </c>
      <c r="D2168" s="1" t="s">
        <v>7481</v>
      </c>
      <c r="E2168" s="1" t="s">
        <v>7483</v>
      </c>
      <c r="F2168" s="1" t="s">
        <v>7482</v>
      </c>
      <c r="G2168" s="1" t="s">
        <v>4159</v>
      </c>
      <c r="H2168" s="1" t="s">
        <v>1699</v>
      </c>
      <c r="I2168" s="1" t="s">
        <v>7261</v>
      </c>
      <c r="J2168" s="1" t="s">
        <v>7303</v>
      </c>
      <c r="K2168" s="1" t="s">
        <v>100</v>
      </c>
      <c r="L2168" s="1" t="s">
        <v>7480</v>
      </c>
      <c r="M2168" s="1" t="s">
        <v>5</v>
      </c>
      <c r="N2168" s="1" t="s">
        <v>25</v>
      </c>
      <c r="O2168" s="1" t="s">
        <v>8</v>
      </c>
      <c r="P2168" s="5" t="s">
        <v>29947</v>
      </c>
    </row>
    <row r="2169" spans="1:16" x14ac:dyDescent="0.2">
      <c r="A2169" s="1" t="s">
        <v>42</v>
      </c>
      <c r="B2169" s="1" t="s">
        <v>588</v>
      </c>
      <c r="C2169" s="1" t="s">
        <v>7485</v>
      </c>
      <c r="D2169" s="1" t="s">
        <v>7486</v>
      </c>
      <c r="E2169" s="1" t="s">
        <v>7488</v>
      </c>
      <c r="F2169" s="1" t="s">
        <v>7487</v>
      </c>
      <c r="G2169" s="1" t="s">
        <v>4159</v>
      </c>
      <c r="H2169" s="1" t="s">
        <v>7489</v>
      </c>
      <c r="I2169" s="1" t="s">
        <v>7261</v>
      </c>
      <c r="J2169" s="1" t="s">
        <v>7316</v>
      </c>
      <c r="K2169" s="1" t="s">
        <v>27</v>
      </c>
      <c r="L2169" s="1" t="s">
        <v>7484</v>
      </c>
      <c r="M2169" s="1" t="s">
        <v>5</v>
      </c>
      <c r="N2169" s="1" t="s">
        <v>6</v>
      </c>
      <c r="O2169" s="1" t="s">
        <v>8</v>
      </c>
      <c r="P2169" s="5" t="s">
        <v>31263</v>
      </c>
    </row>
    <row r="2170" spans="1:16" x14ac:dyDescent="0.2">
      <c r="A2170" s="1" t="s">
        <v>194</v>
      </c>
      <c r="B2170" s="1" t="s">
        <v>6479</v>
      </c>
      <c r="C2170" s="1" t="s">
        <v>7491</v>
      </c>
      <c r="D2170" s="1" t="s">
        <v>7492</v>
      </c>
      <c r="E2170" s="1" t="s">
        <v>7494</v>
      </c>
      <c r="F2170" s="1" t="s">
        <v>7493</v>
      </c>
      <c r="G2170" s="1" t="s">
        <v>4159</v>
      </c>
      <c r="H2170" s="1" t="s">
        <v>7491</v>
      </c>
      <c r="I2170" s="1" t="s">
        <v>7261</v>
      </c>
      <c r="J2170" s="1" t="s">
        <v>7272</v>
      </c>
      <c r="K2170" s="1" t="s">
        <v>27</v>
      </c>
      <c r="L2170" s="1" t="s">
        <v>7490</v>
      </c>
      <c r="M2170" s="1" t="s">
        <v>5</v>
      </c>
      <c r="N2170" s="1" t="s">
        <v>1009</v>
      </c>
      <c r="O2170" s="1" t="s">
        <v>8</v>
      </c>
      <c r="P2170" s="5"/>
    </row>
    <row r="2171" spans="1:16" x14ac:dyDescent="0.2">
      <c r="A2171" s="1" t="s">
        <v>20</v>
      </c>
      <c r="B2171" s="1" t="s">
        <v>93</v>
      </c>
      <c r="C2171" s="1" t="s">
        <v>7496</v>
      </c>
      <c r="D2171" s="1" t="s">
        <v>7497</v>
      </c>
      <c r="E2171" s="1"/>
      <c r="F2171" s="1" t="s">
        <v>7498</v>
      </c>
      <c r="G2171" s="1" t="s">
        <v>4159</v>
      </c>
      <c r="H2171" s="1" t="s">
        <v>7496</v>
      </c>
      <c r="I2171" s="1" t="s">
        <v>7261</v>
      </c>
      <c r="J2171" s="1" t="s">
        <v>7265</v>
      </c>
      <c r="K2171" s="1" t="s">
        <v>1468</v>
      </c>
      <c r="L2171" s="1" t="s">
        <v>7495</v>
      </c>
      <c r="M2171" s="1" t="s">
        <v>5</v>
      </c>
      <c r="N2171" s="1" t="s">
        <v>25</v>
      </c>
      <c r="O2171" s="1" t="s">
        <v>8</v>
      </c>
      <c r="P2171" s="5" t="s">
        <v>30612</v>
      </c>
    </row>
    <row r="2172" spans="1:16" x14ac:dyDescent="0.2">
      <c r="A2172" s="1" t="s">
        <v>42</v>
      </c>
      <c r="B2172" s="1" t="s">
        <v>351</v>
      </c>
      <c r="C2172" s="1" t="s">
        <v>617</v>
      </c>
      <c r="D2172" s="1" t="s">
        <v>618</v>
      </c>
      <c r="E2172" s="1"/>
      <c r="F2172" s="1" t="s">
        <v>7500</v>
      </c>
      <c r="G2172" s="1" t="s">
        <v>4159</v>
      </c>
      <c r="H2172" s="1" t="s">
        <v>617</v>
      </c>
      <c r="I2172" s="1" t="s">
        <v>7261</v>
      </c>
      <c r="J2172" s="1" t="s">
        <v>7303</v>
      </c>
      <c r="K2172" s="1" t="s">
        <v>130</v>
      </c>
      <c r="L2172" s="1" t="s">
        <v>7499</v>
      </c>
      <c r="M2172" s="1" t="s">
        <v>5</v>
      </c>
      <c r="N2172" s="1" t="s">
        <v>6</v>
      </c>
      <c r="O2172" s="1" t="s">
        <v>8</v>
      </c>
      <c r="P2172" s="5" t="s">
        <v>30398</v>
      </c>
    </row>
    <row r="2173" spans="1:16" x14ac:dyDescent="0.2">
      <c r="A2173" s="1" t="s">
        <v>32</v>
      </c>
      <c r="B2173" s="1" t="s">
        <v>140</v>
      </c>
      <c r="C2173" s="1" t="s">
        <v>6638</v>
      </c>
      <c r="D2173" s="1" t="s">
        <v>7502</v>
      </c>
      <c r="E2173" s="1" t="s">
        <v>7503</v>
      </c>
      <c r="F2173" s="1" t="s">
        <v>7322</v>
      </c>
      <c r="G2173" s="1" t="s">
        <v>4159</v>
      </c>
      <c r="H2173" s="1" t="s">
        <v>6638</v>
      </c>
      <c r="I2173" s="1" t="s">
        <v>7261</v>
      </c>
      <c r="J2173" s="1" t="s">
        <v>19</v>
      </c>
      <c r="K2173" s="1" t="s">
        <v>64</v>
      </c>
      <c r="L2173" s="1" t="s">
        <v>7501</v>
      </c>
      <c r="M2173" s="1" t="s">
        <v>5</v>
      </c>
      <c r="N2173" s="1" t="s">
        <v>25</v>
      </c>
      <c r="O2173" s="1" t="s">
        <v>8</v>
      </c>
      <c r="P2173" s="5" t="s">
        <v>30612</v>
      </c>
    </row>
    <row r="2174" spans="1:16" x14ac:dyDescent="0.2">
      <c r="A2174" s="1" t="s">
        <v>329</v>
      </c>
      <c r="B2174" s="1" t="s">
        <v>596</v>
      </c>
      <c r="C2174" s="1" t="s">
        <v>7505</v>
      </c>
      <c r="D2174" s="1" t="s">
        <v>6526</v>
      </c>
      <c r="E2174" s="1" t="s">
        <v>7506</v>
      </c>
      <c r="F2174" s="1" t="s">
        <v>10</v>
      </c>
      <c r="G2174" s="1" t="s">
        <v>10</v>
      </c>
      <c r="H2174" s="1" t="s">
        <v>10</v>
      </c>
      <c r="I2174" s="1" t="s">
        <v>7261</v>
      </c>
      <c r="J2174" s="1" t="s">
        <v>10</v>
      </c>
      <c r="K2174" s="1" t="s">
        <v>100</v>
      </c>
      <c r="L2174" s="1" t="s">
        <v>7504</v>
      </c>
      <c r="M2174" s="1" t="s">
        <v>5</v>
      </c>
      <c r="N2174" s="1" t="s">
        <v>25</v>
      </c>
      <c r="O2174" s="1" t="s">
        <v>38</v>
      </c>
      <c r="P2174" s="5" t="s">
        <v>32735</v>
      </c>
    </row>
    <row r="2175" spans="1:16" x14ac:dyDescent="0.2">
      <c r="A2175" s="1" t="s">
        <v>1086</v>
      </c>
      <c r="B2175" s="1" t="s">
        <v>1400</v>
      </c>
      <c r="C2175" s="1" t="s">
        <v>7508</v>
      </c>
      <c r="D2175" s="1" t="s">
        <v>7509</v>
      </c>
      <c r="E2175" s="1" t="s">
        <v>7510</v>
      </c>
      <c r="F2175" s="1" t="s">
        <v>10</v>
      </c>
      <c r="G2175" s="1" t="s">
        <v>10</v>
      </c>
      <c r="H2175" s="1" t="s">
        <v>10</v>
      </c>
      <c r="I2175" s="1" t="s">
        <v>7261</v>
      </c>
      <c r="J2175" s="1" t="s">
        <v>10</v>
      </c>
      <c r="K2175" s="1" t="s">
        <v>64</v>
      </c>
      <c r="L2175" s="1" t="s">
        <v>7507</v>
      </c>
      <c r="M2175" s="1" t="s">
        <v>5</v>
      </c>
      <c r="N2175" s="1" t="s">
        <v>25</v>
      </c>
      <c r="O2175" s="1" t="s">
        <v>38</v>
      </c>
      <c r="P2175" s="5" t="s">
        <v>29944</v>
      </c>
    </row>
    <row r="2176" spans="1:16" x14ac:dyDescent="0.2">
      <c r="A2176" s="1" t="s">
        <v>329</v>
      </c>
      <c r="B2176" s="1" t="s">
        <v>330</v>
      </c>
      <c r="C2176" s="1" t="s">
        <v>7512</v>
      </c>
      <c r="D2176" s="1" t="s">
        <v>7513</v>
      </c>
      <c r="E2176" s="1" t="s">
        <v>7514</v>
      </c>
      <c r="F2176" s="1" t="s">
        <v>7513</v>
      </c>
      <c r="G2176" s="1" t="s">
        <v>1042</v>
      </c>
      <c r="H2176" s="1" t="s">
        <v>10</v>
      </c>
      <c r="I2176" s="1" t="s">
        <v>7261</v>
      </c>
      <c r="J2176" s="1" t="s">
        <v>10</v>
      </c>
      <c r="K2176" s="1" t="s">
        <v>100</v>
      </c>
      <c r="L2176" s="1" t="s">
        <v>7511</v>
      </c>
      <c r="M2176" s="1" t="s">
        <v>5</v>
      </c>
      <c r="N2176" s="1" t="s">
        <v>25</v>
      </c>
      <c r="O2176" s="1" t="s">
        <v>8</v>
      </c>
      <c r="P2176" s="5" t="s">
        <v>32736</v>
      </c>
    </row>
    <row r="2177" spans="1:16" x14ac:dyDescent="0.2">
      <c r="A2177" s="1" t="s">
        <v>20</v>
      </c>
      <c r="B2177" s="1" t="s">
        <v>302</v>
      </c>
      <c r="C2177" s="1" t="s">
        <v>7516</v>
      </c>
      <c r="D2177" s="1" t="s">
        <v>7517</v>
      </c>
      <c r="E2177" s="1" t="s">
        <v>7519</v>
      </c>
      <c r="F2177" s="1" t="s">
        <v>7518</v>
      </c>
      <c r="G2177" s="1" t="s">
        <v>10</v>
      </c>
      <c r="H2177" s="1" t="s">
        <v>10</v>
      </c>
      <c r="I2177" s="1" t="s">
        <v>7261</v>
      </c>
      <c r="J2177" s="1" t="s">
        <v>10</v>
      </c>
      <c r="K2177" s="1" t="s">
        <v>27</v>
      </c>
      <c r="L2177" s="1" t="s">
        <v>7515</v>
      </c>
      <c r="M2177" s="1" t="s">
        <v>5</v>
      </c>
      <c r="N2177" s="1" t="s">
        <v>25</v>
      </c>
      <c r="O2177" s="1" t="s">
        <v>8</v>
      </c>
      <c r="P2177" s="5" t="s">
        <v>30029</v>
      </c>
    </row>
    <row r="2178" spans="1:16" x14ac:dyDescent="0.2">
      <c r="A2178" s="1" t="s">
        <v>20</v>
      </c>
      <c r="B2178" s="1" t="s">
        <v>445</v>
      </c>
      <c r="C2178" s="1" t="s">
        <v>7521</v>
      </c>
      <c r="D2178" s="1" t="s">
        <v>7521</v>
      </c>
      <c r="E2178" s="1"/>
      <c r="F2178" s="1" t="s">
        <v>7522</v>
      </c>
      <c r="G2178" s="1" t="s">
        <v>10</v>
      </c>
      <c r="H2178" s="1" t="s">
        <v>10</v>
      </c>
      <c r="I2178" s="1" t="s">
        <v>7261</v>
      </c>
      <c r="J2178" s="1" t="s">
        <v>10</v>
      </c>
      <c r="K2178" s="1" t="s">
        <v>7</v>
      </c>
      <c r="L2178" s="1" t="s">
        <v>7520</v>
      </c>
      <c r="M2178" s="1" t="s">
        <v>5</v>
      </c>
      <c r="N2178" s="1" t="s">
        <v>6</v>
      </c>
      <c r="O2178" s="1" t="s">
        <v>8</v>
      </c>
      <c r="P2178" s="5" t="s">
        <v>29846</v>
      </c>
    </row>
    <row r="2179" spans="1:16" x14ac:dyDescent="0.2">
      <c r="A2179" s="1" t="s">
        <v>194</v>
      </c>
      <c r="B2179" s="1" t="s">
        <v>4497</v>
      </c>
      <c r="C2179" s="1" t="s">
        <v>7524</v>
      </c>
      <c r="D2179" s="1" t="s">
        <v>7524</v>
      </c>
      <c r="E2179" s="1" t="s">
        <v>7526</v>
      </c>
      <c r="F2179" s="1" t="s">
        <v>7525</v>
      </c>
      <c r="G2179" s="1" t="s">
        <v>1042</v>
      </c>
      <c r="H2179" s="1" t="s">
        <v>7524</v>
      </c>
      <c r="I2179" s="1" t="s">
        <v>7261</v>
      </c>
      <c r="J2179" s="1" t="s">
        <v>10</v>
      </c>
      <c r="K2179" s="1" t="s">
        <v>586</v>
      </c>
      <c r="L2179" s="1" t="s">
        <v>7523</v>
      </c>
      <c r="M2179" s="1" t="s">
        <v>5</v>
      </c>
      <c r="N2179" s="1" t="s">
        <v>25</v>
      </c>
      <c r="O2179" s="1" t="s">
        <v>8</v>
      </c>
      <c r="P2179" s="5" t="s">
        <v>29821</v>
      </c>
    </row>
    <row r="2180" spans="1:16" x14ac:dyDescent="0.2">
      <c r="A2180" s="1" t="s">
        <v>194</v>
      </c>
      <c r="B2180" s="1" t="s">
        <v>6723</v>
      </c>
      <c r="C2180" s="1" t="s">
        <v>7528</v>
      </c>
      <c r="D2180" s="1" t="s">
        <v>7528</v>
      </c>
      <c r="E2180" s="1" t="s">
        <v>7529</v>
      </c>
      <c r="F2180" s="1" t="s">
        <v>5751</v>
      </c>
      <c r="G2180" s="1" t="s">
        <v>1042</v>
      </c>
      <c r="H2180" s="1" t="s">
        <v>7530</v>
      </c>
      <c r="I2180" s="1" t="s">
        <v>7261</v>
      </c>
      <c r="J2180" s="1" t="s">
        <v>10</v>
      </c>
      <c r="K2180" s="1" t="s">
        <v>64</v>
      </c>
      <c r="L2180" s="1" t="s">
        <v>7527</v>
      </c>
      <c r="M2180" s="1" t="s">
        <v>5</v>
      </c>
      <c r="N2180" s="1" t="s">
        <v>25</v>
      </c>
      <c r="O2180" s="1" t="s">
        <v>8</v>
      </c>
      <c r="P2180" s="5" t="s">
        <v>29846</v>
      </c>
    </row>
    <row r="2181" spans="1:16" x14ac:dyDescent="0.2">
      <c r="A2181" s="1" t="s">
        <v>1385</v>
      </c>
      <c r="B2181" s="1" t="s">
        <v>2028</v>
      </c>
      <c r="C2181" s="1" t="s">
        <v>2026</v>
      </c>
      <c r="D2181" s="1" t="s">
        <v>2027</v>
      </c>
      <c r="E2181" s="1"/>
      <c r="F2181" s="1" t="s">
        <v>10</v>
      </c>
      <c r="G2181" s="1" t="s">
        <v>10</v>
      </c>
      <c r="H2181" s="1" t="s">
        <v>10</v>
      </c>
      <c r="I2181" s="1" t="s">
        <v>7261</v>
      </c>
      <c r="J2181" s="1" t="s">
        <v>10</v>
      </c>
      <c r="K2181" s="1" t="s">
        <v>3004</v>
      </c>
      <c r="L2181" s="1" t="s">
        <v>7531</v>
      </c>
      <c r="M2181" s="1" t="s">
        <v>5</v>
      </c>
      <c r="N2181" s="1" t="s">
        <v>25</v>
      </c>
      <c r="O2181" s="1" t="s">
        <v>38</v>
      </c>
      <c r="P2181" s="5"/>
    </row>
    <row r="2182" spans="1:16" x14ac:dyDescent="0.2">
      <c r="A2182" s="1" t="s">
        <v>10</v>
      </c>
      <c r="B2182" s="1" t="s">
        <v>376</v>
      </c>
      <c r="C2182" s="1" t="s">
        <v>7533</v>
      </c>
      <c r="D2182" s="1" t="s">
        <v>1757</v>
      </c>
      <c r="E2182" s="1" t="s">
        <v>7534</v>
      </c>
      <c r="F2182" s="1" t="s">
        <v>10</v>
      </c>
      <c r="G2182" s="1" t="s">
        <v>10</v>
      </c>
      <c r="H2182" s="1" t="s">
        <v>10</v>
      </c>
      <c r="I2182" s="1" t="s">
        <v>7261</v>
      </c>
      <c r="J2182" s="1" t="s">
        <v>10</v>
      </c>
      <c r="K2182" s="1" t="s">
        <v>27</v>
      </c>
      <c r="L2182" s="1" t="s">
        <v>7532</v>
      </c>
      <c r="M2182" s="1" t="s">
        <v>5</v>
      </c>
      <c r="N2182" s="1" t="s">
        <v>25</v>
      </c>
      <c r="O2182" s="1" t="s">
        <v>38</v>
      </c>
      <c r="P2182" s="5" t="s">
        <v>32735</v>
      </c>
    </row>
    <row r="2183" spans="1:16" x14ac:dyDescent="0.2">
      <c r="A2183" s="1" t="s">
        <v>194</v>
      </c>
      <c r="B2183" s="1" t="s">
        <v>6479</v>
      </c>
      <c r="C2183" s="1" t="s">
        <v>7536</v>
      </c>
      <c r="D2183" s="1" t="s">
        <v>7537</v>
      </c>
      <c r="E2183" s="1" t="s">
        <v>7538</v>
      </c>
      <c r="F2183" s="1" t="s">
        <v>10</v>
      </c>
      <c r="G2183" s="1" t="s">
        <v>10</v>
      </c>
      <c r="H2183" s="1" t="s">
        <v>10</v>
      </c>
      <c r="I2183" s="1" t="s">
        <v>7261</v>
      </c>
      <c r="J2183" s="1" t="s">
        <v>7272</v>
      </c>
      <c r="K2183" s="1" t="s">
        <v>1548</v>
      </c>
      <c r="L2183" s="1" t="s">
        <v>7535</v>
      </c>
      <c r="M2183" s="1" t="s">
        <v>5</v>
      </c>
      <c r="N2183" s="1" t="s">
        <v>25</v>
      </c>
      <c r="O2183" s="1" t="s">
        <v>38</v>
      </c>
      <c r="P2183" s="5" t="s">
        <v>29944</v>
      </c>
    </row>
    <row r="2184" spans="1:16" x14ac:dyDescent="0.2">
      <c r="A2184" s="1" t="s">
        <v>10</v>
      </c>
      <c r="B2184" s="1" t="s">
        <v>376</v>
      </c>
      <c r="C2184" s="1" t="s">
        <v>7540</v>
      </c>
      <c r="D2184" s="1" t="s">
        <v>484</v>
      </c>
      <c r="E2184" s="1" t="s">
        <v>7541</v>
      </c>
      <c r="F2184" s="1" t="s">
        <v>10</v>
      </c>
      <c r="G2184" s="1" t="s">
        <v>10</v>
      </c>
      <c r="H2184" s="1" t="s">
        <v>10</v>
      </c>
      <c r="I2184" s="1" t="s">
        <v>7261</v>
      </c>
      <c r="J2184" s="1" t="s">
        <v>10</v>
      </c>
      <c r="K2184" s="1" t="s">
        <v>100</v>
      </c>
      <c r="L2184" s="1" t="s">
        <v>7539</v>
      </c>
      <c r="M2184" s="1" t="s">
        <v>5</v>
      </c>
      <c r="N2184" s="1" t="s">
        <v>25</v>
      </c>
      <c r="O2184" s="1" t="s">
        <v>38</v>
      </c>
      <c r="P2184" s="5" t="s">
        <v>29960</v>
      </c>
    </row>
    <row r="2185" spans="1:16" x14ac:dyDescent="0.2">
      <c r="A2185" s="1" t="s">
        <v>194</v>
      </c>
      <c r="B2185" s="1" t="s">
        <v>6479</v>
      </c>
      <c r="C2185" s="1" t="s">
        <v>7543</v>
      </c>
      <c r="D2185" s="1" t="s">
        <v>7544</v>
      </c>
      <c r="E2185" s="1"/>
      <c r="F2185" s="1" t="s">
        <v>10</v>
      </c>
      <c r="G2185" s="1" t="s">
        <v>10</v>
      </c>
      <c r="H2185" s="1" t="s">
        <v>10</v>
      </c>
      <c r="I2185" s="1" t="s">
        <v>7261</v>
      </c>
      <c r="J2185" s="1" t="s">
        <v>10</v>
      </c>
      <c r="K2185" s="1" t="s">
        <v>27</v>
      </c>
      <c r="L2185" s="1" t="s">
        <v>7542</v>
      </c>
      <c r="M2185" s="1" t="s">
        <v>5</v>
      </c>
      <c r="N2185" s="1" t="s">
        <v>25</v>
      </c>
      <c r="O2185" s="1" t="s">
        <v>38</v>
      </c>
      <c r="P2185" s="5" t="s">
        <v>29960</v>
      </c>
    </row>
    <row r="2186" spans="1:16" x14ac:dyDescent="0.2">
      <c r="A2186" s="1" t="s">
        <v>42</v>
      </c>
      <c r="B2186" s="1" t="s">
        <v>588</v>
      </c>
      <c r="C2186" s="1" t="s">
        <v>7546</v>
      </c>
      <c r="D2186" s="1" t="s">
        <v>7547</v>
      </c>
      <c r="E2186" s="1" t="s">
        <v>7548</v>
      </c>
      <c r="F2186" s="1" t="s">
        <v>10</v>
      </c>
      <c r="G2186" s="1" t="s">
        <v>10</v>
      </c>
      <c r="H2186" s="1" t="s">
        <v>10</v>
      </c>
      <c r="I2186" s="1" t="s">
        <v>7261</v>
      </c>
      <c r="J2186" s="1" t="s">
        <v>10</v>
      </c>
      <c r="K2186" s="1" t="s">
        <v>586</v>
      </c>
      <c r="L2186" s="1" t="s">
        <v>7545</v>
      </c>
      <c r="M2186" s="1" t="s">
        <v>5</v>
      </c>
      <c r="N2186" s="1" t="s">
        <v>25</v>
      </c>
      <c r="O2186" s="1" t="s">
        <v>38</v>
      </c>
      <c r="P2186" s="5" t="s">
        <v>32735</v>
      </c>
    </row>
    <row r="2187" spans="1:16" x14ac:dyDescent="0.2">
      <c r="A2187" s="1" t="s">
        <v>1086</v>
      </c>
      <c r="B2187" s="1" t="s">
        <v>1400</v>
      </c>
      <c r="C2187" s="1" t="s">
        <v>7550</v>
      </c>
      <c r="D2187" s="1" t="s">
        <v>7551</v>
      </c>
      <c r="E2187" s="1"/>
      <c r="F2187" s="1" t="s">
        <v>10</v>
      </c>
      <c r="G2187" s="1" t="s">
        <v>10</v>
      </c>
      <c r="H2187" s="1" t="s">
        <v>10</v>
      </c>
      <c r="I2187" s="1" t="s">
        <v>7261</v>
      </c>
      <c r="J2187" s="1" t="s">
        <v>10</v>
      </c>
      <c r="K2187" s="1" t="s">
        <v>64</v>
      </c>
      <c r="L2187" s="1" t="s">
        <v>7549</v>
      </c>
      <c r="M2187" s="1" t="s">
        <v>5</v>
      </c>
      <c r="N2187" s="1" t="s">
        <v>25</v>
      </c>
      <c r="O2187" s="1" t="s">
        <v>38</v>
      </c>
      <c r="P2187" s="5" t="s">
        <v>32737</v>
      </c>
    </row>
    <row r="2188" spans="1:16" x14ac:dyDescent="0.2">
      <c r="A2188" s="1" t="s">
        <v>20</v>
      </c>
      <c r="B2188" s="1" t="s">
        <v>21</v>
      </c>
      <c r="C2188" s="1" t="s">
        <v>3883</v>
      </c>
      <c r="D2188" s="1" t="s">
        <v>2585</v>
      </c>
      <c r="E2188" s="1"/>
      <c r="F2188" s="1" t="s">
        <v>10</v>
      </c>
      <c r="G2188" s="1" t="s">
        <v>3886</v>
      </c>
      <c r="H2188" s="1" t="s">
        <v>10</v>
      </c>
      <c r="I2188" s="1" t="s">
        <v>7261</v>
      </c>
      <c r="J2188" s="1" t="s">
        <v>10</v>
      </c>
      <c r="K2188" s="1" t="s">
        <v>7553</v>
      </c>
      <c r="L2188" s="1" t="s">
        <v>7552</v>
      </c>
      <c r="M2188" s="1" t="s">
        <v>5</v>
      </c>
      <c r="N2188" s="1" t="s">
        <v>25</v>
      </c>
      <c r="O2188" s="1" t="s">
        <v>8</v>
      </c>
      <c r="P2188" s="5" t="s">
        <v>30612</v>
      </c>
    </row>
    <row r="2189" spans="1:16" x14ac:dyDescent="0.2">
      <c r="A2189" s="1" t="s">
        <v>42</v>
      </c>
      <c r="B2189" s="1" t="s">
        <v>588</v>
      </c>
      <c r="C2189" s="1" t="s">
        <v>7555</v>
      </c>
      <c r="D2189" s="1" t="s">
        <v>7556</v>
      </c>
      <c r="E2189" s="1" t="s">
        <v>7558</v>
      </c>
      <c r="F2189" s="1" t="s">
        <v>7557</v>
      </c>
      <c r="G2189" s="1" t="s">
        <v>10</v>
      </c>
      <c r="H2189" s="1" t="s">
        <v>7555</v>
      </c>
      <c r="I2189" s="1" t="s">
        <v>7261</v>
      </c>
      <c r="J2189" s="1" t="s">
        <v>10</v>
      </c>
      <c r="K2189" s="1" t="s">
        <v>586</v>
      </c>
      <c r="L2189" s="1" t="s">
        <v>7554</v>
      </c>
      <c r="M2189" s="1" t="s">
        <v>5</v>
      </c>
      <c r="N2189" s="1" t="s">
        <v>25</v>
      </c>
      <c r="O2189" s="1" t="s">
        <v>8</v>
      </c>
      <c r="P2189" s="5" t="s">
        <v>30431</v>
      </c>
    </row>
    <row r="2190" spans="1:16" x14ac:dyDescent="0.2">
      <c r="A2190" s="1" t="s">
        <v>194</v>
      </c>
      <c r="B2190" s="1" t="s">
        <v>4492</v>
      </c>
      <c r="C2190" s="1" t="s">
        <v>7560</v>
      </c>
      <c r="D2190" s="1" t="s">
        <v>7561</v>
      </c>
      <c r="E2190" s="1" t="s">
        <v>7562</v>
      </c>
      <c r="F2190" s="1" t="s">
        <v>10</v>
      </c>
      <c r="G2190" s="1" t="s">
        <v>10</v>
      </c>
      <c r="H2190" s="1" t="s">
        <v>10</v>
      </c>
      <c r="I2190" s="1" t="s">
        <v>7261</v>
      </c>
      <c r="J2190" s="1" t="s">
        <v>10</v>
      </c>
      <c r="K2190" s="1" t="s">
        <v>27</v>
      </c>
      <c r="L2190" s="1" t="s">
        <v>7559</v>
      </c>
      <c r="M2190" s="1" t="s">
        <v>5</v>
      </c>
      <c r="N2190" s="1" t="s">
        <v>25</v>
      </c>
      <c r="O2190" s="1" t="s">
        <v>38</v>
      </c>
      <c r="P2190" s="5" t="s">
        <v>29960</v>
      </c>
    </row>
    <row r="2191" spans="1:16" x14ac:dyDescent="0.2">
      <c r="A2191" s="1" t="s">
        <v>10</v>
      </c>
      <c r="B2191" s="1" t="s">
        <v>376</v>
      </c>
      <c r="C2191" s="1" t="s">
        <v>7564</v>
      </c>
      <c r="D2191" s="1" t="s">
        <v>7565</v>
      </c>
      <c r="E2191" s="1" t="s">
        <v>7566</v>
      </c>
      <c r="F2191" s="1" t="s">
        <v>10</v>
      </c>
      <c r="G2191" s="1" t="s">
        <v>10</v>
      </c>
      <c r="H2191" s="1" t="s">
        <v>10</v>
      </c>
      <c r="I2191" s="1" t="s">
        <v>7261</v>
      </c>
      <c r="J2191" s="1" t="s">
        <v>10</v>
      </c>
      <c r="K2191" s="1" t="s">
        <v>7</v>
      </c>
      <c r="L2191" s="1" t="s">
        <v>7563</v>
      </c>
      <c r="M2191" s="1" t="s">
        <v>5</v>
      </c>
      <c r="N2191" s="1" t="s">
        <v>25</v>
      </c>
      <c r="O2191" s="1" t="s">
        <v>38</v>
      </c>
      <c r="P2191" s="5" t="s">
        <v>29944</v>
      </c>
    </row>
    <row r="2192" spans="1:16" x14ac:dyDescent="0.2">
      <c r="A2192" s="1" t="s">
        <v>194</v>
      </c>
      <c r="B2192" s="1" t="s">
        <v>6479</v>
      </c>
      <c r="C2192" s="1" t="s">
        <v>7568</v>
      </c>
      <c r="D2192" s="1" t="s">
        <v>7569</v>
      </c>
      <c r="E2192" s="1" t="s">
        <v>7570</v>
      </c>
      <c r="F2192" s="1" t="s">
        <v>10</v>
      </c>
      <c r="G2192" s="1" t="s">
        <v>10</v>
      </c>
      <c r="H2192" s="1" t="s">
        <v>10</v>
      </c>
      <c r="I2192" s="1" t="s">
        <v>7261</v>
      </c>
      <c r="J2192" s="1" t="s">
        <v>7326</v>
      </c>
      <c r="K2192" s="1" t="s">
        <v>27</v>
      </c>
      <c r="L2192" s="1" t="s">
        <v>7567</v>
      </c>
      <c r="M2192" s="1" t="s">
        <v>5</v>
      </c>
      <c r="N2192" s="1" t="s">
        <v>25</v>
      </c>
      <c r="O2192" s="1" t="s">
        <v>38</v>
      </c>
      <c r="P2192" s="5" t="s">
        <v>30330</v>
      </c>
    </row>
    <row r="2193" spans="1:16" x14ac:dyDescent="0.2">
      <c r="A2193" s="1" t="s">
        <v>20</v>
      </c>
      <c r="B2193" s="1" t="s">
        <v>93</v>
      </c>
      <c r="C2193" s="1" t="s">
        <v>7572</v>
      </c>
      <c r="D2193" s="1" t="s">
        <v>7573</v>
      </c>
      <c r="E2193" s="1" t="s">
        <v>7574</v>
      </c>
      <c r="F2193" s="1" t="s">
        <v>10</v>
      </c>
      <c r="G2193" s="1" t="s">
        <v>10</v>
      </c>
      <c r="H2193" s="1" t="s">
        <v>10</v>
      </c>
      <c r="I2193" s="1" t="s">
        <v>7261</v>
      </c>
      <c r="J2193" s="1" t="s">
        <v>7326</v>
      </c>
      <c r="K2193" s="1" t="s">
        <v>1548</v>
      </c>
      <c r="L2193" s="1" t="s">
        <v>7571</v>
      </c>
      <c r="M2193" s="1" t="s">
        <v>5</v>
      </c>
      <c r="N2193" s="1" t="s">
        <v>25</v>
      </c>
      <c r="O2193" s="1" t="s">
        <v>38</v>
      </c>
      <c r="P2193" s="5" t="s">
        <v>31264</v>
      </c>
    </row>
    <row r="2194" spans="1:16" x14ac:dyDescent="0.2">
      <c r="A2194" s="1" t="s">
        <v>1385</v>
      </c>
      <c r="B2194" s="1" t="s">
        <v>2028</v>
      </c>
      <c r="C2194" s="1" t="s">
        <v>7576</v>
      </c>
      <c r="D2194" s="1" t="s">
        <v>7577</v>
      </c>
      <c r="E2194" s="1" t="s">
        <v>7578</v>
      </c>
      <c r="F2194" s="1" t="s">
        <v>10</v>
      </c>
      <c r="G2194" s="1" t="s">
        <v>10</v>
      </c>
      <c r="H2194" s="1" t="s">
        <v>10</v>
      </c>
      <c r="I2194" s="1" t="s">
        <v>7261</v>
      </c>
      <c r="J2194" s="1" t="s">
        <v>7326</v>
      </c>
      <c r="K2194" s="1" t="s">
        <v>1548</v>
      </c>
      <c r="L2194" s="1" t="s">
        <v>7575</v>
      </c>
      <c r="M2194" s="1" t="s">
        <v>5</v>
      </c>
      <c r="N2194" s="1" t="s">
        <v>25</v>
      </c>
      <c r="O2194" s="1" t="s">
        <v>38</v>
      </c>
      <c r="P2194" s="5" t="s">
        <v>31265</v>
      </c>
    </row>
    <row r="2195" spans="1:16" x14ac:dyDescent="0.2">
      <c r="A2195" s="1" t="s">
        <v>194</v>
      </c>
      <c r="B2195" s="1" t="s">
        <v>4497</v>
      </c>
      <c r="C2195" s="1" t="s">
        <v>7580</v>
      </c>
      <c r="D2195" s="1" t="s">
        <v>7581</v>
      </c>
      <c r="E2195" s="1" t="s">
        <v>7582</v>
      </c>
      <c r="F2195" s="1" t="s">
        <v>10</v>
      </c>
      <c r="G2195" s="1" t="s">
        <v>10</v>
      </c>
      <c r="H2195" s="1" t="s">
        <v>10</v>
      </c>
      <c r="I2195" s="1" t="s">
        <v>7261</v>
      </c>
      <c r="J2195" s="1" t="s">
        <v>7326</v>
      </c>
      <c r="K2195" s="1" t="s">
        <v>27</v>
      </c>
      <c r="L2195" s="1" t="s">
        <v>7579</v>
      </c>
      <c r="M2195" s="1" t="s">
        <v>5</v>
      </c>
      <c r="N2195" s="1" t="s">
        <v>25</v>
      </c>
      <c r="O2195" s="1" t="s">
        <v>38</v>
      </c>
      <c r="P2195" s="5" t="s">
        <v>31266</v>
      </c>
    </row>
    <row r="2196" spans="1:16" x14ac:dyDescent="0.2">
      <c r="A2196" s="1" t="s">
        <v>32</v>
      </c>
      <c r="B2196" s="1" t="s">
        <v>33</v>
      </c>
      <c r="C2196" s="1" t="s">
        <v>7584</v>
      </c>
      <c r="D2196" s="1" t="s">
        <v>7585</v>
      </c>
      <c r="E2196" s="1" t="s">
        <v>7586</v>
      </c>
      <c r="F2196" s="1" t="s">
        <v>10</v>
      </c>
      <c r="G2196" s="1" t="s">
        <v>10</v>
      </c>
      <c r="H2196" s="1" t="s">
        <v>10</v>
      </c>
      <c r="I2196" s="1" t="s">
        <v>7261</v>
      </c>
      <c r="J2196" s="1" t="s">
        <v>7326</v>
      </c>
      <c r="K2196" s="1" t="s">
        <v>64</v>
      </c>
      <c r="L2196" s="1" t="s">
        <v>7583</v>
      </c>
      <c r="M2196" s="1" t="s">
        <v>5</v>
      </c>
      <c r="N2196" s="1" t="s">
        <v>25</v>
      </c>
      <c r="O2196" s="1" t="s">
        <v>38</v>
      </c>
      <c r="P2196" s="5" t="s">
        <v>29961</v>
      </c>
    </row>
    <row r="2197" spans="1:16" x14ac:dyDescent="0.2">
      <c r="A2197" s="1" t="s">
        <v>10</v>
      </c>
      <c r="B2197" s="1" t="s">
        <v>376</v>
      </c>
      <c r="C2197" s="1" t="s">
        <v>7588</v>
      </c>
      <c r="D2197" s="1" t="s">
        <v>7589</v>
      </c>
      <c r="E2197" s="1" t="s">
        <v>10</v>
      </c>
      <c r="F2197" s="1" t="s">
        <v>10</v>
      </c>
      <c r="G2197" s="1" t="s">
        <v>10</v>
      </c>
      <c r="H2197" s="1" t="s">
        <v>10</v>
      </c>
      <c r="I2197" s="1" t="s">
        <v>7261</v>
      </c>
      <c r="J2197" s="1" t="s">
        <v>7326</v>
      </c>
      <c r="K2197" s="1" t="s">
        <v>27</v>
      </c>
      <c r="L2197" s="1" t="s">
        <v>7587</v>
      </c>
      <c r="M2197" s="1" t="s">
        <v>5</v>
      </c>
      <c r="N2197" s="1" t="s">
        <v>25</v>
      </c>
      <c r="O2197" s="1" t="s">
        <v>38</v>
      </c>
      <c r="P2197" s="5" t="s">
        <v>30330</v>
      </c>
    </row>
    <row r="2198" spans="1:16" x14ac:dyDescent="0.2">
      <c r="A2198" s="1" t="s">
        <v>20</v>
      </c>
      <c r="B2198" s="1" t="s">
        <v>93</v>
      </c>
      <c r="C2198" s="1" t="s">
        <v>7591</v>
      </c>
      <c r="D2198" s="1" t="s">
        <v>7592</v>
      </c>
      <c r="E2198" s="1" t="s">
        <v>7593</v>
      </c>
      <c r="F2198" s="1" t="s">
        <v>10</v>
      </c>
      <c r="G2198" s="1" t="s">
        <v>10</v>
      </c>
      <c r="H2198" s="1" t="s">
        <v>10</v>
      </c>
      <c r="I2198" s="1" t="s">
        <v>7261</v>
      </c>
      <c r="J2198" s="1" t="s">
        <v>7326</v>
      </c>
      <c r="K2198" s="1" t="s">
        <v>1548</v>
      </c>
      <c r="L2198" s="1" t="s">
        <v>7590</v>
      </c>
      <c r="M2198" s="1" t="s">
        <v>5</v>
      </c>
      <c r="N2198" s="1" t="s">
        <v>25</v>
      </c>
      <c r="O2198" s="1" t="s">
        <v>38</v>
      </c>
      <c r="P2198" s="5" t="s">
        <v>30602</v>
      </c>
    </row>
    <row r="2199" spans="1:16" x14ac:dyDescent="0.2">
      <c r="A2199" s="1" t="s">
        <v>1086</v>
      </c>
      <c r="B2199" s="1" t="s">
        <v>1400</v>
      </c>
      <c r="C2199" s="1" t="s">
        <v>7595</v>
      </c>
      <c r="D2199" s="1" t="s">
        <v>7596</v>
      </c>
      <c r="E2199" s="1" t="s">
        <v>7597</v>
      </c>
      <c r="F2199" s="1" t="s">
        <v>10</v>
      </c>
      <c r="G2199" s="1" t="s">
        <v>10</v>
      </c>
      <c r="H2199" s="1" t="s">
        <v>10</v>
      </c>
      <c r="I2199" s="1" t="s">
        <v>7261</v>
      </c>
      <c r="J2199" s="1" t="s">
        <v>7326</v>
      </c>
      <c r="K2199" s="1" t="s">
        <v>27</v>
      </c>
      <c r="L2199" s="1" t="s">
        <v>7594</v>
      </c>
      <c r="M2199" s="1" t="s">
        <v>5</v>
      </c>
      <c r="N2199" s="1" t="s">
        <v>25</v>
      </c>
      <c r="O2199" s="1" t="s">
        <v>38</v>
      </c>
      <c r="P2199" s="5" t="s">
        <v>30898</v>
      </c>
    </row>
    <row r="2200" spans="1:16" ht="38.25" x14ac:dyDescent="0.2">
      <c r="A2200" s="1" t="s">
        <v>194</v>
      </c>
      <c r="B2200" s="1" t="s">
        <v>6479</v>
      </c>
      <c r="C2200" s="1" t="s">
        <v>7599</v>
      </c>
      <c r="D2200" s="1" t="s">
        <v>7600</v>
      </c>
      <c r="E2200" s="1" t="s">
        <v>7601</v>
      </c>
      <c r="F2200" s="1" t="s">
        <v>10</v>
      </c>
      <c r="G2200" s="1" t="s">
        <v>10</v>
      </c>
      <c r="H2200" s="1" t="s">
        <v>10</v>
      </c>
      <c r="I2200" s="1" t="s">
        <v>7261</v>
      </c>
      <c r="J2200" s="1" t="s">
        <v>7326</v>
      </c>
      <c r="K2200" s="1" t="s">
        <v>1548</v>
      </c>
      <c r="L2200" s="1" t="s">
        <v>7598</v>
      </c>
      <c r="M2200" s="1" t="s">
        <v>5</v>
      </c>
      <c r="N2200" s="1" t="s">
        <v>25</v>
      </c>
      <c r="O2200" s="1" t="s">
        <v>38</v>
      </c>
      <c r="P2200" s="9" t="s">
        <v>31267</v>
      </c>
    </row>
    <row r="2201" spans="1:16" x14ac:dyDescent="0.2">
      <c r="A2201" s="1" t="s">
        <v>20</v>
      </c>
      <c r="B2201" s="1" t="s">
        <v>445</v>
      </c>
      <c r="C2201" s="1" t="s">
        <v>7603</v>
      </c>
      <c r="D2201" s="1" t="s">
        <v>7604</v>
      </c>
      <c r="E2201" s="1" t="s">
        <v>7605</v>
      </c>
      <c r="F2201" s="1" t="s">
        <v>10</v>
      </c>
      <c r="G2201" s="1" t="s">
        <v>10</v>
      </c>
      <c r="H2201" s="1" t="s">
        <v>10</v>
      </c>
      <c r="I2201" s="1" t="s">
        <v>7261</v>
      </c>
      <c r="J2201" s="1" t="s">
        <v>7326</v>
      </c>
      <c r="K2201" s="1" t="s">
        <v>27</v>
      </c>
      <c r="L2201" s="1" t="s">
        <v>7602</v>
      </c>
      <c r="M2201" s="1" t="s">
        <v>5</v>
      </c>
      <c r="N2201" s="1" t="s">
        <v>25</v>
      </c>
      <c r="O2201" s="1" t="s">
        <v>38</v>
      </c>
      <c r="P2201" s="5" t="s">
        <v>30602</v>
      </c>
    </row>
    <row r="2202" spans="1:16" x14ac:dyDescent="0.2">
      <c r="A2202" s="1" t="s">
        <v>194</v>
      </c>
      <c r="B2202" s="1" t="s">
        <v>6479</v>
      </c>
      <c r="C2202" s="1" t="s">
        <v>7607</v>
      </c>
      <c r="D2202" s="1" t="s">
        <v>7608</v>
      </c>
      <c r="E2202" s="1" t="s">
        <v>7609</v>
      </c>
      <c r="F2202" s="1" t="s">
        <v>10</v>
      </c>
      <c r="G2202" s="1" t="s">
        <v>10</v>
      </c>
      <c r="H2202" s="1" t="s">
        <v>10</v>
      </c>
      <c r="I2202" s="1" t="s">
        <v>7261</v>
      </c>
      <c r="J2202" s="1" t="s">
        <v>7326</v>
      </c>
      <c r="K2202" s="1" t="s">
        <v>27</v>
      </c>
      <c r="L2202" s="1" t="s">
        <v>7606</v>
      </c>
      <c r="M2202" s="1" t="s">
        <v>5</v>
      </c>
      <c r="N2202" s="1" t="s">
        <v>25</v>
      </c>
      <c r="O2202" s="1" t="s">
        <v>38</v>
      </c>
      <c r="P2202" s="5" t="s">
        <v>30602</v>
      </c>
    </row>
    <row r="2203" spans="1:16" x14ac:dyDescent="0.2">
      <c r="A2203" s="1" t="s">
        <v>194</v>
      </c>
      <c r="B2203" s="1" t="s">
        <v>6479</v>
      </c>
      <c r="C2203" s="1" t="s">
        <v>7611</v>
      </c>
      <c r="D2203" s="1" t="s">
        <v>7612</v>
      </c>
      <c r="E2203" s="1" t="s">
        <v>7613</v>
      </c>
      <c r="F2203" s="1" t="s">
        <v>10</v>
      </c>
      <c r="G2203" s="1" t="s">
        <v>10</v>
      </c>
      <c r="H2203" s="1" t="s">
        <v>10</v>
      </c>
      <c r="I2203" s="1" t="s">
        <v>7261</v>
      </c>
      <c r="J2203" s="1" t="s">
        <v>7284</v>
      </c>
      <c r="K2203" s="1" t="s">
        <v>1548</v>
      </c>
      <c r="L2203" s="1" t="s">
        <v>7610</v>
      </c>
      <c r="M2203" s="1" t="s">
        <v>5</v>
      </c>
      <c r="N2203" s="1" t="s">
        <v>25</v>
      </c>
      <c r="O2203" s="1" t="s">
        <v>38</v>
      </c>
      <c r="P2203" s="5" t="s">
        <v>31268</v>
      </c>
    </row>
    <row r="2204" spans="1:16" x14ac:dyDescent="0.2">
      <c r="A2204" s="1" t="s">
        <v>10</v>
      </c>
      <c r="B2204" s="1" t="s">
        <v>376</v>
      </c>
      <c r="C2204" s="1" t="s">
        <v>7615</v>
      </c>
      <c r="D2204" s="1" t="s">
        <v>7616</v>
      </c>
      <c r="E2204" s="1" t="s">
        <v>10</v>
      </c>
      <c r="F2204" s="1" t="s">
        <v>10</v>
      </c>
      <c r="G2204" s="1" t="s">
        <v>10</v>
      </c>
      <c r="H2204" s="1" t="s">
        <v>10</v>
      </c>
      <c r="I2204" s="1" t="s">
        <v>7261</v>
      </c>
      <c r="J2204" s="1" t="s">
        <v>7272</v>
      </c>
      <c r="K2204" s="1" t="s">
        <v>10</v>
      </c>
      <c r="L2204" s="1" t="s">
        <v>7614</v>
      </c>
      <c r="M2204" s="1" t="s">
        <v>5</v>
      </c>
      <c r="N2204" s="1" t="s">
        <v>25</v>
      </c>
      <c r="O2204" s="1" t="s">
        <v>38</v>
      </c>
      <c r="P2204" s="5" t="s">
        <v>31269</v>
      </c>
    </row>
    <row r="2205" spans="1:16" x14ac:dyDescent="0.2">
      <c r="A2205" s="1" t="s">
        <v>10</v>
      </c>
      <c r="B2205" s="1" t="s">
        <v>10</v>
      </c>
      <c r="C2205" s="1" t="s">
        <v>7618</v>
      </c>
      <c r="D2205" s="1" t="s">
        <v>7619</v>
      </c>
      <c r="E2205" s="1" t="s">
        <v>7620</v>
      </c>
      <c r="F2205" s="1" t="s">
        <v>10</v>
      </c>
      <c r="G2205" s="1" t="s">
        <v>10</v>
      </c>
      <c r="H2205" s="1" t="s">
        <v>10</v>
      </c>
      <c r="I2205" s="1" t="s">
        <v>7261</v>
      </c>
      <c r="J2205" s="1" t="s">
        <v>10</v>
      </c>
      <c r="K2205" s="1" t="s">
        <v>10</v>
      </c>
      <c r="L2205" s="1" t="s">
        <v>7617</v>
      </c>
      <c r="M2205" s="1" t="s">
        <v>5</v>
      </c>
      <c r="N2205" s="1" t="s">
        <v>25</v>
      </c>
      <c r="O2205" s="1" t="s">
        <v>38</v>
      </c>
      <c r="P2205" s="5"/>
    </row>
    <row r="2206" spans="1:16" x14ac:dyDescent="0.2">
      <c r="A2206" s="1" t="s">
        <v>10</v>
      </c>
      <c r="B2206" s="1" t="s">
        <v>10</v>
      </c>
      <c r="C2206" s="1" t="s">
        <v>7622</v>
      </c>
      <c r="D2206" s="1" t="s">
        <v>7623</v>
      </c>
      <c r="E2206" s="1" t="s">
        <v>7624</v>
      </c>
      <c r="F2206" s="1" t="s">
        <v>10</v>
      </c>
      <c r="G2206" s="1" t="s">
        <v>10</v>
      </c>
      <c r="H2206" s="1" t="s">
        <v>10</v>
      </c>
      <c r="I2206" s="1" t="s">
        <v>7261</v>
      </c>
      <c r="J2206" s="1" t="s">
        <v>10</v>
      </c>
      <c r="K2206" s="1" t="s">
        <v>10</v>
      </c>
      <c r="L2206" s="1" t="s">
        <v>7621</v>
      </c>
      <c r="M2206" s="1" t="s">
        <v>5</v>
      </c>
      <c r="N2206" s="1" t="s">
        <v>432</v>
      </c>
      <c r="O2206" s="1" t="s">
        <v>38</v>
      </c>
      <c r="P2206" s="5"/>
    </row>
    <row r="2207" spans="1:16" x14ac:dyDescent="0.2">
      <c r="A2207" s="1" t="s">
        <v>66</v>
      </c>
      <c r="B2207" s="1" t="s">
        <v>498</v>
      </c>
      <c r="C2207" s="1" t="s">
        <v>7627</v>
      </c>
      <c r="D2207" s="1" t="s">
        <v>10</v>
      </c>
      <c r="E2207" s="1"/>
      <c r="F2207" s="1" t="s">
        <v>15</v>
      </c>
      <c r="G2207" s="1" t="s">
        <v>3159</v>
      </c>
      <c r="H2207" s="1" t="s">
        <v>10</v>
      </c>
      <c r="I2207" s="1" t="s">
        <v>7625</v>
      </c>
      <c r="J2207" s="1" t="s">
        <v>10</v>
      </c>
      <c r="K2207" s="1" t="s">
        <v>64</v>
      </c>
      <c r="L2207" s="1" t="s">
        <v>7626</v>
      </c>
      <c r="M2207" s="1" t="s">
        <v>5</v>
      </c>
      <c r="N2207" s="1" t="s">
        <v>10</v>
      </c>
      <c r="O2207" s="1" t="s">
        <v>8</v>
      </c>
      <c r="P2207" s="5"/>
    </row>
    <row r="2208" spans="1:16" x14ac:dyDescent="0.2">
      <c r="A2208" s="1" t="s">
        <v>20</v>
      </c>
      <c r="B2208" s="1" t="s">
        <v>253</v>
      </c>
      <c r="C2208" s="1" t="s">
        <v>7630</v>
      </c>
      <c r="D2208" s="1" t="s">
        <v>7631</v>
      </c>
      <c r="E2208" s="1"/>
      <c r="F2208" s="1" t="s">
        <v>27</v>
      </c>
      <c r="G2208" s="1" t="s">
        <v>1042</v>
      </c>
      <c r="H2208" s="1" t="s">
        <v>7072</v>
      </c>
      <c r="I2208" s="1" t="s">
        <v>7628</v>
      </c>
      <c r="J2208" s="1" t="s">
        <v>7632</v>
      </c>
      <c r="K2208" s="1" t="s">
        <v>7</v>
      </c>
      <c r="L2208" s="1" t="s">
        <v>7629</v>
      </c>
      <c r="M2208" s="1" t="s">
        <v>5</v>
      </c>
      <c r="N2208" s="1" t="s">
        <v>25</v>
      </c>
      <c r="O2208" s="1" t="s">
        <v>8</v>
      </c>
      <c r="P2208" s="5" t="s">
        <v>29967</v>
      </c>
    </row>
    <row r="2209" spans="1:16" x14ac:dyDescent="0.2">
      <c r="A2209" s="1" t="s">
        <v>20</v>
      </c>
      <c r="B2209" s="1" t="s">
        <v>253</v>
      </c>
      <c r="C2209" s="1" t="s">
        <v>7635</v>
      </c>
      <c r="D2209" s="1" t="s">
        <v>7636</v>
      </c>
      <c r="E2209" s="1"/>
      <c r="F2209" s="1" t="s">
        <v>27</v>
      </c>
      <c r="G2209" s="1" t="s">
        <v>1042</v>
      </c>
      <c r="H2209" s="1" t="s">
        <v>7072</v>
      </c>
      <c r="I2209" s="1" t="s">
        <v>7628</v>
      </c>
      <c r="J2209" s="1" t="s">
        <v>7637</v>
      </c>
      <c r="K2209" s="1" t="s">
        <v>7</v>
      </c>
      <c r="L2209" s="1" t="s">
        <v>7634</v>
      </c>
      <c r="M2209" s="1" t="s">
        <v>5</v>
      </c>
      <c r="N2209" s="1" t="s">
        <v>25</v>
      </c>
      <c r="O2209" s="1" t="s">
        <v>8</v>
      </c>
      <c r="P2209" s="5" t="s">
        <v>31270</v>
      </c>
    </row>
    <row r="2210" spans="1:16" x14ac:dyDescent="0.2">
      <c r="A2210" s="1" t="s">
        <v>20</v>
      </c>
      <c r="B2210" s="1" t="s">
        <v>253</v>
      </c>
      <c r="C2210" s="1" t="s">
        <v>7639</v>
      </c>
      <c r="D2210" s="1" t="s">
        <v>6704</v>
      </c>
      <c r="E2210" s="1" t="s">
        <v>7640</v>
      </c>
      <c r="F2210" s="1" t="s">
        <v>27</v>
      </c>
      <c r="G2210" s="1" t="s">
        <v>1042</v>
      </c>
      <c r="H2210" s="1" t="s">
        <v>7641</v>
      </c>
      <c r="I2210" s="1" t="s">
        <v>7628</v>
      </c>
      <c r="J2210" s="1" t="s">
        <v>7632</v>
      </c>
      <c r="K2210" s="1" t="s">
        <v>586</v>
      </c>
      <c r="L2210" s="1" t="s">
        <v>7638</v>
      </c>
      <c r="M2210" s="1" t="s">
        <v>5</v>
      </c>
      <c r="N2210" s="1" t="s">
        <v>1009</v>
      </c>
      <c r="O2210" s="1" t="s">
        <v>8</v>
      </c>
      <c r="P2210" s="5" t="s">
        <v>31271</v>
      </c>
    </row>
    <row r="2211" spans="1:16" x14ac:dyDescent="0.2">
      <c r="A2211" s="1" t="s">
        <v>20</v>
      </c>
      <c r="B2211" s="1" t="s">
        <v>93</v>
      </c>
      <c r="C2211" s="1" t="s">
        <v>7643</v>
      </c>
      <c r="D2211" s="1" t="s">
        <v>7644</v>
      </c>
      <c r="E2211" s="1"/>
      <c r="F2211" s="1" t="s">
        <v>27</v>
      </c>
      <c r="G2211" s="1" t="s">
        <v>10</v>
      </c>
      <c r="H2211" s="1" t="s">
        <v>10</v>
      </c>
      <c r="I2211" s="1" t="s">
        <v>7628</v>
      </c>
      <c r="J2211" s="1" t="s">
        <v>7632</v>
      </c>
      <c r="K2211" s="1" t="s">
        <v>7</v>
      </c>
      <c r="L2211" s="1" t="s">
        <v>7642</v>
      </c>
      <c r="M2211" s="1" t="s">
        <v>5</v>
      </c>
      <c r="N2211" s="1" t="s">
        <v>6</v>
      </c>
      <c r="O2211" s="1" t="s">
        <v>38</v>
      </c>
      <c r="P2211" s="5" t="s">
        <v>31272</v>
      </c>
    </row>
    <row r="2212" spans="1:16" x14ac:dyDescent="0.2">
      <c r="A2212" s="1" t="s">
        <v>42</v>
      </c>
      <c r="B2212" s="1" t="s">
        <v>7648</v>
      </c>
      <c r="C2212" s="1" t="s">
        <v>7646</v>
      </c>
      <c r="D2212" s="1" t="s">
        <v>10</v>
      </c>
      <c r="E2212" s="1" t="s">
        <v>7647</v>
      </c>
      <c r="F2212" s="1" t="s">
        <v>27</v>
      </c>
      <c r="G2212" s="1" t="s">
        <v>10</v>
      </c>
      <c r="H2212" s="1" t="s">
        <v>7646</v>
      </c>
      <c r="I2212" s="1" t="s">
        <v>7628</v>
      </c>
      <c r="J2212" s="1" t="s">
        <v>7632</v>
      </c>
      <c r="K2212" s="1" t="s">
        <v>7</v>
      </c>
      <c r="L2212" s="1" t="s">
        <v>7645</v>
      </c>
      <c r="M2212" s="1" t="s">
        <v>5</v>
      </c>
      <c r="N2212" s="1" t="s">
        <v>1009</v>
      </c>
      <c r="O2212" s="1" t="s">
        <v>8</v>
      </c>
      <c r="P2212" s="5" t="s">
        <v>29962</v>
      </c>
    </row>
    <row r="2213" spans="1:16" x14ac:dyDescent="0.2">
      <c r="A2213" s="1" t="s">
        <v>42</v>
      </c>
      <c r="B2213" s="1" t="s">
        <v>1341</v>
      </c>
      <c r="C2213" s="1" t="s">
        <v>7650</v>
      </c>
      <c r="D2213" s="1" t="s">
        <v>7651</v>
      </c>
      <c r="E2213" s="1"/>
      <c r="F2213" s="1" t="s">
        <v>27</v>
      </c>
      <c r="G2213" s="1" t="s">
        <v>1042</v>
      </c>
      <c r="H2213" s="1" t="s">
        <v>7652</v>
      </c>
      <c r="I2213" s="1" t="s">
        <v>7628</v>
      </c>
      <c r="J2213" s="1" t="s">
        <v>7632</v>
      </c>
      <c r="K2213" s="1" t="s">
        <v>64</v>
      </c>
      <c r="L2213" s="1" t="s">
        <v>7649</v>
      </c>
      <c r="M2213" s="1" t="s">
        <v>5</v>
      </c>
      <c r="N2213" s="1" t="s">
        <v>25</v>
      </c>
      <c r="O2213" s="1" t="s">
        <v>8</v>
      </c>
      <c r="P2213" s="5" t="s">
        <v>31273</v>
      </c>
    </row>
    <row r="2214" spans="1:16" x14ac:dyDescent="0.2">
      <c r="A2214" s="1" t="s">
        <v>20</v>
      </c>
      <c r="B2214" s="1" t="s">
        <v>172</v>
      </c>
      <c r="C2214" s="1" t="s">
        <v>7655</v>
      </c>
      <c r="D2214" s="1" t="s">
        <v>10</v>
      </c>
      <c r="E2214" s="1"/>
      <c r="F2214" s="1" t="s">
        <v>27</v>
      </c>
      <c r="G2214" s="1" t="s">
        <v>10</v>
      </c>
      <c r="H2214" s="1" t="s">
        <v>10</v>
      </c>
      <c r="I2214" s="1" t="s">
        <v>7628</v>
      </c>
      <c r="J2214" s="1" t="s">
        <v>7632</v>
      </c>
      <c r="K2214" s="1" t="s">
        <v>47</v>
      </c>
      <c r="L2214" s="1" t="s">
        <v>7654</v>
      </c>
      <c r="M2214" s="1" t="s">
        <v>5</v>
      </c>
      <c r="N2214" s="1" t="s">
        <v>1009</v>
      </c>
      <c r="O2214" s="1" t="s">
        <v>38</v>
      </c>
      <c r="P2214" s="5" t="s">
        <v>31274</v>
      </c>
    </row>
    <row r="2215" spans="1:16" x14ac:dyDescent="0.2">
      <c r="A2215" s="1" t="s">
        <v>329</v>
      </c>
      <c r="B2215" s="1" t="s">
        <v>1738</v>
      </c>
      <c r="C2215" s="1" t="s">
        <v>7657</v>
      </c>
      <c r="D2215" s="1" t="s">
        <v>10</v>
      </c>
      <c r="E2215" s="1" t="s">
        <v>7658</v>
      </c>
      <c r="F2215" s="1" t="s">
        <v>27</v>
      </c>
      <c r="G2215" s="1" t="s">
        <v>10</v>
      </c>
      <c r="H2215" s="1" t="s">
        <v>10</v>
      </c>
      <c r="I2215" s="1" t="s">
        <v>7628</v>
      </c>
      <c r="J2215" s="1" t="s">
        <v>7632</v>
      </c>
      <c r="K2215" s="1" t="s">
        <v>100</v>
      </c>
      <c r="L2215" s="1" t="s">
        <v>7656</v>
      </c>
      <c r="M2215" s="1" t="s">
        <v>5</v>
      </c>
      <c r="N2215" s="1" t="s">
        <v>25</v>
      </c>
      <c r="O2215" s="1" t="s">
        <v>38</v>
      </c>
      <c r="P2215" s="5" t="s">
        <v>29963</v>
      </c>
    </row>
    <row r="2216" spans="1:16" x14ac:dyDescent="0.2">
      <c r="A2216" s="1" t="s">
        <v>20</v>
      </c>
      <c r="B2216" s="1" t="s">
        <v>445</v>
      </c>
      <c r="C2216" s="1" t="s">
        <v>7660</v>
      </c>
      <c r="D2216" s="1" t="s">
        <v>7661</v>
      </c>
      <c r="E2216" s="1"/>
      <c r="F2216" s="1" t="s">
        <v>27</v>
      </c>
      <c r="G2216" s="1" t="s">
        <v>10</v>
      </c>
      <c r="H2216" s="1" t="s">
        <v>10</v>
      </c>
      <c r="I2216" s="1" t="s">
        <v>7628</v>
      </c>
      <c r="J2216" s="1" t="s">
        <v>7662</v>
      </c>
      <c r="K2216" s="1" t="s">
        <v>27</v>
      </c>
      <c r="L2216" s="1" t="s">
        <v>7659</v>
      </c>
      <c r="M2216" s="1" t="s">
        <v>5</v>
      </c>
      <c r="N2216" s="1" t="s">
        <v>25</v>
      </c>
      <c r="O2216" s="1" t="s">
        <v>38</v>
      </c>
      <c r="P2216" s="5" t="s">
        <v>31275</v>
      </c>
    </row>
    <row r="2217" spans="1:16" x14ac:dyDescent="0.2">
      <c r="A2217" s="1" t="s">
        <v>329</v>
      </c>
      <c r="B2217" s="1" t="s">
        <v>1659</v>
      </c>
      <c r="C2217" s="1" t="s">
        <v>7664</v>
      </c>
      <c r="D2217" s="1" t="s">
        <v>7665</v>
      </c>
      <c r="E2217" s="1"/>
      <c r="F2217" s="1" t="s">
        <v>27</v>
      </c>
      <c r="G2217" s="1" t="s">
        <v>10</v>
      </c>
      <c r="H2217" s="1" t="s">
        <v>7666</v>
      </c>
      <c r="I2217" s="1" t="s">
        <v>7628</v>
      </c>
      <c r="J2217" s="1" t="s">
        <v>7632</v>
      </c>
      <c r="K2217" s="1" t="s">
        <v>10</v>
      </c>
      <c r="L2217" s="1" t="s">
        <v>7663</v>
      </c>
      <c r="M2217" s="1" t="s">
        <v>5</v>
      </c>
      <c r="N2217" s="1" t="s">
        <v>25</v>
      </c>
      <c r="O2217" s="1" t="s">
        <v>8</v>
      </c>
      <c r="P2217" s="5" t="s">
        <v>29964</v>
      </c>
    </row>
    <row r="2218" spans="1:16" x14ac:dyDescent="0.2">
      <c r="A2218" s="1" t="s">
        <v>329</v>
      </c>
      <c r="B2218" s="1" t="s">
        <v>330</v>
      </c>
      <c r="C2218" s="1" t="s">
        <v>4526</v>
      </c>
      <c r="D2218" s="1" t="s">
        <v>7668</v>
      </c>
      <c r="E2218" s="1"/>
      <c r="F2218" s="1" t="s">
        <v>27</v>
      </c>
      <c r="G2218" s="1" t="s">
        <v>7669</v>
      </c>
      <c r="H2218" s="1" t="s">
        <v>4526</v>
      </c>
      <c r="I2218" s="1" t="s">
        <v>7628</v>
      </c>
      <c r="J2218" s="1" t="s">
        <v>7632</v>
      </c>
      <c r="K2218" s="1" t="s">
        <v>100</v>
      </c>
      <c r="L2218" s="1" t="s">
        <v>7667</v>
      </c>
      <c r="M2218" s="1" t="s">
        <v>5</v>
      </c>
      <c r="N2218" s="1" t="s">
        <v>1009</v>
      </c>
      <c r="O2218" s="1" t="s">
        <v>8</v>
      </c>
      <c r="P2218" s="5" t="s">
        <v>29965</v>
      </c>
    </row>
    <row r="2219" spans="1:16" x14ac:dyDescent="0.2">
      <c r="A2219" s="1" t="s">
        <v>42</v>
      </c>
      <c r="B2219" s="1" t="s">
        <v>320</v>
      </c>
      <c r="C2219" s="1" t="s">
        <v>7671</v>
      </c>
      <c r="D2219" s="1" t="s">
        <v>7672</v>
      </c>
      <c r="E2219" s="1"/>
      <c r="F2219" s="1" t="s">
        <v>27</v>
      </c>
      <c r="G2219" s="1" t="s">
        <v>10</v>
      </c>
      <c r="H2219" s="1" t="s">
        <v>7673</v>
      </c>
      <c r="I2219" s="1" t="s">
        <v>7628</v>
      </c>
      <c r="J2219" s="1" t="s">
        <v>7632</v>
      </c>
      <c r="K2219" s="1" t="s">
        <v>37</v>
      </c>
      <c r="L2219" s="1" t="s">
        <v>7670</v>
      </c>
      <c r="M2219" s="1" t="s">
        <v>5</v>
      </c>
      <c r="N2219" s="1" t="s">
        <v>25</v>
      </c>
      <c r="O2219" s="1" t="s">
        <v>8</v>
      </c>
      <c r="P2219" s="5" t="s">
        <v>29966</v>
      </c>
    </row>
    <row r="2220" spans="1:16" x14ac:dyDescent="0.2">
      <c r="A2220" s="1" t="s">
        <v>20</v>
      </c>
      <c r="B2220" s="1" t="s">
        <v>253</v>
      </c>
      <c r="C2220" s="1" t="s">
        <v>7676</v>
      </c>
      <c r="D2220" s="1" t="s">
        <v>7677</v>
      </c>
      <c r="E2220" s="1"/>
      <c r="F2220" s="1" t="s">
        <v>27</v>
      </c>
      <c r="G2220" s="1" t="s">
        <v>10</v>
      </c>
      <c r="H2220" s="1" t="s">
        <v>10</v>
      </c>
      <c r="I2220" s="1" t="s">
        <v>7628</v>
      </c>
      <c r="J2220" s="1" t="s">
        <v>7678</v>
      </c>
      <c r="K2220" s="1" t="s">
        <v>27</v>
      </c>
      <c r="L2220" s="1" t="s">
        <v>7675</v>
      </c>
      <c r="M2220" s="1" t="s">
        <v>5</v>
      </c>
      <c r="N2220" s="1" t="s">
        <v>25</v>
      </c>
      <c r="O2220" s="1" t="s">
        <v>38</v>
      </c>
      <c r="P2220" s="5" t="s">
        <v>29967</v>
      </c>
    </row>
    <row r="2221" spans="1:16" x14ac:dyDescent="0.2">
      <c r="A2221" s="1" t="s">
        <v>20</v>
      </c>
      <c r="B2221" s="1" t="s">
        <v>253</v>
      </c>
      <c r="C2221" s="1" t="s">
        <v>7680</v>
      </c>
      <c r="D2221" s="1" t="s">
        <v>7681</v>
      </c>
      <c r="E2221" s="1"/>
      <c r="F2221" s="1" t="s">
        <v>27</v>
      </c>
      <c r="G2221" s="1" t="s">
        <v>10</v>
      </c>
      <c r="H2221" s="1" t="s">
        <v>10</v>
      </c>
      <c r="I2221" s="1" t="s">
        <v>7628</v>
      </c>
      <c r="J2221" s="1" t="s">
        <v>7674</v>
      </c>
      <c r="K2221" s="1" t="s">
        <v>27</v>
      </c>
      <c r="L2221" s="1" t="s">
        <v>7679</v>
      </c>
      <c r="M2221" s="1" t="s">
        <v>5</v>
      </c>
      <c r="N2221" s="1" t="s">
        <v>25</v>
      </c>
      <c r="O2221" s="1" t="s">
        <v>38</v>
      </c>
      <c r="P2221" s="5" t="s">
        <v>31276</v>
      </c>
    </row>
    <row r="2222" spans="1:16" x14ac:dyDescent="0.2">
      <c r="A2222" s="1" t="s">
        <v>42</v>
      </c>
      <c r="B2222" s="1" t="s">
        <v>1664</v>
      </c>
      <c r="C2222" s="1" t="s">
        <v>7683</v>
      </c>
      <c r="D2222" s="1" t="s">
        <v>7684</v>
      </c>
      <c r="E2222" s="1"/>
      <c r="F2222" s="1" t="s">
        <v>27</v>
      </c>
      <c r="G2222" s="1" t="s">
        <v>10</v>
      </c>
      <c r="H2222" s="1" t="s">
        <v>10</v>
      </c>
      <c r="I2222" s="1" t="s">
        <v>7628</v>
      </c>
      <c r="J2222" s="1" t="s">
        <v>7685</v>
      </c>
      <c r="K2222" s="1" t="s">
        <v>7</v>
      </c>
      <c r="L2222" s="1" t="s">
        <v>7682</v>
      </c>
      <c r="M2222" s="1" t="s">
        <v>5</v>
      </c>
      <c r="N2222" s="1" t="s">
        <v>25</v>
      </c>
      <c r="O2222" s="1" t="s">
        <v>38</v>
      </c>
      <c r="P2222" s="5" t="s">
        <v>31277</v>
      </c>
    </row>
    <row r="2223" spans="1:16" x14ac:dyDescent="0.2">
      <c r="A2223" s="1" t="s">
        <v>329</v>
      </c>
      <c r="B2223" s="1" t="s">
        <v>1738</v>
      </c>
      <c r="C2223" s="1" t="s">
        <v>7687</v>
      </c>
      <c r="D2223" s="1" t="s">
        <v>7688</v>
      </c>
      <c r="E2223" s="1" t="s">
        <v>7689</v>
      </c>
      <c r="F2223" s="1" t="s">
        <v>27</v>
      </c>
      <c r="G2223" s="1" t="s">
        <v>10</v>
      </c>
      <c r="H2223" s="1" t="s">
        <v>10</v>
      </c>
      <c r="I2223" s="1" t="s">
        <v>7628</v>
      </c>
      <c r="J2223" s="1" t="s">
        <v>7632</v>
      </c>
      <c r="K2223" s="1" t="s">
        <v>130</v>
      </c>
      <c r="L2223" s="1" t="s">
        <v>7686</v>
      </c>
      <c r="M2223" s="1" t="s">
        <v>5</v>
      </c>
      <c r="N2223" s="1" t="s">
        <v>25</v>
      </c>
      <c r="O2223" s="1" t="s">
        <v>38</v>
      </c>
      <c r="P2223" s="5" t="s">
        <v>31278</v>
      </c>
    </row>
    <row r="2224" spans="1:16" x14ac:dyDescent="0.2">
      <c r="A2224" s="1" t="s">
        <v>487</v>
      </c>
      <c r="B2224" s="1" t="s">
        <v>784</v>
      </c>
      <c r="C2224" s="1" t="s">
        <v>7691</v>
      </c>
      <c r="D2224" s="1" t="s">
        <v>10</v>
      </c>
      <c r="E2224" s="1"/>
      <c r="F2224" s="1" t="s">
        <v>27</v>
      </c>
      <c r="G2224" s="1" t="s">
        <v>1042</v>
      </c>
      <c r="H2224" s="1" t="s">
        <v>7692</v>
      </c>
      <c r="I2224" s="1" t="s">
        <v>7628</v>
      </c>
      <c r="J2224" s="1" t="s">
        <v>7632</v>
      </c>
      <c r="K2224" s="1" t="s">
        <v>130</v>
      </c>
      <c r="L2224" s="1" t="s">
        <v>7690</v>
      </c>
      <c r="M2224" s="1" t="s">
        <v>5</v>
      </c>
      <c r="N2224" s="1" t="s">
        <v>25</v>
      </c>
      <c r="O2224" s="1" t="s">
        <v>8</v>
      </c>
      <c r="P2224" s="5" t="s">
        <v>31279</v>
      </c>
    </row>
    <row r="2225" spans="1:16" x14ac:dyDescent="0.2">
      <c r="A2225" s="1" t="s">
        <v>42</v>
      </c>
      <c r="B2225" s="1" t="s">
        <v>118</v>
      </c>
      <c r="C2225" s="1" t="s">
        <v>7695</v>
      </c>
      <c r="D2225" s="1" t="s">
        <v>3417</v>
      </c>
      <c r="E2225" s="1" t="s">
        <v>7696</v>
      </c>
      <c r="F2225" s="1" t="s">
        <v>27</v>
      </c>
      <c r="G2225" s="1" t="s">
        <v>1042</v>
      </c>
      <c r="H2225" s="1" t="s">
        <v>7695</v>
      </c>
      <c r="I2225" s="1" t="s">
        <v>7628</v>
      </c>
      <c r="J2225" s="1" t="s">
        <v>7678</v>
      </c>
      <c r="K2225" s="1" t="s">
        <v>113</v>
      </c>
      <c r="L2225" s="1" t="s">
        <v>7694</v>
      </c>
      <c r="M2225" s="1" t="s">
        <v>5</v>
      </c>
      <c r="N2225" s="1" t="s">
        <v>1597</v>
      </c>
      <c r="O2225" s="1" t="s">
        <v>8</v>
      </c>
      <c r="P2225" s="5" t="s">
        <v>14</v>
      </c>
    </row>
    <row r="2226" spans="1:16" x14ac:dyDescent="0.2">
      <c r="A2226" s="1" t="s">
        <v>66</v>
      </c>
      <c r="B2226" s="1" t="s">
        <v>574</v>
      </c>
      <c r="C2226" s="1" t="s">
        <v>7698</v>
      </c>
      <c r="D2226" s="1" t="s">
        <v>7699</v>
      </c>
      <c r="E2226" s="1"/>
      <c r="F2226" s="1" t="s">
        <v>27</v>
      </c>
      <c r="G2226" s="1" t="s">
        <v>1042</v>
      </c>
      <c r="H2226" s="1" t="s">
        <v>7700</v>
      </c>
      <c r="I2226" s="1" t="s">
        <v>7628</v>
      </c>
      <c r="J2226" s="1" t="s">
        <v>7674</v>
      </c>
      <c r="K2226" s="1" t="s">
        <v>27</v>
      </c>
      <c r="L2226" s="1" t="s">
        <v>7697</v>
      </c>
      <c r="M2226" s="1" t="s">
        <v>5</v>
      </c>
      <c r="N2226" s="1" t="s">
        <v>25</v>
      </c>
      <c r="O2226" s="1" t="s">
        <v>8</v>
      </c>
      <c r="P2226" s="5" t="s">
        <v>29968</v>
      </c>
    </row>
    <row r="2227" spans="1:16" x14ac:dyDescent="0.2">
      <c r="A2227" s="1" t="s">
        <v>20</v>
      </c>
      <c r="B2227" s="1" t="s">
        <v>1804</v>
      </c>
      <c r="C2227" s="1" t="s">
        <v>7702</v>
      </c>
      <c r="D2227" s="1" t="s">
        <v>7703</v>
      </c>
      <c r="E2227" s="1"/>
      <c r="F2227" s="1" t="s">
        <v>27</v>
      </c>
      <c r="G2227" s="1" t="s">
        <v>10</v>
      </c>
      <c r="H2227" s="1" t="s">
        <v>10</v>
      </c>
      <c r="I2227" s="1" t="s">
        <v>7628</v>
      </c>
      <c r="J2227" s="1" t="s">
        <v>7632</v>
      </c>
      <c r="K2227" s="1" t="s">
        <v>27</v>
      </c>
      <c r="L2227" s="1" t="s">
        <v>7701</v>
      </c>
      <c r="M2227" s="1" t="s">
        <v>5</v>
      </c>
      <c r="N2227" s="1" t="s">
        <v>25</v>
      </c>
      <c r="O2227" s="1" t="s">
        <v>38</v>
      </c>
      <c r="P2227" s="5" t="s">
        <v>29969</v>
      </c>
    </row>
    <row r="2228" spans="1:16" x14ac:dyDescent="0.2">
      <c r="A2228" s="1" t="s">
        <v>1385</v>
      </c>
      <c r="B2228" s="1" t="s">
        <v>1386</v>
      </c>
      <c r="C2228" s="1" t="s">
        <v>7705</v>
      </c>
      <c r="D2228" s="1" t="s">
        <v>10</v>
      </c>
      <c r="E2228" s="1" t="s">
        <v>7706</v>
      </c>
      <c r="F2228" s="1" t="s">
        <v>27</v>
      </c>
      <c r="G2228" s="1" t="s">
        <v>1042</v>
      </c>
      <c r="H2228" s="1" t="s">
        <v>7707</v>
      </c>
      <c r="I2228" s="1" t="s">
        <v>7628</v>
      </c>
      <c r="J2228" s="1" t="s">
        <v>7632</v>
      </c>
      <c r="K2228" s="1" t="s">
        <v>113</v>
      </c>
      <c r="L2228" s="1" t="s">
        <v>7704</v>
      </c>
      <c r="M2228" s="1" t="s">
        <v>5</v>
      </c>
      <c r="N2228" s="1" t="s">
        <v>1597</v>
      </c>
      <c r="O2228" s="1" t="s">
        <v>8</v>
      </c>
      <c r="P2228" s="5"/>
    </row>
    <row r="2229" spans="1:16" x14ac:dyDescent="0.2">
      <c r="A2229" s="1" t="s">
        <v>66</v>
      </c>
      <c r="B2229" s="1" t="s">
        <v>67</v>
      </c>
      <c r="C2229" s="1" t="s">
        <v>7709</v>
      </c>
      <c r="D2229" s="1" t="s">
        <v>7710</v>
      </c>
      <c r="E2229" s="1"/>
      <c r="F2229" s="1" t="s">
        <v>27</v>
      </c>
      <c r="G2229" s="1" t="s">
        <v>10</v>
      </c>
      <c r="H2229" s="1" t="s">
        <v>10</v>
      </c>
      <c r="I2229" s="1" t="s">
        <v>7628</v>
      </c>
      <c r="J2229" s="1" t="s">
        <v>7632</v>
      </c>
      <c r="K2229" s="1" t="s">
        <v>7</v>
      </c>
      <c r="L2229" s="1" t="s">
        <v>7708</v>
      </c>
      <c r="M2229" s="1" t="s">
        <v>5</v>
      </c>
      <c r="N2229" s="1" t="s">
        <v>1009</v>
      </c>
      <c r="O2229" s="1" t="s">
        <v>38</v>
      </c>
      <c r="P2229" s="5" t="s">
        <v>31280</v>
      </c>
    </row>
    <row r="2230" spans="1:16" x14ac:dyDescent="0.2">
      <c r="A2230" s="1" t="s">
        <v>194</v>
      </c>
      <c r="B2230" s="1" t="s">
        <v>7145</v>
      </c>
      <c r="C2230" s="1" t="s">
        <v>7712</v>
      </c>
      <c r="D2230" s="1" t="s">
        <v>10</v>
      </c>
      <c r="E2230" s="1"/>
      <c r="F2230" s="1" t="s">
        <v>27</v>
      </c>
      <c r="G2230" s="1" t="s">
        <v>1042</v>
      </c>
      <c r="H2230" s="1" t="s">
        <v>7713</v>
      </c>
      <c r="I2230" s="1" t="s">
        <v>7628</v>
      </c>
      <c r="J2230" s="1" t="s">
        <v>7632</v>
      </c>
      <c r="K2230" s="1" t="s">
        <v>27</v>
      </c>
      <c r="L2230" s="1" t="s">
        <v>7711</v>
      </c>
      <c r="M2230" s="1" t="s">
        <v>5</v>
      </c>
      <c r="N2230" s="1" t="s">
        <v>25</v>
      </c>
      <c r="O2230" s="1" t="s">
        <v>8</v>
      </c>
      <c r="P2230" s="5" t="s">
        <v>29970</v>
      </c>
    </row>
    <row r="2231" spans="1:16" x14ac:dyDescent="0.2">
      <c r="A2231" s="1" t="s">
        <v>42</v>
      </c>
      <c r="B2231" s="1" t="s">
        <v>966</v>
      </c>
      <c r="C2231" s="1" t="s">
        <v>7715</v>
      </c>
      <c r="D2231" s="1" t="s">
        <v>7716</v>
      </c>
      <c r="E2231" s="1" t="s">
        <v>7717</v>
      </c>
      <c r="F2231" s="1" t="s">
        <v>27</v>
      </c>
      <c r="G2231" s="1" t="s">
        <v>10</v>
      </c>
      <c r="H2231" s="1" t="s">
        <v>10</v>
      </c>
      <c r="I2231" s="1" t="s">
        <v>7628</v>
      </c>
      <c r="J2231" s="1" t="s">
        <v>7632</v>
      </c>
      <c r="K2231" s="1" t="s">
        <v>586</v>
      </c>
      <c r="L2231" s="1" t="s">
        <v>7714</v>
      </c>
      <c r="M2231" s="1" t="s">
        <v>5</v>
      </c>
      <c r="N2231" s="1" t="s">
        <v>1009</v>
      </c>
      <c r="O2231" s="1" t="s">
        <v>38</v>
      </c>
      <c r="P2231" s="5" t="s">
        <v>29971</v>
      </c>
    </row>
    <row r="2232" spans="1:16" x14ac:dyDescent="0.2">
      <c r="A2232" s="1" t="s">
        <v>20</v>
      </c>
      <c r="B2232" s="1" t="s">
        <v>93</v>
      </c>
      <c r="C2232" s="1" t="s">
        <v>7720</v>
      </c>
      <c r="D2232" s="1" t="s">
        <v>7718</v>
      </c>
      <c r="E2232" s="1"/>
      <c r="F2232" s="1" t="s">
        <v>27</v>
      </c>
      <c r="G2232" s="1" t="s">
        <v>10</v>
      </c>
      <c r="H2232" s="1" t="s">
        <v>7721</v>
      </c>
      <c r="I2232" s="1" t="s">
        <v>7628</v>
      </c>
      <c r="J2232" s="1" t="s">
        <v>7637</v>
      </c>
      <c r="K2232" s="1" t="s">
        <v>7</v>
      </c>
      <c r="L2232" s="1" t="s">
        <v>7719</v>
      </c>
      <c r="M2232" s="1" t="s">
        <v>5</v>
      </c>
      <c r="N2232" s="1" t="s">
        <v>25</v>
      </c>
      <c r="O2232" s="1" t="s">
        <v>8</v>
      </c>
      <c r="P2232" s="5" t="s">
        <v>29972</v>
      </c>
    </row>
    <row r="2233" spans="1:16" x14ac:dyDescent="0.2">
      <c r="A2233" s="1" t="s">
        <v>1385</v>
      </c>
      <c r="B2233" s="1" t="s">
        <v>1490</v>
      </c>
      <c r="C2233" s="1" t="s">
        <v>7723</v>
      </c>
      <c r="D2233" s="1" t="s">
        <v>10</v>
      </c>
      <c r="E2233" s="1" t="s">
        <v>7724</v>
      </c>
      <c r="F2233" s="1" t="s">
        <v>27</v>
      </c>
      <c r="G2233" s="1" t="s">
        <v>10</v>
      </c>
      <c r="H2233" s="1" t="s">
        <v>10</v>
      </c>
      <c r="I2233" s="1" t="s">
        <v>7628</v>
      </c>
      <c r="J2233" s="1" t="s">
        <v>7632</v>
      </c>
      <c r="K2233" s="1" t="s">
        <v>64</v>
      </c>
      <c r="L2233" s="1" t="s">
        <v>7722</v>
      </c>
      <c r="M2233" s="1" t="s">
        <v>5</v>
      </c>
      <c r="N2233" s="1" t="s">
        <v>25</v>
      </c>
      <c r="O2233" s="1" t="s">
        <v>38</v>
      </c>
      <c r="P2233" s="5" t="s">
        <v>29963</v>
      </c>
    </row>
    <row r="2234" spans="1:16" x14ac:dyDescent="0.2">
      <c r="A2234" s="1" t="s">
        <v>32</v>
      </c>
      <c r="B2234" s="1" t="s">
        <v>140</v>
      </c>
      <c r="C2234" s="1" t="s">
        <v>7726</v>
      </c>
      <c r="D2234" s="1" t="s">
        <v>7727</v>
      </c>
      <c r="E2234" s="1"/>
      <c r="F2234" s="1" t="s">
        <v>27</v>
      </c>
      <c r="G2234" s="1" t="s">
        <v>1042</v>
      </c>
      <c r="H2234" s="1" t="s">
        <v>7726</v>
      </c>
      <c r="I2234" s="1" t="s">
        <v>7628</v>
      </c>
      <c r="J2234" s="1" t="s">
        <v>7674</v>
      </c>
      <c r="K2234" s="1" t="s">
        <v>100</v>
      </c>
      <c r="L2234" s="1" t="s">
        <v>7725</v>
      </c>
      <c r="M2234" s="1" t="s">
        <v>5</v>
      </c>
      <c r="N2234" s="1" t="s">
        <v>1009</v>
      </c>
      <c r="O2234" s="1" t="s">
        <v>8</v>
      </c>
      <c r="P2234" s="5" t="s">
        <v>31281</v>
      </c>
    </row>
    <row r="2235" spans="1:16" x14ac:dyDescent="0.2">
      <c r="A2235" s="1" t="s">
        <v>32</v>
      </c>
      <c r="B2235" s="1" t="s">
        <v>140</v>
      </c>
      <c r="C2235" s="1" t="s">
        <v>7729</v>
      </c>
      <c r="D2235" s="1" t="s">
        <v>7730</v>
      </c>
      <c r="E2235" s="1" t="s">
        <v>7731</v>
      </c>
      <c r="F2235" s="1" t="s">
        <v>27</v>
      </c>
      <c r="G2235" s="1" t="s">
        <v>1042</v>
      </c>
      <c r="H2235" s="1" t="s">
        <v>7732</v>
      </c>
      <c r="I2235" s="1" t="s">
        <v>7628</v>
      </c>
      <c r="J2235" s="1" t="s">
        <v>7632</v>
      </c>
      <c r="K2235" s="1" t="s">
        <v>100</v>
      </c>
      <c r="L2235" s="1" t="s">
        <v>7728</v>
      </c>
      <c r="M2235" s="1" t="s">
        <v>5</v>
      </c>
      <c r="N2235" s="1" t="s">
        <v>1597</v>
      </c>
      <c r="O2235" s="1" t="s">
        <v>8</v>
      </c>
      <c r="P2235" s="5" t="s">
        <v>31282</v>
      </c>
    </row>
    <row r="2236" spans="1:16" x14ac:dyDescent="0.2">
      <c r="A2236" s="1" t="s">
        <v>329</v>
      </c>
      <c r="B2236" s="1" t="s">
        <v>340</v>
      </c>
      <c r="C2236" s="1" t="s">
        <v>7734</v>
      </c>
      <c r="D2236" s="1" t="s">
        <v>7735</v>
      </c>
      <c r="E2236" s="1"/>
      <c r="F2236" s="1" t="s">
        <v>27</v>
      </c>
      <c r="G2236" s="1" t="s">
        <v>10</v>
      </c>
      <c r="H2236" s="1" t="s">
        <v>7736</v>
      </c>
      <c r="I2236" s="1" t="s">
        <v>7628</v>
      </c>
      <c r="J2236" s="1" t="s">
        <v>7632</v>
      </c>
      <c r="K2236" s="1" t="s">
        <v>130</v>
      </c>
      <c r="L2236" s="1" t="s">
        <v>7733</v>
      </c>
      <c r="M2236" s="1" t="s">
        <v>5</v>
      </c>
      <c r="N2236" s="1" t="s">
        <v>25</v>
      </c>
      <c r="O2236" s="1" t="s">
        <v>8</v>
      </c>
      <c r="P2236" s="5" t="s">
        <v>29973</v>
      </c>
    </row>
    <row r="2237" spans="1:16" x14ac:dyDescent="0.2">
      <c r="A2237" s="1" t="s">
        <v>42</v>
      </c>
      <c r="B2237" s="1" t="s">
        <v>335</v>
      </c>
      <c r="C2237" s="1" t="s">
        <v>7738</v>
      </c>
      <c r="D2237" s="1" t="s">
        <v>7739</v>
      </c>
      <c r="E2237" s="1"/>
      <c r="F2237" s="1" t="s">
        <v>27</v>
      </c>
      <c r="G2237" s="1" t="s">
        <v>10</v>
      </c>
      <c r="H2237" s="1" t="s">
        <v>10</v>
      </c>
      <c r="I2237" s="1" t="s">
        <v>7628</v>
      </c>
      <c r="J2237" s="1" t="s">
        <v>7632</v>
      </c>
      <c r="K2237" s="1" t="s">
        <v>47</v>
      </c>
      <c r="L2237" s="1" t="s">
        <v>7737</v>
      </c>
      <c r="M2237" s="1" t="s">
        <v>5</v>
      </c>
      <c r="N2237" s="1" t="s">
        <v>25</v>
      </c>
      <c r="O2237" s="1" t="s">
        <v>38</v>
      </c>
      <c r="P2237" s="5" t="s">
        <v>29974</v>
      </c>
    </row>
    <row r="2238" spans="1:16" x14ac:dyDescent="0.2">
      <c r="A2238" s="1" t="s">
        <v>20</v>
      </c>
      <c r="B2238" s="1" t="s">
        <v>445</v>
      </c>
      <c r="C2238" s="1" t="s">
        <v>7742</v>
      </c>
      <c r="D2238" s="1" t="s">
        <v>10</v>
      </c>
      <c r="E2238" s="1"/>
      <c r="F2238" s="1" t="s">
        <v>27</v>
      </c>
      <c r="G2238" s="1" t="s">
        <v>10</v>
      </c>
      <c r="H2238" s="1" t="s">
        <v>10</v>
      </c>
      <c r="I2238" s="1" t="s">
        <v>7628</v>
      </c>
      <c r="J2238" s="1" t="s">
        <v>7674</v>
      </c>
      <c r="K2238" s="1" t="s">
        <v>27</v>
      </c>
      <c r="L2238" s="1" t="s">
        <v>7741</v>
      </c>
      <c r="M2238" s="1" t="s">
        <v>5</v>
      </c>
      <c r="N2238" s="1" t="s">
        <v>25</v>
      </c>
      <c r="O2238" s="1" t="s">
        <v>38</v>
      </c>
      <c r="P2238" s="5" t="s">
        <v>29975</v>
      </c>
    </row>
    <row r="2239" spans="1:16" x14ac:dyDescent="0.2">
      <c r="A2239" s="1" t="s">
        <v>20</v>
      </c>
      <c r="B2239" s="1" t="s">
        <v>93</v>
      </c>
      <c r="C2239" s="1" t="s">
        <v>7744</v>
      </c>
      <c r="D2239" s="1" t="s">
        <v>7745</v>
      </c>
      <c r="E2239" s="1"/>
      <c r="F2239" s="1" t="s">
        <v>27</v>
      </c>
      <c r="G2239" s="1" t="s">
        <v>1042</v>
      </c>
      <c r="H2239" s="1" t="s">
        <v>7746</v>
      </c>
      <c r="I2239" s="1" t="s">
        <v>7628</v>
      </c>
      <c r="J2239" s="1" t="s">
        <v>7632</v>
      </c>
      <c r="K2239" s="1" t="s">
        <v>7</v>
      </c>
      <c r="L2239" s="1" t="s">
        <v>7743</v>
      </c>
      <c r="M2239" s="1" t="s">
        <v>5</v>
      </c>
      <c r="N2239" s="1" t="s">
        <v>25</v>
      </c>
      <c r="O2239" s="1" t="s">
        <v>8</v>
      </c>
      <c r="P2239" s="5" t="s">
        <v>31283</v>
      </c>
    </row>
    <row r="2240" spans="1:16" x14ac:dyDescent="0.2">
      <c r="A2240" s="1" t="s">
        <v>42</v>
      </c>
      <c r="B2240" s="1" t="s">
        <v>43</v>
      </c>
      <c r="C2240" s="1" t="s">
        <v>7749</v>
      </c>
      <c r="D2240" s="1" t="s">
        <v>7750</v>
      </c>
      <c r="E2240" s="1"/>
      <c r="F2240" s="1" t="s">
        <v>27</v>
      </c>
      <c r="G2240" s="1" t="s">
        <v>1042</v>
      </c>
      <c r="H2240" s="1" t="s">
        <v>7751</v>
      </c>
      <c r="I2240" s="1" t="s">
        <v>7628</v>
      </c>
      <c r="J2240" s="1" t="s">
        <v>7637</v>
      </c>
      <c r="K2240" s="1" t="s">
        <v>37</v>
      </c>
      <c r="L2240" s="1" t="s">
        <v>7748</v>
      </c>
      <c r="M2240" s="1" t="s">
        <v>5</v>
      </c>
      <c r="N2240" s="1" t="s">
        <v>25</v>
      </c>
      <c r="O2240" s="1" t="s">
        <v>8</v>
      </c>
      <c r="P2240" s="5" t="s">
        <v>31284</v>
      </c>
    </row>
    <row r="2241" spans="1:16" x14ac:dyDescent="0.2">
      <c r="A2241" s="1" t="s">
        <v>42</v>
      </c>
      <c r="B2241" s="1" t="s">
        <v>43</v>
      </c>
      <c r="C2241" s="1" t="s">
        <v>7753</v>
      </c>
      <c r="D2241" s="1" t="s">
        <v>7754</v>
      </c>
      <c r="E2241" s="1"/>
      <c r="F2241" s="1" t="s">
        <v>27</v>
      </c>
      <c r="G2241" s="1" t="s">
        <v>10</v>
      </c>
      <c r="H2241" s="1" t="s">
        <v>10</v>
      </c>
      <c r="I2241" s="1" t="s">
        <v>7628</v>
      </c>
      <c r="J2241" s="1" t="s">
        <v>7674</v>
      </c>
      <c r="K2241" s="1" t="s">
        <v>37</v>
      </c>
      <c r="L2241" s="1" t="s">
        <v>7752</v>
      </c>
      <c r="M2241" s="1" t="s">
        <v>5</v>
      </c>
      <c r="N2241" s="1" t="s">
        <v>1009</v>
      </c>
      <c r="O2241" s="1" t="s">
        <v>38</v>
      </c>
      <c r="P2241" s="5" t="s">
        <v>31285</v>
      </c>
    </row>
    <row r="2242" spans="1:16" x14ac:dyDescent="0.2">
      <c r="A2242" s="1" t="s">
        <v>1086</v>
      </c>
      <c r="B2242" s="1" t="s">
        <v>1400</v>
      </c>
      <c r="C2242" s="1" t="s">
        <v>7756</v>
      </c>
      <c r="D2242" s="1" t="s">
        <v>7757</v>
      </c>
      <c r="E2242" s="1"/>
      <c r="F2242" s="1" t="s">
        <v>27</v>
      </c>
      <c r="G2242" s="1" t="s">
        <v>10</v>
      </c>
      <c r="H2242" s="1" t="s">
        <v>7758</v>
      </c>
      <c r="I2242" s="1" t="s">
        <v>7628</v>
      </c>
      <c r="J2242" s="1" t="s">
        <v>7632</v>
      </c>
      <c r="K2242" s="1" t="s">
        <v>130</v>
      </c>
      <c r="L2242" s="1" t="s">
        <v>7755</v>
      </c>
      <c r="M2242" s="1" t="s">
        <v>5</v>
      </c>
      <c r="N2242" s="1" t="s">
        <v>25</v>
      </c>
      <c r="O2242" s="1" t="s">
        <v>8</v>
      </c>
      <c r="P2242" s="5" t="s">
        <v>29963</v>
      </c>
    </row>
    <row r="2243" spans="1:16" x14ac:dyDescent="0.2">
      <c r="A2243" s="1" t="s">
        <v>194</v>
      </c>
      <c r="B2243" s="1" t="s">
        <v>7175</v>
      </c>
      <c r="C2243" s="1" t="s">
        <v>7760</v>
      </c>
      <c r="D2243" s="1" t="s">
        <v>10</v>
      </c>
      <c r="E2243" s="1"/>
      <c r="F2243" s="1" t="s">
        <v>27</v>
      </c>
      <c r="G2243" s="1" t="s">
        <v>1042</v>
      </c>
      <c r="H2243" s="1" t="s">
        <v>7761</v>
      </c>
      <c r="I2243" s="1" t="s">
        <v>7628</v>
      </c>
      <c r="J2243" s="1" t="s">
        <v>7674</v>
      </c>
      <c r="K2243" s="1" t="s">
        <v>27</v>
      </c>
      <c r="L2243" s="1" t="s">
        <v>7759</v>
      </c>
      <c r="M2243" s="1" t="s">
        <v>5</v>
      </c>
      <c r="N2243" s="1" t="s">
        <v>1009</v>
      </c>
      <c r="O2243" s="1" t="s">
        <v>8</v>
      </c>
      <c r="P2243" s="5" t="s">
        <v>31286</v>
      </c>
    </row>
    <row r="2244" spans="1:16" x14ac:dyDescent="0.2">
      <c r="A2244" s="1" t="s">
        <v>329</v>
      </c>
      <c r="B2244" s="1" t="s">
        <v>596</v>
      </c>
      <c r="C2244" s="1" t="s">
        <v>7763</v>
      </c>
      <c r="D2244" s="1" t="s">
        <v>10</v>
      </c>
      <c r="E2244" s="1"/>
      <c r="F2244" s="1" t="s">
        <v>27</v>
      </c>
      <c r="G2244" s="1" t="s">
        <v>10</v>
      </c>
      <c r="H2244" s="1" t="s">
        <v>10</v>
      </c>
      <c r="I2244" s="1" t="s">
        <v>7628</v>
      </c>
      <c r="J2244" s="1" t="s">
        <v>7674</v>
      </c>
      <c r="K2244" s="1" t="s">
        <v>27</v>
      </c>
      <c r="L2244" s="1" t="s">
        <v>7762</v>
      </c>
      <c r="M2244" s="1" t="s">
        <v>5</v>
      </c>
      <c r="N2244" s="1" t="s">
        <v>25</v>
      </c>
      <c r="O2244" s="1" t="s">
        <v>38</v>
      </c>
      <c r="P2244" s="5" t="s">
        <v>31287</v>
      </c>
    </row>
    <row r="2245" spans="1:16" x14ac:dyDescent="0.2">
      <c r="A2245" s="1" t="s">
        <v>42</v>
      </c>
      <c r="B2245" s="1" t="s">
        <v>50</v>
      </c>
      <c r="C2245" s="1" t="s">
        <v>7765</v>
      </c>
      <c r="D2245" s="1" t="s">
        <v>7766</v>
      </c>
      <c r="E2245" s="1"/>
      <c r="F2245" s="1" t="s">
        <v>27</v>
      </c>
      <c r="G2245" s="1" t="s">
        <v>10</v>
      </c>
      <c r="H2245" s="1" t="s">
        <v>7767</v>
      </c>
      <c r="I2245" s="1" t="s">
        <v>7628</v>
      </c>
      <c r="J2245" s="1" t="s">
        <v>7632</v>
      </c>
      <c r="K2245" s="1" t="s">
        <v>47</v>
      </c>
      <c r="L2245" s="1" t="s">
        <v>7764</v>
      </c>
      <c r="M2245" s="1" t="s">
        <v>5</v>
      </c>
      <c r="N2245" s="1" t="s">
        <v>25</v>
      </c>
      <c r="O2245" s="1" t="s">
        <v>8</v>
      </c>
      <c r="P2245" s="5" t="s">
        <v>29976</v>
      </c>
    </row>
    <row r="2246" spans="1:16" x14ac:dyDescent="0.2">
      <c r="A2246" s="1" t="s">
        <v>20</v>
      </c>
      <c r="B2246" s="1" t="s">
        <v>445</v>
      </c>
      <c r="C2246" s="1" t="s">
        <v>7769</v>
      </c>
      <c r="D2246" s="1" t="s">
        <v>7770</v>
      </c>
      <c r="E2246" s="1"/>
      <c r="F2246" s="1" t="s">
        <v>27</v>
      </c>
      <c r="G2246" s="1" t="s">
        <v>10</v>
      </c>
      <c r="H2246" s="1" t="s">
        <v>10</v>
      </c>
      <c r="I2246" s="1" t="s">
        <v>7628</v>
      </c>
      <c r="J2246" s="1" t="s">
        <v>7678</v>
      </c>
      <c r="K2246" s="1" t="s">
        <v>27</v>
      </c>
      <c r="L2246" s="1" t="s">
        <v>7768</v>
      </c>
      <c r="M2246" s="1" t="s">
        <v>5</v>
      </c>
      <c r="N2246" s="1" t="s">
        <v>25</v>
      </c>
      <c r="O2246" s="1" t="s">
        <v>38</v>
      </c>
      <c r="P2246" s="5" t="s">
        <v>29977</v>
      </c>
    </row>
    <row r="2247" spans="1:16" x14ac:dyDescent="0.2">
      <c r="A2247" s="1" t="s">
        <v>42</v>
      </c>
      <c r="B2247" s="1" t="s">
        <v>50</v>
      </c>
      <c r="C2247" s="1" t="s">
        <v>7772</v>
      </c>
      <c r="D2247" s="1" t="s">
        <v>7773</v>
      </c>
      <c r="E2247" s="1"/>
      <c r="F2247" s="1" t="s">
        <v>27</v>
      </c>
      <c r="G2247" s="1" t="s">
        <v>10</v>
      </c>
      <c r="H2247" s="1" t="s">
        <v>7774</v>
      </c>
      <c r="I2247" s="1" t="s">
        <v>7628</v>
      </c>
      <c r="J2247" s="1" t="s">
        <v>7632</v>
      </c>
      <c r="K2247" s="1" t="s">
        <v>3004</v>
      </c>
      <c r="L2247" s="1" t="s">
        <v>7771</v>
      </c>
      <c r="M2247" s="1" t="s">
        <v>5</v>
      </c>
      <c r="N2247" s="1" t="s">
        <v>1597</v>
      </c>
      <c r="O2247" s="1" t="s">
        <v>8</v>
      </c>
      <c r="P2247" s="5" t="s">
        <v>10</v>
      </c>
    </row>
    <row r="2248" spans="1:16" x14ac:dyDescent="0.2">
      <c r="A2248" s="1" t="s">
        <v>42</v>
      </c>
      <c r="B2248" s="1" t="s">
        <v>43</v>
      </c>
      <c r="C2248" s="1" t="s">
        <v>7776</v>
      </c>
      <c r="D2248" s="1" t="s">
        <v>7777</v>
      </c>
      <c r="E2248" s="1"/>
      <c r="F2248" s="1" t="s">
        <v>27</v>
      </c>
      <c r="G2248" s="1" t="s">
        <v>10</v>
      </c>
      <c r="H2248" s="1" t="s">
        <v>10</v>
      </c>
      <c r="I2248" s="1" t="s">
        <v>7628</v>
      </c>
      <c r="J2248" s="1" t="s">
        <v>7632</v>
      </c>
      <c r="K2248" s="1" t="s">
        <v>37</v>
      </c>
      <c r="L2248" s="1" t="s">
        <v>7775</v>
      </c>
      <c r="M2248" s="1" t="s">
        <v>5</v>
      </c>
      <c r="N2248" s="1" t="s">
        <v>25</v>
      </c>
      <c r="O2248" s="1" t="s">
        <v>38</v>
      </c>
      <c r="P2248" s="5" t="s">
        <v>29978</v>
      </c>
    </row>
    <row r="2249" spans="1:16" x14ac:dyDescent="0.2">
      <c r="A2249" s="1" t="s">
        <v>20</v>
      </c>
      <c r="B2249" s="1" t="s">
        <v>172</v>
      </c>
      <c r="C2249" s="1" t="s">
        <v>7779</v>
      </c>
      <c r="D2249" s="1" t="s">
        <v>10</v>
      </c>
      <c r="E2249" s="1" t="s">
        <v>7780</v>
      </c>
      <c r="F2249" s="1" t="s">
        <v>27</v>
      </c>
      <c r="G2249" s="1" t="s">
        <v>10</v>
      </c>
      <c r="H2249" s="1" t="s">
        <v>10</v>
      </c>
      <c r="I2249" s="1" t="s">
        <v>7628</v>
      </c>
      <c r="J2249" s="1" t="s">
        <v>7632</v>
      </c>
      <c r="K2249" s="1" t="s">
        <v>7</v>
      </c>
      <c r="L2249" s="1" t="s">
        <v>7778</v>
      </c>
      <c r="M2249" s="1" t="s">
        <v>5</v>
      </c>
      <c r="N2249" s="1" t="s">
        <v>1009</v>
      </c>
      <c r="O2249" s="1" t="s">
        <v>38</v>
      </c>
      <c r="P2249" s="5" t="s">
        <v>29979</v>
      </c>
    </row>
    <row r="2250" spans="1:16" x14ac:dyDescent="0.2">
      <c r="A2250" s="1" t="s">
        <v>20</v>
      </c>
      <c r="B2250" s="1" t="s">
        <v>253</v>
      </c>
      <c r="C2250" s="1" t="s">
        <v>7782</v>
      </c>
      <c r="D2250" s="1" t="s">
        <v>10</v>
      </c>
      <c r="E2250" s="1"/>
      <c r="F2250" s="1" t="s">
        <v>27</v>
      </c>
      <c r="G2250" s="1" t="s">
        <v>10</v>
      </c>
      <c r="H2250" s="1" t="s">
        <v>10</v>
      </c>
      <c r="I2250" s="1" t="s">
        <v>7628</v>
      </c>
      <c r="J2250" s="1" t="s">
        <v>7674</v>
      </c>
      <c r="K2250" s="1" t="s">
        <v>27</v>
      </c>
      <c r="L2250" s="1" t="s">
        <v>7781</v>
      </c>
      <c r="M2250" s="1" t="s">
        <v>5</v>
      </c>
      <c r="N2250" s="1" t="s">
        <v>1009</v>
      </c>
      <c r="O2250" s="1" t="s">
        <v>38</v>
      </c>
      <c r="P2250" s="5" t="s">
        <v>31272</v>
      </c>
    </row>
    <row r="2251" spans="1:16" x14ac:dyDescent="0.2">
      <c r="A2251" s="1" t="s">
        <v>42</v>
      </c>
      <c r="B2251" s="1" t="s">
        <v>43</v>
      </c>
      <c r="C2251" s="1" t="s">
        <v>7785</v>
      </c>
      <c r="D2251" s="1" t="s">
        <v>7786</v>
      </c>
      <c r="E2251" s="1"/>
      <c r="F2251" s="1" t="s">
        <v>27</v>
      </c>
      <c r="G2251" s="1" t="s">
        <v>10</v>
      </c>
      <c r="H2251" s="1" t="s">
        <v>7785</v>
      </c>
      <c r="I2251" s="1" t="s">
        <v>7628</v>
      </c>
      <c r="J2251" s="1" t="s">
        <v>7632</v>
      </c>
      <c r="K2251" s="1" t="s">
        <v>7787</v>
      </c>
      <c r="L2251" s="1" t="s">
        <v>7784</v>
      </c>
      <c r="M2251" s="1" t="s">
        <v>5</v>
      </c>
      <c r="N2251" s="1" t="s">
        <v>25</v>
      </c>
      <c r="O2251" s="1" t="s">
        <v>8</v>
      </c>
      <c r="P2251" s="5" t="s">
        <v>31288</v>
      </c>
    </row>
    <row r="2252" spans="1:16" x14ac:dyDescent="0.2">
      <c r="A2252" s="1" t="s">
        <v>20</v>
      </c>
      <c r="B2252" s="1" t="s">
        <v>253</v>
      </c>
      <c r="C2252" s="1" t="s">
        <v>7789</v>
      </c>
      <c r="D2252" s="1" t="s">
        <v>6593</v>
      </c>
      <c r="E2252" s="1"/>
      <c r="F2252" s="1" t="s">
        <v>27</v>
      </c>
      <c r="G2252" s="1" t="s">
        <v>10</v>
      </c>
      <c r="H2252" s="1" t="s">
        <v>10</v>
      </c>
      <c r="I2252" s="1" t="s">
        <v>7628</v>
      </c>
      <c r="J2252" s="1" t="s">
        <v>7678</v>
      </c>
      <c r="K2252" s="1" t="s">
        <v>27</v>
      </c>
      <c r="L2252" s="1" t="s">
        <v>7788</v>
      </c>
      <c r="M2252" s="1" t="s">
        <v>5</v>
      </c>
      <c r="N2252" s="1" t="s">
        <v>25</v>
      </c>
      <c r="O2252" s="1" t="s">
        <v>38</v>
      </c>
      <c r="P2252" s="5" t="s">
        <v>29980</v>
      </c>
    </row>
    <row r="2253" spans="1:16" x14ac:dyDescent="0.2">
      <c r="A2253" s="1" t="s">
        <v>329</v>
      </c>
      <c r="B2253" s="1" t="s">
        <v>1738</v>
      </c>
      <c r="C2253" s="1" t="s">
        <v>7791</v>
      </c>
      <c r="D2253" s="1" t="s">
        <v>10</v>
      </c>
      <c r="E2253" s="1" t="s">
        <v>7792</v>
      </c>
      <c r="F2253" s="1" t="s">
        <v>27</v>
      </c>
      <c r="G2253" s="1" t="s">
        <v>10</v>
      </c>
      <c r="H2253" s="1" t="s">
        <v>7793</v>
      </c>
      <c r="I2253" s="1" t="s">
        <v>7628</v>
      </c>
      <c r="J2253" s="1" t="s">
        <v>7637</v>
      </c>
      <c r="K2253" s="1" t="s">
        <v>37</v>
      </c>
      <c r="L2253" s="1" t="s">
        <v>7790</v>
      </c>
      <c r="M2253" s="1" t="s">
        <v>5</v>
      </c>
      <c r="N2253" s="1" t="s">
        <v>1597</v>
      </c>
      <c r="O2253" s="1" t="s">
        <v>8</v>
      </c>
      <c r="P2253" s="5" t="s">
        <v>10</v>
      </c>
    </row>
    <row r="2254" spans="1:16" x14ac:dyDescent="0.2">
      <c r="A2254" s="1" t="s">
        <v>329</v>
      </c>
      <c r="B2254" s="1" t="s">
        <v>439</v>
      </c>
      <c r="C2254" s="1" t="s">
        <v>6480</v>
      </c>
      <c r="D2254" s="1" t="s">
        <v>6480</v>
      </c>
      <c r="E2254" s="1"/>
      <c r="F2254" s="1" t="s">
        <v>27</v>
      </c>
      <c r="G2254" s="1" t="s">
        <v>1042</v>
      </c>
      <c r="H2254" s="1" t="s">
        <v>6480</v>
      </c>
      <c r="I2254" s="1" t="s">
        <v>7628</v>
      </c>
      <c r="J2254" s="1" t="s">
        <v>7632</v>
      </c>
      <c r="K2254" s="1" t="s">
        <v>6533</v>
      </c>
      <c r="L2254" s="1" t="s">
        <v>7794</v>
      </c>
      <c r="M2254" s="1" t="s">
        <v>5</v>
      </c>
      <c r="N2254" s="1" t="s">
        <v>1009</v>
      </c>
      <c r="O2254" s="1" t="s">
        <v>8</v>
      </c>
      <c r="P2254" s="5" t="s">
        <v>29981</v>
      </c>
    </row>
    <row r="2255" spans="1:16" x14ac:dyDescent="0.2">
      <c r="A2255" s="1" t="s">
        <v>42</v>
      </c>
      <c r="B2255" s="1" t="s">
        <v>1664</v>
      </c>
      <c r="C2255" s="1" t="s">
        <v>7796</v>
      </c>
      <c r="D2255" s="1" t="s">
        <v>7797</v>
      </c>
      <c r="E2255" s="1"/>
      <c r="F2255" s="1" t="s">
        <v>27</v>
      </c>
      <c r="G2255" s="1" t="s">
        <v>10</v>
      </c>
      <c r="H2255" s="1" t="s">
        <v>10</v>
      </c>
      <c r="I2255" s="1" t="s">
        <v>7628</v>
      </c>
      <c r="J2255" s="1" t="s">
        <v>7632</v>
      </c>
      <c r="K2255" s="1" t="s">
        <v>130</v>
      </c>
      <c r="L2255" s="1" t="s">
        <v>7795</v>
      </c>
      <c r="M2255" s="1" t="s">
        <v>5</v>
      </c>
      <c r="N2255" s="1" t="s">
        <v>25</v>
      </c>
      <c r="O2255" s="1" t="s">
        <v>38</v>
      </c>
      <c r="P2255" s="5" t="s">
        <v>29982</v>
      </c>
    </row>
    <row r="2256" spans="1:16" x14ac:dyDescent="0.2">
      <c r="A2256" s="1" t="s">
        <v>42</v>
      </c>
      <c r="B2256" s="1" t="s">
        <v>118</v>
      </c>
      <c r="C2256" s="1" t="s">
        <v>7799</v>
      </c>
      <c r="D2256" s="1" t="s">
        <v>7800</v>
      </c>
      <c r="E2256" s="1"/>
      <c r="F2256" s="1" t="s">
        <v>27</v>
      </c>
      <c r="G2256" s="1" t="s">
        <v>10</v>
      </c>
      <c r="H2256" s="1" t="s">
        <v>10</v>
      </c>
      <c r="I2256" s="1" t="s">
        <v>7628</v>
      </c>
      <c r="J2256" s="1" t="s">
        <v>7632</v>
      </c>
      <c r="K2256" s="1" t="s">
        <v>113</v>
      </c>
      <c r="L2256" s="1" t="s">
        <v>7798</v>
      </c>
      <c r="M2256" s="1" t="s">
        <v>5</v>
      </c>
      <c r="N2256" s="1" t="s">
        <v>1009</v>
      </c>
      <c r="O2256" s="1" t="s">
        <v>38</v>
      </c>
      <c r="P2256" s="5" t="s">
        <v>31289</v>
      </c>
    </row>
    <row r="2257" spans="1:16" x14ac:dyDescent="0.2">
      <c r="A2257" s="1" t="s">
        <v>42</v>
      </c>
      <c r="B2257" s="1" t="s">
        <v>118</v>
      </c>
      <c r="C2257" s="1" t="s">
        <v>7802</v>
      </c>
      <c r="D2257" s="1" t="s">
        <v>7803</v>
      </c>
      <c r="E2257" s="1"/>
      <c r="F2257" s="1" t="s">
        <v>27</v>
      </c>
      <c r="G2257" s="1" t="s">
        <v>10</v>
      </c>
      <c r="H2257" s="1" t="s">
        <v>7802</v>
      </c>
      <c r="I2257" s="1" t="s">
        <v>7628</v>
      </c>
      <c r="J2257" s="1" t="s">
        <v>7674</v>
      </c>
      <c r="K2257" s="1" t="s">
        <v>113</v>
      </c>
      <c r="L2257" s="1" t="s">
        <v>7801</v>
      </c>
      <c r="M2257" s="1" t="s">
        <v>5</v>
      </c>
      <c r="N2257" s="1" t="s">
        <v>25</v>
      </c>
      <c r="O2257" s="1" t="s">
        <v>8</v>
      </c>
      <c r="P2257" s="5" t="s">
        <v>29983</v>
      </c>
    </row>
    <row r="2258" spans="1:16" x14ac:dyDescent="0.2">
      <c r="A2258" s="1" t="s">
        <v>20</v>
      </c>
      <c r="B2258" s="1" t="s">
        <v>99</v>
      </c>
      <c r="C2258" s="1" t="s">
        <v>7805</v>
      </c>
      <c r="D2258" s="1" t="s">
        <v>7806</v>
      </c>
      <c r="E2258" s="1"/>
      <c r="F2258" s="1" t="s">
        <v>27</v>
      </c>
      <c r="G2258" s="1" t="s">
        <v>10</v>
      </c>
      <c r="H2258" s="1" t="s">
        <v>10</v>
      </c>
      <c r="I2258" s="1" t="s">
        <v>7628</v>
      </c>
      <c r="J2258" s="1" t="s">
        <v>7632</v>
      </c>
      <c r="K2258" s="1" t="s">
        <v>7</v>
      </c>
      <c r="L2258" s="1" t="s">
        <v>7804</v>
      </c>
      <c r="M2258" s="1" t="s">
        <v>5</v>
      </c>
      <c r="N2258" s="1" t="s">
        <v>25</v>
      </c>
      <c r="O2258" s="1" t="s">
        <v>38</v>
      </c>
      <c r="P2258" s="5" t="s">
        <v>29984</v>
      </c>
    </row>
    <row r="2259" spans="1:16" x14ac:dyDescent="0.2">
      <c r="A2259" s="1" t="s">
        <v>20</v>
      </c>
      <c r="B2259" s="1" t="s">
        <v>253</v>
      </c>
      <c r="C2259" s="1" t="s">
        <v>7808</v>
      </c>
      <c r="D2259" s="1" t="s">
        <v>7809</v>
      </c>
      <c r="E2259" s="1"/>
      <c r="F2259" s="1" t="s">
        <v>27</v>
      </c>
      <c r="G2259" s="1" t="s">
        <v>10</v>
      </c>
      <c r="H2259" s="1" t="s">
        <v>10</v>
      </c>
      <c r="I2259" s="1" t="s">
        <v>7628</v>
      </c>
      <c r="J2259" s="1" t="s">
        <v>7678</v>
      </c>
      <c r="K2259" s="1" t="s">
        <v>27</v>
      </c>
      <c r="L2259" s="1" t="s">
        <v>7807</v>
      </c>
      <c r="M2259" s="1" t="s">
        <v>5</v>
      </c>
      <c r="N2259" s="1" t="s">
        <v>25</v>
      </c>
      <c r="O2259" s="1" t="s">
        <v>38</v>
      </c>
      <c r="P2259" s="5" t="s">
        <v>29985</v>
      </c>
    </row>
    <row r="2260" spans="1:16" x14ac:dyDescent="0.2">
      <c r="A2260" s="1" t="s">
        <v>20</v>
      </c>
      <c r="B2260" s="1" t="s">
        <v>253</v>
      </c>
      <c r="C2260" s="1" t="s">
        <v>7811</v>
      </c>
      <c r="D2260" s="1" t="s">
        <v>7812</v>
      </c>
      <c r="E2260" s="1"/>
      <c r="F2260" s="1" t="s">
        <v>27</v>
      </c>
      <c r="G2260" s="1" t="s">
        <v>10</v>
      </c>
      <c r="H2260" s="1" t="s">
        <v>10</v>
      </c>
      <c r="I2260" s="1" t="s">
        <v>7628</v>
      </c>
      <c r="J2260" s="1" t="s">
        <v>7678</v>
      </c>
      <c r="K2260" s="1" t="s">
        <v>27</v>
      </c>
      <c r="L2260" s="1" t="s">
        <v>7810</v>
      </c>
      <c r="M2260" s="1" t="s">
        <v>5</v>
      </c>
      <c r="N2260" s="1" t="s">
        <v>1009</v>
      </c>
      <c r="O2260" s="1" t="s">
        <v>38</v>
      </c>
      <c r="P2260" s="5" t="s">
        <v>31290</v>
      </c>
    </row>
    <row r="2261" spans="1:16" x14ac:dyDescent="0.2">
      <c r="A2261" s="1" t="s">
        <v>20</v>
      </c>
      <c r="B2261" s="1" t="s">
        <v>253</v>
      </c>
      <c r="C2261" s="1" t="s">
        <v>7814</v>
      </c>
      <c r="D2261" s="1" t="s">
        <v>7815</v>
      </c>
      <c r="E2261" s="1"/>
      <c r="F2261" s="1" t="s">
        <v>27</v>
      </c>
      <c r="G2261" s="1" t="s">
        <v>1042</v>
      </c>
      <c r="H2261" s="1" t="s">
        <v>7814</v>
      </c>
      <c r="I2261" s="1" t="s">
        <v>7628</v>
      </c>
      <c r="J2261" s="1" t="s">
        <v>7674</v>
      </c>
      <c r="K2261" s="1" t="s">
        <v>27</v>
      </c>
      <c r="L2261" s="1" t="s">
        <v>7813</v>
      </c>
      <c r="M2261" s="1" t="s">
        <v>5</v>
      </c>
      <c r="N2261" s="1" t="s">
        <v>1009</v>
      </c>
      <c r="O2261" s="1" t="s">
        <v>8</v>
      </c>
      <c r="P2261" s="5" t="s">
        <v>31291</v>
      </c>
    </row>
    <row r="2262" spans="1:16" x14ac:dyDescent="0.2">
      <c r="A2262" s="1" t="s">
        <v>42</v>
      </c>
      <c r="B2262" s="1" t="s">
        <v>1858</v>
      </c>
      <c r="C2262" s="1" t="s">
        <v>7818</v>
      </c>
      <c r="D2262" s="1" t="s">
        <v>7819</v>
      </c>
      <c r="E2262" s="1" t="s">
        <v>7820</v>
      </c>
      <c r="F2262" s="1" t="s">
        <v>27</v>
      </c>
      <c r="G2262" s="1" t="s">
        <v>10</v>
      </c>
      <c r="H2262" s="1" t="s">
        <v>10</v>
      </c>
      <c r="I2262" s="1" t="s">
        <v>7628</v>
      </c>
      <c r="J2262" s="1" t="s">
        <v>7632</v>
      </c>
      <c r="K2262" s="1" t="s">
        <v>37</v>
      </c>
      <c r="L2262" s="1" t="s">
        <v>7817</v>
      </c>
      <c r="M2262" s="1" t="s">
        <v>5</v>
      </c>
      <c r="N2262" s="1" t="s">
        <v>1009</v>
      </c>
      <c r="O2262" s="1" t="s">
        <v>38</v>
      </c>
      <c r="P2262" s="5" t="s">
        <v>31292</v>
      </c>
    </row>
    <row r="2263" spans="1:16" x14ac:dyDescent="0.2">
      <c r="A2263" s="1" t="s">
        <v>20</v>
      </c>
      <c r="B2263" s="1" t="s">
        <v>253</v>
      </c>
      <c r="C2263" s="1" t="s">
        <v>7822</v>
      </c>
      <c r="D2263" s="1" t="s">
        <v>7823</v>
      </c>
      <c r="E2263" s="1"/>
      <c r="F2263" s="1" t="s">
        <v>27</v>
      </c>
      <c r="G2263" s="1" t="s">
        <v>10</v>
      </c>
      <c r="H2263" s="1" t="s">
        <v>10</v>
      </c>
      <c r="I2263" s="1" t="s">
        <v>7628</v>
      </c>
      <c r="J2263" s="1" t="s">
        <v>7824</v>
      </c>
      <c r="K2263" s="1" t="s">
        <v>27</v>
      </c>
      <c r="L2263" s="1" t="s">
        <v>7821</v>
      </c>
      <c r="M2263" s="1" t="s">
        <v>5</v>
      </c>
      <c r="N2263" s="1" t="s">
        <v>25</v>
      </c>
      <c r="O2263" s="1" t="s">
        <v>38</v>
      </c>
      <c r="P2263" s="5" t="s">
        <v>31293</v>
      </c>
    </row>
    <row r="2264" spans="1:16" x14ac:dyDescent="0.2">
      <c r="A2264" s="1" t="s">
        <v>32</v>
      </c>
      <c r="B2264" s="1" t="s">
        <v>140</v>
      </c>
      <c r="C2264" s="1" t="s">
        <v>7826</v>
      </c>
      <c r="D2264" s="1" t="s">
        <v>1552</v>
      </c>
      <c r="E2264" s="1" t="s">
        <v>7827</v>
      </c>
      <c r="F2264" s="1" t="s">
        <v>27</v>
      </c>
      <c r="G2264" s="1" t="s">
        <v>1042</v>
      </c>
      <c r="H2264" s="1" t="s">
        <v>7732</v>
      </c>
      <c r="I2264" s="1" t="s">
        <v>7628</v>
      </c>
      <c r="J2264" s="1" t="s">
        <v>7637</v>
      </c>
      <c r="K2264" s="1" t="s">
        <v>64</v>
      </c>
      <c r="L2264" s="1" t="s">
        <v>7825</v>
      </c>
      <c r="M2264" s="1" t="s">
        <v>5</v>
      </c>
      <c r="N2264" s="1" t="s">
        <v>1597</v>
      </c>
      <c r="O2264" s="1" t="s">
        <v>8</v>
      </c>
      <c r="P2264" s="5" t="s">
        <v>31294</v>
      </c>
    </row>
    <row r="2265" spans="1:16" x14ac:dyDescent="0.2">
      <c r="A2265" s="1" t="s">
        <v>42</v>
      </c>
      <c r="B2265" s="1" t="s">
        <v>50</v>
      </c>
      <c r="C2265" s="1" t="s">
        <v>7829</v>
      </c>
      <c r="D2265" s="1" t="s">
        <v>7830</v>
      </c>
      <c r="E2265" s="1"/>
      <c r="F2265" s="1" t="s">
        <v>27</v>
      </c>
      <c r="G2265" s="1" t="s">
        <v>10</v>
      </c>
      <c r="H2265" s="1" t="s">
        <v>10</v>
      </c>
      <c r="I2265" s="1" t="s">
        <v>7628</v>
      </c>
      <c r="J2265" s="1" t="s">
        <v>7632</v>
      </c>
      <c r="K2265" s="1" t="s">
        <v>130</v>
      </c>
      <c r="L2265" s="1" t="s">
        <v>7828</v>
      </c>
      <c r="M2265" s="1" t="s">
        <v>5</v>
      </c>
      <c r="N2265" s="1" t="s">
        <v>25</v>
      </c>
      <c r="O2265" s="1" t="s">
        <v>38</v>
      </c>
      <c r="P2265" s="5" t="s">
        <v>31295</v>
      </c>
    </row>
    <row r="2266" spans="1:16" x14ac:dyDescent="0.2">
      <c r="A2266" s="1" t="s">
        <v>42</v>
      </c>
      <c r="B2266" s="1" t="s">
        <v>320</v>
      </c>
      <c r="C2266" s="1" t="s">
        <v>7832</v>
      </c>
      <c r="D2266" s="1" t="s">
        <v>7833</v>
      </c>
      <c r="E2266" s="1"/>
      <c r="F2266" s="1" t="s">
        <v>27</v>
      </c>
      <c r="G2266" s="1" t="s">
        <v>10</v>
      </c>
      <c r="H2266" s="1" t="s">
        <v>10</v>
      </c>
      <c r="I2266" s="1" t="s">
        <v>7628</v>
      </c>
      <c r="J2266" s="1" t="s">
        <v>7674</v>
      </c>
      <c r="K2266" s="1" t="s">
        <v>37</v>
      </c>
      <c r="L2266" s="1" t="s">
        <v>7831</v>
      </c>
      <c r="M2266" s="1" t="s">
        <v>5</v>
      </c>
      <c r="N2266" s="1" t="s">
        <v>1009</v>
      </c>
      <c r="O2266" s="1" t="s">
        <v>38</v>
      </c>
      <c r="P2266" s="5" t="s">
        <v>31296</v>
      </c>
    </row>
    <row r="2267" spans="1:16" x14ac:dyDescent="0.2">
      <c r="A2267" s="1" t="s">
        <v>20</v>
      </c>
      <c r="B2267" s="1" t="s">
        <v>93</v>
      </c>
      <c r="C2267" s="1" t="s">
        <v>7835</v>
      </c>
      <c r="D2267" s="1" t="s">
        <v>7836</v>
      </c>
      <c r="E2267" s="1"/>
      <c r="F2267" s="1" t="s">
        <v>27</v>
      </c>
      <c r="G2267" s="1" t="s">
        <v>10</v>
      </c>
      <c r="H2267" s="1" t="s">
        <v>10</v>
      </c>
      <c r="I2267" s="1" t="s">
        <v>7628</v>
      </c>
      <c r="J2267" s="1" t="s">
        <v>7678</v>
      </c>
      <c r="K2267" s="1" t="s">
        <v>27</v>
      </c>
      <c r="L2267" s="1" t="s">
        <v>7834</v>
      </c>
      <c r="M2267" s="1" t="s">
        <v>5</v>
      </c>
      <c r="N2267" s="1" t="s">
        <v>25</v>
      </c>
      <c r="O2267" s="1" t="s">
        <v>38</v>
      </c>
      <c r="P2267" s="5" t="s">
        <v>29986</v>
      </c>
    </row>
    <row r="2268" spans="1:16" x14ac:dyDescent="0.2">
      <c r="A2268" s="1" t="s">
        <v>42</v>
      </c>
      <c r="B2268" s="1" t="s">
        <v>50</v>
      </c>
      <c r="C2268" s="1" t="s">
        <v>7838</v>
      </c>
      <c r="D2268" s="1" t="s">
        <v>7839</v>
      </c>
      <c r="E2268" s="1"/>
      <c r="F2268" s="1" t="s">
        <v>27</v>
      </c>
      <c r="G2268" s="1" t="s">
        <v>10</v>
      </c>
      <c r="H2268" s="1" t="s">
        <v>7838</v>
      </c>
      <c r="I2268" s="1" t="s">
        <v>7628</v>
      </c>
      <c r="J2268" s="1" t="s">
        <v>7632</v>
      </c>
      <c r="K2268" s="1" t="s">
        <v>47</v>
      </c>
      <c r="L2268" s="1" t="s">
        <v>7837</v>
      </c>
      <c r="M2268" s="1" t="s">
        <v>5</v>
      </c>
      <c r="N2268" s="1" t="s">
        <v>1597</v>
      </c>
      <c r="O2268" s="1" t="s">
        <v>8</v>
      </c>
      <c r="P2268" s="5" t="s">
        <v>10</v>
      </c>
    </row>
    <row r="2269" spans="1:16" x14ac:dyDescent="0.2">
      <c r="A2269" s="1" t="s">
        <v>10</v>
      </c>
      <c r="B2269" s="1" t="s">
        <v>10</v>
      </c>
      <c r="C2269" s="1" t="s">
        <v>7841</v>
      </c>
      <c r="D2269" s="1" t="s">
        <v>7842</v>
      </c>
      <c r="E2269" s="1"/>
      <c r="F2269" s="1" t="s">
        <v>27</v>
      </c>
      <c r="G2269" s="1" t="s">
        <v>10</v>
      </c>
      <c r="H2269" s="1" t="s">
        <v>10</v>
      </c>
      <c r="I2269" s="1" t="s">
        <v>7628</v>
      </c>
      <c r="J2269" s="1" t="s">
        <v>7678</v>
      </c>
      <c r="K2269" s="1" t="s">
        <v>27</v>
      </c>
      <c r="L2269" s="1" t="s">
        <v>7840</v>
      </c>
      <c r="M2269" s="1" t="s">
        <v>5</v>
      </c>
      <c r="N2269" s="1" t="s">
        <v>25</v>
      </c>
      <c r="O2269" s="1" t="s">
        <v>38</v>
      </c>
      <c r="P2269" s="5" t="s">
        <v>29987</v>
      </c>
    </row>
    <row r="2270" spans="1:16" x14ac:dyDescent="0.2">
      <c r="A2270" s="1" t="s">
        <v>20</v>
      </c>
      <c r="B2270" s="1" t="s">
        <v>172</v>
      </c>
      <c r="C2270" s="1" t="s">
        <v>7844</v>
      </c>
      <c r="D2270" s="1" t="s">
        <v>7845</v>
      </c>
      <c r="E2270" s="1"/>
      <c r="F2270" s="1" t="s">
        <v>27</v>
      </c>
      <c r="G2270" s="1" t="s">
        <v>10</v>
      </c>
      <c r="H2270" s="1" t="s">
        <v>7846</v>
      </c>
      <c r="I2270" s="1" t="s">
        <v>7628</v>
      </c>
      <c r="J2270" s="1" t="s">
        <v>7632</v>
      </c>
      <c r="K2270" s="1" t="s">
        <v>7</v>
      </c>
      <c r="L2270" s="1" t="s">
        <v>7843</v>
      </c>
      <c r="M2270" s="1" t="s">
        <v>5</v>
      </c>
      <c r="N2270" s="1" t="s">
        <v>1009</v>
      </c>
      <c r="O2270" s="1" t="s">
        <v>8</v>
      </c>
      <c r="P2270" s="5" t="s">
        <v>29988</v>
      </c>
    </row>
    <row r="2271" spans="1:16" x14ac:dyDescent="0.2">
      <c r="A2271" s="1" t="s">
        <v>42</v>
      </c>
      <c r="B2271" s="1" t="s">
        <v>335</v>
      </c>
      <c r="C2271" s="1" t="s">
        <v>7848</v>
      </c>
      <c r="D2271" s="1" t="s">
        <v>7849</v>
      </c>
      <c r="E2271" s="1"/>
      <c r="F2271" s="1" t="s">
        <v>27</v>
      </c>
      <c r="G2271" s="1" t="s">
        <v>1042</v>
      </c>
      <c r="H2271" s="1" t="s">
        <v>7850</v>
      </c>
      <c r="I2271" s="1" t="s">
        <v>7628</v>
      </c>
      <c r="J2271" s="1" t="s">
        <v>7632</v>
      </c>
      <c r="K2271" s="1" t="s">
        <v>130</v>
      </c>
      <c r="L2271" s="1" t="s">
        <v>7847</v>
      </c>
      <c r="M2271" s="1" t="s">
        <v>5</v>
      </c>
      <c r="N2271" s="1" t="s">
        <v>1009</v>
      </c>
      <c r="O2271" s="1" t="s">
        <v>8</v>
      </c>
      <c r="P2271" s="5" t="s">
        <v>31270</v>
      </c>
    </row>
    <row r="2272" spans="1:16" x14ac:dyDescent="0.2">
      <c r="A2272" s="1" t="s">
        <v>42</v>
      </c>
      <c r="B2272" s="1" t="s">
        <v>1341</v>
      </c>
      <c r="C2272" s="1" t="s">
        <v>7852</v>
      </c>
      <c r="D2272" s="1" t="s">
        <v>7853</v>
      </c>
      <c r="E2272" s="1"/>
      <c r="F2272" s="1" t="s">
        <v>27</v>
      </c>
      <c r="G2272" s="1" t="s">
        <v>10</v>
      </c>
      <c r="H2272" s="1" t="s">
        <v>10</v>
      </c>
      <c r="I2272" s="1" t="s">
        <v>7628</v>
      </c>
      <c r="J2272" s="1" t="s">
        <v>7632</v>
      </c>
      <c r="K2272" s="1" t="s">
        <v>130</v>
      </c>
      <c r="L2272" s="1" t="s">
        <v>7851</v>
      </c>
      <c r="M2272" s="1" t="s">
        <v>5</v>
      </c>
      <c r="N2272" s="1" t="s">
        <v>25</v>
      </c>
      <c r="O2272" s="1" t="s">
        <v>38</v>
      </c>
      <c r="P2272" s="5" t="s">
        <v>29989</v>
      </c>
    </row>
    <row r="2273" spans="1:16" x14ac:dyDescent="0.2">
      <c r="A2273" s="1" t="s">
        <v>329</v>
      </c>
      <c r="B2273" s="1" t="s">
        <v>596</v>
      </c>
      <c r="C2273" s="1" t="s">
        <v>7855</v>
      </c>
      <c r="D2273" s="1" t="s">
        <v>10</v>
      </c>
      <c r="E2273" s="1" t="s">
        <v>7856</v>
      </c>
      <c r="F2273" s="1" t="s">
        <v>27</v>
      </c>
      <c r="G2273" s="1" t="s">
        <v>10</v>
      </c>
      <c r="H2273" s="1" t="s">
        <v>10</v>
      </c>
      <c r="I2273" s="1" t="s">
        <v>7628</v>
      </c>
      <c r="J2273" s="1" t="s">
        <v>7632</v>
      </c>
      <c r="K2273" s="1" t="s">
        <v>130</v>
      </c>
      <c r="L2273" s="1" t="s">
        <v>7854</v>
      </c>
      <c r="M2273" s="1" t="s">
        <v>5</v>
      </c>
      <c r="N2273" s="1" t="s">
        <v>25</v>
      </c>
      <c r="O2273" s="1" t="s">
        <v>38</v>
      </c>
      <c r="P2273" s="5" t="s">
        <v>29990</v>
      </c>
    </row>
    <row r="2274" spans="1:16" x14ac:dyDescent="0.2">
      <c r="A2274" s="1" t="s">
        <v>42</v>
      </c>
      <c r="B2274" s="1" t="s">
        <v>1890</v>
      </c>
      <c r="C2274" s="1" t="s">
        <v>7858</v>
      </c>
      <c r="D2274" s="1" t="s">
        <v>7859</v>
      </c>
      <c r="E2274" s="1"/>
      <c r="F2274" s="1" t="s">
        <v>27</v>
      </c>
      <c r="G2274" s="1" t="s">
        <v>1042</v>
      </c>
      <c r="H2274" s="1" t="s">
        <v>7860</v>
      </c>
      <c r="I2274" s="1" t="s">
        <v>7628</v>
      </c>
      <c r="J2274" s="1" t="s">
        <v>7632</v>
      </c>
      <c r="K2274" s="1" t="s">
        <v>37</v>
      </c>
      <c r="L2274" s="1" t="s">
        <v>7857</v>
      </c>
      <c r="M2274" s="1" t="s">
        <v>5</v>
      </c>
      <c r="N2274" s="1" t="s">
        <v>25</v>
      </c>
      <c r="O2274" s="1" t="s">
        <v>8</v>
      </c>
      <c r="P2274" s="5" t="s">
        <v>29991</v>
      </c>
    </row>
    <row r="2275" spans="1:16" x14ac:dyDescent="0.2">
      <c r="A2275" s="1" t="s">
        <v>42</v>
      </c>
      <c r="B2275" s="1" t="s">
        <v>1890</v>
      </c>
      <c r="C2275" s="1" t="s">
        <v>7862</v>
      </c>
      <c r="D2275" s="1" t="s">
        <v>7863</v>
      </c>
      <c r="E2275" s="1"/>
      <c r="F2275" s="1" t="s">
        <v>27</v>
      </c>
      <c r="G2275" s="1" t="s">
        <v>1042</v>
      </c>
      <c r="H2275" s="1" t="s">
        <v>7860</v>
      </c>
      <c r="I2275" s="1" t="s">
        <v>7628</v>
      </c>
      <c r="J2275" s="1" t="s">
        <v>7637</v>
      </c>
      <c r="K2275" s="1" t="s">
        <v>37</v>
      </c>
      <c r="L2275" s="1" t="s">
        <v>7861</v>
      </c>
      <c r="M2275" s="1" t="s">
        <v>5</v>
      </c>
      <c r="N2275" s="1" t="s">
        <v>1009</v>
      </c>
      <c r="O2275" s="1" t="s">
        <v>8</v>
      </c>
      <c r="P2275" s="5" t="s">
        <v>31297</v>
      </c>
    </row>
    <row r="2276" spans="1:16" x14ac:dyDescent="0.2">
      <c r="A2276" s="1" t="s">
        <v>42</v>
      </c>
      <c r="B2276" s="1" t="s">
        <v>50</v>
      </c>
      <c r="C2276" s="1" t="s">
        <v>7865</v>
      </c>
      <c r="D2276" s="1" t="s">
        <v>7866</v>
      </c>
      <c r="E2276" s="1"/>
      <c r="F2276" s="1" t="s">
        <v>27</v>
      </c>
      <c r="G2276" s="1" t="s">
        <v>10</v>
      </c>
      <c r="H2276" s="1" t="s">
        <v>10</v>
      </c>
      <c r="I2276" s="1" t="s">
        <v>7628</v>
      </c>
      <c r="J2276" s="1" t="s">
        <v>7674</v>
      </c>
      <c r="K2276" s="1" t="s">
        <v>3004</v>
      </c>
      <c r="L2276" s="1" t="s">
        <v>7864</v>
      </c>
      <c r="M2276" s="1" t="s">
        <v>5</v>
      </c>
      <c r="N2276" s="1" t="s">
        <v>25</v>
      </c>
      <c r="O2276" s="1" t="s">
        <v>38</v>
      </c>
      <c r="P2276" s="5" t="s">
        <v>31298</v>
      </c>
    </row>
    <row r="2277" spans="1:16" x14ac:dyDescent="0.2">
      <c r="A2277" s="1" t="s">
        <v>20</v>
      </c>
      <c r="B2277" s="1" t="s">
        <v>445</v>
      </c>
      <c r="C2277" s="1" t="s">
        <v>7868</v>
      </c>
      <c r="D2277" s="1" t="s">
        <v>7869</v>
      </c>
      <c r="E2277" s="1"/>
      <c r="F2277" s="1" t="s">
        <v>27</v>
      </c>
      <c r="G2277" s="1" t="s">
        <v>10</v>
      </c>
      <c r="H2277" s="1" t="s">
        <v>10</v>
      </c>
      <c r="I2277" s="1" t="s">
        <v>7628</v>
      </c>
      <c r="J2277" s="1" t="s">
        <v>7632</v>
      </c>
      <c r="K2277" s="1" t="s">
        <v>130</v>
      </c>
      <c r="L2277" s="1" t="s">
        <v>7867</v>
      </c>
      <c r="M2277" s="1" t="s">
        <v>5</v>
      </c>
      <c r="N2277" s="1" t="s">
        <v>25</v>
      </c>
      <c r="O2277" s="1" t="s">
        <v>38</v>
      </c>
      <c r="P2277" s="5" t="s">
        <v>29974</v>
      </c>
    </row>
    <row r="2278" spans="1:16" x14ac:dyDescent="0.2">
      <c r="A2278" s="1" t="s">
        <v>20</v>
      </c>
      <c r="B2278" s="1" t="s">
        <v>253</v>
      </c>
      <c r="C2278" s="1" t="s">
        <v>7871</v>
      </c>
      <c r="D2278" s="1" t="s">
        <v>10</v>
      </c>
      <c r="E2278" s="1"/>
      <c r="F2278" s="1" t="s">
        <v>27</v>
      </c>
      <c r="G2278" s="1" t="s">
        <v>10</v>
      </c>
      <c r="H2278" s="1" t="s">
        <v>10</v>
      </c>
      <c r="I2278" s="1" t="s">
        <v>7628</v>
      </c>
      <c r="J2278" s="1" t="s">
        <v>7678</v>
      </c>
      <c r="K2278" s="1" t="s">
        <v>27</v>
      </c>
      <c r="L2278" s="1" t="s">
        <v>7870</v>
      </c>
      <c r="M2278" s="1" t="s">
        <v>5</v>
      </c>
      <c r="N2278" s="1" t="s">
        <v>1009</v>
      </c>
      <c r="O2278" s="1" t="s">
        <v>38</v>
      </c>
      <c r="P2278" s="5" t="s">
        <v>31299</v>
      </c>
    </row>
    <row r="2279" spans="1:16" x14ac:dyDescent="0.2">
      <c r="A2279" s="1" t="s">
        <v>20</v>
      </c>
      <c r="B2279" s="1" t="s">
        <v>21</v>
      </c>
      <c r="C2279" s="1" t="s">
        <v>7873</v>
      </c>
      <c r="D2279" s="1" t="s">
        <v>10</v>
      </c>
      <c r="E2279" s="1"/>
      <c r="F2279" s="1" t="s">
        <v>27</v>
      </c>
      <c r="G2279" s="1" t="s">
        <v>10</v>
      </c>
      <c r="H2279" s="1" t="s">
        <v>10</v>
      </c>
      <c r="I2279" s="1" t="s">
        <v>7628</v>
      </c>
      <c r="J2279" s="1" t="s">
        <v>7632</v>
      </c>
      <c r="K2279" s="1" t="s">
        <v>130</v>
      </c>
      <c r="L2279" s="1" t="s">
        <v>7872</v>
      </c>
      <c r="M2279" s="1" t="s">
        <v>5</v>
      </c>
      <c r="N2279" s="1" t="s">
        <v>25</v>
      </c>
      <c r="O2279" s="1" t="s">
        <v>38</v>
      </c>
      <c r="P2279" s="5" t="s">
        <v>29992</v>
      </c>
    </row>
    <row r="2280" spans="1:16" x14ac:dyDescent="0.2">
      <c r="A2280" s="1" t="s">
        <v>20</v>
      </c>
      <c r="B2280" s="1" t="s">
        <v>253</v>
      </c>
      <c r="C2280" s="1" t="s">
        <v>7875</v>
      </c>
      <c r="D2280" s="1" t="s">
        <v>10</v>
      </c>
      <c r="E2280" s="1"/>
      <c r="F2280" s="1" t="s">
        <v>27</v>
      </c>
      <c r="G2280" s="1" t="s">
        <v>1042</v>
      </c>
      <c r="H2280" s="1" t="s">
        <v>7875</v>
      </c>
      <c r="I2280" s="1" t="s">
        <v>7628</v>
      </c>
      <c r="J2280" s="1" t="s">
        <v>7632</v>
      </c>
      <c r="K2280" s="1" t="s">
        <v>130</v>
      </c>
      <c r="L2280" s="1" t="s">
        <v>7874</v>
      </c>
      <c r="M2280" s="1" t="s">
        <v>5</v>
      </c>
      <c r="N2280" s="1" t="s">
        <v>25</v>
      </c>
      <c r="O2280" s="1" t="s">
        <v>8</v>
      </c>
      <c r="P2280" s="5" t="s">
        <v>31300</v>
      </c>
    </row>
    <row r="2281" spans="1:16" x14ac:dyDescent="0.2">
      <c r="A2281" s="1" t="s">
        <v>20</v>
      </c>
      <c r="B2281" s="1" t="s">
        <v>445</v>
      </c>
      <c r="C2281" s="1" t="s">
        <v>7877</v>
      </c>
      <c r="D2281" s="1" t="s">
        <v>7878</v>
      </c>
      <c r="E2281" s="1" t="s">
        <v>7879</v>
      </c>
      <c r="F2281" s="1" t="s">
        <v>27</v>
      </c>
      <c r="G2281" s="1" t="s">
        <v>10</v>
      </c>
      <c r="H2281" s="1" t="s">
        <v>10</v>
      </c>
      <c r="I2281" s="1" t="s">
        <v>7628</v>
      </c>
      <c r="J2281" s="1" t="s">
        <v>7632</v>
      </c>
      <c r="K2281" s="1" t="s">
        <v>1468</v>
      </c>
      <c r="L2281" s="1" t="s">
        <v>7876</v>
      </c>
      <c r="M2281" s="1" t="s">
        <v>5</v>
      </c>
      <c r="N2281" s="1" t="s">
        <v>25</v>
      </c>
      <c r="O2281" s="1" t="s">
        <v>38</v>
      </c>
      <c r="P2281" s="5" t="s">
        <v>31301</v>
      </c>
    </row>
    <row r="2282" spans="1:16" x14ac:dyDescent="0.2">
      <c r="A2282" s="1" t="s">
        <v>20</v>
      </c>
      <c r="B2282" s="1" t="s">
        <v>445</v>
      </c>
      <c r="C2282" s="1" t="s">
        <v>7881</v>
      </c>
      <c r="D2282" s="1" t="s">
        <v>10</v>
      </c>
      <c r="E2282" s="1" t="s">
        <v>10</v>
      </c>
      <c r="F2282" s="1" t="s">
        <v>27</v>
      </c>
      <c r="G2282" s="1" t="s">
        <v>10</v>
      </c>
      <c r="H2282" s="1" t="s">
        <v>10</v>
      </c>
      <c r="I2282" s="1" t="s">
        <v>7628</v>
      </c>
      <c r="J2282" s="1" t="s">
        <v>7632</v>
      </c>
      <c r="K2282" s="1" t="s">
        <v>47</v>
      </c>
      <c r="L2282" s="1" t="s">
        <v>7880</v>
      </c>
      <c r="M2282" s="1" t="s">
        <v>5</v>
      </c>
      <c r="N2282" s="1" t="s">
        <v>1009</v>
      </c>
      <c r="O2282" s="1" t="s">
        <v>38</v>
      </c>
      <c r="P2282" s="5" t="s">
        <v>7633</v>
      </c>
    </row>
    <row r="2283" spans="1:16" x14ac:dyDescent="0.2">
      <c r="A2283" s="1" t="s">
        <v>20</v>
      </c>
      <c r="B2283" s="1" t="s">
        <v>445</v>
      </c>
      <c r="C2283" s="1" t="s">
        <v>7883</v>
      </c>
      <c r="D2283" s="1" t="s">
        <v>7884</v>
      </c>
      <c r="E2283" s="1"/>
      <c r="F2283" s="1" t="s">
        <v>27</v>
      </c>
      <c r="G2283" s="1" t="s">
        <v>10</v>
      </c>
      <c r="H2283" s="1" t="s">
        <v>10</v>
      </c>
      <c r="I2283" s="1" t="s">
        <v>7628</v>
      </c>
      <c r="J2283" s="1" t="s">
        <v>7674</v>
      </c>
      <c r="K2283" s="1" t="s">
        <v>130</v>
      </c>
      <c r="L2283" s="1" t="s">
        <v>7882</v>
      </c>
      <c r="M2283" s="1" t="s">
        <v>5</v>
      </c>
      <c r="N2283" s="1" t="s">
        <v>1009</v>
      </c>
      <c r="O2283" s="1" t="s">
        <v>38</v>
      </c>
      <c r="P2283" s="5" t="s">
        <v>29963</v>
      </c>
    </row>
    <row r="2284" spans="1:16" x14ac:dyDescent="0.2">
      <c r="A2284" s="1" t="s">
        <v>20</v>
      </c>
      <c r="B2284" s="1" t="s">
        <v>93</v>
      </c>
      <c r="C2284" s="1" t="s">
        <v>7886</v>
      </c>
      <c r="D2284" s="1" t="s">
        <v>7887</v>
      </c>
      <c r="E2284" s="1"/>
      <c r="F2284" s="1" t="s">
        <v>27</v>
      </c>
      <c r="G2284" s="1" t="s">
        <v>10</v>
      </c>
      <c r="H2284" s="1" t="s">
        <v>10</v>
      </c>
      <c r="I2284" s="1" t="s">
        <v>7628</v>
      </c>
      <c r="J2284" s="1" t="s">
        <v>7678</v>
      </c>
      <c r="K2284" s="1" t="s">
        <v>7</v>
      </c>
      <c r="L2284" s="1" t="s">
        <v>7885</v>
      </c>
      <c r="M2284" s="1" t="s">
        <v>5</v>
      </c>
      <c r="N2284" s="1" t="s">
        <v>1009</v>
      </c>
      <c r="O2284" s="1" t="s">
        <v>38</v>
      </c>
      <c r="P2284" s="5" t="s">
        <v>31302</v>
      </c>
    </row>
    <row r="2285" spans="1:16" x14ac:dyDescent="0.2">
      <c r="A2285" s="1" t="s">
        <v>20</v>
      </c>
      <c r="B2285" s="1" t="s">
        <v>253</v>
      </c>
      <c r="C2285" s="1" t="s">
        <v>7889</v>
      </c>
      <c r="D2285" s="1" t="s">
        <v>7890</v>
      </c>
      <c r="E2285" s="1" t="s">
        <v>7891</v>
      </c>
      <c r="F2285" s="1" t="s">
        <v>27</v>
      </c>
      <c r="G2285" s="1" t="s">
        <v>10</v>
      </c>
      <c r="H2285" s="1" t="s">
        <v>10</v>
      </c>
      <c r="I2285" s="1" t="s">
        <v>7628</v>
      </c>
      <c r="J2285" s="1" t="s">
        <v>7674</v>
      </c>
      <c r="K2285" s="1" t="s">
        <v>27</v>
      </c>
      <c r="L2285" s="1" t="s">
        <v>7888</v>
      </c>
      <c r="M2285" s="1" t="s">
        <v>5</v>
      </c>
      <c r="N2285" s="1" t="s">
        <v>1009</v>
      </c>
      <c r="O2285" s="1" t="s">
        <v>38</v>
      </c>
      <c r="P2285" s="5" t="s">
        <v>31303</v>
      </c>
    </row>
    <row r="2286" spans="1:16" x14ac:dyDescent="0.2">
      <c r="A2286" s="1" t="s">
        <v>42</v>
      </c>
      <c r="B2286" s="1" t="s">
        <v>335</v>
      </c>
      <c r="C2286" s="1" t="s">
        <v>7893</v>
      </c>
      <c r="D2286" s="1" t="s">
        <v>7894</v>
      </c>
      <c r="E2286" s="1" t="s">
        <v>7895</v>
      </c>
      <c r="F2286" s="1" t="s">
        <v>27</v>
      </c>
      <c r="G2286" s="1" t="s">
        <v>1042</v>
      </c>
      <c r="H2286" s="1" t="s">
        <v>7896</v>
      </c>
      <c r="I2286" s="1" t="s">
        <v>7628</v>
      </c>
      <c r="J2286" s="1" t="s">
        <v>7632</v>
      </c>
      <c r="K2286" s="1" t="s">
        <v>47</v>
      </c>
      <c r="L2286" s="1" t="s">
        <v>7892</v>
      </c>
      <c r="M2286" s="1" t="s">
        <v>5</v>
      </c>
      <c r="N2286" s="1" t="s">
        <v>1009</v>
      </c>
      <c r="O2286" s="1" t="s">
        <v>8</v>
      </c>
      <c r="P2286" s="5" t="s">
        <v>31304</v>
      </c>
    </row>
    <row r="2287" spans="1:16" x14ac:dyDescent="0.2">
      <c r="A2287" s="1" t="s">
        <v>20</v>
      </c>
      <c r="B2287" s="1" t="s">
        <v>253</v>
      </c>
      <c r="C2287" s="1" t="s">
        <v>7898</v>
      </c>
      <c r="D2287" s="1" t="s">
        <v>7899</v>
      </c>
      <c r="E2287" s="1"/>
      <c r="F2287" s="1" t="s">
        <v>27</v>
      </c>
      <c r="G2287" s="1" t="s">
        <v>10</v>
      </c>
      <c r="H2287" s="1" t="s">
        <v>10</v>
      </c>
      <c r="I2287" s="1" t="s">
        <v>7628</v>
      </c>
      <c r="J2287" s="1" t="s">
        <v>7674</v>
      </c>
      <c r="K2287" s="1" t="s">
        <v>27</v>
      </c>
      <c r="L2287" s="1" t="s">
        <v>7897</v>
      </c>
      <c r="M2287" s="1" t="s">
        <v>5</v>
      </c>
      <c r="N2287" s="1" t="s">
        <v>25</v>
      </c>
      <c r="O2287" s="1" t="s">
        <v>38</v>
      </c>
      <c r="P2287" s="5" t="s">
        <v>31305</v>
      </c>
    </row>
    <row r="2288" spans="1:16" x14ac:dyDescent="0.2">
      <c r="A2288" s="1" t="s">
        <v>329</v>
      </c>
      <c r="B2288" s="1" t="s">
        <v>1659</v>
      </c>
      <c r="C2288" s="1" t="s">
        <v>7901</v>
      </c>
      <c r="D2288" s="1" t="s">
        <v>7665</v>
      </c>
      <c r="E2288" s="1"/>
      <c r="F2288" s="1" t="s">
        <v>27</v>
      </c>
      <c r="G2288" s="1" t="s">
        <v>10</v>
      </c>
      <c r="H2288" s="1" t="s">
        <v>7666</v>
      </c>
      <c r="I2288" s="1" t="s">
        <v>7628</v>
      </c>
      <c r="J2288" s="1" t="s">
        <v>7632</v>
      </c>
      <c r="K2288" s="1" t="s">
        <v>7902</v>
      </c>
      <c r="L2288" s="1" t="s">
        <v>7900</v>
      </c>
      <c r="M2288" s="1" t="s">
        <v>5</v>
      </c>
      <c r="N2288" s="1" t="s">
        <v>25</v>
      </c>
      <c r="O2288" s="1" t="s">
        <v>8</v>
      </c>
      <c r="P2288" s="5" t="s">
        <v>29964</v>
      </c>
    </row>
    <row r="2289" spans="1:16" x14ac:dyDescent="0.2">
      <c r="A2289" s="1" t="s">
        <v>42</v>
      </c>
      <c r="B2289" s="1" t="s">
        <v>43</v>
      </c>
      <c r="C2289" s="1" t="s">
        <v>7904</v>
      </c>
      <c r="D2289" s="1" t="s">
        <v>1826</v>
      </c>
      <c r="E2289" s="1"/>
      <c r="F2289" s="1" t="s">
        <v>27</v>
      </c>
      <c r="G2289" s="1" t="s">
        <v>10</v>
      </c>
      <c r="H2289" s="1" t="s">
        <v>10</v>
      </c>
      <c r="I2289" s="1" t="s">
        <v>7628</v>
      </c>
      <c r="J2289" s="1" t="s">
        <v>7674</v>
      </c>
      <c r="K2289" s="1" t="s">
        <v>37</v>
      </c>
      <c r="L2289" s="1" t="s">
        <v>7903</v>
      </c>
      <c r="M2289" s="1" t="s">
        <v>5</v>
      </c>
      <c r="N2289" s="1" t="s">
        <v>25</v>
      </c>
      <c r="O2289" s="1" t="s">
        <v>38</v>
      </c>
      <c r="P2289" s="5" t="s">
        <v>29990</v>
      </c>
    </row>
    <row r="2290" spans="1:16" x14ac:dyDescent="0.2">
      <c r="A2290" s="1" t="s">
        <v>42</v>
      </c>
      <c r="B2290" s="1" t="s">
        <v>118</v>
      </c>
      <c r="C2290" s="1" t="s">
        <v>7906</v>
      </c>
      <c r="D2290" s="1" t="s">
        <v>2877</v>
      </c>
      <c r="E2290" s="1" t="s">
        <v>7907</v>
      </c>
      <c r="F2290" s="1" t="s">
        <v>27</v>
      </c>
      <c r="G2290" s="1" t="s">
        <v>10</v>
      </c>
      <c r="H2290" s="1" t="s">
        <v>10</v>
      </c>
      <c r="I2290" s="1" t="s">
        <v>7628</v>
      </c>
      <c r="J2290" s="1" t="s">
        <v>7674</v>
      </c>
      <c r="K2290" s="1" t="s">
        <v>113</v>
      </c>
      <c r="L2290" s="1" t="s">
        <v>7905</v>
      </c>
      <c r="M2290" s="1" t="s">
        <v>5</v>
      </c>
      <c r="N2290" s="1" t="s">
        <v>1009</v>
      </c>
      <c r="O2290" s="1" t="s">
        <v>38</v>
      </c>
      <c r="P2290" s="5" t="s">
        <v>31306</v>
      </c>
    </row>
    <row r="2291" spans="1:16" x14ac:dyDescent="0.2">
      <c r="A2291" s="1" t="s">
        <v>20</v>
      </c>
      <c r="B2291" s="1" t="s">
        <v>21</v>
      </c>
      <c r="C2291" s="1" t="s">
        <v>7909</v>
      </c>
      <c r="D2291" s="1" t="s">
        <v>7910</v>
      </c>
      <c r="E2291" s="1"/>
      <c r="F2291" s="1" t="s">
        <v>27</v>
      </c>
      <c r="G2291" s="1" t="s">
        <v>10</v>
      </c>
      <c r="H2291" s="1" t="s">
        <v>7909</v>
      </c>
      <c r="I2291" s="1" t="s">
        <v>7628</v>
      </c>
      <c r="J2291" s="1" t="s">
        <v>7632</v>
      </c>
      <c r="K2291" s="1" t="s">
        <v>7</v>
      </c>
      <c r="L2291" s="1" t="s">
        <v>7908</v>
      </c>
      <c r="M2291" s="1" t="s">
        <v>5</v>
      </c>
      <c r="N2291" s="1" t="s">
        <v>25</v>
      </c>
      <c r="O2291" s="1" t="s">
        <v>8</v>
      </c>
      <c r="P2291" s="5" t="s">
        <v>29993</v>
      </c>
    </row>
    <row r="2292" spans="1:16" x14ac:dyDescent="0.2">
      <c r="A2292" s="1" t="s">
        <v>20</v>
      </c>
      <c r="B2292" s="1" t="s">
        <v>309</v>
      </c>
      <c r="C2292" s="1" t="s">
        <v>7912</v>
      </c>
      <c r="D2292" s="1" t="s">
        <v>7913</v>
      </c>
      <c r="E2292" s="1" t="s">
        <v>7914</v>
      </c>
      <c r="F2292" s="1" t="s">
        <v>27</v>
      </c>
      <c r="G2292" s="1" t="s">
        <v>10</v>
      </c>
      <c r="H2292" s="1" t="s">
        <v>10</v>
      </c>
      <c r="I2292" s="1" t="s">
        <v>7628</v>
      </c>
      <c r="J2292" s="1" t="s">
        <v>7632</v>
      </c>
      <c r="K2292" s="1" t="s">
        <v>7</v>
      </c>
      <c r="L2292" s="1" t="s">
        <v>7911</v>
      </c>
      <c r="M2292" s="1" t="s">
        <v>5</v>
      </c>
      <c r="N2292" s="1" t="s">
        <v>25</v>
      </c>
      <c r="O2292" s="1" t="s">
        <v>38</v>
      </c>
      <c r="P2292" s="5" t="s">
        <v>31307</v>
      </c>
    </row>
    <row r="2293" spans="1:16" x14ac:dyDescent="0.2">
      <c r="A2293" s="1" t="s">
        <v>42</v>
      </c>
      <c r="B2293" s="1" t="s">
        <v>118</v>
      </c>
      <c r="C2293" s="1" t="s">
        <v>7916</v>
      </c>
      <c r="D2293" s="1" t="s">
        <v>7917</v>
      </c>
      <c r="E2293" s="1"/>
      <c r="F2293" s="1" t="s">
        <v>27</v>
      </c>
      <c r="G2293" s="1" t="s">
        <v>1042</v>
      </c>
      <c r="H2293" s="1" t="s">
        <v>7919</v>
      </c>
      <c r="I2293" s="1" t="s">
        <v>7628</v>
      </c>
      <c r="J2293" s="1" t="s">
        <v>7632</v>
      </c>
      <c r="K2293" s="1" t="s">
        <v>586</v>
      </c>
      <c r="L2293" s="1" t="s">
        <v>7915</v>
      </c>
      <c r="M2293" s="1" t="s">
        <v>5</v>
      </c>
      <c r="N2293" s="1" t="s">
        <v>1009</v>
      </c>
      <c r="O2293" s="1" t="s">
        <v>8</v>
      </c>
      <c r="P2293" s="5" t="s">
        <v>31308</v>
      </c>
    </row>
    <row r="2294" spans="1:16" x14ac:dyDescent="0.2">
      <c r="A2294" s="1" t="s">
        <v>42</v>
      </c>
      <c r="B2294" s="1" t="s">
        <v>320</v>
      </c>
      <c r="C2294" s="1" t="s">
        <v>7921</v>
      </c>
      <c r="D2294" s="1" t="s">
        <v>10</v>
      </c>
      <c r="E2294" s="1"/>
      <c r="F2294" s="1" t="s">
        <v>27</v>
      </c>
      <c r="G2294" s="1" t="s">
        <v>1042</v>
      </c>
      <c r="H2294" s="1" t="s">
        <v>7922</v>
      </c>
      <c r="I2294" s="1" t="s">
        <v>7628</v>
      </c>
      <c r="J2294" s="1" t="s">
        <v>7674</v>
      </c>
      <c r="K2294" s="1" t="s">
        <v>27</v>
      </c>
      <c r="L2294" s="1" t="s">
        <v>7920</v>
      </c>
      <c r="M2294" s="1" t="s">
        <v>5</v>
      </c>
      <c r="N2294" s="1" t="s">
        <v>1009</v>
      </c>
      <c r="O2294" s="1" t="s">
        <v>8</v>
      </c>
      <c r="P2294" s="5" t="s">
        <v>31309</v>
      </c>
    </row>
    <row r="2295" spans="1:16" x14ac:dyDescent="0.2">
      <c r="A2295" s="1" t="s">
        <v>20</v>
      </c>
      <c r="B2295" s="1" t="s">
        <v>172</v>
      </c>
      <c r="C2295" s="1" t="s">
        <v>7924</v>
      </c>
      <c r="D2295" s="1" t="s">
        <v>10</v>
      </c>
      <c r="E2295" s="1"/>
      <c r="F2295" s="1" t="s">
        <v>27</v>
      </c>
      <c r="G2295" s="1" t="s">
        <v>10</v>
      </c>
      <c r="H2295" s="1" t="s">
        <v>10</v>
      </c>
      <c r="I2295" s="1" t="s">
        <v>7628</v>
      </c>
      <c r="J2295" s="1" t="s">
        <v>7674</v>
      </c>
      <c r="K2295" s="1" t="s">
        <v>7</v>
      </c>
      <c r="L2295" s="1" t="s">
        <v>7923</v>
      </c>
      <c r="M2295" s="1" t="s">
        <v>5</v>
      </c>
      <c r="N2295" s="1" t="s">
        <v>1009</v>
      </c>
      <c r="O2295" s="1" t="s">
        <v>38</v>
      </c>
      <c r="P2295" s="5" t="s">
        <v>31310</v>
      </c>
    </row>
    <row r="2296" spans="1:16" x14ac:dyDescent="0.2">
      <c r="A2296" s="1" t="s">
        <v>329</v>
      </c>
      <c r="B2296" s="1" t="s">
        <v>596</v>
      </c>
      <c r="C2296" s="1" t="s">
        <v>7926</v>
      </c>
      <c r="D2296" s="1" t="s">
        <v>10</v>
      </c>
      <c r="E2296" s="1"/>
      <c r="F2296" s="1" t="s">
        <v>27</v>
      </c>
      <c r="G2296" s="1" t="s">
        <v>10</v>
      </c>
      <c r="H2296" s="1" t="s">
        <v>10</v>
      </c>
      <c r="I2296" s="1" t="s">
        <v>7628</v>
      </c>
      <c r="J2296" s="1" t="s">
        <v>7674</v>
      </c>
      <c r="K2296" s="1" t="s">
        <v>27</v>
      </c>
      <c r="L2296" s="1" t="s">
        <v>7925</v>
      </c>
      <c r="M2296" s="1" t="s">
        <v>5</v>
      </c>
      <c r="N2296" s="1" t="s">
        <v>1009</v>
      </c>
      <c r="O2296" s="1" t="s">
        <v>38</v>
      </c>
      <c r="P2296" s="5" t="s">
        <v>31311</v>
      </c>
    </row>
    <row r="2297" spans="1:16" x14ac:dyDescent="0.2">
      <c r="A2297" s="1" t="s">
        <v>32</v>
      </c>
      <c r="B2297" s="1" t="s">
        <v>3895</v>
      </c>
      <c r="C2297" s="1" t="s">
        <v>7928</v>
      </c>
      <c r="D2297" s="1" t="s">
        <v>10</v>
      </c>
      <c r="E2297" s="1" t="s">
        <v>7929</v>
      </c>
      <c r="F2297" s="1" t="s">
        <v>27</v>
      </c>
      <c r="G2297" s="1" t="s">
        <v>10</v>
      </c>
      <c r="H2297" s="1" t="s">
        <v>10</v>
      </c>
      <c r="I2297" s="1" t="s">
        <v>7628</v>
      </c>
      <c r="J2297" s="1" t="s">
        <v>7632</v>
      </c>
      <c r="K2297" s="1" t="s">
        <v>64</v>
      </c>
      <c r="L2297" s="1" t="s">
        <v>7927</v>
      </c>
      <c r="M2297" s="1" t="s">
        <v>5</v>
      </c>
      <c r="N2297" s="1" t="s">
        <v>25</v>
      </c>
      <c r="O2297" s="1" t="s">
        <v>38</v>
      </c>
      <c r="P2297" s="5" t="s">
        <v>31287</v>
      </c>
    </row>
    <row r="2298" spans="1:16" x14ac:dyDescent="0.2">
      <c r="A2298" s="1" t="s">
        <v>20</v>
      </c>
      <c r="B2298" s="1" t="s">
        <v>253</v>
      </c>
      <c r="C2298" s="1" t="s">
        <v>7931</v>
      </c>
      <c r="D2298" s="1" t="s">
        <v>10</v>
      </c>
      <c r="E2298" s="1"/>
      <c r="F2298" s="1" t="s">
        <v>27</v>
      </c>
      <c r="G2298" s="1" t="s">
        <v>10</v>
      </c>
      <c r="H2298" s="1" t="s">
        <v>10</v>
      </c>
      <c r="I2298" s="1" t="s">
        <v>7628</v>
      </c>
      <c r="J2298" s="1" t="s">
        <v>7674</v>
      </c>
      <c r="K2298" s="1" t="s">
        <v>27</v>
      </c>
      <c r="L2298" s="1" t="s">
        <v>7930</v>
      </c>
      <c r="M2298" s="1" t="s">
        <v>5</v>
      </c>
      <c r="N2298" s="1" t="s">
        <v>1009</v>
      </c>
      <c r="O2298" s="1" t="s">
        <v>38</v>
      </c>
      <c r="P2298" s="5" t="s">
        <v>31312</v>
      </c>
    </row>
    <row r="2299" spans="1:16" x14ac:dyDescent="0.2">
      <c r="A2299" s="1" t="s">
        <v>194</v>
      </c>
      <c r="B2299" s="1" t="s">
        <v>4497</v>
      </c>
      <c r="C2299" s="1" t="s">
        <v>7933</v>
      </c>
      <c r="D2299" s="1" t="s">
        <v>7934</v>
      </c>
      <c r="E2299" s="1"/>
      <c r="F2299" s="1" t="s">
        <v>27</v>
      </c>
      <c r="G2299" s="1" t="s">
        <v>10</v>
      </c>
      <c r="H2299" s="1" t="s">
        <v>10</v>
      </c>
      <c r="I2299" s="1" t="s">
        <v>7628</v>
      </c>
      <c r="J2299" s="1" t="s">
        <v>7632</v>
      </c>
      <c r="K2299" s="1" t="s">
        <v>27</v>
      </c>
      <c r="L2299" s="1" t="s">
        <v>7932</v>
      </c>
      <c r="M2299" s="1" t="s">
        <v>5</v>
      </c>
      <c r="N2299" s="1" t="s">
        <v>1009</v>
      </c>
      <c r="O2299" s="1" t="s">
        <v>38</v>
      </c>
      <c r="P2299" s="5" t="s">
        <v>31313</v>
      </c>
    </row>
    <row r="2300" spans="1:16" x14ac:dyDescent="0.2">
      <c r="A2300" s="1" t="s">
        <v>20</v>
      </c>
      <c r="B2300" s="1" t="s">
        <v>253</v>
      </c>
      <c r="C2300" s="1" t="s">
        <v>2727</v>
      </c>
      <c r="D2300" s="1" t="s">
        <v>10</v>
      </c>
      <c r="E2300" s="1"/>
      <c r="F2300" s="1" t="s">
        <v>27</v>
      </c>
      <c r="G2300" s="1" t="s">
        <v>10</v>
      </c>
      <c r="H2300" s="1" t="s">
        <v>10</v>
      </c>
      <c r="I2300" s="1" t="s">
        <v>7628</v>
      </c>
      <c r="J2300" s="1" t="s">
        <v>7674</v>
      </c>
      <c r="K2300" s="1" t="s">
        <v>27</v>
      </c>
      <c r="L2300" s="1" t="s">
        <v>7935</v>
      </c>
      <c r="M2300" s="1" t="s">
        <v>5</v>
      </c>
      <c r="N2300" s="1" t="s">
        <v>1009</v>
      </c>
      <c r="O2300" s="1" t="s">
        <v>38</v>
      </c>
      <c r="P2300" s="5" t="s">
        <v>31299</v>
      </c>
    </row>
    <row r="2301" spans="1:16" x14ac:dyDescent="0.2">
      <c r="A2301" s="1" t="s">
        <v>20</v>
      </c>
      <c r="B2301" s="1" t="s">
        <v>93</v>
      </c>
      <c r="C2301" s="1" t="s">
        <v>7937</v>
      </c>
      <c r="D2301" s="1" t="s">
        <v>10</v>
      </c>
      <c r="E2301" s="1"/>
      <c r="F2301" s="1" t="s">
        <v>27</v>
      </c>
      <c r="G2301" s="1" t="s">
        <v>10</v>
      </c>
      <c r="H2301" s="1" t="s">
        <v>10</v>
      </c>
      <c r="I2301" s="1" t="s">
        <v>7628</v>
      </c>
      <c r="J2301" s="1" t="s">
        <v>7632</v>
      </c>
      <c r="K2301" s="1" t="s">
        <v>7</v>
      </c>
      <c r="L2301" s="1" t="s">
        <v>7936</v>
      </c>
      <c r="M2301" s="1" t="s">
        <v>5</v>
      </c>
      <c r="N2301" s="1" t="s">
        <v>1009</v>
      </c>
      <c r="O2301" s="1" t="s">
        <v>38</v>
      </c>
      <c r="P2301" s="5" t="s">
        <v>31314</v>
      </c>
    </row>
    <row r="2302" spans="1:16" x14ac:dyDescent="0.2">
      <c r="A2302" s="1" t="s">
        <v>329</v>
      </c>
      <c r="B2302" s="1" t="s">
        <v>330</v>
      </c>
      <c r="C2302" s="1" t="s">
        <v>7939</v>
      </c>
      <c r="D2302" s="1" t="s">
        <v>10</v>
      </c>
      <c r="E2302" s="1"/>
      <c r="F2302" s="1" t="s">
        <v>27</v>
      </c>
      <c r="G2302" s="1" t="s">
        <v>10</v>
      </c>
      <c r="H2302" s="1" t="s">
        <v>10</v>
      </c>
      <c r="I2302" s="1" t="s">
        <v>7628</v>
      </c>
      <c r="J2302" s="1" t="s">
        <v>7674</v>
      </c>
      <c r="K2302" s="1" t="s">
        <v>27</v>
      </c>
      <c r="L2302" s="1" t="s">
        <v>7938</v>
      </c>
      <c r="M2302" s="1" t="s">
        <v>5</v>
      </c>
      <c r="N2302" s="1" t="s">
        <v>1009</v>
      </c>
      <c r="O2302" s="1" t="s">
        <v>38</v>
      </c>
      <c r="P2302" s="5" t="s">
        <v>29994</v>
      </c>
    </row>
    <row r="2303" spans="1:16" x14ac:dyDescent="0.2">
      <c r="A2303" s="1" t="s">
        <v>42</v>
      </c>
      <c r="B2303" s="1" t="s">
        <v>1664</v>
      </c>
      <c r="C2303" s="1" t="s">
        <v>7941</v>
      </c>
      <c r="D2303" s="1" t="s">
        <v>7942</v>
      </c>
      <c r="E2303" s="1"/>
      <c r="F2303" s="1" t="s">
        <v>27</v>
      </c>
      <c r="G2303" s="1" t="s">
        <v>10</v>
      </c>
      <c r="H2303" s="1" t="s">
        <v>10</v>
      </c>
      <c r="I2303" s="1" t="s">
        <v>7628</v>
      </c>
      <c r="J2303" s="1" t="s">
        <v>7632</v>
      </c>
      <c r="K2303" s="1" t="s">
        <v>130</v>
      </c>
      <c r="L2303" s="1" t="s">
        <v>7940</v>
      </c>
      <c r="M2303" s="1" t="s">
        <v>5</v>
      </c>
      <c r="N2303" s="1" t="s">
        <v>25</v>
      </c>
      <c r="O2303" s="1" t="s">
        <v>38</v>
      </c>
      <c r="P2303" s="5" t="s">
        <v>29995</v>
      </c>
    </row>
    <row r="2304" spans="1:16" x14ac:dyDescent="0.2">
      <c r="A2304" s="1" t="s">
        <v>42</v>
      </c>
      <c r="B2304" s="1" t="s">
        <v>1664</v>
      </c>
      <c r="C2304" s="1" t="s">
        <v>7944</v>
      </c>
      <c r="D2304" s="1" t="s">
        <v>7945</v>
      </c>
      <c r="E2304" s="1"/>
      <c r="F2304" s="1" t="s">
        <v>27</v>
      </c>
      <c r="G2304" s="1" t="s">
        <v>10</v>
      </c>
      <c r="H2304" s="1" t="s">
        <v>10</v>
      </c>
      <c r="I2304" s="1" t="s">
        <v>7628</v>
      </c>
      <c r="J2304" s="1" t="s">
        <v>7632</v>
      </c>
      <c r="K2304" s="1" t="s">
        <v>130</v>
      </c>
      <c r="L2304" s="1" t="s">
        <v>7943</v>
      </c>
      <c r="M2304" s="1" t="s">
        <v>5</v>
      </c>
      <c r="N2304" s="1" t="s">
        <v>25</v>
      </c>
      <c r="O2304" s="1" t="s">
        <v>38</v>
      </c>
      <c r="P2304" s="5" t="s">
        <v>29995</v>
      </c>
    </row>
    <row r="2305" spans="1:16" x14ac:dyDescent="0.2">
      <c r="A2305" s="1" t="s">
        <v>20</v>
      </c>
      <c r="B2305" s="1" t="s">
        <v>253</v>
      </c>
      <c r="C2305" s="1" t="s">
        <v>7947</v>
      </c>
      <c r="D2305" s="1" t="s">
        <v>10</v>
      </c>
      <c r="E2305" s="1"/>
      <c r="F2305" s="1" t="s">
        <v>27</v>
      </c>
      <c r="G2305" s="1" t="s">
        <v>10</v>
      </c>
      <c r="H2305" s="1" t="s">
        <v>10</v>
      </c>
      <c r="I2305" s="1" t="s">
        <v>7628</v>
      </c>
      <c r="J2305" s="1" t="s">
        <v>7674</v>
      </c>
      <c r="K2305" s="1" t="s">
        <v>27</v>
      </c>
      <c r="L2305" s="1" t="s">
        <v>7946</v>
      </c>
      <c r="M2305" s="1" t="s">
        <v>5</v>
      </c>
      <c r="N2305" s="1" t="s">
        <v>1009</v>
      </c>
      <c r="O2305" s="1" t="s">
        <v>38</v>
      </c>
      <c r="P2305" s="5" t="s">
        <v>31315</v>
      </c>
    </row>
    <row r="2306" spans="1:16" x14ac:dyDescent="0.2">
      <c r="A2306" s="1" t="s">
        <v>20</v>
      </c>
      <c r="B2306" s="1" t="s">
        <v>101</v>
      </c>
      <c r="C2306" s="1" t="s">
        <v>7949</v>
      </c>
      <c r="D2306" s="1" t="s">
        <v>7950</v>
      </c>
      <c r="E2306" s="1"/>
      <c r="F2306" s="1" t="s">
        <v>27</v>
      </c>
      <c r="G2306" s="1" t="s">
        <v>10</v>
      </c>
      <c r="H2306" s="1" t="s">
        <v>10</v>
      </c>
      <c r="I2306" s="1" t="s">
        <v>7628</v>
      </c>
      <c r="J2306" s="1" t="s">
        <v>7632</v>
      </c>
      <c r="K2306" s="1" t="s">
        <v>27</v>
      </c>
      <c r="L2306" s="1" t="s">
        <v>7948</v>
      </c>
      <c r="M2306" s="1" t="s">
        <v>5</v>
      </c>
      <c r="N2306" s="1" t="s">
        <v>25</v>
      </c>
      <c r="O2306" s="1" t="s">
        <v>38</v>
      </c>
      <c r="P2306" s="5" t="s">
        <v>29996</v>
      </c>
    </row>
    <row r="2307" spans="1:16" x14ac:dyDescent="0.2">
      <c r="A2307" s="1" t="s">
        <v>20</v>
      </c>
      <c r="B2307" s="1" t="s">
        <v>93</v>
      </c>
      <c r="C2307" s="1" t="s">
        <v>7952</v>
      </c>
      <c r="D2307" s="1" t="s">
        <v>10</v>
      </c>
      <c r="E2307" s="1" t="s">
        <v>7953</v>
      </c>
      <c r="F2307" s="1" t="s">
        <v>27</v>
      </c>
      <c r="G2307" s="1" t="s">
        <v>10</v>
      </c>
      <c r="H2307" s="1" t="s">
        <v>10</v>
      </c>
      <c r="I2307" s="1" t="s">
        <v>7628</v>
      </c>
      <c r="J2307" s="1" t="s">
        <v>7632</v>
      </c>
      <c r="K2307" s="1" t="s">
        <v>7</v>
      </c>
      <c r="L2307" s="1" t="s">
        <v>7951</v>
      </c>
      <c r="M2307" s="1" t="s">
        <v>5</v>
      </c>
      <c r="N2307" s="1" t="s">
        <v>1009</v>
      </c>
      <c r="O2307" s="1" t="s">
        <v>38</v>
      </c>
      <c r="P2307" s="5" t="s">
        <v>31316</v>
      </c>
    </row>
    <row r="2308" spans="1:16" x14ac:dyDescent="0.2">
      <c r="A2308" s="1" t="s">
        <v>20</v>
      </c>
      <c r="B2308" s="1" t="s">
        <v>1047</v>
      </c>
      <c r="C2308" s="1" t="s">
        <v>7955</v>
      </c>
      <c r="D2308" s="1" t="s">
        <v>10</v>
      </c>
      <c r="E2308" s="1" t="s">
        <v>7956</v>
      </c>
      <c r="F2308" s="1" t="s">
        <v>27</v>
      </c>
      <c r="G2308" s="1" t="s">
        <v>10</v>
      </c>
      <c r="H2308" s="1" t="s">
        <v>10</v>
      </c>
      <c r="I2308" s="1" t="s">
        <v>7628</v>
      </c>
      <c r="J2308" s="1" t="s">
        <v>7632</v>
      </c>
      <c r="K2308" s="1" t="s">
        <v>7</v>
      </c>
      <c r="L2308" s="1" t="s">
        <v>7954</v>
      </c>
      <c r="M2308" s="1" t="s">
        <v>5</v>
      </c>
      <c r="N2308" s="1" t="s">
        <v>25</v>
      </c>
      <c r="O2308" s="1" t="s">
        <v>38</v>
      </c>
      <c r="P2308" s="5" t="s">
        <v>31317</v>
      </c>
    </row>
    <row r="2309" spans="1:16" x14ac:dyDescent="0.2">
      <c r="A2309" s="1" t="s">
        <v>20</v>
      </c>
      <c r="B2309" s="1" t="s">
        <v>253</v>
      </c>
      <c r="C2309" s="1" t="s">
        <v>7958</v>
      </c>
      <c r="D2309" s="1" t="s">
        <v>617</v>
      </c>
      <c r="E2309" s="1"/>
      <c r="F2309" s="1" t="s">
        <v>27</v>
      </c>
      <c r="G2309" s="1" t="s">
        <v>1042</v>
      </c>
      <c r="H2309" s="1" t="s">
        <v>7959</v>
      </c>
      <c r="I2309" s="1" t="s">
        <v>7628</v>
      </c>
      <c r="J2309" s="1" t="s">
        <v>7632</v>
      </c>
      <c r="K2309" s="1" t="s">
        <v>130</v>
      </c>
      <c r="L2309" s="1" t="s">
        <v>7957</v>
      </c>
      <c r="M2309" s="1" t="s">
        <v>5</v>
      </c>
      <c r="N2309" s="1" t="s">
        <v>25</v>
      </c>
      <c r="O2309" s="1" t="s">
        <v>8</v>
      </c>
      <c r="P2309" s="5" t="s">
        <v>29981</v>
      </c>
    </row>
    <row r="2310" spans="1:16" x14ac:dyDescent="0.2">
      <c r="A2310" s="1" t="s">
        <v>20</v>
      </c>
      <c r="B2310" s="1" t="s">
        <v>253</v>
      </c>
      <c r="C2310" s="1" t="s">
        <v>7961</v>
      </c>
      <c r="D2310" s="1" t="s">
        <v>7962</v>
      </c>
      <c r="E2310" s="1"/>
      <c r="F2310" s="1" t="s">
        <v>27</v>
      </c>
      <c r="G2310" s="1" t="s">
        <v>10</v>
      </c>
      <c r="H2310" s="1" t="s">
        <v>10</v>
      </c>
      <c r="I2310" s="1" t="s">
        <v>7628</v>
      </c>
      <c r="J2310" s="1" t="s">
        <v>7963</v>
      </c>
      <c r="K2310" s="1" t="s">
        <v>7</v>
      </c>
      <c r="L2310" s="1" t="s">
        <v>7960</v>
      </c>
      <c r="M2310" s="1" t="s">
        <v>5</v>
      </c>
      <c r="N2310" s="1" t="s">
        <v>25</v>
      </c>
      <c r="O2310" s="1" t="s">
        <v>38</v>
      </c>
      <c r="P2310" s="5" t="s">
        <v>29997</v>
      </c>
    </row>
    <row r="2311" spans="1:16" x14ac:dyDescent="0.2">
      <c r="A2311" s="1" t="s">
        <v>20</v>
      </c>
      <c r="B2311" s="1" t="s">
        <v>310</v>
      </c>
      <c r="C2311" s="1" t="s">
        <v>7965</v>
      </c>
      <c r="D2311" s="1" t="s">
        <v>10</v>
      </c>
      <c r="E2311" s="1" t="s">
        <v>7966</v>
      </c>
      <c r="F2311" s="1" t="s">
        <v>27</v>
      </c>
      <c r="G2311" s="1" t="s">
        <v>10</v>
      </c>
      <c r="H2311" s="1" t="s">
        <v>10</v>
      </c>
      <c r="I2311" s="1" t="s">
        <v>7628</v>
      </c>
      <c r="J2311" s="1" t="s">
        <v>7632</v>
      </c>
      <c r="K2311" s="1" t="s">
        <v>7</v>
      </c>
      <c r="L2311" s="1" t="s">
        <v>7964</v>
      </c>
      <c r="M2311" s="1" t="s">
        <v>5</v>
      </c>
      <c r="N2311" s="1" t="s">
        <v>25</v>
      </c>
      <c r="O2311" s="1" t="s">
        <v>38</v>
      </c>
      <c r="P2311" s="5" t="s">
        <v>29990</v>
      </c>
    </row>
    <row r="2312" spans="1:16" x14ac:dyDescent="0.2">
      <c r="A2312" s="1" t="s">
        <v>20</v>
      </c>
      <c r="B2312" s="1" t="s">
        <v>253</v>
      </c>
      <c r="C2312" s="1" t="s">
        <v>7968</v>
      </c>
      <c r="D2312" s="1" t="s">
        <v>7969</v>
      </c>
      <c r="E2312" s="1" t="s">
        <v>7970</v>
      </c>
      <c r="F2312" s="1" t="s">
        <v>27</v>
      </c>
      <c r="G2312" s="1" t="s">
        <v>10</v>
      </c>
      <c r="H2312" s="1" t="s">
        <v>10</v>
      </c>
      <c r="I2312" s="1" t="s">
        <v>7628</v>
      </c>
      <c r="J2312" s="1" t="s">
        <v>7662</v>
      </c>
      <c r="K2312" s="1" t="s">
        <v>27</v>
      </c>
      <c r="L2312" s="1" t="s">
        <v>7967</v>
      </c>
      <c r="M2312" s="1" t="s">
        <v>5</v>
      </c>
      <c r="N2312" s="1" t="s">
        <v>1597</v>
      </c>
      <c r="O2312" s="1" t="s">
        <v>8</v>
      </c>
      <c r="P2312" s="5" t="s">
        <v>10</v>
      </c>
    </row>
    <row r="2313" spans="1:16" x14ac:dyDescent="0.2">
      <c r="A2313" s="1" t="s">
        <v>42</v>
      </c>
      <c r="B2313" s="1" t="s">
        <v>50</v>
      </c>
      <c r="C2313" s="1" t="s">
        <v>7972</v>
      </c>
      <c r="D2313" s="1" t="s">
        <v>7973</v>
      </c>
      <c r="E2313" s="1"/>
      <c r="F2313" s="1" t="s">
        <v>27</v>
      </c>
      <c r="G2313" s="1" t="s">
        <v>10</v>
      </c>
      <c r="H2313" s="1" t="s">
        <v>10</v>
      </c>
      <c r="I2313" s="1" t="s">
        <v>7628</v>
      </c>
      <c r="J2313" s="1" t="s">
        <v>7632</v>
      </c>
      <c r="K2313" s="1" t="s">
        <v>47</v>
      </c>
      <c r="L2313" s="1" t="s">
        <v>7971</v>
      </c>
      <c r="M2313" s="1" t="s">
        <v>5</v>
      </c>
      <c r="N2313" s="1" t="s">
        <v>25</v>
      </c>
      <c r="O2313" s="1" t="s">
        <v>38</v>
      </c>
      <c r="P2313" s="5" t="s">
        <v>31318</v>
      </c>
    </row>
    <row r="2314" spans="1:16" x14ac:dyDescent="0.2">
      <c r="A2314" s="1" t="s">
        <v>20</v>
      </c>
      <c r="B2314" s="1" t="s">
        <v>445</v>
      </c>
      <c r="C2314" s="1" t="s">
        <v>7975</v>
      </c>
      <c r="D2314" s="1" t="s">
        <v>7976</v>
      </c>
      <c r="E2314" s="1"/>
      <c r="F2314" s="1" t="s">
        <v>27</v>
      </c>
      <c r="G2314" s="1" t="s">
        <v>10</v>
      </c>
      <c r="H2314" s="1" t="s">
        <v>10</v>
      </c>
      <c r="I2314" s="1" t="s">
        <v>7628</v>
      </c>
      <c r="J2314" s="1" t="s">
        <v>7678</v>
      </c>
      <c r="K2314" s="1" t="s">
        <v>7</v>
      </c>
      <c r="L2314" s="1" t="s">
        <v>7974</v>
      </c>
      <c r="M2314" s="1" t="s">
        <v>5</v>
      </c>
      <c r="N2314" s="1" t="s">
        <v>25</v>
      </c>
      <c r="O2314" s="1" t="s">
        <v>38</v>
      </c>
      <c r="P2314" s="5" t="s">
        <v>29998</v>
      </c>
    </row>
    <row r="2315" spans="1:16" x14ac:dyDescent="0.2">
      <c r="A2315" s="1" t="s">
        <v>42</v>
      </c>
      <c r="B2315" s="1" t="s">
        <v>43</v>
      </c>
      <c r="C2315" s="1" t="s">
        <v>7978</v>
      </c>
      <c r="D2315" s="1" t="s">
        <v>7979</v>
      </c>
      <c r="E2315" s="1"/>
      <c r="F2315" s="1" t="s">
        <v>27</v>
      </c>
      <c r="G2315" s="1" t="s">
        <v>10</v>
      </c>
      <c r="H2315" s="1" t="s">
        <v>10</v>
      </c>
      <c r="I2315" s="1" t="s">
        <v>7628</v>
      </c>
      <c r="J2315" s="1" t="s">
        <v>7678</v>
      </c>
      <c r="K2315" s="1" t="s">
        <v>37</v>
      </c>
      <c r="L2315" s="1" t="s">
        <v>7977</v>
      </c>
      <c r="M2315" s="1" t="s">
        <v>5</v>
      </c>
      <c r="N2315" s="1" t="s">
        <v>25</v>
      </c>
      <c r="O2315" s="1" t="s">
        <v>8</v>
      </c>
      <c r="P2315" s="5" t="s">
        <v>29999</v>
      </c>
    </row>
    <row r="2316" spans="1:16" x14ac:dyDescent="0.2">
      <c r="A2316" s="1" t="s">
        <v>20</v>
      </c>
      <c r="B2316" s="1" t="s">
        <v>253</v>
      </c>
      <c r="C2316" s="1" t="s">
        <v>7981</v>
      </c>
      <c r="D2316" s="1" t="s">
        <v>10</v>
      </c>
      <c r="E2316" s="1"/>
      <c r="F2316" s="1" t="s">
        <v>27</v>
      </c>
      <c r="G2316" s="1" t="s">
        <v>10</v>
      </c>
      <c r="H2316" s="1" t="s">
        <v>7982</v>
      </c>
      <c r="I2316" s="1" t="s">
        <v>7628</v>
      </c>
      <c r="J2316" s="1" t="s">
        <v>7674</v>
      </c>
      <c r="K2316" s="1" t="s">
        <v>27</v>
      </c>
      <c r="L2316" s="1" t="s">
        <v>7980</v>
      </c>
      <c r="M2316" s="1" t="s">
        <v>5</v>
      </c>
      <c r="N2316" s="1" t="s">
        <v>25</v>
      </c>
      <c r="O2316" s="1" t="s">
        <v>8</v>
      </c>
      <c r="P2316" s="5" t="s">
        <v>31319</v>
      </c>
    </row>
    <row r="2317" spans="1:16" x14ac:dyDescent="0.2">
      <c r="A2317" s="1" t="s">
        <v>20</v>
      </c>
      <c r="B2317" s="1" t="s">
        <v>253</v>
      </c>
      <c r="C2317" s="1" t="s">
        <v>7984</v>
      </c>
      <c r="D2317" s="1" t="s">
        <v>7985</v>
      </c>
      <c r="E2317" s="1"/>
      <c r="F2317" s="1" t="s">
        <v>27</v>
      </c>
      <c r="G2317" s="1" t="s">
        <v>10</v>
      </c>
      <c r="H2317" s="1" t="s">
        <v>10</v>
      </c>
      <c r="I2317" s="1" t="s">
        <v>7628</v>
      </c>
      <c r="J2317" s="1" t="s">
        <v>7685</v>
      </c>
      <c r="K2317" s="1" t="s">
        <v>7</v>
      </c>
      <c r="L2317" s="1" t="s">
        <v>7983</v>
      </c>
      <c r="M2317" s="1" t="s">
        <v>5</v>
      </c>
      <c r="N2317" s="1" t="s">
        <v>25</v>
      </c>
      <c r="O2317" s="1" t="s">
        <v>38</v>
      </c>
      <c r="P2317" s="5" t="s">
        <v>29988</v>
      </c>
    </row>
    <row r="2318" spans="1:16" x14ac:dyDescent="0.2">
      <c r="A2318" s="1" t="s">
        <v>20</v>
      </c>
      <c r="B2318" s="1" t="s">
        <v>253</v>
      </c>
      <c r="C2318" s="1" t="s">
        <v>7987</v>
      </c>
      <c r="D2318" s="1" t="s">
        <v>10</v>
      </c>
      <c r="E2318" s="1" t="s">
        <v>7988</v>
      </c>
      <c r="F2318" s="1" t="s">
        <v>27</v>
      </c>
      <c r="G2318" s="1" t="s">
        <v>10</v>
      </c>
      <c r="H2318" s="1" t="s">
        <v>7987</v>
      </c>
      <c r="I2318" s="1" t="s">
        <v>7628</v>
      </c>
      <c r="J2318" s="1" t="s">
        <v>7674</v>
      </c>
      <c r="K2318" s="1" t="s">
        <v>27</v>
      </c>
      <c r="L2318" s="1" t="s">
        <v>7986</v>
      </c>
      <c r="M2318" s="1" t="s">
        <v>5</v>
      </c>
      <c r="N2318" s="1" t="s">
        <v>1009</v>
      </c>
      <c r="O2318" s="1" t="s">
        <v>8</v>
      </c>
      <c r="P2318" s="5" t="s">
        <v>30000</v>
      </c>
    </row>
    <row r="2319" spans="1:16" ht="38.25" x14ac:dyDescent="0.2">
      <c r="A2319" s="1" t="s">
        <v>20</v>
      </c>
      <c r="B2319" s="1" t="s">
        <v>172</v>
      </c>
      <c r="C2319" s="1" t="s">
        <v>7990</v>
      </c>
      <c r="D2319" s="1" t="s">
        <v>7991</v>
      </c>
      <c r="E2319" s="1"/>
      <c r="F2319" s="1" t="s">
        <v>27</v>
      </c>
      <c r="G2319" s="1" t="s">
        <v>10</v>
      </c>
      <c r="H2319" s="1" t="s">
        <v>7992</v>
      </c>
      <c r="I2319" s="1" t="s">
        <v>7628</v>
      </c>
      <c r="J2319" s="1" t="s">
        <v>7632</v>
      </c>
      <c r="K2319" s="1" t="s">
        <v>6533</v>
      </c>
      <c r="L2319" s="1" t="s">
        <v>7989</v>
      </c>
      <c r="M2319" s="1" t="s">
        <v>5</v>
      </c>
      <c r="N2319" s="1" t="s">
        <v>1009</v>
      </c>
      <c r="O2319" s="1" t="s">
        <v>38</v>
      </c>
      <c r="P2319" s="9" t="s">
        <v>31320</v>
      </c>
    </row>
    <row r="2320" spans="1:16" x14ac:dyDescent="0.2">
      <c r="A2320" s="1" t="s">
        <v>66</v>
      </c>
      <c r="B2320" s="1" t="s">
        <v>498</v>
      </c>
      <c r="C2320" s="1" t="s">
        <v>7994</v>
      </c>
      <c r="D2320" s="1" t="s">
        <v>7995</v>
      </c>
      <c r="E2320" s="1" t="s">
        <v>7996</v>
      </c>
      <c r="F2320" s="1" t="s">
        <v>27</v>
      </c>
      <c r="G2320" s="1" t="s">
        <v>10</v>
      </c>
      <c r="H2320" s="1" t="s">
        <v>7994</v>
      </c>
      <c r="I2320" s="1" t="s">
        <v>7628</v>
      </c>
      <c r="J2320" s="1" t="s">
        <v>7632</v>
      </c>
      <c r="K2320" s="1" t="s">
        <v>443</v>
      </c>
      <c r="L2320" s="1" t="s">
        <v>7993</v>
      </c>
      <c r="M2320" s="1" t="s">
        <v>5</v>
      </c>
      <c r="N2320" s="1" t="s">
        <v>1009</v>
      </c>
      <c r="O2320" s="1" t="s">
        <v>8</v>
      </c>
      <c r="P2320" s="5" t="s">
        <v>31321</v>
      </c>
    </row>
    <row r="2321" spans="1:16" x14ac:dyDescent="0.2">
      <c r="A2321" s="1" t="s">
        <v>329</v>
      </c>
      <c r="B2321" s="1" t="s">
        <v>1168</v>
      </c>
      <c r="C2321" s="1" t="s">
        <v>7998</v>
      </c>
      <c r="D2321" s="1" t="s">
        <v>7999</v>
      </c>
      <c r="E2321" s="1"/>
      <c r="F2321" s="1" t="s">
        <v>27</v>
      </c>
      <c r="G2321" s="1" t="s">
        <v>10</v>
      </c>
      <c r="H2321" s="1" t="s">
        <v>10</v>
      </c>
      <c r="I2321" s="1" t="s">
        <v>7628</v>
      </c>
      <c r="J2321" s="1" t="s">
        <v>7632</v>
      </c>
      <c r="K2321" s="1" t="s">
        <v>443</v>
      </c>
      <c r="L2321" s="1" t="s">
        <v>7997</v>
      </c>
      <c r="M2321" s="1" t="s">
        <v>5</v>
      </c>
      <c r="N2321" s="1" t="s">
        <v>1009</v>
      </c>
      <c r="O2321" s="1" t="s">
        <v>38</v>
      </c>
      <c r="P2321" s="5" t="s">
        <v>31321</v>
      </c>
    </row>
    <row r="2322" spans="1:16" x14ac:dyDescent="0.2">
      <c r="A2322" s="1" t="s">
        <v>20</v>
      </c>
      <c r="B2322" s="1" t="s">
        <v>253</v>
      </c>
      <c r="C2322" s="1" t="s">
        <v>8001</v>
      </c>
      <c r="D2322" s="1" t="s">
        <v>10</v>
      </c>
      <c r="E2322" s="1"/>
      <c r="F2322" s="1" t="s">
        <v>27</v>
      </c>
      <c r="G2322" s="1" t="s">
        <v>10</v>
      </c>
      <c r="H2322" s="1" t="s">
        <v>10</v>
      </c>
      <c r="I2322" s="1" t="s">
        <v>7628</v>
      </c>
      <c r="J2322" s="1" t="s">
        <v>7674</v>
      </c>
      <c r="K2322" s="1" t="s">
        <v>7</v>
      </c>
      <c r="L2322" s="1" t="s">
        <v>8000</v>
      </c>
      <c r="M2322" s="1" t="s">
        <v>5</v>
      </c>
      <c r="N2322" s="1" t="s">
        <v>25</v>
      </c>
      <c r="O2322" s="1" t="s">
        <v>38</v>
      </c>
      <c r="P2322" s="5" t="s">
        <v>30001</v>
      </c>
    </row>
    <row r="2323" spans="1:16" x14ac:dyDescent="0.2">
      <c r="A2323" s="1" t="s">
        <v>20</v>
      </c>
      <c r="B2323" s="1" t="s">
        <v>253</v>
      </c>
      <c r="C2323" s="1" t="s">
        <v>8003</v>
      </c>
      <c r="D2323" s="1" t="s">
        <v>10</v>
      </c>
      <c r="E2323" s="1"/>
      <c r="F2323" s="1" t="s">
        <v>27</v>
      </c>
      <c r="G2323" s="1" t="s">
        <v>10</v>
      </c>
      <c r="H2323" s="1" t="s">
        <v>10</v>
      </c>
      <c r="I2323" s="1" t="s">
        <v>7628</v>
      </c>
      <c r="J2323" s="1" t="s">
        <v>7674</v>
      </c>
      <c r="K2323" s="1" t="s">
        <v>7</v>
      </c>
      <c r="L2323" s="1" t="s">
        <v>8002</v>
      </c>
      <c r="M2323" s="1" t="s">
        <v>5</v>
      </c>
      <c r="N2323" s="1" t="s">
        <v>25</v>
      </c>
      <c r="O2323" s="1" t="s">
        <v>38</v>
      </c>
      <c r="P2323" s="5" t="s">
        <v>30002</v>
      </c>
    </row>
    <row r="2324" spans="1:16" x14ac:dyDescent="0.2">
      <c r="A2324" s="1" t="s">
        <v>20</v>
      </c>
      <c r="B2324" s="1" t="s">
        <v>253</v>
      </c>
      <c r="C2324" s="1" t="s">
        <v>8005</v>
      </c>
      <c r="D2324" s="1" t="s">
        <v>10</v>
      </c>
      <c r="E2324" s="1"/>
      <c r="F2324" s="1" t="s">
        <v>27</v>
      </c>
      <c r="G2324" s="1" t="s">
        <v>10</v>
      </c>
      <c r="H2324" s="1" t="s">
        <v>10</v>
      </c>
      <c r="I2324" s="1" t="s">
        <v>7628</v>
      </c>
      <c r="J2324" s="1" t="s">
        <v>7674</v>
      </c>
      <c r="K2324" s="1" t="s">
        <v>7</v>
      </c>
      <c r="L2324" s="1" t="s">
        <v>8004</v>
      </c>
      <c r="M2324" s="1" t="s">
        <v>5</v>
      </c>
      <c r="N2324" s="1" t="s">
        <v>25</v>
      </c>
      <c r="O2324" s="1" t="s">
        <v>38</v>
      </c>
      <c r="P2324" s="5" t="s">
        <v>30002</v>
      </c>
    </row>
    <row r="2325" spans="1:16" x14ac:dyDescent="0.2">
      <c r="A2325" s="1" t="s">
        <v>20</v>
      </c>
      <c r="B2325" s="1" t="s">
        <v>253</v>
      </c>
      <c r="C2325" s="1" t="s">
        <v>8007</v>
      </c>
      <c r="D2325" s="1" t="s">
        <v>8008</v>
      </c>
      <c r="E2325" s="1"/>
      <c r="F2325" s="1" t="s">
        <v>27</v>
      </c>
      <c r="G2325" s="1" t="s">
        <v>10</v>
      </c>
      <c r="H2325" s="1" t="s">
        <v>7072</v>
      </c>
      <c r="I2325" s="1" t="s">
        <v>7628</v>
      </c>
      <c r="J2325" s="1" t="s">
        <v>7632</v>
      </c>
      <c r="K2325" s="1" t="s">
        <v>7</v>
      </c>
      <c r="L2325" s="1" t="s">
        <v>8006</v>
      </c>
      <c r="M2325" s="1" t="s">
        <v>5</v>
      </c>
      <c r="N2325" s="1" t="s">
        <v>25</v>
      </c>
      <c r="O2325" s="1" t="s">
        <v>8</v>
      </c>
      <c r="P2325" s="5" t="s">
        <v>30003</v>
      </c>
    </row>
    <row r="2326" spans="1:16" x14ac:dyDescent="0.2">
      <c r="A2326" s="1" t="s">
        <v>1086</v>
      </c>
      <c r="B2326" s="1" t="s">
        <v>1181</v>
      </c>
      <c r="C2326" s="1" t="s">
        <v>8010</v>
      </c>
      <c r="D2326" s="1" t="s">
        <v>1180</v>
      </c>
      <c r="E2326" s="1"/>
      <c r="F2326" s="1" t="s">
        <v>27</v>
      </c>
      <c r="G2326" s="1" t="s">
        <v>10</v>
      </c>
      <c r="H2326" s="1" t="s">
        <v>8011</v>
      </c>
      <c r="I2326" s="1" t="s">
        <v>7628</v>
      </c>
      <c r="J2326" s="1" t="s">
        <v>7632</v>
      </c>
      <c r="K2326" s="1" t="s">
        <v>64</v>
      </c>
      <c r="L2326" s="1" t="s">
        <v>8009</v>
      </c>
      <c r="M2326" s="1" t="s">
        <v>5</v>
      </c>
      <c r="N2326" s="1" t="s">
        <v>25</v>
      </c>
      <c r="O2326" s="1" t="s">
        <v>8</v>
      </c>
      <c r="P2326" s="5" t="s">
        <v>30003</v>
      </c>
    </row>
    <row r="2327" spans="1:16" x14ac:dyDescent="0.2">
      <c r="A2327" s="1" t="s">
        <v>1086</v>
      </c>
      <c r="B2327" s="1" t="s">
        <v>8016</v>
      </c>
      <c r="C2327" s="1" t="s">
        <v>8013</v>
      </c>
      <c r="D2327" s="1" t="s">
        <v>8014</v>
      </c>
      <c r="E2327" s="1" t="s">
        <v>8015</v>
      </c>
      <c r="F2327" s="1" t="s">
        <v>27</v>
      </c>
      <c r="G2327" s="1" t="s">
        <v>10</v>
      </c>
      <c r="H2327" s="1" t="s">
        <v>8013</v>
      </c>
      <c r="I2327" s="1" t="s">
        <v>7628</v>
      </c>
      <c r="J2327" s="1" t="s">
        <v>7632</v>
      </c>
      <c r="K2327" s="1" t="s">
        <v>64</v>
      </c>
      <c r="L2327" s="1" t="s">
        <v>8012</v>
      </c>
      <c r="M2327" s="1" t="s">
        <v>5</v>
      </c>
      <c r="N2327" s="1" t="s">
        <v>1009</v>
      </c>
      <c r="O2327" s="1" t="s">
        <v>8</v>
      </c>
      <c r="P2327" s="5" t="s">
        <v>30004</v>
      </c>
    </row>
    <row r="2328" spans="1:16" x14ac:dyDescent="0.2">
      <c r="A2328" s="1" t="s">
        <v>194</v>
      </c>
      <c r="B2328" s="1" t="s">
        <v>6723</v>
      </c>
      <c r="C2328" s="1" t="s">
        <v>8018</v>
      </c>
      <c r="D2328" s="1" t="s">
        <v>10</v>
      </c>
      <c r="E2328" s="1" t="s">
        <v>10</v>
      </c>
      <c r="F2328" s="1" t="s">
        <v>27</v>
      </c>
      <c r="G2328" s="1" t="s">
        <v>10</v>
      </c>
      <c r="H2328" s="1" t="s">
        <v>8018</v>
      </c>
      <c r="I2328" s="1" t="s">
        <v>7628</v>
      </c>
      <c r="J2328" s="1" t="s">
        <v>7632</v>
      </c>
      <c r="K2328" s="1" t="s">
        <v>64</v>
      </c>
      <c r="L2328" s="1" t="s">
        <v>8017</v>
      </c>
      <c r="M2328" s="1" t="s">
        <v>5</v>
      </c>
      <c r="N2328" s="1" t="s">
        <v>1009</v>
      </c>
      <c r="O2328" s="1" t="s">
        <v>8</v>
      </c>
      <c r="P2328" s="5" t="s">
        <v>29975</v>
      </c>
    </row>
    <row r="2329" spans="1:16" x14ac:dyDescent="0.2">
      <c r="A2329" s="1" t="s">
        <v>20</v>
      </c>
      <c r="B2329" s="1" t="s">
        <v>253</v>
      </c>
      <c r="C2329" s="1" t="s">
        <v>8020</v>
      </c>
      <c r="D2329" s="1" t="s">
        <v>8021</v>
      </c>
      <c r="E2329" s="1"/>
      <c r="F2329" s="1" t="s">
        <v>27</v>
      </c>
      <c r="G2329" s="1" t="s">
        <v>10</v>
      </c>
      <c r="H2329" s="1" t="s">
        <v>6341</v>
      </c>
      <c r="I2329" s="1" t="s">
        <v>7628</v>
      </c>
      <c r="J2329" s="1" t="s">
        <v>7674</v>
      </c>
      <c r="K2329" s="1" t="s">
        <v>27</v>
      </c>
      <c r="L2329" s="1" t="s">
        <v>8019</v>
      </c>
      <c r="M2329" s="1" t="s">
        <v>5</v>
      </c>
      <c r="N2329" s="1" t="s">
        <v>25</v>
      </c>
      <c r="O2329" s="1" t="s">
        <v>8</v>
      </c>
      <c r="P2329" s="5" t="s">
        <v>30005</v>
      </c>
    </row>
    <row r="2330" spans="1:16" x14ac:dyDescent="0.2">
      <c r="A2330" s="1" t="s">
        <v>487</v>
      </c>
      <c r="B2330" s="1" t="s">
        <v>488</v>
      </c>
      <c r="C2330" s="1" t="s">
        <v>8023</v>
      </c>
      <c r="D2330" s="1" t="s">
        <v>10</v>
      </c>
      <c r="E2330" s="1"/>
      <c r="F2330" s="1" t="s">
        <v>27</v>
      </c>
      <c r="G2330" s="1" t="s">
        <v>10</v>
      </c>
      <c r="H2330" s="1" t="s">
        <v>8023</v>
      </c>
      <c r="I2330" s="1" t="s">
        <v>7628</v>
      </c>
      <c r="J2330" s="1" t="s">
        <v>7632</v>
      </c>
      <c r="K2330" s="1" t="s">
        <v>64</v>
      </c>
      <c r="L2330" s="1" t="s">
        <v>8022</v>
      </c>
      <c r="M2330" s="1" t="s">
        <v>5</v>
      </c>
      <c r="N2330" s="1" t="s">
        <v>1009</v>
      </c>
      <c r="O2330" s="1" t="s">
        <v>8</v>
      </c>
      <c r="P2330" s="5" t="s">
        <v>31322</v>
      </c>
    </row>
    <row r="2331" spans="1:16" x14ac:dyDescent="0.2">
      <c r="A2331" s="1" t="s">
        <v>487</v>
      </c>
      <c r="B2331" s="1" t="s">
        <v>488</v>
      </c>
      <c r="C2331" s="1" t="s">
        <v>8026</v>
      </c>
      <c r="D2331" s="1" t="s">
        <v>8027</v>
      </c>
      <c r="E2331" s="1"/>
      <c r="F2331" s="1" t="s">
        <v>27</v>
      </c>
      <c r="G2331" s="1" t="s">
        <v>10</v>
      </c>
      <c r="H2331" s="1" t="s">
        <v>8028</v>
      </c>
      <c r="I2331" s="1" t="s">
        <v>7628</v>
      </c>
      <c r="J2331" s="1" t="s">
        <v>7632</v>
      </c>
      <c r="K2331" s="1" t="s">
        <v>64</v>
      </c>
      <c r="L2331" s="1" t="s">
        <v>8025</v>
      </c>
      <c r="M2331" s="1" t="s">
        <v>5</v>
      </c>
      <c r="N2331" s="1" t="s">
        <v>1009</v>
      </c>
      <c r="O2331" s="1" t="s">
        <v>8</v>
      </c>
      <c r="P2331" s="5" t="s">
        <v>30006</v>
      </c>
    </row>
    <row r="2332" spans="1:16" x14ac:dyDescent="0.2">
      <c r="A2332" s="1" t="s">
        <v>66</v>
      </c>
      <c r="B2332" s="1" t="s">
        <v>1812</v>
      </c>
      <c r="C2332" s="1" t="s">
        <v>8030</v>
      </c>
      <c r="D2332" s="1" t="s">
        <v>10</v>
      </c>
      <c r="E2332" s="1" t="s">
        <v>8031</v>
      </c>
      <c r="F2332" s="1" t="s">
        <v>27</v>
      </c>
      <c r="G2332" s="1" t="s">
        <v>10</v>
      </c>
      <c r="H2332" s="1" t="s">
        <v>8030</v>
      </c>
      <c r="I2332" s="1" t="s">
        <v>7628</v>
      </c>
      <c r="J2332" s="1" t="s">
        <v>7632</v>
      </c>
      <c r="K2332" s="1" t="s">
        <v>64</v>
      </c>
      <c r="L2332" s="1" t="s">
        <v>8029</v>
      </c>
      <c r="M2332" s="1" t="s">
        <v>5</v>
      </c>
      <c r="N2332" s="1" t="s">
        <v>1009</v>
      </c>
      <c r="O2332" s="1" t="s">
        <v>8</v>
      </c>
      <c r="P2332" s="5" t="s">
        <v>30027</v>
      </c>
    </row>
    <row r="2333" spans="1:16" x14ac:dyDescent="0.2">
      <c r="A2333" s="1" t="s">
        <v>10</v>
      </c>
      <c r="B2333" s="1" t="s">
        <v>10</v>
      </c>
      <c r="C2333" s="1" t="s">
        <v>8033</v>
      </c>
      <c r="D2333" s="1" t="s">
        <v>8034</v>
      </c>
      <c r="E2333" s="1" t="s">
        <v>8035</v>
      </c>
      <c r="F2333" s="1" t="s">
        <v>27</v>
      </c>
      <c r="G2333" s="1" t="s">
        <v>10</v>
      </c>
      <c r="H2333" s="1" t="s">
        <v>10</v>
      </c>
      <c r="I2333" s="1" t="s">
        <v>7628</v>
      </c>
      <c r="J2333" s="1" t="s">
        <v>7632</v>
      </c>
      <c r="K2333" s="1" t="s">
        <v>64</v>
      </c>
      <c r="L2333" s="1" t="s">
        <v>8032</v>
      </c>
      <c r="M2333" s="1" t="s">
        <v>5</v>
      </c>
      <c r="N2333" s="1" t="s">
        <v>1009</v>
      </c>
      <c r="O2333" s="1" t="s">
        <v>38</v>
      </c>
      <c r="P2333" s="5" t="s">
        <v>29963</v>
      </c>
    </row>
    <row r="2334" spans="1:16" x14ac:dyDescent="0.2">
      <c r="A2334" s="1" t="s">
        <v>329</v>
      </c>
      <c r="B2334" s="1" t="s">
        <v>330</v>
      </c>
      <c r="C2334" s="1" t="s">
        <v>8037</v>
      </c>
      <c r="D2334" s="1" t="s">
        <v>10</v>
      </c>
      <c r="E2334" s="1" t="s">
        <v>10</v>
      </c>
      <c r="F2334" s="1" t="s">
        <v>27</v>
      </c>
      <c r="G2334" s="1" t="s">
        <v>10</v>
      </c>
      <c r="H2334" s="1" t="s">
        <v>10</v>
      </c>
      <c r="I2334" s="1" t="s">
        <v>7628</v>
      </c>
      <c r="J2334" s="1" t="s">
        <v>7632</v>
      </c>
      <c r="K2334" s="1" t="s">
        <v>7</v>
      </c>
      <c r="L2334" s="1" t="s">
        <v>8036</v>
      </c>
      <c r="M2334" s="1" t="s">
        <v>5</v>
      </c>
      <c r="N2334" s="1" t="s">
        <v>1009</v>
      </c>
      <c r="O2334" s="1" t="s">
        <v>38</v>
      </c>
      <c r="P2334" s="5" t="s">
        <v>7633</v>
      </c>
    </row>
    <row r="2335" spans="1:16" x14ac:dyDescent="0.2">
      <c r="A2335" s="1" t="s">
        <v>1385</v>
      </c>
      <c r="B2335" s="1" t="s">
        <v>2028</v>
      </c>
      <c r="C2335" s="1" t="s">
        <v>2026</v>
      </c>
      <c r="D2335" s="1" t="s">
        <v>2027</v>
      </c>
      <c r="E2335" s="1"/>
      <c r="F2335" s="1" t="s">
        <v>27</v>
      </c>
      <c r="G2335" s="1" t="s">
        <v>10</v>
      </c>
      <c r="H2335" s="1" t="s">
        <v>2026</v>
      </c>
      <c r="I2335" s="1" t="s">
        <v>7628</v>
      </c>
      <c r="J2335" s="1" t="s">
        <v>7632</v>
      </c>
      <c r="K2335" s="1" t="s">
        <v>64</v>
      </c>
      <c r="L2335" s="1" t="s">
        <v>8038</v>
      </c>
      <c r="M2335" s="1" t="s">
        <v>5</v>
      </c>
      <c r="N2335" s="1" t="s">
        <v>1009</v>
      </c>
      <c r="O2335" s="1" t="s">
        <v>8</v>
      </c>
      <c r="P2335" s="5" t="s">
        <v>29963</v>
      </c>
    </row>
    <row r="2336" spans="1:16" x14ac:dyDescent="0.2">
      <c r="A2336" s="1" t="s">
        <v>32</v>
      </c>
      <c r="B2336" s="1" t="s">
        <v>1163</v>
      </c>
      <c r="C2336" s="1" t="s">
        <v>6866</v>
      </c>
      <c r="D2336" s="1" t="s">
        <v>6867</v>
      </c>
      <c r="E2336" s="1"/>
      <c r="F2336" s="1" t="s">
        <v>27</v>
      </c>
      <c r="G2336" s="1" t="s">
        <v>10</v>
      </c>
      <c r="H2336" s="1" t="s">
        <v>6866</v>
      </c>
      <c r="I2336" s="1" t="s">
        <v>7628</v>
      </c>
      <c r="J2336" s="1" t="s">
        <v>7632</v>
      </c>
      <c r="K2336" s="1" t="s">
        <v>64</v>
      </c>
      <c r="L2336" s="1" t="s">
        <v>8039</v>
      </c>
      <c r="M2336" s="1" t="s">
        <v>5</v>
      </c>
      <c r="N2336" s="1" t="s">
        <v>1009</v>
      </c>
      <c r="O2336" s="1" t="s">
        <v>8</v>
      </c>
      <c r="P2336" s="5" t="s">
        <v>29963</v>
      </c>
    </row>
    <row r="2337" spans="1:16" x14ac:dyDescent="0.2">
      <c r="A2337" s="1" t="s">
        <v>66</v>
      </c>
      <c r="B2337" s="1" t="s">
        <v>1117</v>
      </c>
      <c r="C2337" s="1" t="s">
        <v>8041</v>
      </c>
      <c r="D2337" s="1" t="s">
        <v>8042</v>
      </c>
      <c r="E2337" s="1" t="s">
        <v>8043</v>
      </c>
      <c r="F2337" s="1" t="s">
        <v>27</v>
      </c>
      <c r="G2337" s="1" t="s">
        <v>10</v>
      </c>
      <c r="H2337" s="1" t="s">
        <v>8041</v>
      </c>
      <c r="I2337" s="1" t="s">
        <v>7628</v>
      </c>
      <c r="J2337" s="1" t="s">
        <v>7632</v>
      </c>
      <c r="K2337" s="1" t="s">
        <v>64</v>
      </c>
      <c r="L2337" s="1" t="s">
        <v>8040</v>
      </c>
      <c r="M2337" s="1" t="s">
        <v>5</v>
      </c>
      <c r="N2337" s="1" t="s">
        <v>25</v>
      </c>
      <c r="O2337" s="1" t="s">
        <v>8</v>
      </c>
      <c r="P2337" s="5" t="s">
        <v>30007</v>
      </c>
    </row>
    <row r="2338" spans="1:16" x14ac:dyDescent="0.2">
      <c r="A2338" s="1" t="s">
        <v>66</v>
      </c>
      <c r="B2338" s="1" t="s">
        <v>1117</v>
      </c>
      <c r="C2338" s="1" t="s">
        <v>8045</v>
      </c>
      <c r="D2338" s="1" t="s">
        <v>8046</v>
      </c>
      <c r="E2338" s="1" t="s">
        <v>8047</v>
      </c>
      <c r="F2338" s="1" t="s">
        <v>27</v>
      </c>
      <c r="G2338" s="1" t="s">
        <v>10</v>
      </c>
      <c r="H2338" s="1" t="s">
        <v>8048</v>
      </c>
      <c r="I2338" s="1" t="s">
        <v>7628</v>
      </c>
      <c r="J2338" s="1" t="s">
        <v>7632</v>
      </c>
      <c r="K2338" s="1" t="s">
        <v>10</v>
      </c>
      <c r="L2338" s="1" t="s">
        <v>8044</v>
      </c>
      <c r="M2338" s="1" t="s">
        <v>5</v>
      </c>
      <c r="N2338" s="1" t="s">
        <v>1009</v>
      </c>
      <c r="O2338" s="1" t="s">
        <v>8</v>
      </c>
      <c r="P2338" s="5" t="s">
        <v>30008</v>
      </c>
    </row>
    <row r="2339" spans="1:16" x14ac:dyDescent="0.2">
      <c r="A2339" s="1" t="s">
        <v>20</v>
      </c>
      <c r="B2339" s="1" t="s">
        <v>445</v>
      </c>
      <c r="C2339" s="1" t="s">
        <v>8050</v>
      </c>
      <c r="D2339" s="1" t="s">
        <v>8051</v>
      </c>
      <c r="E2339" s="1"/>
      <c r="F2339" s="1" t="s">
        <v>27</v>
      </c>
      <c r="G2339" s="1" t="s">
        <v>10</v>
      </c>
      <c r="H2339" s="1" t="s">
        <v>10</v>
      </c>
      <c r="I2339" s="1" t="s">
        <v>7628</v>
      </c>
      <c r="J2339" s="1" t="s">
        <v>7662</v>
      </c>
      <c r="K2339" s="1" t="s">
        <v>27</v>
      </c>
      <c r="L2339" s="1" t="s">
        <v>8049</v>
      </c>
      <c r="M2339" s="1" t="s">
        <v>5</v>
      </c>
      <c r="N2339" s="1" t="s">
        <v>25</v>
      </c>
      <c r="O2339" s="1" t="s">
        <v>38</v>
      </c>
      <c r="P2339" s="5" t="s">
        <v>30009</v>
      </c>
    </row>
    <row r="2340" spans="1:16" x14ac:dyDescent="0.2">
      <c r="A2340" s="1" t="s">
        <v>42</v>
      </c>
      <c r="B2340" s="1" t="s">
        <v>335</v>
      </c>
      <c r="C2340" s="1" t="s">
        <v>8054</v>
      </c>
      <c r="D2340" s="1" t="s">
        <v>8055</v>
      </c>
      <c r="E2340" s="1"/>
      <c r="F2340" s="1" t="s">
        <v>27</v>
      </c>
      <c r="G2340" s="1" t="s">
        <v>10</v>
      </c>
      <c r="H2340" s="1" t="s">
        <v>10</v>
      </c>
      <c r="I2340" s="1" t="s">
        <v>7628</v>
      </c>
      <c r="J2340" s="1" t="s">
        <v>7632</v>
      </c>
      <c r="K2340" s="1" t="s">
        <v>47</v>
      </c>
      <c r="L2340" s="1" t="s">
        <v>8053</v>
      </c>
      <c r="M2340" s="1" t="s">
        <v>5</v>
      </c>
      <c r="N2340" s="1" t="s">
        <v>1009</v>
      </c>
      <c r="O2340" s="1" t="s">
        <v>38</v>
      </c>
      <c r="P2340" s="5" t="s">
        <v>30010</v>
      </c>
    </row>
    <row r="2341" spans="1:16" x14ac:dyDescent="0.2">
      <c r="A2341" s="1" t="s">
        <v>42</v>
      </c>
      <c r="B2341" s="1" t="s">
        <v>1664</v>
      </c>
      <c r="C2341" s="1" t="s">
        <v>8058</v>
      </c>
      <c r="D2341" s="1" t="s">
        <v>8059</v>
      </c>
      <c r="E2341" s="1"/>
      <c r="F2341" s="1" t="s">
        <v>27</v>
      </c>
      <c r="G2341" s="1" t="s">
        <v>10</v>
      </c>
      <c r="H2341" s="1" t="s">
        <v>8058</v>
      </c>
      <c r="I2341" s="1" t="s">
        <v>7628</v>
      </c>
      <c r="J2341" s="1" t="s">
        <v>7632</v>
      </c>
      <c r="K2341" s="1" t="s">
        <v>130</v>
      </c>
      <c r="L2341" s="1" t="s">
        <v>8057</v>
      </c>
      <c r="M2341" s="1" t="s">
        <v>5</v>
      </c>
      <c r="N2341" s="1" t="s">
        <v>25</v>
      </c>
      <c r="O2341" s="1" t="s">
        <v>8</v>
      </c>
      <c r="P2341" s="5" t="s">
        <v>30011</v>
      </c>
    </row>
    <row r="2342" spans="1:16" x14ac:dyDescent="0.2">
      <c r="A2342" s="1" t="s">
        <v>423</v>
      </c>
      <c r="B2342" s="1" t="s">
        <v>424</v>
      </c>
      <c r="C2342" s="1" t="s">
        <v>8061</v>
      </c>
      <c r="D2342" s="1" t="s">
        <v>10</v>
      </c>
      <c r="E2342" s="1" t="s">
        <v>10</v>
      </c>
      <c r="F2342" s="1" t="s">
        <v>27</v>
      </c>
      <c r="G2342" s="1" t="s">
        <v>10</v>
      </c>
      <c r="H2342" s="1" t="s">
        <v>8061</v>
      </c>
      <c r="I2342" s="1" t="s">
        <v>7628</v>
      </c>
      <c r="J2342" s="1" t="s">
        <v>7632</v>
      </c>
      <c r="K2342" s="1" t="s">
        <v>64</v>
      </c>
      <c r="L2342" s="1" t="s">
        <v>8060</v>
      </c>
      <c r="M2342" s="1" t="s">
        <v>5</v>
      </c>
      <c r="N2342" s="1" t="s">
        <v>1009</v>
      </c>
      <c r="O2342" s="1" t="s">
        <v>8</v>
      </c>
      <c r="P2342" s="5" t="s">
        <v>30012</v>
      </c>
    </row>
    <row r="2343" spans="1:16" x14ac:dyDescent="0.2">
      <c r="A2343" s="1" t="s">
        <v>32</v>
      </c>
      <c r="B2343" s="1" t="s">
        <v>8065</v>
      </c>
      <c r="C2343" s="1" t="s">
        <v>8063</v>
      </c>
      <c r="D2343" s="1" t="s">
        <v>10</v>
      </c>
      <c r="E2343" s="1" t="s">
        <v>8064</v>
      </c>
      <c r="F2343" s="1" t="s">
        <v>27</v>
      </c>
      <c r="G2343" s="1" t="s">
        <v>10</v>
      </c>
      <c r="H2343" s="1" t="s">
        <v>8063</v>
      </c>
      <c r="I2343" s="1" t="s">
        <v>7628</v>
      </c>
      <c r="J2343" s="1" t="s">
        <v>7632</v>
      </c>
      <c r="K2343" s="1" t="s">
        <v>64</v>
      </c>
      <c r="L2343" s="1" t="s">
        <v>8062</v>
      </c>
      <c r="M2343" s="1" t="s">
        <v>5</v>
      </c>
      <c r="N2343" s="1" t="s">
        <v>25</v>
      </c>
      <c r="O2343" s="1" t="s">
        <v>8</v>
      </c>
      <c r="P2343" s="5" t="s">
        <v>29974</v>
      </c>
    </row>
    <row r="2344" spans="1:16" x14ac:dyDescent="0.2">
      <c r="A2344" s="1" t="s">
        <v>20</v>
      </c>
      <c r="B2344" s="1" t="s">
        <v>21</v>
      </c>
      <c r="C2344" s="1" t="s">
        <v>8067</v>
      </c>
      <c r="D2344" s="1" t="s">
        <v>10</v>
      </c>
      <c r="E2344" s="1" t="s">
        <v>8068</v>
      </c>
      <c r="F2344" s="1" t="s">
        <v>27</v>
      </c>
      <c r="G2344" s="1" t="s">
        <v>10</v>
      </c>
      <c r="H2344" s="1" t="s">
        <v>10</v>
      </c>
      <c r="I2344" s="1" t="s">
        <v>7628</v>
      </c>
      <c r="J2344" s="1" t="s">
        <v>7632</v>
      </c>
      <c r="K2344" s="1" t="s">
        <v>130</v>
      </c>
      <c r="L2344" s="1" t="s">
        <v>8066</v>
      </c>
      <c r="M2344" s="1" t="s">
        <v>5</v>
      </c>
      <c r="N2344" s="1" t="s">
        <v>25</v>
      </c>
      <c r="O2344" s="1" t="s">
        <v>38</v>
      </c>
      <c r="P2344" s="5" t="s">
        <v>31323</v>
      </c>
    </row>
    <row r="2345" spans="1:16" x14ac:dyDescent="0.2">
      <c r="A2345" s="1" t="s">
        <v>423</v>
      </c>
      <c r="B2345" s="1" t="s">
        <v>424</v>
      </c>
      <c r="C2345" s="1" t="s">
        <v>8070</v>
      </c>
      <c r="D2345" s="1" t="s">
        <v>10</v>
      </c>
      <c r="E2345" s="1" t="s">
        <v>10</v>
      </c>
      <c r="F2345" s="1" t="s">
        <v>27</v>
      </c>
      <c r="G2345" s="1" t="s">
        <v>10</v>
      </c>
      <c r="H2345" s="1" t="s">
        <v>8070</v>
      </c>
      <c r="I2345" s="1" t="s">
        <v>7628</v>
      </c>
      <c r="J2345" s="1" t="s">
        <v>7632</v>
      </c>
      <c r="K2345" s="1" t="s">
        <v>64</v>
      </c>
      <c r="L2345" s="1" t="s">
        <v>8069</v>
      </c>
      <c r="M2345" s="1" t="s">
        <v>5</v>
      </c>
      <c r="N2345" s="1" t="s">
        <v>1009</v>
      </c>
      <c r="O2345" s="1" t="s">
        <v>8</v>
      </c>
      <c r="P2345" s="5" t="s">
        <v>29975</v>
      </c>
    </row>
    <row r="2346" spans="1:16" x14ac:dyDescent="0.2">
      <c r="A2346" s="1" t="s">
        <v>423</v>
      </c>
      <c r="B2346" s="1" t="s">
        <v>424</v>
      </c>
      <c r="C2346" s="1" t="s">
        <v>1106</v>
      </c>
      <c r="D2346" s="1" t="s">
        <v>1107</v>
      </c>
      <c r="E2346" s="1" t="s">
        <v>8072</v>
      </c>
      <c r="F2346" s="1" t="s">
        <v>27</v>
      </c>
      <c r="G2346" s="1" t="s">
        <v>10</v>
      </c>
      <c r="H2346" s="1" t="s">
        <v>8073</v>
      </c>
      <c r="I2346" s="1" t="s">
        <v>7628</v>
      </c>
      <c r="J2346" s="1" t="s">
        <v>7632</v>
      </c>
      <c r="K2346" s="1" t="s">
        <v>64</v>
      </c>
      <c r="L2346" s="1" t="s">
        <v>8071</v>
      </c>
      <c r="M2346" s="1" t="s">
        <v>5</v>
      </c>
      <c r="N2346" s="1" t="s">
        <v>25</v>
      </c>
      <c r="O2346" s="1" t="s">
        <v>8</v>
      </c>
      <c r="P2346" s="5" t="s">
        <v>29974</v>
      </c>
    </row>
    <row r="2347" spans="1:16" x14ac:dyDescent="0.2">
      <c r="A2347" s="1" t="s">
        <v>194</v>
      </c>
      <c r="B2347" s="1" t="s">
        <v>7145</v>
      </c>
      <c r="C2347" s="1" t="s">
        <v>8075</v>
      </c>
      <c r="D2347" s="1" t="s">
        <v>10</v>
      </c>
      <c r="E2347" s="1" t="s">
        <v>8076</v>
      </c>
      <c r="F2347" s="1" t="s">
        <v>27</v>
      </c>
      <c r="G2347" s="1" t="s">
        <v>10</v>
      </c>
      <c r="H2347" s="1" t="s">
        <v>8075</v>
      </c>
      <c r="I2347" s="1" t="s">
        <v>7628</v>
      </c>
      <c r="J2347" s="1" t="s">
        <v>7632</v>
      </c>
      <c r="K2347" s="1" t="s">
        <v>6533</v>
      </c>
      <c r="L2347" s="1" t="s">
        <v>8074</v>
      </c>
      <c r="M2347" s="1" t="s">
        <v>5</v>
      </c>
      <c r="N2347" s="1" t="s">
        <v>1009</v>
      </c>
      <c r="O2347" s="1" t="s">
        <v>8</v>
      </c>
      <c r="P2347" s="5" t="s">
        <v>29963</v>
      </c>
    </row>
    <row r="2348" spans="1:16" x14ac:dyDescent="0.2">
      <c r="A2348" s="1" t="s">
        <v>42</v>
      </c>
      <c r="B2348" s="1" t="s">
        <v>118</v>
      </c>
      <c r="C2348" s="1" t="s">
        <v>8078</v>
      </c>
      <c r="D2348" s="1" t="s">
        <v>10</v>
      </c>
      <c r="E2348" s="1" t="s">
        <v>8079</v>
      </c>
      <c r="F2348" s="1" t="s">
        <v>27</v>
      </c>
      <c r="G2348" s="1" t="s">
        <v>10</v>
      </c>
      <c r="H2348" s="1" t="s">
        <v>8080</v>
      </c>
      <c r="I2348" s="1" t="s">
        <v>7628</v>
      </c>
      <c r="J2348" s="1" t="s">
        <v>7674</v>
      </c>
      <c r="K2348" s="1" t="s">
        <v>27</v>
      </c>
      <c r="L2348" s="1" t="s">
        <v>8077</v>
      </c>
      <c r="M2348" s="1" t="s">
        <v>5</v>
      </c>
      <c r="N2348" s="1" t="s">
        <v>1009</v>
      </c>
      <c r="O2348" s="1" t="s">
        <v>8</v>
      </c>
      <c r="P2348" s="5" t="s">
        <v>30013</v>
      </c>
    </row>
    <row r="2349" spans="1:16" x14ac:dyDescent="0.2">
      <c r="A2349" s="1" t="s">
        <v>20</v>
      </c>
      <c r="B2349" s="1" t="s">
        <v>93</v>
      </c>
      <c r="C2349" s="1" t="s">
        <v>8082</v>
      </c>
      <c r="D2349" s="1" t="s">
        <v>8083</v>
      </c>
      <c r="E2349" s="1"/>
      <c r="F2349" s="1" t="s">
        <v>27</v>
      </c>
      <c r="G2349" s="1" t="s">
        <v>10</v>
      </c>
      <c r="H2349" s="1" t="s">
        <v>8082</v>
      </c>
      <c r="I2349" s="1" t="s">
        <v>7628</v>
      </c>
      <c r="J2349" s="1" t="s">
        <v>7632</v>
      </c>
      <c r="K2349" s="1" t="s">
        <v>130</v>
      </c>
      <c r="L2349" s="1" t="s">
        <v>8081</v>
      </c>
      <c r="M2349" s="1" t="s">
        <v>5</v>
      </c>
      <c r="N2349" s="1" t="s">
        <v>25</v>
      </c>
      <c r="O2349" s="1" t="s">
        <v>8</v>
      </c>
      <c r="P2349" s="5" t="s">
        <v>29983</v>
      </c>
    </row>
    <row r="2350" spans="1:16" x14ac:dyDescent="0.2">
      <c r="A2350" s="1" t="s">
        <v>32</v>
      </c>
      <c r="B2350" s="1" t="s">
        <v>7383</v>
      </c>
      <c r="C2350" s="1" t="s">
        <v>8085</v>
      </c>
      <c r="D2350" s="1" t="s">
        <v>10</v>
      </c>
      <c r="E2350" s="1" t="s">
        <v>8086</v>
      </c>
      <c r="F2350" s="1" t="s">
        <v>27</v>
      </c>
      <c r="G2350" s="1" t="s">
        <v>10</v>
      </c>
      <c r="H2350" s="1" t="s">
        <v>7816</v>
      </c>
      <c r="I2350" s="1" t="s">
        <v>7628</v>
      </c>
      <c r="J2350" s="1" t="s">
        <v>7632</v>
      </c>
      <c r="K2350" s="1" t="s">
        <v>64</v>
      </c>
      <c r="L2350" s="1" t="s">
        <v>8084</v>
      </c>
      <c r="M2350" s="1" t="s">
        <v>5</v>
      </c>
      <c r="N2350" s="1" t="s">
        <v>25</v>
      </c>
      <c r="O2350" s="1" t="s">
        <v>8</v>
      </c>
      <c r="P2350" s="5" t="s">
        <v>29990</v>
      </c>
    </row>
    <row r="2351" spans="1:16" x14ac:dyDescent="0.2">
      <c r="A2351" s="1" t="s">
        <v>10</v>
      </c>
      <c r="B2351" s="1" t="s">
        <v>10</v>
      </c>
      <c r="C2351" s="1" t="s">
        <v>8088</v>
      </c>
      <c r="D2351" s="1" t="s">
        <v>10</v>
      </c>
      <c r="E2351" s="1"/>
      <c r="F2351" s="1" t="s">
        <v>27</v>
      </c>
      <c r="G2351" s="1" t="s">
        <v>10</v>
      </c>
      <c r="H2351" s="1" t="s">
        <v>8088</v>
      </c>
      <c r="I2351" s="1" t="s">
        <v>7628</v>
      </c>
      <c r="J2351" s="1" t="s">
        <v>7632</v>
      </c>
      <c r="K2351" s="1" t="s">
        <v>64</v>
      </c>
      <c r="L2351" s="1" t="s">
        <v>8087</v>
      </c>
      <c r="M2351" s="1" t="s">
        <v>5</v>
      </c>
      <c r="N2351" s="1" t="s">
        <v>1009</v>
      </c>
      <c r="O2351" s="1" t="s">
        <v>8</v>
      </c>
      <c r="P2351" s="5" t="s">
        <v>31324</v>
      </c>
    </row>
    <row r="2352" spans="1:16" x14ac:dyDescent="0.2">
      <c r="A2352" s="1" t="s">
        <v>32</v>
      </c>
      <c r="B2352" s="1" t="s">
        <v>33</v>
      </c>
      <c r="C2352" s="1" t="s">
        <v>8090</v>
      </c>
      <c r="D2352" s="1" t="s">
        <v>7740</v>
      </c>
      <c r="E2352" s="1" t="s">
        <v>8091</v>
      </c>
      <c r="F2352" s="1" t="s">
        <v>27</v>
      </c>
      <c r="G2352" s="1" t="s">
        <v>10</v>
      </c>
      <c r="H2352" s="1" t="s">
        <v>10</v>
      </c>
      <c r="I2352" s="1" t="s">
        <v>7628</v>
      </c>
      <c r="J2352" s="1" t="s">
        <v>7632</v>
      </c>
      <c r="K2352" s="1" t="s">
        <v>64</v>
      </c>
      <c r="L2352" s="1" t="s">
        <v>8089</v>
      </c>
      <c r="M2352" s="1" t="s">
        <v>5</v>
      </c>
      <c r="N2352" s="1" t="s">
        <v>25</v>
      </c>
      <c r="O2352" s="1" t="s">
        <v>38</v>
      </c>
      <c r="P2352" s="5" t="s">
        <v>31325</v>
      </c>
    </row>
    <row r="2353" spans="1:16" x14ac:dyDescent="0.2">
      <c r="A2353" s="1" t="s">
        <v>20</v>
      </c>
      <c r="B2353" s="1" t="s">
        <v>253</v>
      </c>
      <c r="C2353" s="1" t="s">
        <v>8093</v>
      </c>
      <c r="D2353" s="1" t="s">
        <v>10</v>
      </c>
      <c r="E2353" s="1"/>
      <c r="F2353" s="1" t="s">
        <v>27</v>
      </c>
      <c r="G2353" s="1" t="s">
        <v>10</v>
      </c>
      <c r="H2353" s="1" t="s">
        <v>8093</v>
      </c>
      <c r="I2353" s="1" t="s">
        <v>7628</v>
      </c>
      <c r="J2353" s="1" t="s">
        <v>7674</v>
      </c>
      <c r="K2353" s="1" t="s">
        <v>27</v>
      </c>
      <c r="L2353" s="1" t="s">
        <v>8092</v>
      </c>
      <c r="M2353" s="1" t="s">
        <v>5</v>
      </c>
      <c r="N2353" s="1" t="s">
        <v>1597</v>
      </c>
      <c r="O2353" s="1" t="s">
        <v>8</v>
      </c>
      <c r="P2353" s="5" t="s">
        <v>30014</v>
      </c>
    </row>
    <row r="2354" spans="1:16" x14ac:dyDescent="0.2">
      <c r="A2354" s="1" t="s">
        <v>20</v>
      </c>
      <c r="B2354" s="1" t="s">
        <v>445</v>
      </c>
      <c r="C2354" s="1" t="s">
        <v>8095</v>
      </c>
      <c r="D2354" s="1" t="s">
        <v>8096</v>
      </c>
      <c r="E2354" s="1" t="s">
        <v>8097</v>
      </c>
      <c r="F2354" s="1" t="s">
        <v>27</v>
      </c>
      <c r="G2354" s="1" t="s">
        <v>10</v>
      </c>
      <c r="H2354" s="1" t="s">
        <v>8098</v>
      </c>
      <c r="I2354" s="1" t="s">
        <v>7628</v>
      </c>
      <c r="J2354" s="1" t="s">
        <v>7632</v>
      </c>
      <c r="K2354" s="1" t="s">
        <v>64</v>
      </c>
      <c r="L2354" s="1" t="s">
        <v>8094</v>
      </c>
      <c r="M2354" s="1" t="s">
        <v>5</v>
      </c>
      <c r="N2354" s="1" t="s">
        <v>25</v>
      </c>
      <c r="O2354" s="1" t="s">
        <v>8</v>
      </c>
      <c r="P2354" s="5" t="s">
        <v>30015</v>
      </c>
    </row>
    <row r="2355" spans="1:16" x14ac:dyDescent="0.2">
      <c r="A2355" s="1" t="s">
        <v>66</v>
      </c>
      <c r="B2355" s="1" t="s">
        <v>1117</v>
      </c>
      <c r="C2355" s="1" t="s">
        <v>8100</v>
      </c>
      <c r="D2355" s="1" t="s">
        <v>8101</v>
      </c>
      <c r="E2355" s="1" t="s">
        <v>8102</v>
      </c>
      <c r="F2355" s="1" t="s">
        <v>27</v>
      </c>
      <c r="G2355" s="1" t="s">
        <v>10</v>
      </c>
      <c r="H2355" s="1" t="s">
        <v>8048</v>
      </c>
      <c r="I2355" s="1" t="s">
        <v>7628</v>
      </c>
      <c r="J2355" s="1" t="s">
        <v>7632</v>
      </c>
      <c r="K2355" s="1" t="s">
        <v>10</v>
      </c>
      <c r="L2355" s="1" t="s">
        <v>8099</v>
      </c>
      <c r="M2355" s="1" t="s">
        <v>5</v>
      </c>
      <c r="N2355" s="1" t="s">
        <v>1009</v>
      </c>
      <c r="O2355" s="1" t="s">
        <v>8</v>
      </c>
      <c r="P2355" s="5" t="s">
        <v>30016</v>
      </c>
    </row>
    <row r="2356" spans="1:16" x14ac:dyDescent="0.2">
      <c r="A2356" s="1" t="s">
        <v>20</v>
      </c>
      <c r="B2356" s="1" t="s">
        <v>310</v>
      </c>
      <c r="C2356" s="1" t="s">
        <v>8104</v>
      </c>
      <c r="D2356" s="1" t="s">
        <v>8105</v>
      </c>
      <c r="E2356" s="1" t="s">
        <v>8106</v>
      </c>
      <c r="F2356" s="1" t="s">
        <v>27</v>
      </c>
      <c r="G2356" s="1" t="s">
        <v>10</v>
      </c>
      <c r="H2356" s="1" t="s">
        <v>8107</v>
      </c>
      <c r="I2356" s="1" t="s">
        <v>7628</v>
      </c>
      <c r="J2356" s="1" t="s">
        <v>7662</v>
      </c>
      <c r="K2356" s="1" t="s">
        <v>27</v>
      </c>
      <c r="L2356" s="1" t="s">
        <v>8103</v>
      </c>
      <c r="M2356" s="1" t="s">
        <v>5</v>
      </c>
      <c r="N2356" s="1" t="s">
        <v>25</v>
      </c>
      <c r="O2356" s="1" t="s">
        <v>8</v>
      </c>
      <c r="P2356" s="5" t="s">
        <v>30017</v>
      </c>
    </row>
    <row r="2357" spans="1:16" x14ac:dyDescent="0.2">
      <c r="A2357" s="1" t="s">
        <v>20</v>
      </c>
      <c r="B2357" s="1" t="s">
        <v>445</v>
      </c>
      <c r="C2357" s="1" t="s">
        <v>8109</v>
      </c>
      <c r="D2357" s="1" t="s">
        <v>8110</v>
      </c>
      <c r="E2357" s="1"/>
      <c r="F2357" s="1" t="s">
        <v>27</v>
      </c>
      <c r="G2357" s="1" t="s">
        <v>10</v>
      </c>
      <c r="H2357" s="1" t="s">
        <v>10</v>
      </c>
      <c r="I2357" s="1" t="s">
        <v>7628</v>
      </c>
      <c r="J2357" s="1" t="s">
        <v>7632</v>
      </c>
      <c r="K2357" s="1" t="s">
        <v>64</v>
      </c>
      <c r="L2357" s="1" t="s">
        <v>8108</v>
      </c>
      <c r="M2357" s="1" t="s">
        <v>5</v>
      </c>
      <c r="N2357" s="1" t="s">
        <v>25</v>
      </c>
      <c r="O2357" s="1" t="s">
        <v>38</v>
      </c>
      <c r="P2357" s="5" t="s">
        <v>30018</v>
      </c>
    </row>
    <row r="2358" spans="1:16" x14ac:dyDescent="0.2">
      <c r="A2358" s="1" t="s">
        <v>42</v>
      </c>
      <c r="B2358" s="1" t="s">
        <v>1664</v>
      </c>
      <c r="C2358" s="1" t="s">
        <v>8112</v>
      </c>
      <c r="D2358" s="1" t="s">
        <v>8112</v>
      </c>
      <c r="E2358" s="1"/>
      <c r="F2358" s="1" t="s">
        <v>27</v>
      </c>
      <c r="G2358" s="1" t="s">
        <v>10</v>
      </c>
      <c r="H2358" s="1" t="s">
        <v>10</v>
      </c>
      <c r="I2358" s="1" t="s">
        <v>7628</v>
      </c>
      <c r="J2358" s="1" t="s">
        <v>7632</v>
      </c>
      <c r="K2358" s="1" t="s">
        <v>10</v>
      </c>
      <c r="L2358" s="1" t="s">
        <v>8111</v>
      </c>
      <c r="M2358" s="1" t="s">
        <v>5</v>
      </c>
      <c r="N2358" s="1" t="s">
        <v>25</v>
      </c>
      <c r="O2358" s="1" t="s">
        <v>38</v>
      </c>
      <c r="P2358" s="5" t="s">
        <v>29974</v>
      </c>
    </row>
    <row r="2359" spans="1:16" x14ac:dyDescent="0.2">
      <c r="A2359" s="1" t="s">
        <v>20</v>
      </c>
      <c r="B2359" s="1" t="s">
        <v>93</v>
      </c>
      <c r="C2359" s="1" t="s">
        <v>1904</v>
      </c>
      <c r="D2359" s="1" t="s">
        <v>1904</v>
      </c>
      <c r="E2359" s="1"/>
      <c r="F2359" s="1" t="s">
        <v>27</v>
      </c>
      <c r="G2359" s="1" t="s">
        <v>10</v>
      </c>
      <c r="H2359" s="1" t="s">
        <v>8114</v>
      </c>
      <c r="I2359" s="1" t="s">
        <v>7628</v>
      </c>
      <c r="J2359" s="1" t="s">
        <v>7632</v>
      </c>
      <c r="K2359" s="1" t="s">
        <v>10</v>
      </c>
      <c r="L2359" s="1" t="s">
        <v>8113</v>
      </c>
      <c r="M2359" s="1" t="s">
        <v>5</v>
      </c>
      <c r="N2359" s="1" t="s">
        <v>1597</v>
      </c>
      <c r="O2359" s="1" t="s">
        <v>8</v>
      </c>
      <c r="P2359" s="5" t="s">
        <v>10</v>
      </c>
    </row>
    <row r="2360" spans="1:16" x14ac:dyDescent="0.2">
      <c r="A2360" s="1" t="s">
        <v>42</v>
      </c>
      <c r="B2360" s="1" t="s">
        <v>118</v>
      </c>
      <c r="C2360" s="1" t="s">
        <v>8116</v>
      </c>
      <c r="D2360" s="1" t="s">
        <v>3591</v>
      </c>
      <c r="E2360" s="1"/>
      <c r="F2360" s="1" t="s">
        <v>10</v>
      </c>
      <c r="G2360" s="1" t="s">
        <v>10</v>
      </c>
      <c r="H2360" s="1" t="s">
        <v>10</v>
      </c>
      <c r="I2360" s="1" t="s">
        <v>7628</v>
      </c>
      <c r="J2360" s="1" t="s">
        <v>10</v>
      </c>
      <c r="K2360" s="1" t="s">
        <v>10</v>
      </c>
      <c r="L2360" s="1" t="s">
        <v>8115</v>
      </c>
      <c r="M2360" s="1" t="s">
        <v>5</v>
      </c>
      <c r="N2360" s="1" t="s">
        <v>1597</v>
      </c>
      <c r="O2360" s="1" t="s">
        <v>8</v>
      </c>
      <c r="P2360" s="5"/>
    </row>
    <row r="2361" spans="1:16" x14ac:dyDescent="0.2">
      <c r="A2361" s="1" t="s">
        <v>20</v>
      </c>
      <c r="B2361" s="1" t="s">
        <v>101</v>
      </c>
      <c r="C2361" s="1" t="s">
        <v>8118</v>
      </c>
      <c r="D2361" s="1" t="s">
        <v>8118</v>
      </c>
      <c r="E2361" s="1" t="s">
        <v>8119</v>
      </c>
      <c r="F2361" s="1" t="s">
        <v>27</v>
      </c>
      <c r="G2361" s="1" t="s">
        <v>10</v>
      </c>
      <c r="H2361" s="1" t="s">
        <v>10</v>
      </c>
      <c r="I2361" s="1" t="s">
        <v>7628</v>
      </c>
      <c r="J2361" s="1" t="s">
        <v>7632</v>
      </c>
      <c r="K2361" s="1" t="s">
        <v>47</v>
      </c>
      <c r="L2361" s="1" t="s">
        <v>8117</v>
      </c>
      <c r="M2361" s="1" t="s">
        <v>5</v>
      </c>
      <c r="N2361" s="1" t="s">
        <v>25</v>
      </c>
      <c r="O2361" s="1" t="s">
        <v>38</v>
      </c>
      <c r="P2361" s="5" t="s">
        <v>30019</v>
      </c>
    </row>
    <row r="2362" spans="1:16" x14ac:dyDescent="0.2">
      <c r="A2362" s="1" t="s">
        <v>20</v>
      </c>
      <c r="B2362" s="1" t="s">
        <v>253</v>
      </c>
      <c r="C2362" s="1" t="s">
        <v>8121</v>
      </c>
      <c r="D2362" s="1" t="s">
        <v>10</v>
      </c>
      <c r="E2362" s="1"/>
      <c r="F2362" s="1" t="s">
        <v>27</v>
      </c>
      <c r="G2362" s="1" t="s">
        <v>10</v>
      </c>
      <c r="H2362" s="1" t="s">
        <v>10</v>
      </c>
      <c r="I2362" s="1" t="s">
        <v>7628</v>
      </c>
      <c r="J2362" s="1" t="s">
        <v>7662</v>
      </c>
      <c r="K2362" s="1" t="s">
        <v>27</v>
      </c>
      <c r="L2362" s="1" t="s">
        <v>8120</v>
      </c>
      <c r="M2362" s="1" t="s">
        <v>5</v>
      </c>
      <c r="N2362" s="1" t="s">
        <v>1009</v>
      </c>
      <c r="O2362" s="1" t="s">
        <v>38</v>
      </c>
      <c r="P2362" s="5" t="s">
        <v>29963</v>
      </c>
    </row>
    <row r="2363" spans="1:16" x14ac:dyDescent="0.2">
      <c r="A2363" s="1" t="s">
        <v>42</v>
      </c>
      <c r="B2363" s="1" t="s">
        <v>118</v>
      </c>
      <c r="C2363" s="1" t="s">
        <v>8123</v>
      </c>
      <c r="D2363" s="1" t="s">
        <v>10</v>
      </c>
      <c r="E2363" s="1" t="s">
        <v>8079</v>
      </c>
      <c r="F2363" s="1" t="s">
        <v>27</v>
      </c>
      <c r="G2363" s="1" t="s">
        <v>10</v>
      </c>
      <c r="H2363" s="1" t="s">
        <v>8080</v>
      </c>
      <c r="I2363" s="1" t="s">
        <v>7628</v>
      </c>
      <c r="J2363" s="1" t="s">
        <v>7674</v>
      </c>
      <c r="K2363" s="1" t="s">
        <v>27</v>
      </c>
      <c r="L2363" s="1" t="s">
        <v>8122</v>
      </c>
      <c r="M2363" s="1" t="s">
        <v>5</v>
      </c>
      <c r="N2363" s="1" t="s">
        <v>1009</v>
      </c>
      <c r="O2363" s="1" t="s">
        <v>8</v>
      </c>
      <c r="P2363" s="5" t="s">
        <v>30013</v>
      </c>
    </row>
    <row r="2364" spans="1:16" x14ac:dyDescent="0.2">
      <c r="A2364" s="1" t="s">
        <v>42</v>
      </c>
      <c r="B2364" s="1" t="s">
        <v>1890</v>
      </c>
      <c r="C2364" s="1" t="s">
        <v>8125</v>
      </c>
      <c r="D2364" s="1" t="s">
        <v>8126</v>
      </c>
      <c r="E2364" s="1" t="s">
        <v>10</v>
      </c>
      <c r="F2364" s="1" t="s">
        <v>27</v>
      </c>
      <c r="G2364" s="1" t="s">
        <v>10</v>
      </c>
      <c r="H2364" s="1" t="s">
        <v>10</v>
      </c>
      <c r="I2364" s="1" t="s">
        <v>7628</v>
      </c>
      <c r="J2364" s="1" t="s">
        <v>7632</v>
      </c>
      <c r="K2364" s="1" t="s">
        <v>47</v>
      </c>
      <c r="L2364" s="1" t="s">
        <v>8124</v>
      </c>
      <c r="M2364" s="1" t="s">
        <v>5</v>
      </c>
      <c r="N2364" s="1" t="s">
        <v>25</v>
      </c>
      <c r="O2364" s="1" t="s">
        <v>38</v>
      </c>
      <c r="P2364" s="5" t="s">
        <v>29990</v>
      </c>
    </row>
    <row r="2365" spans="1:16" x14ac:dyDescent="0.2">
      <c r="A2365" s="1" t="s">
        <v>42</v>
      </c>
      <c r="B2365" s="1" t="s">
        <v>1664</v>
      </c>
      <c r="C2365" s="1" t="s">
        <v>8128</v>
      </c>
      <c r="D2365" s="1" t="s">
        <v>8129</v>
      </c>
      <c r="E2365" s="1"/>
      <c r="F2365" s="1" t="s">
        <v>27</v>
      </c>
      <c r="G2365" s="1" t="s">
        <v>10</v>
      </c>
      <c r="H2365" s="1" t="s">
        <v>10</v>
      </c>
      <c r="I2365" s="1" t="s">
        <v>7628</v>
      </c>
      <c r="J2365" s="1" t="s">
        <v>7632</v>
      </c>
      <c r="K2365" s="1" t="s">
        <v>64</v>
      </c>
      <c r="L2365" s="1" t="s">
        <v>8127</v>
      </c>
      <c r="M2365" s="1" t="s">
        <v>5</v>
      </c>
      <c r="N2365" s="1" t="s">
        <v>25</v>
      </c>
      <c r="O2365" s="1" t="s">
        <v>38</v>
      </c>
      <c r="P2365" s="5" t="s">
        <v>29964</v>
      </c>
    </row>
    <row r="2366" spans="1:16" x14ac:dyDescent="0.2">
      <c r="A2366" s="1" t="s">
        <v>329</v>
      </c>
      <c r="B2366" s="1" t="s">
        <v>1738</v>
      </c>
      <c r="C2366" s="1" t="s">
        <v>8131</v>
      </c>
      <c r="D2366" s="1" t="s">
        <v>10</v>
      </c>
      <c r="E2366" s="1" t="s">
        <v>8132</v>
      </c>
      <c r="F2366" s="1" t="s">
        <v>27</v>
      </c>
      <c r="G2366" s="1" t="s">
        <v>10</v>
      </c>
      <c r="H2366" s="1" t="s">
        <v>10</v>
      </c>
      <c r="I2366" s="1" t="s">
        <v>7628</v>
      </c>
      <c r="J2366" s="1" t="s">
        <v>7632</v>
      </c>
      <c r="K2366" s="1" t="s">
        <v>7</v>
      </c>
      <c r="L2366" s="1" t="s">
        <v>8130</v>
      </c>
      <c r="M2366" s="1" t="s">
        <v>5</v>
      </c>
      <c r="N2366" s="1" t="s">
        <v>25</v>
      </c>
      <c r="O2366" s="1" t="s">
        <v>38</v>
      </c>
      <c r="P2366" s="5" t="s">
        <v>29971</v>
      </c>
    </row>
    <row r="2367" spans="1:16" x14ac:dyDescent="0.2">
      <c r="A2367" s="1" t="s">
        <v>329</v>
      </c>
      <c r="B2367" s="1" t="s">
        <v>1976</v>
      </c>
      <c r="C2367" s="1" t="s">
        <v>8134</v>
      </c>
      <c r="D2367" s="1" t="s">
        <v>10</v>
      </c>
      <c r="E2367" s="1"/>
      <c r="F2367" s="1" t="s">
        <v>27</v>
      </c>
      <c r="G2367" s="1" t="s">
        <v>10</v>
      </c>
      <c r="H2367" s="1" t="s">
        <v>10</v>
      </c>
      <c r="I2367" s="1" t="s">
        <v>7628</v>
      </c>
      <c r="J2367" s="1" t="s">
        <v>7632</v>
      </c>
      <c r="K2367" s="1" t="s">
        <v>100</v>
      </c>
      <c r="L2367" s="1" t="s">
        <v>8133</v>
      </c>
      <c r="M2367" s="1" t="s">
        <v>5</v>
      </c>
      <c r="N2367" s="1" t="s">
        <v>25</v>
      </c>
      <c r="O2367" s="1" t="s">
        <v>38</v>
      </c>
      <c r="P2367" s="5" t="s">
        <v>30020</v>
      </c>
    </row>
    <row r="2368" spans="1:16" x14ac:dyDescent="0.2">
      <c r="A2368" s="1" t="s">
        <v>329</v>
      </c>
      <c r="B2368" s="1" t="s">
        <v>330</v>
      </c>
      <c r="C2368" s="1" t="s">
        <v>8136</v>
      </c>
      <c r="D2368" s="1" t="s">
        <v>10</v>
      </c>
      <c r="E2368" s="1"/>
      <c r="F2368" s="1" t="s">
        <v>27</v>
      </c>
      <c r="G2368" s="1" t="s">
        <v>10</v>
      </c>
      <c r="H2368" s="1" t="s">
        <v>8136</v>
      </c>
      <c r="I2368" s="1" t="s">
        <v>7628</v>
      </c>
      <c r="J2368" s="1" t="s">
        <v>7632</v>
      </c>
      <c r="K2368" s="1" t="s">
        <v>6533</v>
      </c>
      <c r="L2368" s="1" t="s">
        <v>8135</v>
      </c>
      <c r="M2368" s="1" t="s">
        <v>5</v>
      </c>
      <c r="N2368" s="1" t="s">
        <v>1597</v>
      </c>
      <c r="O2368" s="1" t="s">
        <v>8</v>
      </c>
      <c r="P2368" s="5" t="s">
        <v>10</v>
      </c>
    </row>
    <row r="2369" spans="1:16" x14ac:dyDescent="0.2">
      <c r="A2369" s="1" t="s">
        <v>42</v>
      </c>
      <c r="B2369" s="1" t="s">
        <v>1664</v>
      </c>
      <c r="C2369" s="1" t="s">
        <v>8138</v>
      </c>
      <c r="D2369" s="1" t="s">
        <v>3173</v>
      </c>
      <c r="E2369" s="1" t="s">
        <v>8139</v>
      </c>
      <c r="F2369" s="1" t="s">
        <v>27</v>
      </c>
      <c r="G2369" s="1" t="s">
        <v>10</v>
      </c>
      <c r="H2369" s="1" t="s">
        <v>10</v>
      </c>
      <c r="I2369" s="1" t="s">
        <v>7628</v>
      </c>
      <c r="J2369" s="1" t="s">
        <v>7632</v>
      </c>
      <c r="K2369" s="1" t="s">
        <v>47</v>
      </c>
      <c r="L2369" s="1" t="s">
        <v>8137</v>
      </c>
      <c r="M2369" s="1" t="s">
        <v>5</v>
      </c>
      <c r="N2369" s="1" t="s">
        <v>25</v>
      </c>
      <c r="O2369" s="1" t="s">
        <v>38</v>
      </c>
      <c r="P2369" s="5" t="s">
        <v>30021</v>
      </c>
    </row>
    <row r="2370" spans="1:16" x14ac:dyDescent="0.2">
      <c r="A2370" s="1" t="s">
        <v>329</v>
      </c>
      <c r="B2370" s="1" t="s">
        <v>330</v>
      </c>
      <c r="C2370" s="1" t="s">
        <v>8141</v>
      </c>
      <c r="D2370" s="1" t="s">
        <v>8142</v>
      </c>
      <c r="E2370" s="1"/>
      <c r="F2370" s="1" t="s">
        <v>27</v>
      </c>
      <c r="G2370" s="1" t="s">
        <v>10</v>
      </c>
      <c r="H2370" s="1" t="s">
        <v>8143</v>
      </c>
      <c r="I2370" s="1" t="s">
        <v>7628</v>
      </c>
      <c r="J2370" s="1" t="s">
        <v>7632</v>
      </c>
      <c r="K2370" s="1" t="s">
        <v>64</v>
      </c>
      <c r="L2370" s="1" t="s">
        <v>8140</v>
      </c>
      <c r="M2370" s="1" t="s">
        <v>5</v>
      </c>
      <c r="N2370" s="1" t="s">
        <v>25</v>
      </c>
      <c r="O2370" s="1" t="s">
        <v>8</v>
      </c>
      <c r="P2370" s="5" t="s">
        <v>30022</v>
      </c>
    </row>
    <row r="2371" spans="1:16" x14ac:dyDescent="0.2">
      <c r="A2371" s="1" t="s">
        <v>487</v>
      </c>
      <c r="B2371" s="1" t="s">
        <v>488</v>
      </c>
      <c r="C2371" s="1" t="s">
        <v>8145</v>
      </c>
      <c r="D2371" s="1" t="s">
        <v>8145</v>
      </c>
      <c r="E2371" s="1" t="s">
        <v>8146</v>
      </c>
      <c r="F2371" s="1" t="s">
        <v>27</v>
      </c>
      <c r="G2371" s="1" t="s">
        <v>10</v>
      </c>
      <c r="H2371" s="1" t="s">
        <v>8147</v>
      </c>
      <c r="I2371" s="1" t="s">
        <v>7628</v>
      </c>
      <c r="J2371" s="1" t="s">
        <v>7632</v>
      </c>
      <c r="K2371" s="1" t="s">
        <v>64</v>
      </c>
      <c r="L2371" s="1" t="s">
        <v>8144</v>
      </c>
      <c r="M2371" s="1" t="s">
        <v>5</v>
      </c>
      <c r="N2371" s="1" t="s">
        <v>1009</v>
      </c>
      <c r="O2371" s="1" t="s">
        <v>8</v>
      </c>
      <c r="P2371" s="5" t="s">
        <v>29963</v>
      </c>
    </row>
    <row r="2372" spans="1:16" x14ac:dyDescent="0.2">
      <c r="A2372" s="1" t="s">
        <v>487</v>
      </c>
      <c r="B2372" s="1" t="s">
        <v>488</v>
      </c>
      <c r="C2372" s="1" t="s">
        <v>8149</v>
      </c>
      <c r="D2372" s="1" t="s">
        <v>10</v>
      </c>
      <c r="E2372" s="1" t="s">
        <v>8150</v>
      </c>
      <c r="F2372" s="1" t="s">
        <v>27</v>
      </c>
      <c r="G2372" s="1" t="s">
        <v>10</v>
      </c>
      <c r="H2372" s="1" t="s">
        <v>15</v>
      </c>
      <c r="I2372" s="1" t="s">
        <v>7628</v>
      </c>
      <c r="J2372" s="1" t="s">
        <v>7632</v>
      </c>
      <c r="K2372" s="1" t="s">
        <v>64</v>
      </c>
      <c r="L2372" s="1" t="s">
        <v>8148</v>
      </c>
      <c r="M2372" s="1" t="s">
        <v>5</v>
      </c>
      <c r="N2372" s="1" t="s">
        <v>1009</v>
      </c>
      <c r="O2372" s="1" t="s">
        <v>8</v>
      </c>
      <c r="P2372" s="5" t="s">
        <v>30023</v>
      </c>
    </row>
    <row r="2373" spans="1:16" x14ac:dyDescent="0.2">
      <c r="A2373" s="1" t="s">
        <v>20</v>
      </c>
      <c r="B2373" s="1" t="s">
        <v>21</v>
      </c>
      <c r="C2373" s="1" t="s">
        <v>8152</v>
      </c>
      <c r="D2373" s="1" t="s">
        <v>8153</v>
      </c>
      <c r="E2373" s="1" t="s">
        <v>8154</v>
      </c>
      <c r="F2373" s="1" t="s">
        <v>27</v>
      </c>
      <c r="G2373" s="1" t="s">
        <v>10</v>
      </c>
      <c r="H2373" s="1" t="s">
        <v>10</v>
      </c>
      <c r="I2373" s="1" t="s">
        <v>7628</v>
      </c>
      <c r="J2373" s="1" t="s">
        <v>7632</v>
      </c>
      <c r="K2373" s="1" t="s">
        <v>64</v>
      </c>
      <c r="L2373" s="1" t="s">
        <v>8151</v>
      </c>
      <c r="M2373" s="1" t="s">
        <v>5</v>
      </c>
      <c r="N2373" s="1" t="s">
        <v>25</v>
      </c>
      <c r="O2373" s="1" t="s">
        <v>38</v>
      </c>
      <c r="P2373" s="5" t="s">
        <v>29990</v>
      </c>
    </row>
    <row r="2374" spans="1:16" x14ac:dyDescent="0.2">
      <c r="A2374" s="1" t="s">
        <v>20</v>
      </c>
      <c r="B2374" s="1" t="s">
        <v>253</v>
      </c>
      <c r="C2374" s="1" t="s">
        <v>8156</v>
      </c>
      <c r="D2374" s="1" t="s">
        <v>8157</v>
      </c>
      <c r="E2374" s="1"/>
      <c r="F2374" s="1" t="s">
        <v>27</v>
      </c>
      <c r="G2374" s="1" t="s">
        <v>10</v>
      </c>
      <c r="H2374" s="1" t="s">
        <v>10</v>
      </c>
      <c r="I2374" s="1" t="s">
        <v>7628</v>
      </c>
      <c r="J2374" s="1" t="s">
        <v>7632</v>
      </c>
      <c r="K2374" s="1" t="s">
        <v>27</v>
      </c>
      <c r="L2374" s="1" t="s">
        <v>8155</v>
      </c>
      <c r="M2374" s="1" t="s">
        <v>5</v>
      </c>
      <c r="N2374" s="1" t="s">
        <v>25</v>
      </c>
      <c r="O2374" s="1" t="s">
        <v>38</v>
      </c>
      <c r="P2374" s="5" t="s">
        <v>30024</v>
      </c>
    </row>
    <row r="2375" spans="1:16" x14ac:dyDescent="0.2">
      <c r="A2375" s="1" t="s">
        <v>10</v>
      </c>
      <c r="B2375" s="1" t="s">
        <v>10</v>
      </c>
      <c r="C2375" s="1" t="s">
        <v>8159</v>
      </c>
      <c r="D2375" s="1" t="s">
        <v>8160</v>
      </c>
      <c r="E2375" s="1"/>
      <c r="F2375" s="1" t="s">
        <v>10</v>
      </c>
      <c r="G2375" s="1" t="s">
        <v>10</v>
      </c>
      <c r="H2375" s="1" t="s">
        <v>10</v>
      </c>
      <c r="I2375" s="1" t="s">
        <v>7628</v>
      </c>
      <c r="J2375" s="1" t="s">
        <v>10</v>
      </c>
      <c r="K2375" s="1" t="s">
        <v>10</v>
      </c>
      <c r="L2375" s="1" t="s">
        <v>8158</v>
      </c>
      <c r="M2375" s="1" t="s">
        <v>5</v>
      </c>
      <c r="N2375" s="1" t="s">
        <v>25</v>
      </c>
      <c r="O2375" s="1" t="s">
        <v>8</v>
      </c>
      <c r="P2375" s="5" t="s">
        <v>30025</v>
      </c>
    </row>
    <row r="2376" spans="1:16" x14ac:dyDescent="0.2">
      <c r="A2376" s="1" t="s">
        <v>10</v>
      </c>
      <c r="B2376" s="1" t="s">
        <v>10</v>
      </c>
      <c r="C2376" s="1" t="s">
        <v>8162</v>
      </c>
      <c r="D2376" s="1" t="s">
        <v>8163</v>
      </c>
      <c r="E2376" s="1" t="s">
        <v>8164</v>
      </c>
      <c r="F2376" s="1" t="s">
        <v>10</v>
      </c>
      <c r="G2376" s="1" t="s">
        <v>10</v>
      </c>
      <c r="H2376" s="1" t="s">
        <v>10</v>
      </c>
      <c r="I2376" s="1" t="s">
        <v>7628</v>
      </c>
      <c r="J2376" s="1" t="s">
        <v>10</v>
      </c>
      <c r="K2376" s="1" t="s">
        <v>10</v>
      </c>
      <c r="L2376" s="1" t="s">
        <v>8161</v>
      </c>
      <c r="M2376" s="1" t="s">
        <v>5</v>
      </c>
      <c r="N2376" s="1" t="s">
        <v>1597</v>
      </c>
      <c r="O2376" s="1" t="s">
        <v>38</v>
      </c>
      <c r="P2376" s="5"/>
    </row>
    <row r="2377" spans="1:16" x14ac:dyDescent="0.2">
      <c r="A2377" s="1" t="s">
        <v>487</v>
      </c>
      <c r="B2377" s="1" t="s">
        <v>784</v>
      </c>
      <c r="C2377" s="1" t="s">
        <v>8166</v>
      </c>
      <c r="D2377" s="1" t="s">
        <v>8167</v>
      </c>
      <c r="E2377" s="1" t="s">
        <v>8168</v>
      </c>
      <c r="F2377" s="1" t="s">
        <v>27</v>
      </c>
      <c r="G2377" s="1" t="s">
        <v>10</v>
      </c>
      <c r="H2377" s="1" t="s">
        <v>1813</v>
      </c>
      <c r="I2377" s="1" t="s">
        <v>7628</v>
      </c>
      <c r="J2377" s="1" t="s">
        <v>7632</v>
      </c>
      <c r="K2377" s="1" t="s">
        <v>64</v>
      </c>
      <c r="L2377" s="1" t="s">
        <v>8165</v>
      </c>
      <c r="M2377" s="1" t="s">
        <v>5</v>
      </c>
      <c r="N2377" s="1" t="s">
        <v>1597</v>
      </c>
      <c r="O2377" s="1" t="s">
        <v>8</v>
      </c>
      <c r="P2377" s="5" t="s">
        <v>30026</v>
      </c>
    </row>
    <row r="2378" spans="1:16" x14ac:dyDescent="0.2">
      <c r="A2378" s="1" t="s">
        <v>10</v>
      </c>
      <c r="B2378" s="1" t="s">
        <v>10</v>
      </c>
      <c r="C2378" s="1" t="s">
        <v>8170</v>
      </c>
      <c r="D2378" s="1" t="s">
        <v>8171</v>
      </c>
      <c r="E2378" s="1"/>
      <c r="F2378" s="1" t="s">
        <v>10</v>
      </c>
      <c r="G2378" s="1" t="s">
        <v>10</v>
      </c>
      <c r="H2378" s="1" t="s">
        <v>10</v>
      </c>
      <c r="I2378" s="1" t="s">
        <v>7628</v>
      </c>
      <c r="J2378" s="1" t="s">
        <v>10</v>
      </c>
      <c r="K2378" s="1" t="s">
        <v>10</v>
      </c>
      <c r="L2378" s="1" t="s">
        <v>8169</v>
      </c>
      <c r="M2378" s="1" t="s">
        <v>5</v>
      </c>
      <c r="N2378" s="1" t="s">
        <v>25</v>
      </c>
      <c r="O2378" s="1" t="s">
        <v>38</v>
      </c>
      <c r="P2378" s="5" t="s">
        <v>30027</v>
      </c>
    </row>
    <row r="2379" spans="1:16" x14ac:dyDescent="0.2">
      <c r="A2379" s="1" t="s">
        <v>487</v>
      </c>
      <c r="B2379" s="1" t="s">
        <v>10</v>
      </c>
      <c r="C2379" s="1" t="s">
        <v>8173</v>
      </c>
      <c r="D2379" s="1" t="s">
        <v>295</v>
      </c>
      <c r="E2379" s="1" t="s">
        <v>8174</v>
      </c>
      <c r="F2379" s="1" t="s">
        <v>27</v>
      </c>
      <c r="G2379" s="1" t="s">
        <v>10</v>
      </c>
      <c r="H2379" s="1" t="s">
        <v>1108</v>
      </c>
      <c r="I2379" s="1" t="s">
        <v>7628</v>
      </c>
      <c r="J2379" s="1" t="s">
        <v>7632</v>
      </c>
      <c r="K2379" s="1" t="s">
        <v>10</v>
      </c>
      <c r="L2379" s="1" t="s">
        <v>8172</v>
      </c>
      <c r="M2379" s="1" t="s">
        <v>5</v>
      </c>
      <c r="N2379" s="1" t="s">
        <v>6</v>
      </c>
      <c r="O2379" s="1" t="s">
        <v>8</v>
      </c>
      <c r="P2379" s="5"/>
    </row>
    <row r="2380" spans="1:16" x14ac:dyDescent="0.2">
      <c r="A2380" s="1" t="s">
        <v>487</v>
      </c>
      <c r="B2380" s="1" t="s">
        <v>10</v>
      </c>
      <c r="C2380" s="1" t="s">
        <v>8176</v>
      </c>
      <c r="D2380" s="1" t="s">
        <v>8177</v>
      </c>
      <c r="E2380" s="1" t="s">
        <v>8178</v>
      </c>
      <c r="F2380" s="1" t="s">
        <v>27</v>
      </c>
      <c r="G2380" s="1" t="s">
        <v>10</v>
      </c>
      <c r="H2380" s="1" t="s">
        <v>1108</v>
      </c>
      <c r="I2380" s="1" t="s">
        <v>7628</v>
      </c>
      <c r="J2380" s="1" t="s">
        <v>7632</v>
      </c>
      <c r="K2380" s="1" t="s">
        <v>10</v>
      </c>
      <c r="L2380" s="1" t="s">
        <v>8175</v>
      </c>
      <c r="M2380" s="1" t="s">
        <v>5</v>
      </c>
      <c r="N2380" s="1" t="s">
        <v>6</v>
      </c>
      <c r="O2380" s="1" t="s">
        <v>8</v>
      </c>
      <c r="P2380" s="5"/>
    </row>
    <row r="2381" spans="1:16" x14ac:dyDescent="0.2">
      <c r="A2381" s="1" t="s">
        <v>487</v>
      </c>
      <c r="B2381" s="1" t="s">
        <v>10</v>
      </c>
      <c r="C2381" s="1" t="s">
        <v>553</v>
      </c>
      <c r="D2381" s="1" t="s">
        <v>8180</v>
      </c>
      <c r="E2381" s="1" t="s">
        <v>8178</v>
      </c>
      <c r="F2381" s="1" t="s">
        <v>27</v>
      </c>
      <c r="G2381" s="1" t="s">
        <v>10</v>
      </c>
      <c r="H2381" s="1" t="s">
        <v>553</v>
      </c>
      <c r="I2381" s="1" t="s">
        <v>7628</v>
      </c>
      <c r="J2381" s="1" t="s">
        <v>7632</v>
      </c>
      <c r="K2381" s="1" t="s">
        <v>10</v>
      </c>
      <c r="L2381" s="1" t="s">
        <v>8179</v>
      </c>
      <c r="M2381" s="1" t="s">
        <v>5</v>
      </c>
      <c r="N2381" s="1" t="s">
        <v>6</v>
      </c>
      <c r="O2381" s="1" t="s">
        <v>8</v>
      </c>
      <c r="P2381" s="5"/>
    </row>
    <row r="2382" spans="1:16" x14ac:dyDescent="0.2">
      <c r="A2382" s="1" t="s">
        <v>487</v>
      </c>
      <c r="B2382" s="1" t="s">
        <v>10</v>
      </c>
      <c r="C2382" s="1" t="s">
        <v>8176</v>
      </c>
      <c r="D2382" s="1" t="s">
        <v>8182</v>
      </c>
      <c r="E2382" s="1" t="s">
        <v>8183</v>
      </c>
      <c r="F2382" s="1" t="s">
        <v>27</v>
      </c>
      <c r="G2382" s="1" t="s">
        <v>10</v>
      </c>
      <c r="H2382" s="1" t="s">
        <v>1108</v>
      </c>
      <c r="I2382" s="1" t="s">
        <v>7628</v>
      </c>
      <c r="J2382" s="1" t="s">
        <v>7632</v>
      </c>
      <c r="K2382" s="1" t="s">
        <v>10</v>
      </c>
      <c r="L2382" s="1" t="s">
        <v>8181</v>
      </c>
      <c r="M2382" s="1" t="s">
        <v>5</v>
      </c>
      <c r="N2382" s="1" t="s">
        <v>6</v>
      </c>
      <c r="O2382" s="1" t="s">
        <v>8</v>
      </c>
      <c r="P2382" s="5"/>
    </row>
    <row r="2383" spans="1:16" x14ac:dyDescent="0.2">
      <c r="A2383" s="1" t="s">
        <v>487</v>
      </c>
      <c r="B2383" s="1" t="s">
        <v>10</v>
      </c>
      <c r="C2383" s="1" t="s">
        <v>786</v>
      </c>
      <c r="D2383" s="1" t="s">
        <v>8185</v>
      </c>
      <c r="E2383" s="1" t="s">
        <v>8186</v>
      </c>
      <c r="F2383" s="1" t="s">
        <v>27</v>
      </c>
      <c r="G2383" s="1" t="s">
        <v>10</v>
      </c>
      <c r="H2383" s="1" t="s">
        <v>119</v>
      </c>
      <c r="I2383" s="1" t="s">
        <v>7628</v>
      </c>
      <c r="J2383" s="1" t="s">
        <v>7632</v>
      </c>
      <c r="K2383" s="1" t="s">
        <v>10</v>
      </c>
      <c r="L2383" s="1" t="s">
        <v>8184</v>
      </c>
      <c r="M2383" s="1" t="s">
        <v>5</v>
      </c>
      <c r="N2383" s="1" t="s">
        <v>6</v>
      </c>
      <c r="O2383" s="1" t="s">
        <v>8</v>
      </c>
      <c r="P2383" s="5"/>
    </row>
    <row r="2384" spans="1:16" x14ac:dyDescent="0.2">
      <c r="A2384" s="1" t="s">
        <v>487</v>
      </c>
      <c r="B2384" s="1" t="s">
        <v>10</v>
      </c>
      <c r="C2384" s="1" t="s">
        <v>8188</v>
      </c>
      <c r="D2384" s="1" t="s">
        <v>1641</v>
      </c>
      <c r="E2384" s="1" t="s">
        <v>8189</v>
      </c>
      <c r="F2384" s="1" t="s">
        <v>27</v>
      </c>
      <c r="G2384" s="1" t="s">
        <v>10</v>
      </c>
      <c r="H2384" s="1" t="s">
        <v>1108</v>
      </c>
      <c r="I2384" s="1" t="s">
        <v>7628</v>
      </c>
      <c r="J2384" s="1" t="s">
        <v>7632</v>
      </c>
      <c r="K2384" s="1" t="s">
        <v>10</v>
      </c>
      <c r="L2384" s="1" t="s">
        <v>8187</v>
      </c>
      <c r="M2384" s="1" t="s">
        <v>5</v>
      </c>
      <c r="N2384" s="1" t="s">
        <v>6</v>
      </c>
      <c r="O2384" s="1" t="s">
        <v>8</v>
      </c>
      <c r="P2384" s="5"/>
    </row>
    <row r="2385" spans="1:16" x14ac:dyDescent="0.2">
      <c r="A2385" s="1" t="s">
        <v>487</v>
      </c>
      <c r="B2385" s="1" t="s">
        <v>10</v>
      </c>
      <c r="C2385" s="1" t="s">
        <v>8191</v>
      </c>
      <c r="D2385" s="1" t="s">
        <v>8192</v>
      </c>
      <c r="E2385" s="1" t="s">
        <v>8193</v>
      </c>
      <c r="F2385" s="1" t="s">
        <v>27</v>
      </c>
      <c r="G2385" s="1" t="s">
        <v>10</v>
      </c>
      <c r="H2385" s="1" t="s">
        <v>8194</v>
      </c>
      <c r="I2385" s="1" t="s">
        <v>7628</v>
      </c>
      <c r="J2385" s="1" t="s">
        <v>7632</v>
      </c>
      <c r="K2385" s="1" t="s">
        <v>10</v>
      </c>
      <c r="L2385" s="1" t="s">
        <v>8190</v>
      </c>
      <c r="M2385" s="1" t="s">
        <v>5</v>
      </c>
      <c r="N2385" s="1" t="s">
        <v>6</v>
      </c>
      <c r="O2385" s="1" t="s">
        <v>8</v>
      </c>
      <c r="P2385" s="5"/>
    </row>
    <row r="2386" spans="1:16" x14ac:dyDescent="0.2">
      <c r="A2386" s="1" t="s">
        <v>487</v>
      </c>
      <c r="B2386" s="1" t="s">
        <v>10</v>
      </c>
      <c r="C2386" s="1" t="s">
        <v>8196</v>
      </c>
      <c r="D2386" s="1" t="s">
        <v>8197</v>
      </c>
      <c r="E2386" s="1" t="s">
        <v>8198</v>
      </c>
      <c r="F2386" s="1" t="s">
        <v>27</v>
      </c>
      <c r="G2386" s="1" t="s">
        <v>10</v>
      </c>
      <c r="H2386" s="1" t="s">
        <v>1108</v>
      </c>
      <c r="I2386" s="1" t="s">
        <v>7628</v>
      </c>
      <c r="J2386" s="1" t="s">
        <v>7632</v>
      </c>
      <c r="K2386" s="1" t="s">
        <v>10</v>
      </c>
      <c r="L2386" s="1" t="s">
        <v>8195</v>
      </c>
      <c r="M2386" s="1" t="s">
        <v>5</v>
      </c>
      <c r="N2386" s="1" t="s">
        <v>6</v>
      </c>
      <c r="O2386" s="1" t="s">
        <v>8</v>
      </c>
      <c r="P2386" s="5"/>
    </row>
    <row r="2387" spans="1:16" x14ac:dyDescent="0.2">
      <c r="A2387" s="1" t="s">
        <v>487</v>
      </c>
      <c r="B2387" s="1" t="s">
        <v>10</v>
      </c>
      <c r="C2387" s="1" t="s">
        <v>8200</v>
      </c>
      <c r="D2387" s="1" t="s">
        <v>10</v>
      </c>
      <c r="E2387" s="1" t="s">
        <v>8201</v>
      </c>
      <c r="F2387" s="1" t="s">
        <v>27</v>
      </c>
      <c r="G2387" s="1" t="s">
        <v>10</v>
      </c>
      <c r="H2387" s="1" t="s">
        <v>8202</v>
      </c>
      <c r="I2387" s="1" t="s">
        <v>7628</v>
      </c>
      <c r="J2387" s="1" t="s">
        <v>7632</v>
      </c>
      <c r="K2387" s="1" t="s">
        <v>10</v>
      </c>
      <c r="L2387" s="1" t="s">
        <v>8199</v>
      </c>
      <c r="M2387" s="1" t="s">
        <v>5</v>
      </c>
      <c r="N2387" s="1" t="s">
        <v>6</v>
      </c>
      <c r="O2387" s="1" t="s">
        <v>8</v>
      </c>
      <c r="P2387" s="5"/>
    </row>
    <row r="2388" spans="1:16" x14ac:dyDescent="0.2">
      <c r="A2388" s="1" t="s">
        <v>487</v>
      </c>
      <c r="B2388" s="1" t="s">
        <v>10</v>
      </c>
      <c r="C2388" s="1" t="s">
        <v>2059</v>
      </c>
      <c r="D2388" s="1" t="s">
        <v>10</v>
      </c>
      <c r="E2388" s="1" t="s">
        <v>8204</v>
      </c>
      <c r="F2388" s="1" t="s">
        <v>27</v>
      </c>
      <c r="G2388" s="1" t="s">
        <v>10</v>
      </c>
      <c r="H2388" s="1" t="s">
        <v>15</v>
      </c>
      <c r="I2388" s="1" t="s">
        <v>7628</v>
      </c>
      <c r="J2388" s="1" t="s">
        <v>7632</v>
      </c>
      <c r="K2388" s="1" t="s">
        <v>10</v>
      </c>
      <c r="L2388" s="1" t="s">
        <v>8203</v>
      </c>
      <c r="M2388" s="1" t="s">
        <v>5</v>
      </c>
      <c r="N2388" s="1" t="s">
        <v>6</v>
      </c>
      <c r="O2388" s="1" t="s">
        <v>8</v>
      </c>
      <c r="P2388" s="5"/>
    </row>
    <row r="2389" spans="1:16" x14ac:dyDescent="0.2">
      <c r="A2389" s="1" t="s">
        <v>487</v>
      </c>
      <c r="B2389" s="1" t="s">
        <v>10</v>
      </c>
      <c r="C2389" s="1" t="s">
        <v>8206</v>
      </c>
      <c r="D2389" s="1" t="s">
        <v>10</v>
      </c>
      <c r="E2389" s="1" t="s">
        <v>8201</v>
      </c>
      <c r="F2389" s="1" t="s">
        <v>27</v>
      </c>
      <c r="G2389" s="1" t="s">
        <v>10</v>
      </c>
      <c r="H2389" s="1" t="s">
        <v>8202</v>
      </c>
      <c r="I2389" s="1" t="s">
        <v>7628</v>
      </c>
      <c r="J2389" s="1" t="s">
        <v>7632</v>
      </c>
      <c r="K2389" s="1" t="s">
        <v>10</v>
      </c>
      <c r="L2389" s="1" t="s">
        <v>8205</v>
      </c>
      <c r="M2389" s="1" t="s">
        <v>5</v>
      </c>
      <c r="N2389" s="1" t="s">
        <v>6</v>
      </c>
      <c r="O2389" s="1" t="s">
        <v>8</v>
      </c>
      <c r="P2389" s="5"/>
    </row>
    <row r="2390" spans="1:16" x14ac:dyDescent="0.2">
      <c r="A2390" s="1" t="s">
        <v>487</v>
      </c>
      <c r="B2390" s="1" t="s">
        <v>10</v>
      </c>
      <c r="C2390" s="1" t="s">
        <v>2244</v>
      </c>
      <c r="D2390" s="1" t="s">
        <v>8208</v>
      </c>
      <c r="E2390" s="1" t="s">
        <v>8209</v>
      </c>
      <c r="F2390" s="1" t="s">
        <v>27</v>
      </c>
      <c r="G2390" s="1" t="s">
        <v>10</v>
      </c>
      <c r="H2390" s="1" t="s">
        <v>968</v>
      </c>
      <c r="I2390" s="1" t="s">
        <v>7628</v>
      </c>
      <c r="J2390" s="1" t="s">
        <v>7632</v>
      </c>
      <c r="K2390" s="1" t="s">
        <v>10</v>
      </c>
      <c r="L2390" s="1" t="s">
        <v>8207</v>
      </c>
      <c r="M2390" s="1" t="s">
        <v>5</v>
      </c>
      <c r="N2390" s="1" t="s">
        <v>6</v>
      </c>
      <c r="O2390" s="1" t="s">
        <v>8</v>
      </c>
      <c r="P2390" s="5"/>
    </row>
    <row r="2391" spans="1:16" x14ac:dyDescent="0.2">
      <c r="A2391" s="1" t="s">
        <v>487</v>
      </c>
      <c r="B2391" s="1" t="s">
        <v>10</v>
      </c>
      <c r="C2391" s="1" t="s">
        <v>8211</v>
      </c>
      <c r="D2391" s="1" t="s">
        <v>8212</v>
      </c>
      <c r="E2391" s="1" t="s">
        <v>8213</v>
      </c>
      <c r="F2391" s="1" t="s">
        <v>27</v>
      </c>
      <c r="G2391" s="1" t="s">
        <v>10</v>
      </c>
      <c r="H2391" s="1" t="s">
        <v>8214</v>
      </c>
      <c r="I2391" s="1" t="s">
        <v>7628</v>
      </c>
      <c r="J2391" s="1" t="s">
        <v>7632</v>
      </c>
      <c r="K2391" s="1" t="s">
        <v>10</v>
      </c>
      <c r="L2391" s="1" t="s">
        <v>8210</v>
      </c>
      <c r="M2391" s="1" t="s">
        <v>5</v>
      </c>
      <c r="N2391" s="1" t="s">
        <v>6</v>
      </c>
      <c r="O2391" s="1" t="s">
        <v>8</v>
      </c>
      <c r="P2391" s="5"/>
    </row>
    <row r="2392" spans="1:16" x14ac:dyDescent="0.2">
      <c r="A2392" s="1" t="s">
        <v>487</v>
      </c>
      <c r="B2392" s="1" t="s">
        <v>10</v>
      </c>
      <c r="C2392" s="1" t="s">
        <v>8216</v>
      </c>
      <c r="D2392" s="1" t="s">
        <v>8217</v>
      </c>
      <c r="E2392" s="1" t="s">
        <v>8218</v>
      </c>
      <c r="F2392" s="1" t="s">
        <v>27</v>
      </c>
      <c r="G2392" s="1" t="s">
        <v>10</v>
      </c>
      <c r="H2392" s="1" t="s">
        <v>8214</v>
      </c>
      <c r="I2392" s="1" t="s">
        <v>7628</v>
      </c>
      <c r="J2392" s="1" t="s">
        <v>7632</v>
      </c>
      <c r="K2392" s="1" t="s">
        <v>10</v>
      </c>
      <c r="L2392" s="1" t="s">
        <v>8215</v>
      </c>
      <c r="M2392" s="1" t="s">
        <v>5</v>
      </c>
      <c r="N2392" s="1" t="s">
        <v>6</v>
      </c>
      <c r="O2392" s="1" t="s">
        <v>8</v>
      </c>
      <c r="P2392" s="5"/>
    </row>
    <row r="2393" spans="1:16" x14ac:dyDescent="0.2">
      <c r="A2393" s="1" t="s">
        <v>487</v>
      </c>
      <c r="B2393" s="1" t="s">
        <v>10</v>
      </c>
      <c r="C2393" s="1" t="s">
        <v>8220</v>
      </c>
      <c r="D2393" s="1" t="s">
        <v>10</v>
      </c>
      <c r="E2393" s="1" t="s">
        <v>8221</v>
      </c>
      <c r="F2393" s="1" t="s">
        <v>27</v>
      </c>
      <c r="G2393" s="1" t="s">
        <v>10</v>
      </c>
      <c r="H2393" s="1" t="s">
        <v>10</v>
      </c>
      <c r="I2393" s="1" t="s">
        <v>7628</v>
      </c>
      <c r="J2393" s="1" t="s">
        <v>7632</v>
      </c>
      <c r="K2393" s="1" t="s">
        <v>10</v>
      </c>
      <c r="L2393" s="1" t="s">
        <v>8219</v>
      </c>
      <c r="M2393" s="1" t="s">
        <v>5</v>
      </c>
      <c r="N2393" s="1" t="s">
        <v>6</v>
      </c>
      <c r="O2393" s="1" t="s">
        <v>8</v>
      </c>
      <c r="P2393" s="5"/>
    </row>
    <row r="2394" spans="1:16" x14ac:dyDescent="0.2">
      <c r="A2394" s="1" t="s">
        <v>487</v>
      </c>
      <c r="B2394" s="1" t="s">
        <v>10</v>
      </c>
      <c r="C2394" s="1" t="s">
        <v>8223</v>
      </c>
      <c r="D2394" s="1" t="s">
        <v>8223</v>
      </c>
      <c r="E2394" s="1" t="s">
        <v>8224</v>
      </c>
      <c r="F2394" s="1" t="s">
        <v>27</v>
      </c>
      <c r="G2394" s="1" t="s">
        <v>10</v>
      </c>
      <c r="H2394" s="1" t="s">
        <v>8225</v>
      </c>
      <c r="I2394" s="1" t="s">
        <v>7628</v>
      </c>
      <c r="J2394" s="1" t="s">
        <v>7632</v>
      </c>
      <c r="K2394" s="1" t="s">
        <v>10</v>
      </c>
      <c r="L2394" s="1" t="s">
        <v>8222</v>
      </c>
      <c r="M2394" s="1" t="s">
        <v>5</v>
      </c>
      <c r="N2394" s="1" t="s">
        <v>6</v>
      </c>
      <c r="O2394" s="1" t="s">
        <v>8</v>
      </c>
      <c r="P2394" s="5"/>
    </row>
    <row r="2395" spans="1:16" x14ac:dyDescent="0.2">
      <c r="A2395" s="1" t="s">
        <v>487</v>
      </c>
      <c r="B2395" s="1" t="s">
        <v>10</v>
      </c>
      <c r="C2395" s="1" t="s">
        <v>8227</v>
      </c>
      <c r="D2395" s="1" t="s">
        <v>10</v>
      </c>
      <c r="E2395" s="1" t="s">
        <v>8228</v>
      </c>
      <c r="F2395" s="1" t="s">
        <v>27</v>
      </c>
      <c r="G2395" s="1" t="s">
        <v>10</v>
      </c>
      <c r="H2395" s="1" t="s">
        <v>15</v>
      </c>
      <c r="I2395" s="1" t="s">
        <v>7628</v>
      </c>
      <c r="J2395" s="1" t="s">
        <v>7632</v>
      </c>
      <c r="K2395" s="1" t="s">
        <v>10</v>
      </c>
      <c r="L2395" s="1" t="s">
        <v>8226</v>
      </c>
      <c r="M2395" s="1" t="s">
        <v>5</v>
      </c>
      <c r="N2395" s="1" t="s">
        <v>6</v>
      </c>
      <c r="O2395" s="1" t="s">
        <v>8</v>
      </c>
      <c r="P2395" s="5"/>
    </row>
    <row r="2396" spans="1:16" x14ac:dyDescent="0.2">
      <c r="A2396" s="1" t="s">
        <v>487</v>
      </c>
      <c r="B2396" s="1" t="s">
        <v>10</v>
      </c>
      <c r="C2396" s="1" t="s">
        <v>28</v>
      </c>
      <c r="D2396" s="1" t="s">
        <v>10</v>
      </c>
      <c r="E2396" s="1" t="s">
        <v>8230</v>
      </c>
      <c r="F2396" s="1" t="s">
        <v>27</v>
      </c>
      <c r="G2396" s="1" t="s">
        <v>10</v>
      </c>
      <c r="H2396" s="1" t="s">
        <v>31</v>
      </c>
      <c r="I2396" s="1" t="s">
        <v>7628</v>
      </c>
      <c r="J2396" s="1" t="s">
        <v>7632</v>
      </c>
      <c r="K2396" s="1" t="s">
        <v>10</v>
      </c>
      <c r="L2396" s="1" t="s">
        <v>8229</v>
      </c>
      <c r="M2396" s="1" t="s">
        <v>5</v>
      </c>
      <c r="N2396" s="1" t="s">
        <v>6</v>
      </c>
      <c r="O2396" s="1" t="s">
        <v>8</v>
      </c>
      <c r="P2396" s="5"/>
    </row>
    <row r="2397" spans="1:16" x14ac:dyDescent="0.2">
      <c r="A2397" s="1" t="s">
        <v>487</v>
      </c>
      <c r="B2397" s="1" t="s">
        <v>10</v>
      </c>
      <c r="C2397" s="1" t="s">
        <v>8232</v>
      </c>
      <c r="D2397" s="1" t="s">
        <v>10</v>
      </c>
      <c r="E2397" s="1" t="s">
        <v>8233</v>
      </c>
      <c r="F2397" s="1" t="s">
        <v>27</v>
      </c>
      <c r="G2397" s="1" t="s">
        <v>10</v>
      </c>
      <c r="H2397" s="1" t="s">
        <v>31</v>
      </c>
      <c r="I2397" s="1" t="s">
        <v>7628</v>
      </c>
      <c r="J2397" s="1" t="s">
        <v>7632</v>
      </c>
      <c r="K2397" s="1" t="s">
        <v>10</v>
      </c>
      <c r="L2397" s="1" t="s">
        <v>8231</v>
      </c>
      <c r="M2397" s="1" t="s">
        <v>5</v>
      </c>
      <c r="N2397" s="1" t="s">
        <v>6</v>
      </c>
      <c r="O2397" s="1" t="s">
        <v>8</v>
      </c>
      <c r="P2397" s="5"/>
    </row>
    <row r="2398" spans="1:16" x14ac:dyDescent="0.2">
      <c r="A2398" s="1" t="s">
        <v>487</v>
      </c>
      <c r="B2398" s="1" t="s">
        <v>10</v>
      </c>
      <c r="C2398" s="1" t="s">
        <v>8235</v>
      </c>
      <c r="D2398" s="1" t="s">
        <v>10</v>
      </c>
      <c r="E2398" s="1" t="s">
        <v>8236</v>
      </c>
      <c r="F2398" s="1" t="s">
        <v>27</v>
      </c>
      <c r="G2398" s="1" t="s">
        <v>10</v>
      </c>
      <c r="H2398" s="1" t="s">
        <v>8237</v>
      </c>
      <c r="I2398" s="1" t="s">
        <v>7628</v>
      </c>
      <c r="J2398" s="1" t="s">
        <v>7632</v>
      </c>
      <c r="K2398" s="1" t="s">
        <v>10</v>
      </c>
      <c r="L2398" s="1" t="s">
        <v>8234</v>
      </c>
      <c r="M2398" s="1" t="s">
        <v>5</v>
      </c>
      <c r="N2398" s="1" t="s">
        <v>6</v>
      </c>
      <c r="O2398" s="1" t="s">
        <v>8</v>
      </c>
      <c r="P2398" s="5"/>
    </row>
    <row r="2399" spans="1:16" x14ac:dyDescent="0.2">
      <c r="A2399" s="1" t="s">
        <v>487</v>
      </c>
      <c r="B2399" s="1" t="s">
        <v>10</v>
      </c>
      <c r="C2399" s="1" t="s">
        <v>106</v>
      </c>
      <c r="D2399" s="1" t="s">
        <v>10</v>
      </c>
      <c r="E2399" s="1" t="s">
        <v>8239</v>
      </c>
      <c r="F2399" s="1" t="s">
        <v>27</v>
      </c>
      <c r="G2399" s="1" t="s">
        <v>10</v>
      </c>
      <c r="H2399" s="1" t="s">
        <v>15</v>
      </c>
      <c r="I2399" s="1" t="s">
        <v>7628</v>
      </c>
      <c r="J2399" s="1" t="s">
        <v>7632</v>
      </c>
      <c r="K2399" s="1" t="s">
        <v>10</v>
      </c>
      <c r="L2399" s="1" t="s">
        <v>8238</v>
      </c>
      <c r="M2399" s="1" t="s">
        <v>5</v>
      </c>
      <c r="N2399" s="1" t="s">
        <v>6</v>
      </c>
      <c r="O2399" s="1" t="s">
        <v>8</v>
      </c>
      <c r="P2399" s="5"/>
    </row>
    <row r="2400" spans="1:16" x14ac:dyDescent="0.2">
      <c r="A2400" s="1" t="s">
        <v>487</v>
      </c>
      <c r="B2400" s="1" t="s">
        <v>10</v>
      </c>
      <c r="C2400" s="1" t="s">
        <v>8241</v>
      </c>
      <c r="D2400" s="1" t="s">
        <v>10</v>
      </c>
      <c r="E2400" s="1" t="s">
        <v>8242</v>
      </c>
      <c r="F2400" s="1" t="s">
        <v>27</v>
      </c>
      <c r="G2400" s="1" t="s">
        <v>10</v>
      </c>
      <c r="H2400" s="1" t="s">
        <v>8243</v>
      </c>
      <c r="I2400" s="1" t="s">
        <v>7628</v>
      </c>
      <c r="J2400" s="1" t="s">
        <v>7632</v>
      </c>
      <c r="K2400" s="1" t="s">
        <v>10</v>
      </c>
      <c r="L2400" s="1" t="s">
        <v>8240</v>
      </c>
      <c r="M2400" s="1" t="s">
        <v>5</v>
      </c>
      <c r="N2400" s="1" t="s">
        <v>6</v>
      </c>
      <c r="O2400" s="1" t="s">
        <v>8</v>
      </c>
      <c r="P2400" s="5"/>
    </row>
    <row r="2401" spans="1:16" x14ac:dyDescent="0.2">
      <c r="A2401" s="1" t="s">
        <v>487</v>
      </c>
      <c r="B2401" s="1" t="s">
        <v>10</v>
      </c>
      <c r="C2401" s="1" t="s">
        <v>8245</v>
      </c>
      <c r="D2401" s="1" t="s">
        <v>10</v>
      </c>
      <c r="E2401" s="1" t="s">
        <v>8246</v>
      </c>
      <c r="F2401" s="1" t="s">
        <v>27</v>
      </c>
      <c r="G2401" s="1" t="s">
        <v>10</v>
      </c>
      <c r="H2401" s="1" t="s">
        <v>10</v>
      </c>
      <c r="I2401" s="1" t="s">
        <v>7628</v>
      </c>
      <c r="J2401" s="1" t="s">
        <v>7632</v>
      </c>
      <c r="K2401" s="1" t="s">
        <v>10</v>
      </c>
      <c r="L2401" s="1" t="s">
        <v>8244</v>
      </c>
      <c r="M2401" s="1" t="s">
        <v>5</v>
      </c>
      <c r="N2401" s="1" t="s">
        <v>6</v>
      </c>
      <c r="O2401" s="1" t="s">
        <v>8</v>
      </c>
      <c r="P2401" s="5"/>
    </row>
    <row r="2402" spans="1:16" x14ac:dyDescent="0.2">
      <c r="A2402" s="1" t="s">
        <v>487</v>
      </c>
      <c r="B2402" s="1" t="s">
        <v>10</v>
      </c>
      <c r="C2402" s="1" t="s">
        <v>8248</v>
      </c>
      <c r="D2402" s="1" t="s">
        <v>8249</v>
      </c>
      <c r="E2402" s="1" t="s">
        <v>8250</v>
      </c>
      <c r="F2402" s="1" t="s">
        <v>27</v>
      </c>
      <c r="G2402" s="1" t="s">
        <v>10</v>
      </c>
      <c r="H2402" s="1" t="s">
        <v>8251</v>
      </c>
      <c r="I2402" s="1" t="s">
        <v>7628</v>
      </c>
      <c r="J2402" s="1" t="s">
        <v>7632</v>
      </c>
      <c r="K2402" s="1" t="s">
        <v>10</v>
      </c>
      <c r="L2402" s="1" t="s">
        <v>8247</v>
      </c>
      <c r="M2402" s="1" t="s">
        <v>5</v>
      </c>
      <c r="N2402" s="1" t="s">
        <v>6</v>
      </c>
      <c r="O2402" s="1" t="s">
        <v>8</v>
      </c>
      <c r="P2402" s="5"/>
    </row>
    <row r="2403" spans="1:16" x14ac:dyDescent="0.2">
      <c r="A2403" s="1" t="s">
        <v>487</v>
      </c>
      <c r="B2403" s="1" t="s">
        <v>10</v>
      </c>
      <c r="C2403" s="1" t="s">
        <v>8253</v>
      </c>
      <c r="D2403" s="1" t="s">
        <v>10</v>
      </c>
      <c r="E2403" s="1" t="s">
        <v>8254</v>
      </c>
      <c r="F2403" s="1" t="s">
        <v>27</v>
      </c>
      <c r="G2403" s="1" t="s">
        <v>10</v>
      </c>
      <c r="H2403" s="1" t="s">
        <v>8255</v>
      </c>
      <c r="I2403" s="1" t="s">
        <v>7628</v>
      </c>
      <c r="J2403" s="1" t="s">
        <v>7632</v>
      </c>
      <c r="K2403" s="1" t="s">
        <v>10</v>
      </c>
      <c r="L2403" s="1" t="s">
        <v>8252</v>
      </c>
      <c r="M2403" s="1" t="s">
        <v>5</v>
      </c>
      <c r="N2403" s="1" t="s">
        <v>6</v>
      </c>
      <c r="O2403" s="1" t="s">
        <v>8</v>
      </c>
      <c r="P2403" s="5"/>
    </row>
    <row r="2404" spans="1:16" x14ac:dyDescent="0.2">
      <c r="A2404" s="1" t="s">
        <v>487</v>
      </c>
      <c r="B2404" s="1" t="s">
        <v>10</v>
      </c>
      <c r="C2404" s="1" t="s">
        <v>8257</v>
      </c>
      <c r="D2404" s="1" t="s">
        <v>10</v>
      </c>
      <c r="E2404" s="1" t="s">
        <v>8258</v>
      </c>
      <c r="F2404" s="1" t="s">
        <v>27</v>
      </c>
      <c r="G2404" s="1" t="s">
        <v>10</v>
      </c>
      <c r="H2404" s="1" t="s">
        <v>1813</v>
      </c>
      <c r="I2404" s="1" t="s">
        <v>7628</v>
      </c>
      <c r="J2404" s="1" t="s">
        <v>7632</v>
      </c>
      <c r="K2404" s="1" t="s">
        <v>10</v>
      </c>
      <c r="L2404" s="1" t="s">
        <v>8256</v>
      </c>
      <c r="M2404" s="1" t="s">
        <v>5</v>
      </c>
      <c r="N2404" s="1" t="s">
        <v>6</v>
      </c>
      <c r="O2404" s="1" t="s">
        <v>8</v>
      </c>
      <c r="P2404" s="5"/>
    </row>
    <row r="2405" spans="1:16" x14ac:dyDescent="0.2">
      <c r="A2405" s="1" t="s">
        <v>487</v>
      </c>
      <c r="B2405" s="1" t="s">
        <v>10</v>
      </c>
      <c r="C2405" s="1" t="s">
        <v>8260</v>
      </c>
      <c r="D2405" s="1" t="s">
        <v>10</v>
      </c>
      <c r="E2405" s="1" t="s">
        <v>8261</v>
      </c>
      <c r="F2405" s="1" t="s">
        <v>27</v>
      </c>
      <c r="G2405" s="1" t="s">
        <v>10</v>
      </c>
      <c r="H2405" s="1" t="s">
        <v>15</v>
      </c>
      <c r="I2405" s="1" t="s">
        <v>7628</v>
      </c>
      <c r="J2405" s="1" t="s">
        <v>7632</v>
      </c>
      <c r="K2405" s="1" t="s">
        <v>10</v>
      </c>
      <c r="L2405" s="1" t="s">
        <v>8259</v>
      </c>
      <c r="M2405" s="1" t="s">
        <v>5</v>
      </c>
      <c r="N2405" s="1" t="s">
        <v>6</v>
      </c>
      <c r="O2405" s="1" t="s">
        <v>8</v>
      </c>
      <c r="P2405" s="5"/>
    </row>
    <row r="2406" spans="1:16" x14ac:dyDescent="0.2">
      <c r="A2406" s="1" t="s">
        <v>487</v>
      </c>
      <c r="B2406" s="1" t="s">
        <v>10</v>
      </c>
      <c r="C2406" s="1" t="s">
        <v>8263</v>
      </c>
      <c r="D2406" s="1" t="s">
        <v>10</v>
      </c>
      <c r="E2406" s="1" t="s">
        <v>10</v>
      </c>
      <c r="F2406" s="1" t="s">
        <v>27</v>
      </c>
      <c r="G2406" s="1" t="s">
        <v>10</v>
      </c>
      <c r="H2406" s="1" t="s">
        <v>10</v>
      </c>
      <c r="I2406" s="1" t="s">
        <v>7628</v>
      </c>
      <c r="J2406" s="1" t="s">
        <v>7632</v>
      </c>
      <c r="K2406" s="1" t="s">
        <v>10</v>
      </c>
      <c r="L2406" s="1" t="s">
        <v>8262</v>
      </c>
      <c r="M2406" s="1" t="s">
        <v>5</v>
      </c>
      <c r="N2406" s="1" t="s">
        <v>6</v>
      </c>
      <c r="O2406" s="1" t="s">
        <v>8</v>
      </c>
      <c r="P2406" s="5"/>
    </row>
    <row r="2407" spans="1:16" x14ac:dyDescent="0.2">
      <c r="A2407" s="1" t="s">
        <v>487</v>
      </c>
      <c r="B2407" s="1" t="s">
        <v>10</v>
      </c>
      <c r="C2407" s="1" t="s">
        <v>8265</v>
      </c>
      <c r="D2407" s="1" t="s">
        <v>10</v>
      </c>
      <c r="E2407" s="1" t="s">
        <v>10</v>
      </c>
      <c r="F2407" s="1" t="s">
        <v>27</v>
      </c>
      <c r="G2407" s="1" t="s">
        <v>10</v>
      </c>
      <c r="H2407" s="1" t="s">
        <v>10</v>
      </c>
      <c r="I2407" s="1" t="s">
        <v>7628</v>
      </c>
      <c r="J2407" s="1" t="s">
        <v>7632</v>
      </c>
      <c r="K2407" s="1" t="s">
        <v>10</v>
      </c>
      <c r="L2407" s="1" t="s">
        <v>8264</v>
      </c>
      <c r="M2407" s="1" t="s">
        <v>5</v>
      </c>
      <c r="N2407" s="1" t="s">
        <v>6</v>
      </c>
      <c r="O2407" s="1" t="s">
        <v>8</v>
      </c>
      <c r="P2407" s="5"/>
    </row>
    <row r="2408" spans="1:16" x14ac:dyDescent="0.2">
      <c r="A2408" s="1" t="s">
        <v>487</v>
      </c>
      <c r="B2408" s="1" t="s">
        <v>10</v>
      </c>
      <c r="C2408" s="1" t="s">
        <v>8267</v>
      </c>
      <c r="D2408" s="1" t="s">
        <v>8267</v>
      </c>
      <c r="E2408" s="1" t="s">
        <v>8268</v>
      </c>
      <c r="F2408" s="1" t="s">
        <v>27</v>
      </c>
      <c r="G2408" s="1" t="s">
        <v>10</v>
      </c>
      <c r="H2408" s="1" t="s">
        <v>15</v>
      </c>
      <c r="I2408" s="1" t="s">
        <v>7628</v>
      </c>
      <c r="J2408" s="1" t="s">
        <v>7632</v>
      </c>
      <c r="K2408" s="1" t="s">
        <v>10</v>
      </c>
      <c r="L2408" s="1" t="s">
        <v>8266</v>
      </c>
      <c r="M2408" s="1" t="s">
        <v>5</v>
      </c>
      <c r="N2408" s="1" t="s">
        <v>6</v>
      </c>
      <c r="O2408" s="1" t="s">
        <v>8</v>
      </c>
      <c r="P2408" s="5"/>
    </row>
    <row r="2409" spans="1:16" x14ac:dyDescent="0.2">
      <c r="A2409" s="1" t="s">
        <v>487</v>
      </c>
      <c r="B2409" s="1" t="s">
        <v>10</v>
      </c>
      <c r="C2409" s="1" t="s">
        <v>1803</v>
      </c>
      <c r="D2409" s="1" t="s">
        <v>10</v>
      </c>
      <c r="E2409" s="1" t="s">
        <v>10</v>
      </c>
      <c r="F2409" s="1" t="s">
        <v>27</v>
      </c>
      <c r="G2409" s="1" t="s">
        <v>10</v>
      </c>
      <c r="H2409" s="1" t="s">
        <v>10</v>
      </c>
      <c r="I2409" s="1" t="s">
        <v>7628</v>
      </c>
      <c r="J2409" s="1" t="s">
        <v>7632</v>
      </c>
      <c r="K2409" s="1" t="s">
        <v>10</v>
      </c>
      <c r="L2409" s="1" t="s">
        <v>8269</v>
      </c>
      <c r="M2409" s="1" t="s">
        <v>5</v>
      </c>
      <c r="N2409" s="1" t="s">
        <v>6</v>
      </c>
      <c r="O2409" s="1" t="s">
        <v>8</v>
      </c>
      <c r="P2409" s="5"/>
    </row>
    <row r="2410" spans="1:16" x14ac:dyDescent="0.2">
      <c r="A2410" s="1" t="s">
        <v>487</v>
      </c>
      <c r="B2410" s="1" t="s">
        <v>10</v>
      </c>
      <c r="C2410" s="1" t="s">
        <v>8271</v>
      </c>
      <c r="D2410" s="1" t="s">
        <v>8271</v>
      </c>
      <c r="E2410" s="1" t="s">
        <v>8272</v>
      </c>
      <c r="F2410" s="1" t="s">
        <v>27</v>
      </c>
      <c r="G2410" s="1" t="s">
        <v>10</v>
      </c>
      <c r="H2410" s="1" t="s">
        <v>8273</v>
      </c>
      <c r="I2410" s="1" t="s">
        <v>7628</v>
      </c>
      <c r="J2410" s="1" t="s">
        <v>7632</v>
      </c>
      <c r="K2410" s="1" t="s">
        <v>10</v>
      </c>
      <c r="L2410" s="1" t="s">
        <v>8270</v>
      </c>
      <c r="M2410" s="1" t="s">
        <v>5</v>
      </c>
      <c r="N2410" s="1" t="s">
        <v>6</v>
      </c>
      <c r="O2410" s="1" t="s">
        <v>8</v>
      </c>
      <c r="P2410" s="5"/>
    </row>
    <row r="2411" spans="1:16" x14ac:dyDescent="0.2">
      <c r="A2411" s="1" t="s">
        <v>487</v>
      </c>
      <c r="B2411" s="1" t="s">
        <v>10</v>
      </c>
      <c r="C2411" s="1" t="s">
        <v>360</v>
      </c>
      <c r="D2411" s="1" t="s">
        <v>360</v>
      </c>
      <c r="E2411" s="1" t="s">
        <v>8275</v>
      </c>
      <c r="F2411" s="1" t="s">
        <v>27</v>
      </c>
      <c r="G2411" s="1" t="s">
        <v>10</v>
      </c>
      <c r="H2411" s="1" t="s">
        <v>8276</v>
      </c>
      <c r="I2411" s="1" t="s">
        <v>7628</v>
      </c>
      <c r="J2411" s="1" t="s">
        <v>7632</v>
      </c>
      <c r="K2411" s="1" t="s">
        <v>10</v>
      </c>
      <c r="L2411" s="1" t="s">
        <v>8274</v>
      </c>
      <c r="M2411" s="1" t="s">
        <v>5</v>
      </c>
      <c r="N2411" s="1" t="s">
        <v>6</v>
      </c>
      <c r="O2411" s="1" t="s">
        <v>8</v>
      </c>
      <c r="P2411" s="5"/>
    </row>
    <row r="2412" spans="1:16" x14ac:dyDescent="0.2">
      <c r="A2412" s="1" t="s">
        <v>487</v>
      </c>
      <c r="B2412" s="1" t="s">
        <v>10</v>
      </c>
      <c r="C2412" s="1" t="s">
        <v>1290</v>
      </c>
      <c r="D2412" s="1" t="s">
        <v>10</v>
      </c>
      <c r="E2412" s="1" t="s">
        <v>10</v>
      </c>
      <c r="F2412" s="1" t="s">
        <v>27</v>
      </c>
      <c r="G2412" s="1" t="s">
        <v>10</v>
      </c>
      <c r="H2412" s="1" t="s">
        <v>10</v>
      </c>
      <c r="I2412" s="1" t="s">
        <v>7628</v>
      </c>
      <c r="J2412" s="1" t="s">
        <v>7632</v>
      </c>
      <c r="K2412" s="1" t="s">
        <v>10</v>
      </c>
      <c r="L2412" s="1" t="s">
        <v>8277</v>
      </c>
      <c r="M2412" s="1" t="s">
        <v>5</v>
      </c>
      <c r="N2412" s="1" t="s">
        <v>6</v>
      </c>
      <c r="O2412" s="1" t="s">
        <v>8</v>
      </c>
      <c r="P2412" s="5"/>
    </row>
    <row r="2413" spans="1:16" x14ac:dyDescent="0.2">
      <c r="A2413" s="1" t="s">
        <v>487</v>
      </c>
      <c r="B2413" s="1" t="s">
        <v>10</v>
      </c>
      <c r="C2413" s="1" t="s">
        <v>8063</v>
      </c>
      <c r="D2413" s="1" t="s">
        <v>8279</v>
      </c>
      <c r="E2413" s="1" t="s">
        <v>8280</v>
      </c>
      <c r="F2413" s="1" t="s">
        <v>27</v>
      </c>
      <c r="G2413" s="1" t="s">
        <v>10</v>
      </c>
      <c r="H2413" s="1" t="s">
        <v>1108</v>
      </c>
      <c r="I2413" s="1" t="s">
        <v>7628</v>
      </c>
      <c r="J2413" s="1" t="s">
        <v>7632</v>
      </c>
      <c r="K2413" s="1" t="s">
        <v>10</v>
      </c>
      <c r="L2413" s="1" t="s">
        <v>8278</v>
      </c>
      <c r="M2413" s="1" t="s">
        <v>5</v>
      </c>
      <c r="N2413" s="1" t="s">
        <v>6</v>
      </c>
      <c r="O2413" s="1" t="s">
        <v>8</v>
      </c>
      <c r="P2413" s="5"/>
    </row>
    <row r="2414" spans="1:16" x14ac:dyDescent="0.2">
      <c r="A2414" s="1" t="s">
        <v>487</v>
      </c>
      <c r="B2414" s="1" t="s">
        <v>10</v>
      </c>
      <c r="C2414" s="1" t="s">
        <v>119</v>
      </c>
      <c r="D2414" s="1" t="s">
        <v>119</v>
      </c>
      <c r="E2414" s="1" t="s">
        <v>8189</v>
      </c>
      <c r="F2414" s="1" t="s">
        <v>27</v>
      </c>
      <c r="G2414" s="1" t="s">
        <v>10</v>
      </c>
      <c r="H2414" s="1" t="s">
        <v>119</v>
      </c>
      <c r="I2414" s="1" t="s">
        <v>7628</v>
      </c>
      <c r="J2414" s="1" t="s">
        <v>7632</v>
      </c>
      <c r="K2414" s="1" t="s">
        <v>10</v>
      </c>
      <c r="L2414" s="1" t="s">
        <v>8281</v>
      </c>
      <c r="M2414" s="1" t="s">
        <v>5</v>
      </c>
      <c r="N2414" s="1" t="s">
        <v>6</v>
      </c>
      <c r="O2414" s="1" t="s">
        <v>8</v>
      </c>
      <c r="P2414" s="5"/>
    </row>
    <row r="2415" spans="1:16" x14ac:dyDescent="0.2">
      <c r="A2415" s="1" t="s">
        <v>487</v>
      </c>
      <c r="B2415" s="1" t="s">
        <v>10</v>
      </c>
      <c r="C2415" s="1" t="s">
        <v>8056</v>
      </c>
      <c r="D2415" s="1" t="s">
        <v>10</v>
      </c>
      <c r="E2415" s="1" t="s">
        <v>8283</v>
      </c>
      <c r="F2415" s="1" t="s">
        <v>27</v>
      </c>
      <c r="G2415" s="1" t="s">
        <v>10</v>
      </c>
      <c r="H2415" s="1" t="s">
        <v>8284</v>
      </c>
      <c r="I2415" s="1" t="s">
        <v>7628</v>
      </c>
      <c r="J2415" s="1" t="s">
        <v>7632</v>
      </c>
      <c r="K2415" s="1" t="s">
        <v>10</v>
      </c>
      <c r="L2415" s="1" t="s">
        <v>8282</v>
      </c>
      <c r="M2415" s="1" t="s">
        <v>5</v>
      </c>
      <c r="N2415" s="1" t="s">
        <v>6</v>
      </c>
      <c r="O2415" s="1" t="s">
        <v>8</v>
      </c>
      <c r="P2415" s="5"/>
    </row>
    <row r="2416" spans="1:16" x14ac:dyDescent="0.2">
      <c r="A2416" s="1" t="s">
        <v>487</v>
      </c>
      <c r="B2416" s="1" t="s">
        <v>10</v>
      </c>
      <c r="C2416" s="1" t="s">
        <v>8286</v>
      </c>
      <c r="D2416" s="1" t="s">
        <v>10</v>
      </c>
      <c r="E2416" s="1" t="s">
        <v>8287</v>
      </c>
      <c r="F2416" s="1" t="s">
        <v>27</v>
      </c>
      <c r="G2416" s="1" t="s">
        <v>10</v>
      </c>
      <c r="H2416" s="1" t="s">
        <v>10</v>
      </c>
      <c r="I2416" s="1" t="s">
        <v>7628</v>
      </c>
      <c r="J2416" s="1" t="s">
        <v>7632</v>
      </c>
      <c r="K2416" s="1" t="s">
        <v>10</v>
      </c>
      <c r="L2416" s="1" t="s">
        <v>8285</v>
      </c>
      <c r="M2416" s="1" t="s">
        <v>5</v>
      </c>
      <c r="N2416" s="1" t="s">
        <v>6</v>
      </c>
      <c r="O2416" s="1" t="s">
        <v>8</v>
      </c>
      <c r="P2416" s="5"/>
    </row>
    <row r="2417" spans="1:16" x14ac:dyDescent="0.2">
      <c r="A2417" s="1" t="s">
        <v>487</v>
      </c>
      <c r="B2417" s="1" t="s">
        <v>10</v>
      </c>
      <c r="C2417" s="1" t="s">
        <v>1170</v>
      </c>
      <c r="D2417" s="1" t="s">
        <v>10</v>
      </c>
      <c r="E2417" s="1" t="s">
        <v>8289</v>
      </c>
      <c r="F2417" s="1" t="s">
        <v>27</v>
      </c>
      <c r="G2417" s="1" t="s">
        <v>10</v>
      </c>
      <c r="H2417" s="1" t="s">
        <v>8290</v>
      </c>
      <c r="I2417" s="1" t="s">
        <v>7628</v>
      </c>
      <c r="J2417" s="1" t="s">
        <v>7632</v>
      </c>
      <c r="K2417" s="1" t="s">
        <v>10</v>
      </c>
      <c r="L2417" s="1" t="s">
        <v>8288</v>
      </c>
      <c r="M2417" s="1" t="s">
        <v>5</v>
      </c>
      <c r="N2417" s="1" t="s">
        <v>6</v>
      </c>
      <c r="O2417" s="1" t="s">
        <v>8</v>
      </c>
      <c r="P2417" s="5"/>
    </row>
    <row r="2418" spans="1:16" x14ac:dyDescent="0.2">
      <c r="A2418" s="1" t="s">
        <v>487</v>
      </c>
      <c r="B2418" s="1" t="s">
        <v>10</v>
      </c>
      <c r="C2418" s="1" t="s">
        <v>2059</v>
      </c>
      <c r="D2418" s="1" t="s">
        <v>10</v>
      </c>
      <c r="E2418" s="1" t="s">
        <v>8204</v>
      </c>
      <c r="F2418" s="1" t="s">
        <v>27</v>
      </c>
      <c r="G2418" s="1" t="s">
        <v>10</v>
      </c>
      <c r="H2418" s="1" t="s">
        <v>15</v>
      </c>
      <c r="I2418" s="1" t="s">
        <v>7628</v>
      </c>
      <c r="J2418" s="1" t="s">
        <v>7632</v>
      </c>
      <c r="K2418" s="1" t="s">
        <v>10</v>
      </c>
      <c r="L2418" s="1" t="s">
        <v>8291</v>
      </c>
      <c r="M2418" s="1" t="s">
        <v>5</v>
      </c>
      <c r="N2418" s="1" t="s">
        <v>6</v>
      </c>
      <c r="O2418" s="1" t="s">
        <v>8</v>
      </c>
      <c r="P2418" s="5"/>
    </row>
    <row r="2419" spans="1:16" x14ac:dyDescent="0.2">
      <c r="A2419" s="1" t="s">
        <v>487</v>
      </c>
      <c r="B2419" s="1" t="s">
        <v>10</v>
      </c>
      <c r="C2419" s="1" t="s">
        <v>483</v>
      </c>
      <c r="D2419" s="1" t="s">
        <v>484</v>
      </c>
      <c r="E2419" s="1" t="s">
        <v>8293</v>
      </c>
      <c r="F2419" s="1" t="s">
        <v>27</v>
      </c>
      <c r="G2419" s="1" t="s">
        <v>10</v>
      </c>
      <c r="H2419" s="1" t="s">
        <v>8294</v>
      </c>
      <c r="I2419" s="1" t="s">
        <v>7628</v>
      </c>
      <c r="J2419" s="1" t="s">
        <v>7632</v>
      </c>
      <c r="K2419" s="1" t="s">
        <v>10</v>
      </c>
      <c r="L2419" s="1" t="s">
        <v>8292</v>
      </c>
      <c r="M2419" s="1" t="s">
        <v>5</v>
      </c>
      <c r="N2419" s="1" t="s">
        <v>6</v>
      </c>
      <c r="O2419" s="1" t="s">
        <v>8</v>
      </c>
      <c r="P2419" s="5"/>
    </row>
    <row r="2420" spans="1:16" x14ac:dyDescent="0.2">
      <c r="A2420" s="1" t="s">
        <v>487</v>
      </c>
      <c r="B2420" s="1" t="s">
        <v>10</v>
      </c>
      <c r="C2420" s="1" t="s">
        <v>2244</v>
      </c>
      <c r="D2420" s="1" t="s">
        <v>8296</v>
      </c>
      <c r="E2420" s="1" t="s">
        <v>8209</v>
      </c>
      <c r="F2420" s="1" t="s">
        <v>27</v>
      </c>
      <c r="G2420" s="1" t="s">
        <v>10</v>
      </c>
      <c r="H2420" s="1" t="s">
        <v>968</v>
      </c>
      <c r="I2420" s="1" t="s">
        <v>7628</v>
      </c>
      <c r="J2420" s="1" t="s">
        <v>7632</v>
      </c>
      <c r="K2420" s="1" t="s">
        <v>10</v>
      </c>
      <c r="L2420" s="1" t="s">
        <v>8295</v>
      </c>
      <c r="M2420" s="1" t="s">
        <v>5</v>
      </c>
      <c r="N2420" s="1" t="s">
        <v>6</v>
      </c>
      <c r="O2420" s="1" t="s">
        <v>8</v>
      </c>
      <c r="P2420" s="5"/>
    </row>
    <row r="2421" spans="1:16" x14ac:dyDescent="0.2">
      <c r="A2421" s="1" t="s">
        <v>487</v>
      </c>
      <c r="B2421" s="1" t="s">
        <v>10</v>
      </c>
      <c r="C2421" s="1" t="s">
        <v>8298</v>
      </c>
      <c r="D2421" s="1" t="s">
        <v>8299</v>
      </c>
      <c r="E2421" s="1" t="s">
        <v>8300</v>
      </c>
      <c r="F2421" s="1" t="s">
        <v>27</v>
      </c>
      <c r="G2421" s="1" t="s">
        <v>10</v>
      </c>
      <c r="H2421" s="1" t="s">
        <v>1108</v>
      </c>
      <c r="I2421" s="1" t="s">
        <v>7628</v>
      </c>
      <c r="J2421" s="1" t="s">
        <v>7632</v>
      </c>
      <c r="K2421" s="1" t="s">
        <v>10</v>
      </c>
      <c r="L2421" s="1" t="s">
        <v>8297</v>
      </c>
      <c r="M2421" s="1" t="s">
        <v>5</v>
      </c>
      <c r="N2421" s="1" t="s">
        <v>6</v>
      </c>
      <c r="O2421" s="1" t="s">
        <v>8</v>
      </c>
      <c r="P2421" s="5"/>
    </row>
    <row r="2422" spans="1:16" x14ac:dyDescent="0.2">
      <c r="A2422" s="1" t="s">
        <v>487</v>
      </c>
      <c r="B2422" s="1" t="s">
        <v>10</v>
      </c>
      <c r="C2422" s="1" t="s">
        <v>8176</v>
      </c>
      <c r="D2422" s="1" t="s">
        <v>8302</v>
      </c>
      <c r="E2422" s="1" t="s">
        <v>8303</v>
      </c>
      <c r="F2422" s="1" t="s">
        <v>27</v>
      </c>
      <c r="G2422" s="1" t="s">
        <v>10</v>
      </c>
      <c r="H2422" s="1" t="s">
        <v>8304</v>
      </c>
      <c r="I2422" s="1" t="s">
        <v>7628</v>
      </c>
      <c r="J2422" s="1" t="s">
        <v>7632</v>
      </c>
      <c r="K2422" s="1" t="s">
        <v>10</v>
      </c>
      <c r="L2422" s="1" t="s">
        <v>8301</v>
      </c>
      <c r="M2422" s="1" t="s">
        <v>5</v>
      </c>
      <c r="N2422" s="1" t="s">
        <v>6</v>
      </c>
      <c r="O2422" s="1" t="s">
        <v>8</v>
      </c>
      <c r="P2422" s="5"/>
    </row>
    <row r="2423" spans="1:16" x14ac:dyDescent="0.2">
      <c r="A2423" s="1" t="s">
        <v>487</v>
      </c>
      <c r="B2423" s="1" t="s">
        <v>10</v>
      </c>
      <c r="C2423" s="1" t="s">
        <v>8306</v>
      </c>
      <c r="D2423" s="1" t="s">
        <v>10</v>
      </c>
      <c r="E2423" s="1" t="s">
        <v>8307</v>
      </c>
      <c r="F2423" s="1" t="s">
        <v>27</v>
      </c>
      <c r="G2423" s="1" t="s">
        <v>10</v>
      </c>
      <c r="H2423" s="1" t="s">
        <v>1108</v>
      </c>
      <c r="I2423" s="1" t="s">
        <v>7628</v>
      </c>
      <c r="J2423" s="1" t="s">
        <v>7632</v>
      </c>
      <c r="K2423" s="1" t="s">
        <v>10</v>
      </c>
      <c r="L2423" s="1" t="s">
        <v>8305</v>
      </c>
      <c r="M2423" s="1" t="s">
        <v>5</v>
      </c>
      <c r="N2423" s="1" t="s">
        <v>6</v>
      </c>
      <c r="O2423" s="1" t="s">
        <v>8</v>
      </c>
      <c r="P2423" s="5"/>
    </row>
    <row r="2424" spans="1:16" x14ac:dyDescent="0.2">
      <c r="A2424" s="1" t="s">
        <v>487</v>
      </c>
      <c r="B2424" s="1" t="s">
        <v>10</v>
      </c>
      <c r="C2424" s="1" t="s">
        <v>8309</v>
      </c>
      <c r="D2424" s="1" t="s">
        <v>10</v>
      </c>
      <c r="E2424" s="1" t="s">
        <v>8310</v>
      </c>
      <c r="F2424" s="1" t="s">
        <v>27</v>
      </c>
      <c r="G2424" s="1" t="s">
        <v>10</v>
      </c>
      <c r="H2424" s="1" t="s">
        <v>8311</v>
      </c>
      <c r="I2424" s="1" t="s">
        <v>7628</v>
      </c>
      <c r="J2424" s="1" t="s">
        <v>7632</v>
      </c>
      <c r="K2424" s="1" t="s">
        <v>10</v>
      </c>
      <c r="L2424" s="1" t="s">
        <v>8308</v>
      </c>
      <c r="M2424" s="1" t="s">
        <v>5</v>
      </c>
      <c r="N2424" s="1" t="s">
        <v>6</v>
      </c>
      <c r="O2424" s="1" t="s">
        <v>8</v>
      </c>
      <c r="P2424" s="5"/>
    </row>
    <row r="2425" spans="1:16" x14ac:dyDescent="0.2">
      <c r="A2425" s="1" t="s">
        <v>487</v>
      </c>
      <c r="B2425" s="1" t="s">
        <v>10</v>
      </c>
      <c r="C2425" s="1" t="s">
        <v>8313</v>
      </c>
      <c r="D2425" s="1" t="s">
        <v>8314</v>
      </c>
      <c r="E2425" s="1" t="s">
        <v>8315</v>
      </c>
      <c r="F2425" s="1" t="s">
        <v>27</v>
      </c>
      <c r="G2425" s="1" t="s">
        <v>10</v>
      </c>
      <c r="H2425" s="1" t="s">
        <v>8304</v>
      </c>
      <c r="I2425" s="1" t="s">
        <v>7628</v>
      </c>
      <c r="J2425" s="1" t="s">
        <v>7632</v>
      </c>
      <c r="K2425" s="1" t="s">
        <v>10</v>
      </c>
      <c r="L2425" s="1" t="s">
        <v>8312</v>
      </c>
      <c r="M2425" s="1" t="s">
        <v>5</v>
      </c>
      <c r="N2425" s="1" t="s">
        <v>6</v>
      </c>
      <c r="O2425" s="1" t="s">
        <v>8</v>
      </c>
      <c r="P2425" s="5"/>
    </row>
    <row r="2426" spans="1:16" x14ac:dyDescent="0.2">
      <c r="A2426" s="1" t="s">
        <v>487</v>
      </c>
      <c r="B2426" s="1" t="s">
        <v>10</v>
      </c>
      <c r="C2426" s="1" t="s">
        <v>8317</v>
      </c>
      <c r="D2426" s="1" t="s">
        <v>8318</v>
      </c>
      <c r="E2426" s="1" t="s">
        <v>8319</v>
      </c>
      <c r="F2426" s="1" t="s">
        <v>27</v>
      </c>
      <c r="G2426" s="1" t="s">
        <v>10</v>
      </c>
      <c r="H2426" s="1" t="s">
        <v>1108</v>
      </c>
      <c r="I2426" s="1" t="s">
        <v>7628</v>
      </c>
      <c r="J2426" s="1" t="s">
        <v>7632</v>
      </c>
      <c r="K2426" s="1" t="s">
        <v>10</v>
      </c>
      <c r="L2426" s="1" t="s">
        <v>8316</v>
      </c>
      <c r="M2426" s="1" t="s">
        <v>5</v>
      </c>
      <c r="N2426" s="1" t="s">
        <v>6</v>
      </c>
      <c r="O2426" s="1" t="s">
        <v>8</v>
      </c>
      <c r="P2426" s="5"/>
    </row>
    <row r="2427" spans="1:16" x14ac:dyDescent="0.2">
      <c r="A2427" s="1" t="s">
        <v>487</v>
      </c>
      <c r="B2427" s="1" t="s">
        <v>10</v>
      </c>
      <c r="C2427" s="1" t="s">
        <v>553</v>
      </c>
      <c r="D2427" s="1" t="s">
        <v>8321</v>
      </c>
      <c r="E2427" s="1" t="s">
        <v>8322</v>
      </c>
      <c r="F2427" s="1" t="s">
        <v>27</v>
      </c>
      <c r="G2427" s="1" t="s">
        <v>10</v>
      </c>
      <c r="H2427" s="1" t="s">
        <v>553</v>
      </c>
      <c r="I2427" s="1" t="s">
        <v>7628</v>
      </c>
      <c r="J2427" s="1" t="s">
        <v>7632</v>
      </c>
      <c r="K2427" s="1" t="s">
        <v>10</v>
      </c>
      <c r="L2427" s="1" t="s">
        <v>8320</v>
      </c>
      <c r="M2427" s="1" t="s">
        <v>5</v>
      </c>
      <c r="N2427" s="1" t="s">
        <v>6</v>
      </c>
      <c r="O2427" s="1" t="s">
        <v>8</v>
      </c>
      <c r="P2427" s="5"/>
    </row>
    <row r="2428" spans="1:16" x14ac:dyDescent="0.2">
      <c r="A2428" s="1" t="s">
        <v>487</v>
      </c>
      <c r="B2428" s="1" t="s">
        <v>10</v>
      </c>
      <c r="C2428" s="1" t="s">
        <v>8324</v>
      </c>
      <c r="D2428" s="1" t="s">
        <v>806</v>
      </c>
      <c r="E2428" s="1" t="s">
        <v>8325</v>
      </c>
      <c r="F2428" s="1" t="s">
        <v>27</v>
      </c>
      <c r="G2428" s="1" t="s">
        <v>10</v>
      </c>
      <c r="H2428" s="1" t="s">
        <v>8326</v>
      </c>
      <c r="I2428" s="1" t="s">
        <v>7628</v>
      </c>
      <c r="J2428" s="1" t="s">
        <v>7632</v>
      </c>
      <c r="K2428" s="1" t="s">
        <v>10</v>
      </c>
      <c r="L2428" s="1" t="s">
        <v>8323</v>
      </c>
      <c r="M2428" s="1" t="s">
        <v>5</v>
      </c>
      <c r="N2428" s="1" t="s">
        <v>6</v>
      </c>
      <c r="O2428" s="1" t="s">
        <v>8</v>
      </c>
      <c r="P2428" s="5"/>
    </row>
    <row r="2429" spans="1:16" x14ac:dyDescent="0.2">
      <c r="A2429" s="1" t="s">
        <v>487</v>
      </c>
      <c r="B2429" s="1" t="s">
        <v>10</v>
      </c>
      <c r="C2429" s="1" t="s">
        <v>8328</v>
      </c>
      <c r="D2429" s="1" t="s">
        <v>10</v>
      </c>
      <c r="E2429" s="1" t="s">
        <v>8329</v>
      </c>
      <c r="F2429" s="1" t="s">
        <v>27</v>
      </c>
      <c r="G2429" s="1" t="s">
        <v>10</v>
      </c>
      <c r="H2429" s="1" t="s">
        <v>1108</v>
      </c>
      <c r="I2429" s="1" t="s">
        <v>7628</v>
      </c>
      <c r="J2429" s="1" t="s">
        <v>7632</v>
      </c>
      <c r="K2429" s="1" t="s">
        <v>10</v>
      </c>
      <c r="L2429" s="1" t="s">
        <v>8327</v>
      </c>
      <c r="M2429" s="1" t="s">
        <v>5</v>
      </c>
      <c r="N2429" s="1" t="s">
        <v>6</v>
      </c>
      <c r="O2429" s="1" t="s">
        <v>8</v>
      </c>
      <c r="P2429" s="5"/>
    </row>
    <row r="2430" spans="1:16" x14ac:dyDescent="0.2">
      <c r="A2430" s="1" t="s">
        <v>487</v>
      </c>
      <c r="B2430" s="1" t="s">
        <v>10</v>
      </c>
      <c r="C2430" s="1" t="s">
        <v>8331</v>
      </c>
      <c r="D2430" s="1" t="s">
        <v>10</v>
      </c>
      <c r="E2430" s="1" t="s">
        <v>8332</v>
      </c>
      <c r="F2430" s="1" t="s">
        <v>27</v>
      </c>
      <c r="G2430" s="1" t="s">
        <v>10</v>
      </c>
      <c r="H2430" s="1" t="s">
        <v>868</v>
      </c>
      <c r="I2430" s="1" t="s">
        <v>7628</v>
      </c>
      <c r="J2430" s="1" t="s">
        <v>7632</v>
      </c>
      <c r="K2430" s="1" t="s">
        <v>10</v>
      </c>
      <c r="L2430" s="1" t="s">
        <v>8330</v>
      </c>
      <c r="M2430" s="1" t="s">
        <v>5</v>
      </c>
      <c r="N2430" s="1" t="s">
        <v>6</v>
      </c>
      <c r="O2430" s="1" t="s">
        <v>8</v>
      </c>
      <c r="P2430" s="5"/>
    </row>
    <row r="2431" spans="1:16" x14ac:dyDescent="0.2">
      <c r="A2431" s="1" t="s">
        <v>487</v>
      </c>
      <c r="B2431" s="1" t="s">
        <v>10</v>
      </c>
      <c r="C2431" s="1" t="s">
        <v>801</v>
      </c>
      <c r="D2431" s="1" t="s">
        <v>10</v>
      </c>
      <c r="E2431" s="1" t="s">
        <v>8334</v>
      </c>
      <c r="F2431" s="1" t="s">
        <v>27</v>
      </c>
      <c r="G2431" s="1" t="s">
        <v>10</v>
      </c>
      <c r="H2431" s="1" t="s">
        <v>15</v>
      </c>
      <c r="I2431" s="1" t="s">
        <v>7628</v>
      </c>
      <c r="J2431" s="1" t="s">
        <v>7632</v>
      </c>
      <c r="K2431" s="1" t="s">
        <v>10</v>
      </c>
      <c r="L2431" s="1" t="s">
        <v>8333</v>
      </c>
      <c r="M2431" s="1" t="s">
        <v>5</v>
      </c>
      <c r="N2431" s="1" t="s">
        <v>6</v>
      </c>
      <c r="O2431" s="1" t="s">
        <v>8</v>
      </c>
      <c r="P2431" s="5"/>
    </row>
    <row r="2432" spans="1:16" x14ac:dyDescent="0.2">
      <c r="A2432" s="1" t="s">
        <v>487</v>
      </c>
      <c r="B2432" s="1" t="s">
        <v>10</v>
      </c>
      <c r="C2432" s="1" t="s">
        <v>8336</v>
      </c>
      <c r="D2432" s="1" t="s">
        <v>8336</v>
      </c>
      <c r="E2432" s="1" t="s">
        <v>8337</v>
      </c>
      <c r="F2432" s="1" t="s">
        <v>27</v>
      </c>
      <c r="G2432" s="1" t="s">
        <v>10</v>
      </c>
      <c r="H2432" s="1" t="s">
        <v>15</v>
      </c>
      <c r="I2432" s="1" t="s">
        <v>7628</v>
      </c>
      <c r="J2432" s="1" t="s">
        <v>7632</v>
      </c>
      <c r="K2432" s="1" t="s">
        <v>10</v>
      </c>
      <c r="L2432" s="1" t="s">
        <v>8335</v>
      </c>
      <c r="M2432" s="1" t="s">
        <v>5</v>
      </c>
      <c r="N2432" s="1" t="s">
        <v>6</v>
      </c>
      <c r="O2432" s="1" t="s">
        <v>8</v>
      </c>
      <c r="P2432" s="5"/>
    </row>
    <row r="2433" spans="1:16" x14ac:dyDescent="0.2">
      <c r="A2433" s="1" t="s">
        <v>487</v>
      </c>
      <c r="B2433" s="1" t="s">
        <v>10</v>
      </c>
      <c r="C2433" s="1" t="s">
        <v>1170</v>
      </c>
      <c r="D2433" s="1" t="s">
        <v>10</v>
      </c>
      <c r="E2433" s="1" t="s">
        <v>8332</v>
      </c>
      <c r="F2433" s="1" t="s">
        <v>27</v>
      </c>
      <c r="G2433" s="1" t="s">
        <v>10</v>
      </c>
      <c r="H2433" s="1" t="s">
        <v>8290</v>
      </c>
      <c r="I2433" s="1" t="s">
        <v>7628</v>
      </c>
      <c r="J2433" s="1" t="s">
        <v>7632</v>
      </c>
      <c r="K2433" s="1" t="s">
        <v>10</v>
      </c>
      <c r="L2433" s="1" t="s">
        <v>8338</v>
      </c>
      <c r="M2433" s="1" t="s">
        <v>5</v>
      </c>
      <c r="N2433" s="1" t="s">
        <v>6</v>
      </c>
      <c r="O2433" s="1" t="s">
        <v>8</v>
      </c>
      <c r="P2433" s="5"/>
    </row>
    <row r="2434" spans="1:16" x14ac:dyDescent="0.2">
      <c r="A2434" s="1" t="s">
        <v>487</v>
      </c>
      <c r="B2434" s="1" t="s">
        <v>10</v>
      </c>
      <c r="C2434" s="1" t="s">
        <v>8340</v>
      </c>
      <c r="D2434" s="1" t="s">
        <v>10</v>
      </c>
      <c r="E2434" s="1" t="s">
        <v>8337</v>
      </c>
      <c r="F2434" s="1" t="s">
        <v>27</v>
      </c>
      <c r="G2434" s="1" t="s">
        <v>10</v>
      </c>
      <c r="H2434" s="1" t="s">
        <v>10</v>
      </c>
      <c r="I2434" s="1" t="s">
        <v>7628</v>
      </c>
      <c r="J2434" s="1" t="s">
        <v>7632</v>
      </c>
      <c r="K2434" s="1" t="s">
        <v>10</v>
      </c>
      <c r="L2434" s="1" t="s">
        <v>8339</v>
      </c>
      <c r="M2434" s="1" t="s">
        <v>5</v>
      </c>
      <c r="N2434" s="1" t="s">
        <v>6</v>
      </c>
      <c r="O2434" s="1" t="s">
        <v>8</v>
      </c>
      <c r="P2434" s="5"/>
    </row>
    <row r="2435" spans="1:16" x14ac:dyDescent="0.2">
      <c r="A2435" s="1" t="s">
        <v>487</v>
      </c>
      <c r="B2435" s="1" t="s">
        <v>10</v>
      </c>
      <c r="C2435" s="1" t="s">
        <v>7164</v>
      </c>
      <c r="D2435" s="1" t="s">
        <v>10</v>
      </c>
      <c r="E2435" s="1" t="s">
        <v>8303</v>
      </c>
      <c r="F2435" s="1" t="s">
        <v>27</v>
      </c>
      <c r="G2435" s="1" t="s">
        <v>10</v>
      </c>
      <c r="H2435" s="1" t="s">
        <v>10</v>
      </c>
      <c r="I2435" s="1" t="s">
        <v>7628</v>
      </c>
      <c r="J2435" s="1" t="s">
        <v>7632</v>
      </c>
      <c r="K2435" s="1" t="s">
        <v>10</v>
      </c>
      <c r="L2435" s="1" t="s">
        <v>8341</v>
      </c>
      <c r="M2435" s="1" t="s">
        <v>5</v>
      </c>
      <c r="N2435" s="1" t="s">
        <v>6</v>
      </c>
      <c r="O2435" s="1" t="s">
        <v>8</v>
      </c>
      <c r="P2435" s="5"/>
    </row>
    <row r="2436" spans="1:16" x14ac:dyDescent="0.2">
      <c r="A2436" s="1" t="s">
        <v>487</v>
      </c>
      <c r="B2436" s="1" t="s">
        <v>10</v>
      </c>
      <c r="C2436" s="1" t="s">
        <v>8343</v>
      </c>
      <c r="D2436" s="1" t="s">
        <v>10</v>
      </c>
      <c r="E2436" s="1" t="s">
        <v>8337</v>
      </c>
      <c r="F2436" s="1" t="s">
        <v>27</v>
      </c>
      <c r="G2436" s="1" t="s">
        <v>10</v>
      </c>
      <c r="H2436" s="1" t="s">
        <v>10</v>
      </c>
      <c r="I2436" s="1" t="s">
        <v>7628</v>
      </c>
      <c r="J2436" s="1" t="s">
        <v>7632</v>
      </c>
      <c r="K2436" s="1" t="s">
        <v>10</v>
      </c>
      <c r="L2436" s="1" t="s">
        <v>8342</v>
      </c>
      <c r="M2436" s="1" t="s">
        <v>5</v>
      </c>
      <c r="N2436" s="1" t="s">
        <v>6</v>
      </c>
      <c r="O2436" s="1" t="s">
        <v>8</v>
      </c>
      <c r="P2436" s="5"/>
    </row>
    <row r="2437" spans="1:16" x14ac:dyDescent="0.2">
      <c r="A2437" s="1" t="s">
        <v>487</v>
      </c>
      <c r="B2437" s="1" t="s">
        <v>10</v>
      </c>
      <c r="C2437" s="1" t="s">
        <v>505</v>
      </c>
      <c r="D2437" s="1" t="s">
        <v>8345</v>
      </c>
      <c r="E2437" s="1" t="s">
        <v>8346</v>
      </c>
      <c r="F2437" s="1" t="s">
        <v>27</v>
      </c>
      <c r="G2437" s="1" t="s">
        <v>10</v>
      </c>
      <c r="H2437" s="1" t="s">
        <v>8347</v>
      </c>
      <c r="I2437" s="1" t="s">
        <v>7628</v>
      </c>
      <c r="J2437" s="1" t="s">
        <v>7632</v>
      </c>
      <c r="K2437" s="1" t="s">
        <v>10</v>
      </c>
      <c r="L2437" s="1" t="s">
        <v>8344</v>
      </c>
      <c r="M2437" s="1" t="s">
        <v>5</v>
      </c>
      <c r="N2437" s="1" t="s">
        <v>6</v>
      </c>
      <c r="O2437" s="1" t="s">
        <v>8</v>
      </c>
      <c r="P2437" s="5"/>
    </row>
    <row r="2438" spans="1:16" x14ac:dyDescent="0.2">
      <c r="A2438" s="1" t="s">
        <v>487</v>
      </c>
      <c r="B2438" s="1" t="s">
        <v>10</v>
      </c>
      <c r="C2438" s="1" t="s">
        <v>8349</v>
      </c>
      <c r="D2438" s="1" t="s">
        <v>10</v>
      </c>
      <c r="E2438" s="1" t="s">
        <v>8350</v>
      </c>
      <c r="F2438" s="1" t="s">
        <v>27</v>
      </c>
      <c r="G2438" s="1" t="s">
        <v>10</v>
      </c>
      <c r="H2438" s="1" t="s">
        <v>7058</v>
      </c>
      <c r="I2438" s="1" t="s">
        <v>7628</v>
      </c>
      <c r="J2438" s="1" t="s">
        <v>7632</v>
      </c>
      <c r="K2438" s="1" t="s">
        <v>10</v>
      </c>
      <c r="L2438" s="1" t="s">
        <v>8348</v>
      </c>
      <c r="M2438" s="1" t="s">
        <v>5</v>
      </c>
      <c r="N2438" s="1" t="s">
        <v>6</v>
      </c>
      <c r="O2438" s="1" t="s">
        <v>8</v>
      </c>
      <c r="P2438" s="5"/>
    </row>
    <row r="2439" spans="1:16" x14ac:dyDescent="0.2">
      <c r="A2439" s="1" t="s">
        <v>487</v>
      </c>
      <c r="B2439" s="1" t="s">
        <v>10</v>
      </c>
      <c r="C2439" s="1" t="s">
        <v>8352</v>
      </c>
      <c r="D2439" s="1" t="s">
        <v>8353</v>
      </c>
      <c r="E2439" s="1" t="s">
        <v>8354</v>
      </c>
      <c r="F2439" s="1" t="s">
        <v>27</v>
      </c>
      <c r="G2439" s="1" t="s">
        <v>10</v>
      </c>
      <c r="H2439" s="1" t="s">
        <v>8355</v>
      </c>
      <c r="I2439" s="1" t="s">
        <v>7628</v>
      </c>
      <c r="J2439" s="1" t="s">
        <v>7632</v>
      </c>
      <c r="K2439" s="1" t="s">
        <v>10</v>
      </c>
      <c r="L2439" s="1" t="s">
        <v>8351</v>
      </c>
      <c r="M2439" s="1" t="s">
        <v>5</v>
      </c>
      <c r="N2439" s="1" t="s">
        <v>6</v>
      </c>
      <c r="O2439" s="1" t="s">
        <v>8</v>
      </c>
      <c r="P2439" s="5"/>
    </row>
    <row r="2440" spans="1:16" x14ac:dyDescent="0.2">
      <c r="A2440" s="1" t="s">
        <v>487</v>
      </c>
      <c r="B2440" s="1" t="s">
        <v>10</v>
      </c>
      <c r="C2440" s="1" t="s">
        <v>8357</v>
      </c>
      <c r="D2440" s="1" t="s">
        <v>553</v>
      </c>
      <c r="E2440" s="1" t="s">
        <v>8358</v>
      </c>
      <c r="F2440" s="1" t="s">
        <v>27</v>
      </c>
      <c r="G2440" s="1" t="s">
        <v>10</v>
      </c>
      <c r="H2440" s="1" t="s">
        <v>8359</v>
      </c>
      <c r="I2440" s="1" t="s">
        <v>7628</v>
      </c>
      <c r="J2440" s="1" t="s">
        <v>7632</v>
      </c>
      <c r="K2440" s="1" t="s">
        <v>10</v>
      </c>
      <c r="L2440" s="1" t="s">
        <v>8356</v>
      </c>
      <c r="M2440" s="1" t="s">
        <v>5</v>
      </c>
      <c r="N2440" s="1" t="s">
        <v>6</v>
      </c>
      <c r="O2440" s="1" t="s">
        <v>8</v>
      </c>
      <c r="P2440" s="5"/>
    </row>
    <row r="2441" spans="1:16" x14ac:dyDescent="0.2">
      <c r="A2441" s="1" t="s">
        <v>487</v>
      </c>
      <c r="B2441" s="1" t="s">
        <v>10</v>
      </c>
      <c r="C2441" s="1" t="s">
        <v>8361</v>
      </c>
      <c r="D2441" s="1" t="s">
        <v>8361</v>
      </c>
      <c r="E2441" s="1" t="s">
        <v>8358</v>
      </c>
      <c r="F2441" s="1" t="s">
        <v>27</v>
      </c>
      <c r="G2441" s="1" t="s">
        <v>10</v>
      </c>
      <c r="H2441" s="1" t="s">
        <v>5677</v>
      </c>
      <c r="I2441" s="1" t="s">
        <v>7628</v>
      </c>
      <c r="J2441" s="1" t="s">
        <v>7632</v>
      </c>
      <c r="K2441" s="1" t="s">
        <v>10</v>
      </c>
      <c r="L2441" s="1" t="s">
        <v>8360</v>
      </c>
      <c r="M2441" s="1" t="s">
        <v>5</v>
      </c>
      <c r="N2441" s="1" t="s">
        <v>6</v>
      </c>
      <c r="O2441" s="1" t="s">
        <v>8</v>
      </c>
      <c r="P2441" s="5"/>
    </row>
    <row r="2442" spans="1:16" x14ac:dyDescent="0.2">
      <c r="A2442" s="1" t="s">
        <v>487</v>
      </c>
      <c r="B2442" s="1" t="s">
        <v>10</v>
      </c>
      <c r="C2442" s="1" t="s">
        <v>2059</v>
      </c>
      <c r="D2442" s="1" t="s">
        <v>10</v>
      </c>
      <c r="E2442" s="1" t="s">
        <v>8204</v>
      </c>
      <c r="F2442" s="1" t="s">
        <v>27</v>
      </c>
      <c r="G2442" s="1" t="s">
        <v>10</v>
      </c>
      <c r="H2442" s="1" t="s">
        <v>15</v>
      </c>
      <c r="I2442" s="1" t="s">
        <v>7628</v>
      </c>
      <c r="J2442" s="1" t="s">
        <v>7632</v>
      </c>
      <c r="K2442" s="1" t="s">
        <v>10</v>
      </c>
      <c r="L2442" s="1" t="s">
        <v>8362</v>
      </c>
      <c r="M2442" s="1" t="s">
        <v>5</v>
      </c>
      <c r="N2442" s="1" t="s">
        <v>6</v>
      </c>
      <c r="O2442" s="1" t="s">
        <v>8</v>
      </c>
      <c r="P2442" s="5"/>
    </row>
    <row r="2443" spans="1:16" x14ac:dyDescent="0.2">
      <c r="A2443" s="1" t="s">
        <v>487</v>
      </c>
      <c r="B2443" s="1" t="s">
        <v>10</v>
      </c>
      <c r="C2443" s="1" t="s">
        <v>8364</v>
      </c>
      <c r="D2443" s="1" t="s">
        <v>10</v>
      </c>
      <c r="E2443" s="1" t="s">
        <v>8365</v>
      </c>
      <c r="F2443" s="1" t="s">
        <v>27</v>
      </c>
      <c r="G2443" s="1" t="s">
        <v>10</v>
      </c>
      <c r="H2443" s="1" t="s">
        <v>1813</v>
      </c>
      <c r="I2443" s="1" t="s">
        <v>7628</v>
      </c>
      <c r="J2443" s="1" t="s">
        <v>7632</v>
      </c>
      <c r="K2443" s="1" t="s">
        <v>10</v>
      </c>
      <c r="L2443" s="1" t="s">
        <v>8363</v>
      </c>
      <c r="M2443" s="1" t="s">
        <v>5</v>
      </c>
      <c r="N2443" s="1" t="s">
        <v>6</v>
      </c>
      <c r="O2443" s="1" t="s">
        <v>8</v>
      </c>
      <c r="P2443" s="5"/>
    </row>
    <row r="2444" spans="1:16" x14ac:dyDescent="0.2">
      <c r="A2444" s="1" t="s">
        <v>487</v>
      </c>
      <c r="B2444" s="1" t="s">
        <v>10</v>
      </c>
      <c r="C2444" s="1" t="s">
        <v>8191</v>
      </c>
      <c r="D2444" s="1" t="s">
        <v>8192</v>
      </c>
      <c r="E2444" s="1" t="s">
        <v>8367</v>
      </c>
      <c r="F2444" s="1" t="s">
        <v>27</v>
      </c>
      <c r="G2444" s="1" t="s">
        <v>10</v>
      </c>
      <c r="H2444" s="1" t="s">
        <v>1813</v>
      </c>
      <c r="I2444" s="1" t="s">
        <v>7628</v>
      </c>
      <c r="J2444" s="1" t="s">
        <v>7632</v>
      </c>
      <c r="K2444" s="1" t="s">
        <v>10</v>
      </c>
      <c r="L2444" s="1" t="s">
        <v>8366</v>
      </c>
      <c r="M2444" s="1" t="s">
        <v>5</v>
      </c>
      <c r="N2444" s="1" t="s">
        <v>6</v>
      </c>
      <c r="O2444" s="1" t="s">
        <v>8</v>
      </c>
      <c r="P2444" s="5"/>
    </row>
    <row r="2445" spans="1:16" x14ac:dyDescent="0.2">
      <c r="A2445" s="1" t="s">
        <v>487</v>
      </c>
      <c r="B2445" s="1" t="s">
        <v>10</v>
      </c>
      <c r="C2445" s="1" t="s">
        <v>8369</v>
      </c>
      <c r="D2445" s="1" t="s">
        <v>8369</v>
      </c>
      <c r="E2445" s="1" t="s">
        <v>8370</v>
      </c>
      <c r="F2445" s="1" t="s">
        <v>27</v>
      </c>
      <c r="G2445" s="1" t="s">
        <v>10</v>
      </c>
      <c r="H2445" s="1" t="s">
        <v>8371</v>
      </c>
      <c r="I2445" s="1" t="s">
        <v>7628</v>
      </c>
      <c r="J2445" s="1" t="s">
        <v>7632</v>
      </c>
      <c r="K2445" s="1" t="s">
        <v>10</v>
      </c>
      <c r="L2445" s="1" t="s">
        <v>8368</v>
      </c>
      <c r="M2445" s="1" t="s">
        <v>5</v>
      </c>
      <c r="N2445" s="1" t="s">
        <v>6</v>
      </c>
      <c r="O2445" s="1" t="s">
        <v>8</v>
      </c>
      <c r="P2445" s="5"/>
    </row>
    <row r="2446" spans="1:16" x14ac:dyDescent="0.2">
      <c r="A2446" s="1" t="s">
        <v>487</v>
      </c>
      <c r="B2446" s="1" t="s">
        <v>10</v>
      </c>
      <c r="C2446" s="1" t="s">
        <v>8373</v>
      </c>
      <c r="D2446" s="1" t="s">
        <v>8373</v>
      </c>
      <c r="E2446" s="1" t="s">
        <v>8374</v>
      </c>
      <c r="F2446" s="1" t="s">
        <v>27</v>
      </c>
      <c r="G2446" s="1" t="s">
        <v>10</v>
      </c>
      <c r="H2446" s="1" t="s">
        <v>15</v>
      </c>
      <c r="I2446" s="1" t="s">
        <v>7628</v>
      </c>
      <c r="J2446" s="1" t="s">
        <v>7632</v>
      </c>
      <c r="K2446" s="1" t="s">
        <v>10</v>
      </c>
      <c r="L2446" s="1" t="s">
        <v>8372</v>
      </c>
      <c r="M2446" s="1" t="s">
        <v>5</v>
      </c>
      <c r="N2446" s="1" t="s">
        <v>6</v>
      </c>
      <c r="O2446" s="1" t="s">
        <v>8</v>
      </c>
      <c r="P2446" s="5"/>
    </row>
    <row r="2447" spans="1:16" x14ac:dyDescent="0.2">
      <c r="A2447" s="1" t="s">
        <v>487</v>
      </c>
      <c r="B2447" s="1" t="s">
        <v>10</v>
      </c>
      <c r="C2447" s="1" t="s">
        <v>8376</v>
      </c>
      <c r="D2447" s="1" t="s">
        <v>8376</v>
      </c>
      <c r="E2447" s="1" t="s">
        <v>8377</v>
      </c>
      <c r="F2447" s="1" t="s">
        <v>27</v>
      </c>
      <c r="G2447" s="1" t="s">
        <v>10</v>
      </c>
      <c r="H2447" s="1" t="s">
        <v>8378</v>
      </c>
      <c r="I2447" s="1" t="s">
        <v>7628</v>
      </c>
      <c r="J2447" s="1" t="s">
        <v>7632</v>
      </c>
      <c r="K2447" s="1" t="s">
        <v>10</v>
      </c>
      <c r="L2447" s="1" t="s">
        <v>8375</v>
      </c>
      <c r="M2447" s="1" t="s">
        <v>5</v>
      </c>
      <c r="N2447" s="1" t="s">
        <v>6</v>
      </c>
      <c r="O2447" s="1" t="s">
        <v>8</v>
      </c>
      <c r="P2447" s="5"/>
    </row>
    <row r="2448" spans="1:16" x14ac:dyDescent="0.2">
      <c r="A2448" s="1" t="s">
        <v>487</v>
      </c>
      <c r="B2448" s="1" t="s">
        <v>10</v>
      </c>
      <c r="C2448" s="1" t="s">
        <v>8380</v>
      </c>
      <c r="D2448" s="1" t="s">
        <v>8381</v>
      </c>
      <c r="E2448" s="1" t="s">
        <v>8382</v>
      </c>
      <c r="F2448" s="1" t="s">
        <v>27</v>
      </c>
      <c r="G2448" s="1" t="s">
        <v>10</v>
      </c>
      <c r="H2448" s="1" t="s">
        <v>1813</v>
      </c>
      <c r="I2448" s="1" t="s">
        <v>7628</v>
      </c>
      <c r="J2448" s="1" t="s">
        <v>7632</v>
      </c>
      <c r="K2448" s="1" t="s">
        <v>10</v>
      </c>
      <c r="L2448" s="1" t="s">
        <v>8379</v>
      </c>
      <c r="M2448" s="1" t="s">
        <v>5</v>
      </c>
      <c r="N2448" s="1" t="s">
        <v>6</v>
      </c>
      <c r="O2448" s="1" t="s">
        <v>8</v>
      </c>
      <c r="P2448" s="5"/>
    </row>
    <row r="2449" spans="1:16" x14ac:dyDescent="0.2">
      <c r="A2449" s="1" t="s">
        <v>487</v>
      </c>
      <c r="B2449" s="1" t="s">
        <v>10</v>
      </c>
      <c r="C2449" s="1" t="s">
        <v>505</v>
      </c>
      <c r="D2449" s="1" t="s">
        <v>8345</v>
      </c>
      <c r="E2449" s="1" t="s">
        <v>8346</v>
      </c>
      <c r="F2449" s="1" t="s">
        <v>27</v>
      </c>
      <c r="G2449" s="1" t="s">
        <v>10</v>
      </c>
      <c r="H2449" s="1" t="s">
        <v>8347</v>
      </c>
      <c r="I2449" s="1" t="s">
        <v>7628</v>
      </c>
      <c r="J2449" s="1" t="s">
        <v>7632</v>
      </c>
      <c r="K2449" s="1" t="s">
        <v>10</v>
      </c>
      <c r="L2449" s="1" t="s">
        <v>8383</v>
      </c>
      <c r="M2449" s="1" t="s">
        <v>5</v>
      </c>
      <c r="N2449" s="1" t="s">
        <v>6</v>
      </c>
      <c r="O2449" s="1" t="s">
        <v>8</v>
      </c>
      <c r="P2449" s="5"/>
    </row>
    <row r="2450" spans="1:16" x14ac:dyDescent="0.2">
      <c r="A2450" s="1" t="s">
        <v>487</v>
      </c>
      <c r="B2450" s="1" t="s">
        <v>10</v>
      </c>
      <c r="C2450" s="1" t="s">
        <v>8385</v>
      </c>
      <c r="D2450" s="1" t="s">
        <v>10</v>
      </c>
      <c r="E2450" s="1" t="s">
        <v>8332</v>
      </c>
      <c r="F2450" s="1" t="s">
        <v>27</v>
      </c>
      <c r="G2450" s="1" t="s">
        <v>10</v>
      </c>
      <c r="H2450" s="1" t="s">
        <v>868</v>
      </c>
      <c r="I2450" s="1" t="s">
        <v>7628</v>
      </c>
      <c r="J2450" s="1" t="s">
        <v>7632</v>
      </c>
      <c r="K2450" s="1" t="s">
        <v>10</v>
      </c>
      <c r="L2450" s="1" t="s">
        <v>8384</v>
      </c>
      <c r="M2450" s="1" t="s">
        <v>5</v>
      </c>
      <c r="N2450" s="1" t="s">
        <v>6</v>
      </c>
      <c r="O2450" s="1" t="s">
        <v>8</v>
      </c>
      <c r="P2450" s="5"/>
    </row>
    <row r="2451" spans="1:16" x14ac:dyDescent="0.2">
      <c r="A2451" s="1" t="s">
        <v>487</v>
      </c>
      <c r="B2451" s="1" t="s">
        <v>10</v>
      </c>
      <c r="C2451" s="1" t="s">
        <v>8387</v>
      </c>
      <c r="D2451" s="1" t="s">
        <v>10</v>
      </c>
      <c r="E2451" s="1" t="s">
        <v>8388</v>
      </c>
      <c r="F2451" s="1" t="s">
        <v>27</v>
      </c>
      <c r="G2451" s="1" t="s">
        <v>10</v>
      </c>
      <c r="H2451" s="1" t="s">
        <v>8389</v>
      </c>
      <c r="I2451" s="1" t="s">
        <v>7628</v>
      </c>
      <c r="J2451" s="1" t="s">
        <v>7632</v>
      </c>
      <c r="K2451" s="1" t="s">
        <v>10</v>
      </c>
      <c r="L2451" s="1" t="s">
        <v>8386</v>
      </c>
      <c r="M2451" s="1" t="s">
        <v>5</v>
      </c>
      <c r="N2451" s="1" t="s">
        <v>6</v>
      </c>
      <c r="O2451" s="1" t="s">
        <v>8</v>
      </c>
      <c r="P2451" s="5"/>
    </row>
    <row r="2452" spans="1:16" x14ac:dyDescent="0.2">
      <c r="A2452" s="1" t="s">
        <v>487</v>
      </c>
      <c r="B2452" s="1" t="s">
        <v>10</v>
      </c>
      <c r="C2452" s="1" t="s">
        <v>8324</v>
      </c>
      <c r="D2452" s="1" t="s">
        <v>806</v>
      </c>
      <c r="E2452" s="1" t="s">
        <v>8325</v>
      </c>
      <c r="F2452" s="1" t="s">
        <v>27</v>
      </c>
      <c r="G2452" s="1" t="s">
        <v>10</v>
      </c>
      <c r="H2452" s="1" t="s">
        <v>8326</v>
      </c>
      <c r="I2452" s="1" t="s">
        <v>7628</v>
      </c>
      <c r="J2452" s="1" t="s">
        <v>7632</v>
      </c>
      <c r="K2452" s="1" t="s">
        <v>10</v>
      </c>
      <c r="L2452" s="1" t="s">
        <v>8390</v>
      </c>
      <c r="M2452" s="1" t="s">
        <v>5</v>
      </c>
      <c r="N2452" s="1" t="s">
        <v>6</v>
      </c>
      <c r="O2452" s="1" t="s">
        <v>8</v>
      </c>
      <c r="P2452" s="5"/>
    </row>
    <row r="2453" spans="1:16" x14ac:dyDescent="0.2">
      <c r="A2453" s="1" t="s">
        <v>487</v>
      </c>
      <c r="B2453" s="1" t="s">
        <v>10</v>
      </c>
      <c r="C2453" s="1" t="s">
        <v>8392</v>
      </c>
      <c r="D2453" s="1" t="s">
        <v>8393</v>
      </c>
      <c r="E2453" s="1" t="s">
        <v>8394</v>
      </c>
      <c r="F2453" s="1" t="s">
        <v>27</v>
      </c>
      <c r="G2453" s="1" t="s">
        <v>10</v>
      </c>
      <c r="H2453" s="1" t="s">
        <v>968</v>
      </c>
      <c r="I2453" s="1" t="s">
        <v>7628</v>
      </c>
      <c r="J2453" s="1" t="s">
        <v>7632</v>
      </c>
      <c r="K2453" s="1" t="s">
        <v>10</v>
      </c>
      <c r="L2453" s="1" t="s">
        <v>8391</v>
      </c>
      <c r="M2453" s="1" t="s">
        <v>5</v>
      </c>
      <c r="N2453" s="1" t="s">
        <v>6</v>
      </c>
      <c r="O2453" s="1" t="s">
        <v>8</v>
      </c>
      <c r="P2453" s="5"/>
    </row>
    <row r="2454" spans="1:16" x14ac:dyDescent="0.2">
      <c r="A2454" s="1" t="s">
        <v>487</v>
      </c>
      <c r="B2454" s="1" t="s">
        <v>10</v>
      </c>
      <c r="C2454" s="1" t="s">
        <v>2059</v>
      </c>
      <c r="D2454" s="1" t="s">
        <v>10</v>
      </c>
      <c r="E2454" s="1" t="s">
        <v>8204</v>
      </c>
      <c r="F2454" s="1" t="s">
        <v>27</v>
      </c>
      <c r="G2454" s="1" t="s">
        <v>10</v>
      </c>
      <c r="H2454" s="1" t="s">
        <v>15</v>
      </c>
      <c r="I2454" s="1" t="s">
        <v>7628</v>
      </c>
      <c r="J2454" s="1" t="s">
        <v>7632</v>
      </c>
      <c r="K2454" s="1" t="s">
        <v>10</v>
      </c>
      <c r="L2454" s="1" t="s">
        <v>8395</v>
      </c>
      <c r="M2454" s="1" t="s">
        <v>5</v>
      </c>
      <c r="N2454" s="1" t="s">
        <v>6</v>
      </c>
      <c r="O2454" s="1" t="s">
        <v>8</v>
      </c>
      <c r="P2454" s="5"/>
    </row>
    <row r="2455" spans="1:16" x14ac:dyDescent="0.2">
      <c r="A2455" s="1" t="s">
        <v>487</v>
      </c>
      <c r="B2455" s="1" t="s">
        <v>10</v>
      </c>
      <c r="C2455" s="1" t="s">
        <v>2059</v>
      </c>
      <c r="D2455" s="1" t="s">
        <v>10</v>
      </c>
      <c r="E2455" s="1" t="s">
        <v>8204</v>
      </c>
      <c r="F2455" s="1" t="s">
        <v>27</v>
      </c>
      <c r="G2455" s="1" t="s">
        <v>10</v>
      </c>
      <c r="H2455" s="1" t="s">
        <v>15</v>
      </c>
      <c r="I2455" s="1" t="s">
        <v>7628</v>
      </c>
      <c r="J2455" s="1" t="s">
        <v>7632</v>
      </c>
      <c r="K2455" s="1" t="s">
        <v>10</v>
      </c>
      <c r="L2455" s="1" t="s">
        <v>8396</v>
      </c>
      <c r="M2455" s="1" t="s">
        <v>5</v>
      </c>
      <c r="N2455" s="1" t="s">
        <v>6</v>
      </c>
      <c r="O2455" s="1" t="s">
        <v>8</v>
      </c>
      <c r="P2455" s="5"/>
    </row>
    <row r="2456" spans="1:16" x14ac:dyDescent="0.2">
      <c r="A2456" s="1" t="s">
        <v>487</v>
      </c>
      <c r="B2456" s="1" t="s">
        <v>10</v>
      </c>
      <c r="C2456" s="1" t="s">
        <v>8248</v>
      </c>
      <c r="D2456" s="1" t="s">
        <v>8398</v>
      </c>
      <c r="E2456" s="1" t="s">
        <v>8399</v>
      </c>
      <c r="F2456" s="1" t="s">
        <v>27</v>
      </c>
      <c r="G2456" s="1" t="s">
        <v>10</v>
      </c>
      <c r="H2456" s="1" t="s">
        <v>8251</v>
      </c>
      <c r="I2456" s="1" t="s">
        <v>7628</v>
      </c>
      <c r="J2456" s="1" t="s">
        <v>7632</v>
      </c>
      <c r="K2456" s="1" t="s">
        <v>10</v>
      </c>
      <c r="L2456" s="1" t="s">
        <v>8397</v>
      </c>
      <c r="M2456" s="1" t="s">
        <v>5</v>
      </c>
      <c r="N2456" s="1" t="s">
        <v>6</v>
      </c>
      <c r="O2456" s="1" t="s">
        <v>8</v>
      </c>
      <c r="P2456" s="5"/>
    </row>
    <row r="2457" spans="1:16" x14ac:dyDescent="0.2">
      <c r="A2457" s="1" t="s">
        <v>10</v>
      </c>
      <c r="B2457" s="1" t="s">
        <v>376</v>
      </c>
      <c r="C2457" s="1" t="s">
        <v>8401</v>
      </c>
      <c r="D2457" s="1" t="s">
        <v>8403</v>
      </c>
      <c r="E2457" s="1" t="s">
        <v>8404</v>
      </c>
      <c r="F2457" s="1" t="s">
        <v>10</v>
      </c>
      <c r="G2457" s="1" t="s">
        <v>10</v>
      </c>
      <c r="H2457" s="1" t="s">
        <v>10</v>
      </c>
      <c r="I2457" s="1" t="s">
        <v>8400</v>
      </c>
      <c r="J2457" s="1" t="s">
        <v>13</v>
      </c>
      <c r="K2457" s="1" t="s">
        <v>130</v>
      </c>
      <c r="L2457" s="1" t="s">
        <v>8402</v>
      </c>
      <c r="M2457" s="1" t="s">
        <v>5</v>
      </c>
      <c r="N2457" s="1" t="s">
        <v>6</v>
      </c>
      <c r="O2457" s="1" t="s">
        <v>38</v>
      </c>
      <c r="P2457" s="5" t="s">
        <v>161</v>
      </c>
    </row>
    <row r="2458" spans="1:16" x14ac:dyDescent="0.2">
      <c r="A2458" s="1" t="s">
        <v>20</v>
      </c>
      <c r="B2458" s="1" t="s">
        <v>445</v>
      </c>
      <c r="C2458" s="1" t="s">
        <v>8406</v>
      </c>
      <c r="D2458" s="1" t="s">
        <v>7070</v>
      </c>
      <c r="E2458" s="1"/>
      <c r="F2458" s="1" t="s">
        <v>27</v>
      </c>
      <c r="G2458" s="1" t="s">
        <v>10</v>
      </c>
      <c r="H2458" s="1" t="s">
        <v>5687</v>
      </c>
      <c r="I2458" s="1" t="s">
        <v>8400</v>
      </c>
      <c r="J2458" s="1" t="s">
        <v>12</v>
      </c>
      <c r="K2458" s="1" t="s">
        <v>747</v>
      </c>
      <c r="L2458" s="1" t="s">
        <v>8405</v>
      </c>
      <c r="M2458" s="1" t="s">
        <v>5</v>
      </c>
      <c r="N2458" s="1" t="s">
        <v>25</v>
      </c>
      <c r="O2458" s="1" t="s">
        <v>8</v>
      </c>
      <c r="P2458" s="5" t="s">
        <v>30398</v>
      </c>
    </row>
    <row r="2459" spans="1:16" x14ac:dyDescent="0.2">
      <c r="A2459" s="1" t="s">
        <v>10</v>
      </c>
      <c r="B2459" s="1" t="s">
        <v>10</v>
      </c>
      <c r="C2459" s="1" t="s">
        <v>8407</v>
      </c>
      <c r="D2459" s="1" t="s">
        <v>8407</v>
      </c>
      <c r="E2459" s="1" t="s">
        <v>8410</v>
      </c>
      <c r="F2459" s="1" t="s">
        <v>8409</v>
      </c>
      <c r="G2459" s="1" t="s">
        <v>10</v>
      </c>
      <c r="H2459" s="1" t="s">
        <v>8407</v>
      </c>
      <c r="I2459" s="1" t="s">
        <v>8400</v>
      </c>
      <c r="J2459" s="1" t="s">
        <v>12</v>
      </c>
      <c r="K2459" s="1" t="s">
        <v>2591</v>
      </c>
      <c r="L2459" s="1" t="s">
        <v>8408</v>
      </c>
      <c r="M2459" s="1" t="s">
        <v>5</v>
      </c>
      <c r="N2459" s="1" t="s">
        <v>6</v>
      </c>
      <c r="O2459" s="1" t="s">
        <v>8</v>
      </c>
      <c r="P2459" s="5" t="s">
        <v>10</v>
      </c>
    </row>
    <row r="2460" spans="1:16" x14ac:dyDescent="0.2">
      <c r="A2460" s="1" t="s">
        <v>329</v>
      </c>
      <c r="B2460" s="1" t="s">
        <v>2120</v>
      </c>
      <c r="C2460" s="1" t="s">
        <v>2119</v>
      </c>
      <c r="D2460" s="1" t="s">
        <v>2267</v>
      </c>
      <c r="E2460" s="1" t="s">
        <v>8412</v>
      </c>
      <c r="F2460" s="1" t="s">
        <v>4366</v>
      </c>
      <c r="G2460" s="1" t="s">
        <v>2119</v>
      </c>
      <c r="H2460" s="1" t="s">
        <v>10</v>
      </c>
      <c r="I2460" s="1" t="s">
        <v>8400</v>
      </c>
      <c r="J2460" s="1" t="s">
        <v>12</v>
      </c>
      <c r="K2460" s="1" t="s">
        <v>64</v>
      </c>
      <c r="L2460" s="1" t="s">
        <v>8411</v>
      </c>
      <c r="M2460" s="1" t="s">
        <v>5</v>
      </c>
      <c r="N2460" s="1" t="s">
        <v>6</v>
      </c>
      <c r="O2460" s="1" t="s">
        <v>8</v>
      </c>
      <c r="P2460" s="5" t="s">
        <v>10</v>
      </c>
    </row>
    <row r="2461" spans="1:16" x14ac:dyDescent="0.2">
      <c r="A2461" s="1" t="s">
        <v>329</v>
      </c>
      <c r="B2461" s="1" t="s">
        <v>8417</v>
      </c>
      <c r="C2461" s="1" t="s">
        <v>8413</v>
      </c>
      <c r="D2461" s="1" t="s">
        <v>8413</v>
      </c>
      <c r="E2461" s="1" t="s">
        <v>8415</v>
      </c>
      <c r="F2461" s="1" t="s">
        <v>4366</v>
      </c>
      <c r="G2461" s="1" t="s">
        <v>10</v>
      </c>
      <c r="H2461" s="1" t="s">
        <v>8416</v>
      </c>
      <c r="I2461" s="1" t="s">
        <v>8400</v>
      </c>
      <c r="J2461" s="1" t="s">
        <v>12</v>
      </c>
      <c r="K2461" s="1" t="s">
        <v>64</v>
      </c>
      <c r="L2461" s="1" t="s">
        <v>8414</v>
      </c>
      <c r="M2461" s="1" t="s">
        <v>5</v>
      </c>
      <c r="N2461" s="1" t="s">
        <v>6</v>
      </c>
      <c r="O2461" s="1" t="s">
        <v>8</v>
      </c>
      <c r="P2461" s="5" t="s">
        <v>10</v>
      </c>
    </row>
    <row r="2462" spans="1:16" x14ac:dyDescent="0.2">
      <c r="A2462" s="1" t="s">
        <v>329</v>
      </c>
      <c r="B2462" s="1" t="s">
        <v>2120</v>
      </c>
      <c r="C2462" s="1" t="s">
        <v>8418</v>
      </c>
      <c r="D2462" s="1" t="s">
        <v>8420</v>
      </c>
      <c r="E2462" s="1" t="s">
        <v>8412</v>
      </c>
      <c r="F2462" s="1" t="s">
        <v>4366</v>
      </c>
      <c r="G2462" s="1" t="s">
        <v>8421</v>
      </c>
      <c r="H2462" s="1" t="s">
        <v>10</v>
      </c>
      <c r="I2462" s="1" t="s">
        <v>8400</v>
      </c>
      <c r="J2462" s="1" t="s">
        <v>12</v>
      </c>
      <c r="K2462" s="1" t="s">
        <v>64</v>
      </c>
      <c r="L2462" s="1" t="s">
        <v>8419</v>
      </c>
      <c r="M2462" s="1" t="s">
        <v>5</v>
      </c>
      <c r="N2462" s="1" t="s">
        <v>6</v>
      </c>
      <c r="O2462" s="1" t="s">
        <v>8</v>
      </c>
      <c r="P2462" s="5" t="s">
        <v>10</v>
      </c>
    </row>
    <row r="2463" spans="1:16" x14ac:dyDescent="0.2">
      <c r="A2463" s="1" t="s">
        <v>20</v>
      </c>
      <c r="B2463" s="1" t="s">
        <v>309</v>
      </c>
      <c r="C2463" s="1" t="s">
        <v>8422</v>
      </c>
      <c r="D2463" s="1" t="s">
        <v>8422</v>
      </c>
      <c r="E2463" s="1" t="s">
        <v>8424</v>
      </c>
      <c r="F2463" s="1" t="s">
        <v>4366</v>
      </c>
      <c r="G2463" s="1" t="s">
        <v>10</v>
      </c>
      <c r="H2463" s="1" t="s">
        <v>8425</v>
      </c>
      <c r="I2463" s="1" t="s">
        <v>8400</v>
      </c>
      <c r="J2463" s="1" t="s">
        <v>13</v>
      </c>
      <c r="K2463" s="1" t="s">
        <v>64</v>
      </c>
      <c r="L2463" s="1" t="s">
        <v>8423</v>
      </c>
      <c r="M2463" s="1" t="s">
        <v>5</v>
      </c>
      <c r="N2463" s="1" t="s">
        <v>6</v>
      </c>
      <c r="O2463" s="1" t="s">
        <v>8</v>
      </c>
      <c r="P2463" s="5" t="s">
        <v>10</v>
      </c>
    </row>
    <row r="2464" spans="1:16" x14ac:dyDescent="0.2">
      <c r="A2464" s="1" t="s">
        <v>487</v>
      </c>
      <c r="B2464" s="1" t="s">
        <v>1651</v>
      </c>
      <c r="C2464" s="1" t="s">
        <v>8427</v>
      </c>
      <c r="D2464" s="1" t="s">
        <v>8428</v>
      </c>
      <c r="E2464" s="1" t="s">
        <v>8429</v>
      </c>
      <c r="F2464" s="1" t="s">
        <v>4366</v>
      </c>
      <c r="G2464" s="1" t="s">
        <v>10</v>
      </c>
      <c r="H2464" s="1" t="s">
        <v>8427</v>
      </c>
      <c r="I2464" s="1" t="s">
        <v>8400</v>
      </c>
      <c r="J2464" s="1" t="s">
        <v>12</v>
      </c>
      <c r="K2464" s="1" t="s">
        <v>64</v>
      </c>
      <c r="L2464" s="1" t="s">
        <v>8426</v>
      </c>
      <c r="M2464" s="1" t="s">
        <v>5</v>
      </c>
      <c r="N2464" s="1" t="s">
        <v>6</v>
      </c>
      <c r="O2464" s="1" t="s">
        <v>8</v>
      </c>
      <c r="P2464" s="5" t="s">
        <v>10</v>
      </c>
    </row>
    <row r="2465" spans="1:16" x14ac:dyDescent="0.2">
      <c r="A2465" s="1" t="s">
        <v>10</v>
      </c>
      <c r="B2465" s="1" t="s">
        <v>10</v>
      </c>
      <c r="C2465" s="1" t="s">
        <v>8432</v>
      </c>
      <c r="D2465" s="1" t="s">
        <v>8430</v>
      </c>
      <c r="E2465" s="1" t="s">
        <v>8433</v>
      </c>
      <c r="F2465" s="1" t="s">
        <v>4366</v>
      </c>
      <c r="G2465" s="1" t="s">
        <v>10</v>
      </c>
      <c r="H2465" s="1" t="s">
        <v>8434</v>
      </c>
      <c r="I2465" s="1" t="s">
        <v>8400</v>
      </c>
      <c r="J2465" s="1" t="s">
        <v>13</v>
      </c>
      <c r="K2465" s="1" t="s">
        <v>64</v>
      </c>
      <c r="L2465" s="1" t="s">
        <v>8431</v>
      </c>
      <c r="M2465" s="1" t="s">
        <v>5</v>
      </c>
      <c r="N2465" s="1" t="s">
        <v>6</v>
      </c>
      <c r="O2465" s="1" t="s">
        <v>8</v>
      </c>
      <c r="P2465" s="5" t="s">
        <v>10</v>
      </c>
    </row>
    <row r="2466" spans="1:16" x14ac:dyDescent="0.2">
      <c r="A2466" s="1" t="s">
        <v>329</v>
      </c>
      <c r="B2466" s="1" t="s">
        <v>1168</v>
      </c>
      <c r="C2466" s="1" t="s">
        <v>2062</v>
      </c>
      <c r="D2466" s="1" t="s">
        <v>2062</v>
      </c>
      <c r="E2466" s="1" t="s">
        <v>8436</v>
      </c>
      <c r="F2466" s="1" t="s">
        <v>5585</v>
      </c>
      <c r="G2466" s="1" t="s">
        <v>10</v>
      </c>
      <c r="H2466" s="1" t="s">
        <v>2062</v>
      </c>
      <c r="I2466" s="1" t="s">
        <v>8400</v>
      </c>
      <c r="J2466" s="1" t="s">
        <v>12</v>
      </c>
      <c r="K2466" s="1" t="s">
        <v>100</v>
      </c>
      <c r="L2466" s="1" t="s">
        <v>8435</v>
      </c>
      <c r="M2466" s="1" t="s">
        <v>5</v>
      </c>
      <c r="N2466" s="1" t="s">
        <v>6</v>
      </c>
      <c r="O2466" s="1" t="s">
        <v>8</v>
      </c>
      <c r="P2466" s="5" t="s">
        <v>10</v>
      </c>
    </row>
    <row r="2467" spans="1:16" x14ac:dyDescent="0.2">
      <c r="A2467" s="1" t="s">
        <v>10</v>
      </c>
      <c r="B2467" s="1" t="s">
        <v>10</v>
      </c>
      <c r="C2467" s="1" t="s">
        <v>8437</v>
      </c>
      <c r="D2467" s="1" t="s">
        <v>8437</v>
      </c>
      <c r="E2467" s="1" t="s">
        <v>8439</v>
      </c>
      <c r="F2467" s="1" t="s">
        <v>1813</v>
      </c>
      <c r="G2467" s="1" t="s">
        <v>10</v>
      </c>
      <c r="H2467" s="1" t="s">
        <v>8437</v>
      </c>
      <c r="I2467" s="1" t="s">
        <v>8400</v>
      </c>
      <c r="J2467" s="1" t="s">
        <v>12</v>
      </c>
      <c r="K2467" s="1" t="s">
        <v>64</v>
      </c>
      <c r="L2467" s="1" t="s">
        <v>8438</v>
      </c>
      <c r="M2467" s="1" t="s">
        <v>5</v>
      </c>
      <c r="N2467" s="1" t="s">
        <v>1009</v>
      </c>
      <c r="O2467" s="1" t="s">
        <v>8</v>
      </c>
      <c r="P2467" s="5"/>
    </row>
    <row r="2468" spans="1:16" x14ac:dyDescent="0.2">
      <c r="A2468" s="1" t="s">
        <v>10</v>
      </c>
      <c r="B2468" s="1" t="s">
        <v>10</v>
      </c>
      <c r="C2468" s="1" t="s">
        <v>8440</v>
      </c>
      <c r="D2468" s="1" t="s">
        <v>8440</v>
      </c>
      <c r="E2468" s="1"/>
      <c r="F2468" s="1" t="s">
        <v>10</v>
      </c>
      <c r="G2468" s="1" t="s">
        <v>10</v>
      </c>
      <c r="H2468" s="1" t="s">
        <v>10</v>
      </c>
      <c r="I2468" s="1" t="s">
        <v>8400</v>
      </c>
      <c r="J2468" s="1" t="s">
        <v>13</v>
      </c>
      <c r="K2468" s="1" t="s">
        <v>8442</v>
      </c>
      <c r="L2468" s="1" t="s">
        <v>8441</v>
      </c>
      <c r="M2468" s="1" t="s">
        <v>5</v>
      </c>
      <c r="N2468" s="1" t="s">
        <v>6</v>
      </c>
      <c r="O2468" s="1" t="s">
        <v>38</v>
      </c>
      <c r="P2468" s="5" t="s">
        <v>114</v>
      </c>
    </row>
    <row r="2469" spans="1:16" x14ac:dyDescent="0.2">
      <c r="A2469" s="1" t="s">
        <v>329</v>
      </c>
      <c r="B2469" s="1" t="s">
        <v>691</v>
      </c>
      <c r="C2469" s="1" t="s">
        <v>8443</v>
      </c>
      <c r="D2469" s="1" t="s">
        <v>8443</v>
      </c>
      <c r="E2469" s="1" t="s">
        <v>8446</v>
      </c>
      <c r="F2469" s="1" t="s">
        <v>8445</v>
      </c>
      <c r="G2469" s="1" t="s">
        <v>10</v>
      </c>
      <c r="H2469" s="1" t="s">
        <v>8443</v>
      </c>
      <c r="I2469" s="1" t="s">
        <v>8400</v>
      </c>
      <c r="J2469" s="1" t="s">
        <v>13</v>
      </c>
      <c r="K2469" s="1" t="s">
        <v>27</v>
      </c>
      <c r="L2469" s="1" t="s">
        <v>8444</v>
      </c>
      <c r="M2469" s="1" t="s">
        <v>5</v>
      </c>
      <c r="N2469" s="1" t="s">
        <v>6</v>
      </c>
      <c r="O2469" s="1" t="s">
        <v>8</v>
      </c>
      <c r="P2469" s="5" t="s">
        <v>10</v>
      </c>
    </row>
    <row r="2470" spans="1:16" x14ac:dyDescent="0.2">
      <c r="A2470" s="1" t="s">
        <v>329</v>
      </c>
      <c r="B2470" s="1" t="s">
        <v>691</v>
      </c>
      <c r="C2470" s="1" t="s">
        <v>8447</v>
      </c>
      <c r="D2470" s="1" t="s">
        <v>8447</v>
      </c>
      <c r="E2470" s="1" t="s">
        <v>8449</v>
      </c>
      <c r="F2470" s="1" t="s">
        <v>8445</v>
      </c>
      <c r="G2470" s="1" t="s">
        <v>10</v>
      </c>
      <c r="H2470" s="1" t="s">
        <v>8447</v>
      </c>
      <c r="I2470" s="1" t="s">
        <v>8400</v>
      </c>
      <c r="J2470" s="1" t="s">
        <v>13</v>
      </c>
      <c r="K2470" s="1" t="s">
        <v>586</v>
      </c>
      <c r="L2470" s="1" t="s">
        <v>8448</v>
      </c>
      <c r="M2470" s="1" t="s">
        <v>5</v>
      </c>
      <c r="N2470" s="1" t="s">
        <v>6</v>
      </c>
      <c r="O2470" s="1" t="s">
        <v>8</v>
      </c>
      <c r="P2470" s="5" t="s">
        <v>10</v>
      </c>
    </row>
    <row r="2471" spans="1:16" x14ac:dyDescent="0.2">
      <c r="A2471" s="1" t="s">
        <v>329</v>
      </c>
      <c r="B2471" s="1" t="s">
        <v>1168</v>
      </c>
      <c r="C2471" s="1" t="s">
        <v>8450</v>
      </c>
      <c r="D2471" s="1" t="s">
        <v>8450</v>
      </c>
      <c r="E2471" s="1" t="s">
        <v>8453</v>
      </c>
      <c r="F2471" s="1" t="s">
        <v>8452</v>
      </c>
      <c r="G2471" s="1" t="s">
        <v>10</v>
      </c>
      <c r="H2471" s="1" t="s">
        <v>8450</v>
      </c>
      <c r="I2471" s="1" t="s">
        <v>8400</v>
      </c>
      <c r="J2471" s="1" t="s">
        <v>13</v>
      </c>
      <c r="K2471" s="1" t="s">
        <v>100</v>
      </c>
      <c r="L2471" s="1" t="s">
        <v>8451</v>
      </c>
      <c r="M2471" s="1" t="s">
        <v>5</v>
      </c>
      <c r="N2471" s="1" t="s">
        <v>6</v>
      </c>
      <c r="O2471" s="1" t="s">
        <v>8</v>
      </c>
      <c r="P2471" s="5" t="s">
        <v>10</v>
      </c>
    </row>
    <row r="2472" spans="1:16" x14ac:dyDescent="0.2">
      <c r="A2472" s="1" t="s">
        <v>10</v>
      </c>
      <c r="B2472" s="1" t="s">
        <v>10</v>
      </c>
      <c r="C2472" s="1" t="s">
        <v>6808</v>
      </c>
      <c r="D2472" s="1" t="s">
        <v>6808</v>
      </c>
      <c r="E2472" s="1" t="s">
        <v>8456</v>
      </c>
      <c r="F2472" s="1" t="s">
        <v>8455</v>
      </c>
      <c r="G2472" s="1" t="s">
        <v>10</v>
      </c>
      <c r="H2472" s="1" t="s">
        <v>6808</v>
      </c>
      <c r="I2472" s="1" t="s">
        <v>8400</v>
      </c>
      <c r="J2472" s="1" t="s">
        <v>13</v>
      </c>
      <c r="K2472" s="1" t="s">
        <v>64</v>
      </c>
      <c r="L2472" s="1" t="s">
        <v>8454</v>
      </c>
      <c r="M2472" s="1" t="s">
        <v>5</v>
      </c>
      <c r="N2472" s="1" t="s">
        <v>6</v>
      </c>
      <c r="O2472" s="1" t="s">
        <v>8</v>
      </c>
      <c r="P2472" s="5" t="s">
        <v>10</v>
      </c>
    </row>
    <row r="2473" spans="1:16" x14ac:dyDescent="0.2">
      <c r="A2473" s="1" t="s">
        <v>1086</v>
      </c>
      <c r="B2473" s="1" t="s">
        <v>4482</v>
      </c>
      <c r="C2473" s="1" t="s">
        <v>8458</v>
      </c>
      <c r="D2473" s="1" t="s">
        <v>8458</v>
      </c>
      <c r="E2473" s="1" t="s">
        <v>8461</v>
      </c>
      <c r="F2473" s="1" t="s">
        <v>8460</v>
      </c>
      <c r="G2473" s="1" t="s">
        <v>10</v>
      </c>
      <c r="H2473" s="1" t="s">
        <v>8458</v>
      </c>
      <c r="I2473" s="1" t="s">
        <v>8400</v>
      </c>
      <c r="J2473" s="1" t="s">
        <v>13</v>
      </c>
      <c r="K2473" s="1" t="s">
        <v>64</v>
      </c>
      <c r="L2473" s="1" t="s">
        <v>8459</v>
      </c>
      <c r="M2473" s="1" t="s">
        <v>5</v>
      </c>
      <c r="N2473" s="1" t="s">
        <v>6</v>
      </c>
      <c r="O2473" s="1" t="s">
        <v>8</v>
      </c>
      <c r="P2473" s="5" t="s">
        <v>10</v>
      </c>
    </row>
    <row r="2474" spans="1:16" x14ac:dyDescent="0.2">
      <c r="A2474" s="1" t="s">
        <v>10</v>
      </c>
      <c r="B2474" s="1" t="s">
        <v>10</v>
      </c>
      <c r="C2474" s="1" t="s">
        <v>8462</v>
      </c>
      <c r="D2474" s="1" t="s">
        <v>8462</v>
      </c>
      <c r="E2474" s="1" t="s">
        <v>8464</v>
      </c>
      <c r="F2474" s="1" t="s">
        <v>10</v>
      </c>
      <c r="G2474" s="1" t="s">
        <v>10</v>
      </c>
      <c r="H2474" s="1" t="s">
        <v>10</v>
      </c>
      <c r="I2474" s="1" t="s">
        <v>8400</v>
      </c>
      <c r="J2474" s="1" t="s">
        <v>10</v>
      </c>
      <c r="K2474" s="1" t="s">
        <v>64</v>
      </c>
      <c r="L2474" s="1" t="s">
        <v>8463</v>
      </c>
      <c r="M2474" s="1" t="s">
        <v>5</v>
      </c>
      <c r="N2474" s="1" t="s">
        <v>6</v>
      </c>
      <c r="O2474" s="1" t="s">
        <v>38</v>
      </c>
      <c r="P2474" s="5" t="s">
        <v>114</v>
      </c>
    </row>
    <row r="2475" spans="1:16" x14ac:dyDescent="0.2">
      <c r="A2475" s="1" t="s">
        <v>42</v>
      </c>
      <c r="B2475" s="1" t="s">
        <v>43</v>
      </c>
      <c r="C2475" s="1" t="s">
        <v>8465</v>
      </c>
      <c r="D2475" s="1" t="s">
        <v>8465</v>
      </c>
      <c r="E2475" s="1" t="s">
        <v>8467</v>
      </c>
      <c r="F2475" s="1" t="s">
        <v>27</v>
      </c>
      <c r="G2475" s="1" t="s">
        <v>10</v>
      </c>
      <c r="H2475" s="1" t="s">
        <v>8465</v>
      </c>
      <c r="I2475" s="1" t="s">
        <v>8400</v>
      </c>
      <c r="J2475" s="1" t="s">
        <v>12</v>
      </c>
      <c r="K2475" s="1" t="s">
        <v>27</v>
      </c>
      <c r="L2475" s="1" t="s">
        <v>8466</v>
      </c>
      <c r="M2475" s="1" t="s">
        <v>5</v>
      </c>
      <c r="N2475" s="1" t="s">
        <v>6</v>
      </c>
      <c r="O2475" s="1" t="s">
        <v>8</v>
      </c>
      <c r="P2475" s="5" t="s">
        <v>14</v>
      </c>
    </row>
    <row r="2476" spans="1:16" x14ac:dyDescent="0.2">
      <c r="A2476" s="1" t="s">
        <v>10</v>
      </c>
      <c r="B2476" s="1" t="s">
        <v>10</v>
      </c>
      <c r="C2476" s="1" t="s">
        <v>8470</v>
      </c>
      <c r="D2476" s="1" t="s">
        <v>8468</v>
      </c>
      <c r="E2476" s="1" t="s">
        <v>8471</v>
      </c>
      <c r="F2476" s="1" t="s">
        <v>2168</v>
      </c>
      <c r="G2476" s="1" t="s">
        <v>10</v>
      </c>
      <c r="H2476" s="1" t="s">
        <v>8472</v>
      </c>
      <c r="I2476" s="1" t="s">
        <v>8400</v>
      </c>
      <c r="J2476" s="1" t="s">
        <v>13</v>
      </c>
      <c r="K2476" s="1" t="s">
        <v>37</v>
      </c>
      <c r="L2476" s="1" t="s">
        <v>8469</v>
      </c>
      <c r="M2476" s="1" t="s">
        <v>5</v>
      </c>
      <c r="N2476" s="1" t="s">
        <v>6</v>
      </c>
      <c r="O2476" s="1" t="s">
        <v>8</v>
      </c>
      <c r="P2476" s="5" t="s">
        <v>10</v>
      </c>
    </row>
    <row r="2477" spans="1:16" x14ac:dyDescent="0.2">
      <c r="A2477" s="1" t="s">
        <v>10</v>
      </c>
      <c r="B2477" s="1" t="s">
        <v>10</v>
      </c>
      <c r="C2477" s="1" t="s">
        <v>8475</v>
      </c>
      <c r="D2477" s="1" t="s">
        <v>8473</v>
      </c>
      <c r="E2477" s="1" t="s">
        <v>8476</v>
      </c>
      <c r="F2477" s="1" t="s">
        <v>4361</v>
      </c>
      <c r="G2477" s="1" t="s">
        <v>10</v>
      </c>
      <c r="H2477" s="1" t="s">
        <v>8475</v>
      </c>
      <c r="I2477" s="1" t="s">
        <v>8400</v>
      </c>
      <c r="J2477" s="1" t="s">
        <v>13</v>
      </c>
      <c r="K2477" s="1" t="s">
        <v>64</v>
      </c>
      <c r="L2477" s="1" t="s">
        <v>8474</v>
      </c>
      <c r="M2477" s="1" t="s">
        <v>5</v>
      </c>
      <c r="N2477" s="1" t="s">
        <v>6</v>
      </c>
      <c r="O2477" s="1" t="s">
        <v>8</v>
      </c>
      <c r="P2477" s="5" t="s">
        <v>10</v>
      </c>
    </row>
    <row r="2478" spans="1:16" x14ac:dyDescent="0.2">
      <c r="A2478" s="1" t="s">
        <v>1086</v>
      </c>
      <c r="B2478" s="1" t="s">
        <v>8481</v>
      </c>
      <c r="C2478" s="1" t="s">
        <v>8477</v>
      </c>
      <c r="D2478" s="1" t="s">
        <v>8477</v>
      </c>
      <c r="E2478" s="1" t="s">
        <v>8480</v>
      </c>
      <c r="F2478" s="1" t="s">
        <v>8479</v>
      </c>
      <c r="G2478" s="1" t="s">
        <v>10</v>
      </c>
      <c r="H2478" s="1" t="s">
        <v>8477</v>
      </c>
      <c r="I2478" s="1" t="s">
        <v>8400</v>
      </c>
      <c r="J2478" s="1" t="s">
        <v>13</v>
      </c>
      <c r="K2478" s="1" t="s">
        <v>64</v>
      </c>
      <c r="L2478" s="1" t="s">
        <v>8478</v>
      </c>
      <c r="M2478" s="1" t="s">
        <v>5</v>
      </c>
      <c r="N2478" s="1" t="s">
        <v>6</v>
      </c>
      <c r="O2478" s="1" t="s">
        <v>8</v>
      </c>
      <c r="P2478" s="5" t="s">
        <v>10</v>
      </c>
    </row>
    <row r="2479" spans="1:16" x14ac:dyDescent="0.2">
      <c r="A2479" s="1" t="s">
        <v>1086</v>
      </c>
      <c r="B2479" s="1" t="s">
        <v>8481</v>
      </c>
      <c r="C2479" s="1" t="s">
        <v>8483</v>
      </c>
      <c r="D2479" s="1" t="s">
        <v>1982</v>
      </c>
      <c r="E2479" s="1" t="s">
        <v>8485</v>
      </c>
      <c r="F2479" s="1" t="s">
        <v>8484</v>
      </c>
      <c r="G2479" s="1" t="s">
        <v>10</v>
      </c>
      <c r="H2479" s="1" t="s">
        <v>8483</v>
      </c>
      <c r="I2479" s="1" t="s">
        <v>8400</v>
      </c>
      <c r="J2479" s="1" t="s">
        <v>12</v>
      </c>
      <c r="K2479" s="1" t="s">
        <v>64</v>
      </c>
      <c r="L2479" s="1" t="s">
        <v>8482</v>
      </c>
      <c r="M2479" s="1" t="s">
        <v>5</v>
      </c>
      <c r="N2479" s="1" t="s">
        <v>6</v>
      </c>
      <c r="O2479" s="1" t="s">
        <v>8</v>
      </c>
      <c r="P2479" s="5" t="s">
        <v>29846</v>
      </c>
    </row>
    <row r="2480" spans="1:16" x14ac:dyDescent="0.2">
      <c r="A2480" s="1" t="s">
        <v>10</v>
      </c>
      <c r="B2480" s="1" t="s">
        <v>10</v>
      </c>
      <c r="C2480" s="1" t="s">
        <v>8489</v>
      </c>
      <c r="D2480" s="1" t="s">
        <v>8487</v>
      </c>
      <c r="E2480" s="1"/>
      <c r="F2480" s="1" t="s">
        <v>8490</v>
      </c>
      <c r="G2480" s="1" t="s">
        <v>10</v>
      </c>
      <c r="H2480" s="1" t="s">
        <v>8487</v>
      </c>
      <c r="I2480" s="1" t="s">
        <v>8400</v>
      </c>
      <c r="J2480" s="1" t="s">
        <v>12</v>
      </c>
      <c r="K2480" s="1" t="s">
        <v>100</v>
      </c>
      <c r="L2480" s="1" t="s">
        <v>8488</v>
      </c>
      <c r="M2480" s="1" t="s">
        <v>5</v>
      </c>
      <c r="N2480" s="1" t="s">
        <v>6</v>
      </c>
      <c r="O2480" s="1" t="s">
        <v>8</v>
      </c>
      <c r="P2480" s="5" t="s">
        <v>10</v>
      </c>
    </row>
    <row r="2481" spans="1:16" x14ac:dyDescent="0.2">
      <c r="A2481" s="1" t="s">
        <v>10</v>
      </c>
      <c r="B2481" s="1" t="s">
        <v>376</v>
      </c>
      <c r="C2481" s="1" t="s">
        <v>8492</v>
      </c>
      <c r="D2481" s="1" t="s">
        <v>7693</v>
      </c>
      <c r="E2481" s="1" t="s">
        <v>8493</v>
      </c>
      <c r="F2481" s="1" t="s">
        <v>10</v>
      </c>
      <c r="G2481" s="1" t="s">
        <v>10</v>
      </c>
      <c r="H2481" s="1" t="s">
        <v>10</v>
      </c>
      <c r="I2481" s="1" t="s">
        <v>8400</v>
      </c>
      <c r="J2481" s="1" t="s">
        <v>12</v>
      </c>
      <c r="K2481" s="1" t="s">
        <v>37</v>
      </c>
      <c r="L2481" s="1" t="s">
        <v>8491</v>
      </c>
      <c r="M2481" s="1" t="s">
        <v>5</v>
      </c>
      <c r="N2481" s="1" t="s">
        <v>25</v>
      </c>
      <c r="O2481" s="1" t="s">
        <v>38</v>
      </c>
      <c r="P2481" s="5" t="s">
        <v>29821</v>
      </c>
    </row>
    <row r="2482" spans="1:16" x14ac:dyDescent="0.2">
      <c r="A2482" s="1" t="s">
        <v>10</v>
      </c>
      <c r="B2482" s="1" t="s">
        <v>10</v>
      </c>
      <c r="C2482" s="1" t="s">
        <v>8494</v>
      </c>
      <c r="D2482" s="1" t="s">
        <v>8494</v>
      </c>
      <c r="E2482" s="1" t="s">
        <v>8496</v>
      </c>
      <c r="F2482" s="1" t="s">
        <v>10</v>
      </c>
      <c r="G2482" s="1" t="s">
        <v>10</v>
      </c>
      <c r="H2482" s="1" t="s">
        <v>10</v>
      </c>
      <c r="I2482" s="1" t="s">
        <v>8400</v>
      </c>
      <c r="J2482" s="1" t="s">
        <v>13</v>
      </c>
      <c r="K2482" s="1" t="s">
        <v>64</v>
      </c>
      <c r="L2482" s="1" t="s">
        <v>8495</v>
      </c>
      <c r="M2482" s="1" t="s">
        <v>5</v>
      </c>
      <c r="N2482" s="1" t="s">
        <v>6</v>
      </c>
      <c r="O2482" s="1" t="s">
        <v>38</v>
      </c>
      <c r="P2482" s="5" t="s">
        <v>10</v>
      </c>
    </row>
    <row r="2483" spans="1:16" x14ac:dyDescent="0.2">
      <c r="A2483" s="1" t="s">
        <v>10</v>
      </c>
      <c r="B2483" s="1" t="s">
        <v>10</v>
      </c>
      <c r="C2483" s="1" t="s">
        <v>8497</v>
      </c>
      <c r="D2483" s="1" t="s">
        <v>8497</v>
      </c>
      <c r="E2483" s="1" t="s">
        <v>8500</v>
      </c>
      <c r="F2483" s="1" t="s">
        <v>8499</v>
      </c>
      <c r="G2483" s="1" t="s">
        <v>10</v>
      </c>
      <c r="H2483" s="1" t="s">
        <v>8497</v>
      </c>
      <c r="I2483" s="1" t="s">
        <v>8400</v>
      </c>
      <c r="J2483" s="1" t="s">
        <v>13</v>
      </c>
      <c r="K2483" s="1" t="s">
        <v>1563</v>
      </c>
      <c r="L2483" s="1" t="s">
        <v>8498</v>
      </c>
      <c r="M2483" s="1" t="s">
        <v>5</v>
      </c>
      <c r="N2483" s="1" t="s">
        <v>6</v>
      </c>
      <c r="O2483" s="1" t="s">
        <v>8</v>
      </c>
      <c r="P2483" s="5" t="s">
        <v>10</v>
      </c>
    </row>
    <row r="2484" spans="1:16" x14ac:dyDescent="0.2">
      <c r="A2484" s="1" t="s">
        <v>10</v>
      </c>
      <c r="B2484" s="1" t="s">
        <v>10</v>
      </c>
      <c r="C2484" s="1" t="s">
        <v>8503</v>
      </c>
      <c r="D2484" s="1" t="s">
        <v>8501</v>
      </c>
      <c r="E2484" s="1"/>
      <c r="F2484" s="1" t="s">
        <v>10</v>
      </c>
      <c r="G2484" s="1" t="s">
        <v>10</v>
      </c>
      <c r="H2484" s="1" t="s">
        <v>10</v>
      </c>
      <c r="I2484" s="1" t="s">
        <v>8400</v>
      </c>
      <c r="J2484" s="1" t="s">
        <v>12</v>
      </c>
      <c r="K2484" s="1" t="s">
        <v>27</v>
      </c>
      <c r="L2484" s="1" t="s">
        <v>8502</v>
      </c>
      <c r="M2484" s="1" t="s">
        <v>5</v>
      </c>
      <c r="N2484" s="1" t="s">
        <v>25</v>
      </c>
      <c r="O2484" s="1" t="s">
        <v>38</v>
      </c>
      <c r="P2484" s="5" t="s">
        <v>10</v>
      </c>
    </row>
    <row r="2485" spans="1:16" x14ac:dyDescent="0.2">
      <c r="A2485" s="1" t="s">
        <v>10</v>
      </c>
      <c r="B2485" s="1" t="s">
        <v>10</v>
      </c>
      <c r="C2485" s="1" t="s">
        <v>8504</v>
      </c>
      <c r="D2485" s="1" t="s">
        <v>8504</v>
      </c>
      <c r="E2485" s="1" t="s">
        <v>8507</v>
      </c>
      <c r="F2485" s="1" t="s">
        <v>8506</v>
      </c>
      <c r="G2485" s="1" t="s">
        <v>10</v>
      </c>
      <c r="H2485" s="1" t="s">
        <v>8504</v>
      </c>
      <c r="I2485" s="1" t="s">
        <v>8400</v>
      </c>
      <c r="J2485" s="1" t="s">
        <v>13</v>
      </c>
      <c r="K2485" s="1" t="s">
        <v>64</v>
      </c>
      <c r="L2485" s="1" t="s">
        <v>8505</v>
      </c>
      <c r="M2485" s="1" t="s">
        <v>5</v>
      </c>
      <c r="N2485" s="1" t="s">
        <v>6</v>
      </c>
      <c r="O2485" s="1" t="s">
        <v>8</v>
      </c>
      <c r="P2485" s="5" t="s">
        <v>10</v>
      </c>
    </row>
    <row r="2486" spans="1:16" x14ac:dyDescent="0.2">
      <c r="A2486" s="1" t="s">
        <v>10</v>
      </c>
      <c r="B2486" s="1" t="s">
        <v>10</v>
      </c>
      <c r="C2486" s="1" t="s">
        <v>8508</v>
      </c>
      <c r="D2486" s="1" t="s">
        <v>8508</v>
      </c>
      <c r="E2486" s="1" t="s">
        <v>8510</v>
      </c>
      <c r="F2486" s="1" t="s">
        <v>10</v>
      </c>
      <c r="G2486" s="1" t="s">
        <v>10</v>
      </c>
      <c r="H2486" s="1" t="s">
        <v>10</v>
      </c>
      <c r="I2486" s="1" t="s">
        <v>8400</v>
      </c>
      <c r="J2486" s="1" t="s">
        <v>13</v>
      </c>
      <c r="K2486" s="1" t="s">
        <v>100</v>
      </c>
      <c r="L2486" s="1" t="s">
        <v>8509</v>
      </c>
      <c r="M2486" s="1" t="s">
        <v>5</v>
      </c>
      <c r="N2486" s="1" t="s">
        <v>25</v>
      </c>
      <c r="O2486" s="1" t="s">
        <v>38</v>
      </c>
      <c r="P2486" s="5" t="s">
        <v>10</v>
      </c>
    </row>
    <row r="2487" spans="1:16" x14ac:dyDescent="0.2">
      <c r="A2487" s="1" t="s">
        <v>1385</v>
      </c>
      <c r="B2487" s="1" t="s">
        <v>1670</v>
      </c>
      <c r="C2487" s="1" t="s">
        <v>8512</v>
      </c>
      <c r="D2487" s="1" t="s">
        <v>8512</v>
      </c>
      <c r="E2487" s="1" t="s">
        <v>8514</v>
      </c>
      <c r="F2487" s="1" t="s">
        <v>8513</v>
      </c>
      <c r="G2487" s="1" t="s">
        <v>10</v>
      </c>
      <c r="H2487" s="1" t="s">
        <v>8515</v>
      </c>
      <c r="I2487" s="1" t="s">
        <v>8400</v>
      </c>
      <c r="J2487" s="1" t="s">
        <v>12</v>
      </c>
      <c r="K2487" s="1" t="s">
        <v>64</v>
      </c>
      <c r="L2487" s="1" t="s">
        <v>8511</v>
      </c>
      <c r="M2487" s="1" t="s">
        <v>5</v>
      </c>
      <c r="N2487" s="1" t="s">
        <v>25</v>
      </c>
      <c r="O2487" s="1" t="s">
        <v>8</v>
      </c>
      <c r="P2487" s="5" t="s">
        <v>29821</v>
      </c>
    </row>
    <row r="2488" spans="1:16" x14ac:dyDescent="0.2">
      <c r="A2488" s="1" t="s">
        <v>10</v>
      </c>
      <c r="B2488" s="1" t="s">
        <v>376</v>
      </c>
      <c r="C2488" s="1" t="s">
        <v>8516</v>
      </c>
      <c r="D2488" s="1" t="s">
        <v>8516</v>
      </c>
      <c r="E2488" s="1" t="s">
        <v>8519</v>
      </c>
      <c r="F2488" s="1" t="s">
        <v>8518</v>
      </c>
      <c r="G2488" s="1" t="s">
        <v>10</v>
      </c>
      <c r="H2488" s="1" t="s">
        <v>8520</v>
      </c>
      <c r="I2488" s="1" t="s">
        <v>8400</v>
      </c>
      <c r="J2488" s="1" t="s">
        <v>12</v>
      </c>
      <c r="K2488" s="1" t="s">
        <v>64</v>
      </c>
      <c r="L2488" s="1" t="s">
        <v>8517</v>
      </c>
      <c r="M2488" s="1" t="s">
        <v>5</v>
      </c>
      <c r="N2488" s="1" t="s">
        <v>25</v>
      </c>
      <c r="O2488" s="1" t="s">
        <v>8</v>
      </c>
      <c r="P2488" s="5" t="s">
        <v>30028</v>
      </c>
    </row>
    <row r="2489" spans="1:16" x14ac:dyDescent="0.2">
      <c r="A2489" s="1" t="s">
        <v>329</v>
      </c>
      <c r="B2489" s="1" t="s">
        <v>2622</v>
      </c>
      <c r="C2489" s="1" t="s">
        <v>8521</v>
      </c>
      <c r="D2489" s="1" t="s">
        <v>8521</v>
      </c>
      <c r="E2489" s="1" t="s">
        <v>8524</v>
      </c>
      <c r="F2489" s="1" t="s">
        <v>8523</v>
      </c>
      <c r="G2489" s="1" t="s">
        <v>10</v>
      </c>
      <c r="H2489" s="1" t="s">
        <v>8521</v>
      </c>
      <c r="I2489" s="1" t="s">
        <v>8400</v>
      </c>
      <c r="J2489" s="1" t="s">
        <v>13</v>
      </c>
      <c r="K2489" s="1" t="s">
        <v>100</v>
      </c>
      <c r="L2489" s="1" t="s">
        <v>8522</v>
      </c>
      <c r="M2489" s="1" t="s">
        <v>5</v>
      </c>
      <c r="N2489" s="1" t="s">
        <v>6</v>
      </c>
      <c r="O2489" s="1" t="s">
        <v>8</v>
      </c>
      <c r="P2489" s="5" t="s">
        <v>10</v>
      </c>
    </row>
    <row r="2490" spans="1:16" x14ac:dyDescent="0.2">
      <c r="A2490" s="1" t="s">
        <v>10</v>
      </c>
      <c r="B2490" s="1" t="s">
        <v>10</v>
      </c>
      <c r="C2490" s="1" t="s">
        <v>8525</v>
      </c>
      <c r="D2490" s="1" t="s">
        <v>8525</v>
      </c>
      <c r="E2490" s="1" t="s">
        <v>8528</v>
      </c>
      <c r="F2490" s="1" t="s">
        <v>8527</v>
      </c>
      <c r="G2490" s="1" t="s">
        <v>10</v>
      </c>
      <c r="H2490" s="1" t="s">
        <v>8525</v>
      </c>
      <c r="I2490" s="1" t="s">
        <v>8400</v>
      </c>
      <c r="J2490" s="1" t="s">
        <v>13</v>
      </c>
      <c r="K2490" s="1" t="s">
        <v>64</v>
      </c>
      <c r="L2490" s="1" t="s">
        <v>8526</v>
      </c>
      <c r="M2490" s="1" t="s">
        <v>5</v>
      </c>
      <c r="N2490" s="1" t="s">
        <v>6</v>
      </c>
      <c r="O2490" s="1" t="s">
        <v>8</v>
      </c>
      <c r="P2490" s="5" t="s">
        <v>10</v>
      </c>
    </row>
    <row r="2491" spans="1:16" x14ac:dyDescent="0.2">
      <c r="A2491" s="1" t="s">
        <v>487</v>
      </c>
      <c r="B2491" s="1" t="s">
        <v>488</v>
      </c>
      <c r="C2491" s="1" t="s">
        <v>8531</v>
      </c>
      <c r="D2491" s="1" t="s">
        <v>8529</v>
      </c>
      <c r="E2491" s="1" t="s">
        <v>8533</v>
      </c>
      <c r="F2491" s="1" t="s">
        <v>8532</v>
      </c>
      <c r="G2491" s="1" t="s">
        <v>10</v>
      </c>
      <c r="H2491" s="1" t="s">
        <v>8529</v>
      </c>
      <c r="I2491" s="1" t="s">
        <v>8400</v>
      </c>
      <c r="J2491" s="1" t="s">
        <v>13</v>
      </c>
      <c r="K2491" s="1" t="s">
        <v>64</v>
      </c>
      <c r="L2491" s="1" t="s">
        <v>8530</v>
      </c>
      <c r="M2491" s="1" t="s">
        <v>5</v>
      </c>
      <c r="N2491" s="1" t="s">
        <v>6</v>
      </c>
      <c r="O2491" s="1" t="s">
        <v>8</v>
      </c>
      <c r="P2491" s="5" t="s">
        <v>10</v>
      </c>
    </row>
    <row r="2492" spans="1:16" x14ac:dyDescent="0.2">
      <c r="A2492" s="1" t="s">
        <v>10</v>
      </c>
      <c r="B2492" s="1" t="s">
        <v>376</v>
      </c>
      <c r="C2492" s="1" t="s">
        <v>8534</v>
      </c>
      <c r="D2492" s="1" t="s">
        <v>8534</v>
      </c>
      <c r="E2492" s="1" t="s">
        <v>8537</v>
      </c>
      <c r="F2492" s="1" t="s">
        <v>8536</v>
      </c>
      <c r="G2492" s="1" t="s">
        <v>10</v>
      </c>
      <c r="H2492" s="1" t="s">
        <v>8534</v>
      </c>
      <c r="I2492" s="1" t="s">
        <v>8400</v>
      </c>
      <c r="J2492" s="1" t="s">
        <v>13</v>
      </c>
      <c r="K2492" s="1" t="s">
        <v>64</v>
      </c>
      <c r="L2492" s="1" t="s">
        <v>8535</v>
      </c>
      <c r="M2492" s="1" t="s">
        <v>5</v>
      </c>
      <c r="N2492" s="1" t="s">
        <v>25</v>
      </c>
      <c r="O2492" s="1" t="s">
        <v>8</v>
      </c>
      <c r="P2492" s="5" t="s">
        <v>30029</v>
      </c>
    </row>
    <row r="2493" spans="1:16" x14ac:dyDescent="0.2">
      <c r="A2493" s="1" t="s">
        <v>329</v>
      </c>
      <c r="B2493" s="1" t="s">
        <v>330</v>
      </c>
      <c r="C2493" s="1" t="s">
        <v>8542</v>
      </c>
      <c r="D2493" s="1" t="s">
        <v>8540</v>
      </c>
      <c r="E2493" s="1" t="s">
        <v>8543</v>
      </c>
      <c r="F2493" s="1" t="s">
        <v>10</v>
      </c>
      <c r="G2493" s="1" t="s">
        <v>10</v>
      </c>
      <c r="H2493" s="1" t="s">
        <v>10</v>
      </c>
      <c r="I2493" s="1" t="s">
        <v>8400</v>
      </c>
      <c r="J2493" s="1" t="s">
        <v>12</v>
      </c>
      <c r="K2493" s="1" t="s">
        <v>100</v>
      </c>
      <c r="L2493" s="1" t="s">
        <v>8541</v>
      </c>
      <c r="M2493" s="1" t="s">
        <v>5</v>
      </c>
      <c r="N2493" s="1" t="s">
        <v>1009</v>
      </c>
      <c r="O2493" s="1" t="s">
        <v>38</v>
      </c>
      <c r="P2493" s="5" t="s">
        <v>30398</v>
      </c>
    </row>
    <row r="2494" spans="1:16" x14ac:dyDescent="0.2">
      <c r="A2494" s="1" t="s">
        <v>1086</v>
      </c>
      <c r="B2494" s="1" t="s">
        <v>1181</v>
      </c>
      <c r="C2494" s="1" t="s">
        <v>8544</v>
      </c>
      <c r="D2494" s="1" t="s">
        <v>8546</v>
      </c>
      <c r="E2494" s="1" t="s">
        <v>8547</v>
      </c>
      <c r="F2494" s="1" t="s">
        <v>2274</v>
      </c>
      <c r="G2494" s="1" t="s">
        <v>10</v>
      </c>
      <c r="H2494" s="1" t="s">
        <v>8544</v>
      </c>
      <c r="I2494" s="1" t="s">
        <v>8400</v>
      </c>
      <c r="J2494" s="1" t="s">
        <v>13</v>
      </c>
      <c r="K2494" s="1" t="s">
        <v>64</v>
      </c>
      <c r="L2494" s="1" t="s">
        <v>8545</v>
      </c>
      <c r="M2494" s="1" t="s">
        <v>5</v>
      </c>
      <c r="N2494" s="1" t="s">
        <v>6</v>
      </c>
      <c r="O2494" s="1" t="s">
        <v>8</v>
      </c>
      <c r="P2494" s="5" t="s">
        <v>10</v>
      </c>
    </row>
    <row r="2495" spans="1:16" x14ac:dyDescent="0.2">
      <c r="A2495" s="1" t="s">
        <v>10</v>
      </c>
      <c r="B2495" s="1" t="s">
        <v>376</v>
      </c>
      <c r="C2495" s="1" t="s">
        <v>8548</v>
      </c>
      <c r="D2495" s="1" t="s">
        <v>8548</v>
      </c>
      <c r="E2495" s="1" t="s">
        <v>8550</v>
      </c>
      <c r="F2495" s="1" t="s">
        <v>8536</v>
      </c>
      <c r="G2495" s="1" t="s">
        <v>10</v>
      </c>
      <c r="H2495" s="1" t="s">
        <v>8548</v>
      </c>
      <c r="I2495" s="1" t="s">
        <v>8400</v>
      </c>
      <c r="J2495" s="1" t="s">
        <v>13</v>
      </c>
      <c r="K2495" s="1" t="s">
        <v>64</v>
      </c>
      <c r="L2495" s="1" t="s">
        <v>8549</v>
      </c>
      <c r="M2495" s="1" t="s">
        <v>5</v>
      </c>
      <c r="N2495" s="1" t="s">
        <v>25</v>
      </c>
      <c r="O2495" s="1" t="s">
        <v>8</v>
      </c>
      <c r="P2495" s="5" t="s">
        <v>30029</v>
      </c>
    </row>
    <row r="2496" spans="1:16" x14ac:dyDescent="0.2">
      <c r="A2496" s="1" t="s">
        <v>487</v>
      </c>
      <c r="B2496" s="1" t="s">
        <v>488</v>
      </c>
      <c r="C2496" s="1" t="s">
        <v>2278</v>
      </c>
      <c r="D2496" s="1" t="s">
        <v>2278</v>
      </c>
      <c r="E2496" s="1" t="s">
        <v>8553</v>
      </c>
      <c r="F2496" s="1" t="s">
        <v>8552</v>
      </c>
      <c r="G2496" s="1" t="s">
        <v>10</v>
      </c>
      <c r="H2496" s="1" t="s">
        <v>2278</v>
      </c>
      <c r="I2496" s="1" t="s">
        <v>8400</v>
      </c>
      <c r="J2496" s="1" t="s">
        <v>12</v>
      </c>
      <c r="K2496" s="1" t="s">
        <v>64</v>
      </c>
      <c r="L2496" s="1" t="s">
        <v>8551</v>
      </c>
      <c r="M2496" s="1" t="s">
        <v>5</v>
      </c>
      <c r="N2496" s="1" t="s">
        <v>6</v>
      </c>
      <c r="O2496" s="1" t="s">
        <v>8</v>
      </c>
      <c r="P2496" s="5" t="s">
        <v>10</v>
      </c>
    </row>
    <row r="2497" spans="1:16" x14ac:dyDescent="0.2">
      <c r="A2497" s="1" t="s">
        <v>20</v>
      </c>
      <c r="B2497" s="1" t="s">
        <v>1047</v>
      </c>
      <c r="C2497" s="1" t="s">
        <v>8554</v>
      </c>
      <c r="D2497" s="1" t="s">
        <v>8554</v>
      </c>
      <c r="E2497" s="1" t="s">
        <v>8557</v>
      </c>
      <c r="F2497" s="1" t="s">
        <v>8556</v>
      </c>
      <c r="G2497" s="1" t="s">
        <v>10</v>
      </c>
      <c r="H2497" s="1" t="s">
        <v>8554</v>
      </c>
      <c r="I2497" s="1" t="s">
        <v>8400</v>
      </c>
      <c r="J2497" s="1" t="s">
        <v>12</v>
      </c>
      <c r="K2497" s="1" t="s">
        <v>244</v>
      </c>
      <c r="L2497" s="1" t="s">
        <v>8555</v>
      </c>
      <c r="M2497" s="1" t="s">
        <v>5</v>
      </c>
      <c r="N2497" s="1" t="s">
        <v>1597</v>
      </c>
      <c r="O2497" s="1" t="s">
        <v>8</v>
      </c>
      <c r="P2497" s="5" t="s">
        <v>10</v>
      </c>
    </row>
    <row r="2498" spans="1:16" x14ac:dyDescent="0.2">
      <c r="A2498" s="1" t="s">
        <v>10</v>
      </c>
      <c r="B2498" s="1" t="s">
        <v>376</v>
      </c>
      <c r="C2498" s="1" t="s">
        <v>8560</v>
      </c>
      <c r="D2498" s="1" t="s">
        <v>8558</v>
      </c>
      <c r="E2498" s="1" t="s">
        <v>8561</v>
      </c>
      <c r="F2498" s="1" t="s">
        <v>794</v>
      </c>
      <c r="G2498" s="1" t="s">
        <v>10</v>
      </c>
      <c r="H2498" s="1" t="s">
        <v>8560</v>
      </c>
      <c r="I2498" s="1" t="s">
        <v>8400</v>
      </c>
      <c r="J2498" s="1" t="s">
        <v>12</v>
      </c>
      <c r="K2498" s="1" t="s">
        <v>64</v>
      </c>
      <c r="L2498" s="1" t="s">
        <v>8559</v>
      </c>
      <c r="M2498" s="1" t="s">
        <v>5</v>
      </c>
      <c r="N2498" s="1" t="s">
        <v>6</v>
      </c>
      <c r="O2498" s="1" t="s">
        <v>8</v>
      </c>
      <c r="P2498" s="5" t="s">
        <v>10</v>
      </c>
    </row>
    <row r="2499" spans="1:16" x14ac:dyDescent="0.2">
      <c r="A2499" s="1" t="s">
        <v>42</v>
      </c>
      <c r="B2499" s="1" t="s">
        <v>43</v>
      </c>
      <c r="C2499" s="1" t="s">
        <v>8563</v>
      </c>
      <c r="D2499" s="1" t="s">
        <v>8564</v>
      </c>
      <c r="E2499" s="1" t="s">
        <v>8565</v>
      </c>
      <c r="F2499" s="1" t="s">
        <v>10</v>
      </c>
      <c r="G2499" s="1" t="s">
        <v>10</v>
      </c>
      <c r="H2499" s="1" t="s">
        <v>10</v>
      </c>
      <c r="I2499" s="1" t="s">
        <v>8400</v>
      </c>
      <c r="J2499" s="1" t="s">
        <v>12</v>
      </c>
      <c r="K2499" s="1" t="s">
        <v>37</v>
      </c>
      <c r="L2499" s="1" t="s">
        <v>8562</v>
      </c>
      <c r="M2499" s="1" t="s">
        <v>5</v>
      </c>
      <c r="N2499" s="1" t="s">
        <v>25</v>
      </c>
      <c r="O2499" s="1" t="s">
        <v>38</v>
      </c>
      <c r="P2499" s="5" t="s">
        <v>29821</v>
      </c>
    </row>
    <row r="2500" spans="1:16" x14ac:dyDescent="0.2">
      <c r="A2500" s="1" t="s">
        <v>10</v>
      </c>
      <c r="B2500" s="1" t="s">
        <v>10</v>
      </c>
      <c r="C2500" s="1" t="s">
        <v>8567</v>
      </c>
      <c r="D2500" s="1" t="s">
        <v>679</v>
      </c>
      <c r="E2500" s="1" t="s">
        <v>8569</v>
      </c>
      <c r="F2500" s="1" t="s">
        <v>8568</v>
      </c>
      <c r="G2500" s="1" t="s">
        <v>10</v>
      </c>
      <c r="H2500" s="1" t="s">
        <v>8567</v>
      </c>
      <c r="I2500" s="1" t="s">
        <v>8400</v>
      </c>
      <c r="J2500" s="1" t="s">
        <v>13</v>
      </c>
      <c r="K2500" s="1" t="s">
        <v>64</v>
      </c>
      <c r="L2500" s="1" t="s">
        <v>8566</v>
      </c>
      <c r="M2500" s="1" t="s">
        <v>5</v>
      </c>
      <c r="N2500" s="1" t="s">
        <v>6</v>
      </c>
      <c r="O2500" s="1" t="s">
        <v>8</v>
      </c>
      <c r="P2500" s="5" t="s">
        <v>10</v>
      </c>
    </row>
    <row r="2501" spans="1:16" x14ac:dyDescent="0.2">
      <c r="A2501" s="1" t="s">
        <v>1086</v>
      </c>
      <c r="B2501" s="1" t="s">
        <v>4482</v>
      </c>
      <c r="C2501" s="1" t="s">
        <v>8570</v>
      </c>
      <c r="D2501" s="1" t="s">
        <v>8570</v>
      </c>
      <c r="E2501" s="1" t="s">
        <v>8573</v>
      </c>
      <c r="F2501" s="1" t="s">
        <v>8572</v>
      </c>
      <c r="G2501" s="1" t="s">
        <v>10</v>
      </c>
      <c r="H2501" s="1" t="s">
        <v>8570</v>
      </c>
      <c r="I2501" s="1" t="s">
        <v>8400</v>
      </c>
      <c r="J2501" s="1" t="s">
        <v>13</v>
      </c>
      <c r="K2501" s="1" t="s">
        <v>64</v>
      </c>
      <c r="L2501" s="1" t="s">
        <v>8571</v>
      </c>
      <c r="M2501" s="1" t="s">
        <v>5</v>
      </c>
      <c r="N2501" s="1" t="s">
        <v>6</v>
      </c>
      <c r="O2501" s="1" t="s">
        <v>8</v>
      </c>
      <c r="P2501" s="5" t="s">
        <v>10</v>
      </c>
    </row>
    <row r="2502" spans="1:16" x14ac:dyDescent="0.2">
      <c r="A2502" s="1" t="s">
        <v>1086</v>
      </c>
      <c r="B2502" s="1" t="s">
        <v>4482</v>
      </c>
      <c r="C2502" s="1" t="s">
        <v>8574</v>
      </c>
      <c r="D2502" s="1" t="s">
        <v>8574</v>
      </c>
      <c r="E2502" s="1" t="s">
        <v>8577</v>
      </c>
      <c r="F2502" s="1" t="s">
        <v>8576</v>
      </c>
      <c r="G2502" s="1" t="s">
        <v>10</v>
      </c>
      <c r="H2502" s="1" t="s">
        <v>8574</v>
      </c>
      <c r="I2502" s="1" t="s">
        <v>8400</v>
      </c>
      <c r="J2502" s="1" t="s">
        <v>13</v>
      </c>
      <c r="K2502" s="1" t="s">
        <v>64</v>
      </c>
      <c r="L2502" s="1" t="s">
        <v>8575</v>
      </c>
      <c r="M2502" s="1" t="s">
        <v>5</v>
      </c>
      <c r="N2502" s="1" t="s">
        <v>6</v>
      </c>
      <c r="O2502" s="1" t="s">
        <v>8</v>
      </c>
      <c r="P2502" s="5" t="s">
        <v>10</v>
      </c>
    </row>
    <row r="2503" spans="1:16" x14ac:dyDescent="0.2">
      <c r="A2503" s="1" t="s">
        <v>194</v>
      </c>
      <c r="B2503" s="1" t="s">
        <v>396</v>
      </c>
      <c r="C2503" s="1" t="s">
        <v>8580</v>
      </c>
      <c r="D2503" s="1" t="s">
        <v>8578</v>
      </c>
      <c r="E2503" s="1" t="s">
        <v>8582</v>
      </c>
      <c r="F2503" s="1" t="s">
        <v>8581</v>
      </c>
      <c r="G2503" s="1" t="s">
        <v>10</v>
      </c>
      <c r="H2503" s="1" t="s">
        <v>8580</v>
      </c>
      <c r="I2503" s="1" t="s">
        <v>8400</v>
      </c>
      <c r="J2503" s="1" t="s">
        <v>12</v>
      </c>
      <c r="K2503" s="1" t="s">
        <v>64</v>
      </c>
      <c r="L2503" s="1" t="s">
        <v>8579</v>
      </c>
      <c r="M2503" s="1" t="s">
        <v>5</v>
      </c>
      <c r="N2503" s="1" t="s">
        <v>6</v>
      </c>
      <c r="O2503" s="1" t="s">
        <v>8</v>
      </c>
      <c r="P2503" s="5" t="s">
        <v>10</v>
      </c>
    </row>
    <row r="2504" spans="1:16" x14ac:dyDescent="0.2">
      <c r="A2504" s="1" t="s">
        <v>194</v>
      </c>
      <c r="B2504" s="1" t="s">
        <v>396</v>
      </c>
      <c r="C2504" s="1" t="s">
        <v>8583</v>
      </c>
      <c r="D2504" s="1" t="s">
        <v>8583</v>
      </c>
      <c r="E2504" s="1" t="s">
        <v>8586</v>
      </c>
      <c r="F2504" s="1" t="s">
        <v>8585</v>
      </c>
      <c r="G2504" s="1" t="s">
        <v>10</v>
      </c>
      <c r="H2504" s="1" t="s">
        <v>8583</v>
      </c>
      <c r="I2504" s="1" t="s">
        <v>8400</v>
      </c>
      <c r="J2504" s="1" t="s">
        <v>12</v>
      </c>
      <c r="K2504" s="1" t="s">
        <v>64</v>
      </c>
      <c r="L2504" s="1" t="s">
        <v>8584</v>
      </c>
      <c r="M2504" s="1" t="s">
        <v>5</v>
      </c>
      <c r="N2504" s="1" t="s">
        <v>6</v>
      </c>
      <c r="O2504" s="1" t="s">
        <v>8</v>
      </c>
      <c r="P2504" s="5" t="s">
        <v>10</v>
      </c>
    </row>
    <row r="2505" spans="1:16" x14ac:dyDescent="0.2">
      <c r="A2505" s="1" t="s">
        <v>10</v>
      </c>
      <c r="B2505" s="1" t="s">
        <v>10</v>
      </c>
      <c r="C2505" s="1" t="s">
        <v>8589</v>
      </c>
      <c r="D2505" s="1" t="s">
        <v>8587</v>
      </c>
      <c r="E2505" s="1" t="s">
        <v>8591</v>
      </c>
      <c r="F2505" s="1" t="s">
        <v>8590</v>
      </c>
      <c r="G2505" s="1" t="s">
        <v>10</v>
      </c>
      <c r="H2505" s="1" t="s">
        <v>8587</v>
      </c>
      <c r="I2505" s="1" t="s">
        <v>8400</v>
      </c>
      <c r="J2505" s="1" t="s">
        <v>12</v>
      </c>
      <c r="K2505" s="1" t="s">
        <v>27</v>
      </c>
      <c r="L2505" s="1" t="s">
        <v>8588</v>
      </c>
      <c r="M2505" s="1" t="s">
        <v>5</v>
      </c>
      <c r="N2505" s="1" t="s">
        <v>6</v>
      </c>
      <c r="O2505" s="1" t="s">
        <v>8</v>
      </c>
      <c r="P2505" s="5" t="s">
        <v>10</v>
      </c>
    </row>
    <row r="2506" spans="1:16" x14ac:dyDescent="0.2">
      <c r="A2506" s="1" t="s">
        <v>1086</v>
      </c>
      <c r="B2506" s="1" t="s">
        <v>8481</v>
      </c>
      <c r="C2506" s="1" t="s">
        <v>8592</v>
      </c>
      <c r="D2506" s="1" t="s">
        <v>8592</v>
      </c>
      <c r="E2506" s="1" t="s">
        <v>8595</v>
      </c>
      <c r="F2506" s="1" t="s">
        <v>8594</v>
      </c>
      <c r="G2506" s="1" t="s">
        <v>10</v>
      </c>
      <c r="H2506" s="1" t="s">
        <v>8592</v>
      </c>
      <c r="I2506" s="1" t="s">
        <v>8400</v>
      </c>
      <c r="J2506" s="1" t="s">
        <v>12</v>
      </c>
      <c r="K2506" s="1" t="s">
        <v>64</v>
      </c>
      <c r="L2506" s="1" t="s">
        <v>8593</v>
      </c>
      <c r="M2506" s="1" t="s">
        <v>5</v>
      </c>
      <c r="N2506" s="1" t="s">
        <v>6</v>
      </c>
      <c r="O2506" s="1" t="s">
        <v>8</v>
      </c>
      <c r="P2506" s="5"/>
    </row>
    <row r="2507" spans="1:16" x14ac:dyDescent="0.2">
      <c r="A2507" s="1" t="s">
        <v>10</v>
      </c>
      <c r="B2507" s="1" t="s">
        <v>376</v>
      </c>
      <c r="C2507" s="1" t="s">
        <v>8598</v>
      </c>
      <c r="D2507" s="1" t="s">
        <v>8596</v>
      </c>
      <c r="E2507" s="1" t="s">
        <v>8599</v>
      </c>
      <c r="F2507" s="1" t="s">
        <v>10</v>
      </c>
      <c r="G2507" s="1" t="s">
        <v>10</v>
      </c>
      <c r="H2507" s="1" t="s">
        <v>10</v>
      </c>
      <c r="I2507" s="1" t="s">
        <v>8400</v>
      </c>
      <c r="J2507" s="1" t="s">
        <v>12</v>
      </c>
      <c r="K2507" s="1" t="s">
        <v>37</v>
      </c>
      <c r="L2507" s="1" t="s">
        <v>8597</v>
      </c>
      <c r="M2507" s="1" t="s">
        <v>5</v>
      </c>
      <c r="N2507" s="1" t="s">
        <v>25</v>
      </c>
      <c r="O2507" s="1" t="s">
        <v>38</v>
      </c>
      <c r="P2507" s="5" t="s">
        <v>29821</v>
      </c>
    </row>
    <row r="2508" spans="1:16" x14ac:dyDescent="0.2">
      <c r="A2508" s="1" t="s">
        <v>10</v>
      </c>
      <c r="B2508" s="1" t="s">
        <v>376</v>
      </c>
      <c r="C2508" s="1" t="s">
        <v>8600</v>
      </c>
      <c r="D2508" s="1" t="s">
        <v>8600</v>
      </c>
      <c r="E2508" s="1" t="s">
        <v>8603</v>
      </c>
      <c r="F2508" s="1" t="s">
        <v>8602</v>
      </c>
      <c r="G2508" s="1" t="s">
        <v>10</v>
      </c>
      <c r="H2508" s="1" t="s">
        <v>8600</v>
      </c>
      <c r="I2508" s="1" t="s">
        <v>8400</v>
      </c>
      <c r="J2508" s="1" t="s">
        <v>12</v>
      </c>
      <c r="K2508" s="1" t="s">
        <v>27</v>
      </c>
      <c r="L2508" s="1" t="s">
        <v>8601</v>
      </c>
      <c r="M2508" s="1" t="s">
        <v>5</v>
      </c>
      <c r="N2508" s="1" t="s">
        <v>6</v>
      </c>
      <c r="O2508" s="1" t="s">
        <v>8</v>
      </c>
      <c r="P2508" s="5" t="s">
        <v>14</v>
      </c>
    </row>
    <row r="2509" spans="1:16" x14ac:dyDescent="0.2">
      <c r="A2509" s="1" t="s">
        <v>1385</v>
      </c>
      <c r="B2509" s="1" t="s">
        <v>1670</v>
      </c>
      <c r="C2509" s="1" t="s">
        <v>8604</v>
      </c>
      <c r="D2509" s="1" t="s">
        <v>8604</v>
      </c>
      <c r="E2509" s="1" t="s">
        <v>8607</v>
      </c>
      <c r="F2509" s="1" t="s">
        <v>8606</v>
      </c>
      <c r="G2509" s="1" t="s">
        <v>10</v>
      </c>
      <c r="H2509" s="1" t="s">
        <v>8608</v>
      </c>
      <c r="I2509" s="1" t="s">
        <v>8400</v>
      </c>
      <c r="J2509" s="1" t="s">
        <v>12</v>
      </c>
      <c r="K2509" s="1" t="s">
        <v>64</v>
      </c>
      <c r="L2509" s="1" t="s">
        <v>8605</v>
      </c>
      <c r="M2509" s="1" t="s">
        <v>5</v>
      </c>
      <c r="N2509" s="1" t="s">
        <v>25</v>
      </c>
      <c r="O2509" s="1" t="s">
        <v>8</v>
      </c>
      <c r="P2509" s="5" t="s">
        <v>10</v>
      </c>
    </row>
    <row r="2510" spans="1:16" x14ac:dyDescent="0.2">
      <c r="A2510" s="1" t="s">
        <v>329</v>
      </c>
      <c r="B2510" s="1" t="s">
        <v>2622</v>
      </c>
      <c r="C2510" s="1" t="s">
        <v>8611</v>
      </c>
      <c r="D2510" s="1" t="s">
        <v>8612</v>
      </c>
      <c r="E2510" s="1"/>
      <c r="F2510" s="1" t="s">
        <v>8613</v>
      </c>
      <c r="G2510" s="1" t="s">
        <v>10</v>
      </c>
      <c r="H2510" s="1" t="s">
        <v>8609</v>
      </c>
      <c r="I2510" s="1" t="s">
        <v>8400</v>
      </c>
      <c r="J2510" s="1" t="s">
        <v>12</v>
      </c>
      <c r="K2510" s="1" t="s">
        <v>27</v>
      </c>
      <c r="L2510" s="1" t="s">
        <v>8610</v>
      </c>
      <c r="M2510" s="1" t="s">
        <v>5</v>
      </c>
      <c r="N2510" s="1" t="s">
        <v>25</v>
      </c>
      <c r="O2510" s="1" t="s">
        <v>8</v>
      </c>
      <c r="P2510" s="5" t="s">
        <v>14</v>
      </c>
    </row>
    <row r="2511" spans="1:16" x14ac:dyDescent="0.2">
      <c r="A2511" s="1" t="s">
        <v>10</v>
      </c>
      <c r="B2511" s="1" t="s">
        <v>10</v>
      </c>
      <c r="C2511" s="1" t="s">
        <v>8614</v>
      </c>
      <c r="D2511" s="1" t="s">
        <v>8614</v>
      </c>
      <c r="E2511" s="1" t="s">
        <v>8616</v>
      </c>
      <c r="F2511" s="1" t="s">
        <v>10</v>
      </c>
      <c r="G2511" s="1" t="s">
        <v>10</v>
      </c>
      <c r="H2511" s="1" t="s">
        <v>10</v>
      </c>
      <c r="I2511" s="1" t="s">
        <v>8400</v>
      </c>
      <c r="J2511" s="1" t="s">
        <v>13</v>
      </c>
      <c r="K2511" s="1" t="s">
        <v>27</v>
      </c>
      <c r="L2511" s="1" t="s">
        <v>8615</v>
      </c>
      <c r="M2511" s="1" t="s">
        <v>5</v>
      </c>
      <c r="N2511" s="1" t="s">
        <v>6</v>
      </c>
      <c r="O2511" s="1" t="s">
        <v>38</v>
      </c>
      <c r="P2511" s="5" t="s">
        <v>10</v>
      </c>
    </row>
    <row r="2512" spans="1:16" x14ac:dyDescent="0.2">
      <c r="A2512" s="1" t="s">
        <v>10</v>
      </c>
      <c r="B2512" s="1" t="s">
        <v>10</v>
      </c>
      <c r="C2512" s="1" t="s">
        <v>8618</v>
      </c>
      <c r="D2512" s="1" t="s">
        <v>7487</v>
      </c>
      <c r="E2512" s="1" t="s">
        <v>8619</v>
      </c>
      <c r="F2512" s="1" t="s">
        <v>7415</v>
      </c>
      <c r="G2512" s="1" t="s">
        <v>10</v>
      </c>
      <c r="H2512" s="1" t="s">
        <v>8618</v>
      </c>
      <c r="I2512" s="1" t="s">
        <v>8400</v>
      </c>
      <c r="J2512" s="1" t="s">
        <v>12</v>
      </c>
      <c r="K2512" s="1" t="s">
        <v>27</v>
      </c>
      <c r="L2512" s="1" t="s">
        <v>8617</v>
      </c>
      <c r="M2512" s="1" t="s">
        <v>5</v>
      </c>
      <c r="N2512" s="1" t="s">
        <v>6</v>
      </c>
      <c r="O2512" s="1" t="s">
        <v>8</v>
      </c>
      <c r="P2512" s="5" t="s">
        <v>10</v>
      </c>
    </row>
    <row r="2513" spans="1:16" x14ac:dyDescent="0.2">
      <c r="A2513" s="1" t="s">
        <v>10</v>
      </c>
      <c r="B2513" s="1" t="s">
        <v>10</v>
      </c>
      <c r="C2513" s="1" t="s">
        <v>8620</v>
      </c>
      <c r="D2513" s="1" t="s">
        <v>8620</v>
      </c>
      <c r="E2513" s="1" t="s">
        <v>8622</v>
      </c>
      <c r="F2513" s="1" t="s">
        <v>10</v>
      </c>
      <c r="G2513" s="1" t="s">
        <v>10</v>
      </c>
      <c r="H2513" s="1" t="s">
        <v>10</v>
      </c>
      <c r="I2513" s="1" t="s">
        <v>8400</v>
      </c>
      <c r="J2513" s="1" t="s">
        <v>13</v>
      </c>
      <c r="K2513" s="1" t="s">
        <v>64</v>
      </c>
      <c r="L2513" s="1" t="s">
        <v>8621</v>
      </c>
      <c r="M2513" s="1" t="s">
        <v>5</v>
      </c>
      <c r="N2513" s="1" t="s">
        <v>6</v>
      </c>
      <c r="O2513" s="1" t="s">
        <v>38</v>
      </c>
      <c r="P2513" s="5" t="s">
        <v>10</v>
      </c>
    </row>
    <row r="2514" spans="1:16" x14ac:dyDescent="0.2">
      <c r="A2514" s="1" t="s">
        <v>20</v>
      </c>
      <c r="B2514" s="1" t="s">
        <v>1047</v>
      </c>
      <c r="C2514" s="1" t="s">
        <v>8625</v>
      </c>
      <c r="D2514" s="1" t="s">
        <v>8623</v>
      </c>
      <c r="E2514" s="1" t="s">
        <v>8557</v>
      </c>
      <c r="F2514" s="1" t="s">
        <v>8626</v>
      </c>
      <c r="G2514" s="1" t="s">
        <v>10</v>
      </c>
      <c r="H2514" s="1" t="s">
        <v>8623</v>
      </c>
      <c r="I2514" s="1" t="s">
        <v>8400</v>
      </c>
      <c r="J2514" s="1" t="s">
        <v>12</v>
      </c>
      <c r="K2514" s="1" t="s">
        <v>244</v>
      </c>
      <c r="L2514" s="1" t="s">
        <v>8624</v>
      </c>
      <c r="M2514" s="1" t="s">
        <v>5</v>
      </c>
      <c r="N2514" s="1" t="s">
        <v>1597</v>
      </c>
      <c r="O2514" s="1" t="s">
        <v>8</v>
      </c>
      <c r="P2514" s="5" t="s">
        <v>10</v>
      </c>
    </row>
    <row r="2515" spans="1:16" x14ac:dyDescent="0.2">
      <c r="A2515" s="1" t="s">
        <v>10</v>
      </c>
      <c r="B2515" s="1" t="s">
        <v>10</v>
      </c>
      <c r="C2515" s="1" t="s">
        <v>8628</v>
      </c>
      <c r="D2515" s="1" t="s">
        <v>106</v>
      </c>
      <c r="E2515" s="1" t="s">
        <v>8629</v>
      </c>
      <c r="F2515" s="1" t="s">
        <v>1896</v>
      </c>
      <c r="G2515" s="1" t="s">
        <v>106</v>
      </c>
      <c r="H2515" s="1" t="s">
        <v>10</v>
      </c>
      <c r="I2515" s="1" t="s">
        <v>8400</v>
      </c>
      <c r="J2515" s="1" t="s">
        <v>13</v>
      </c>
      <c r="K2515" s="1" t="s">
        <v>64</v>
      </c>
      <c r="L2515" s="1" t="s">
        <v>8627</v>
      </c>
      <c r="M2515" s="1" t="s">
        <v>5</v>
      </c>
      <c r="N2515" s="1" t="s">
        <v>6</v>
      </c>
      <c r="O2515" s="1" t="s">
        <v>8</v>
      </c>
      <c r="P2515" s="5" t="s">
        <v>10</v>
      </c>
    </row>
    <row r="2516" spans="1:16" x14ac:dyDescent="0.2">
      <c r="A2516" s="1" t="s">
        <v>10</v>
      </c>
      <c r="B2516" s="1" t="s">
        <v>10</v>
      </c>
      <c r="C2516" s="1" t="s">
        <v>8630</v>
      </c>
      <c r="D2516" s="1" t="s">
        <v>8630</v>
      </c>
      <c r="E2516" s="1" t="s">
        <v>8633</v>
      </c>
      <c r="F2516" s="1" t="s">
        <v>8632</v>
      </c>
      <c r="G2516" s="1" t="s">
        <v>10</v>
      </c>
      <c r="H2516" s="1" t="s">
        <v>8630</v>
      </c>
      <c r="I2516" s="1" t="s">
        <v>8400</v>
      </c>
      <c r="J2516" s="1" t="s">
        <v>13</v>
      </c>
      <c r="K2516" s="1" t="s">
        <v>64</v>
      </c>
      <c r="L2516" s="1" t="s">
        <v>8631</v>
      </c>
      <c r="M2516" s="1" t="s">
        <v>5</v>
      </c>
      <c r="N2516" s="1" t="s">
        <v>6</v>
      </c>
      <c r="O2516" s="1" t="s">
        <v>8</v>
      </c>
      <c r="P2516" s="5" t="s">
        <v>10</v>
      </c>
    </row>
    <row r="2517" spans="1:16" x14ac:dyDescent="0.2">
      <c r="A2517" s="1" t="s">
        <v>10</v>
      </c>
      <c r="B2517" s="1" t="s">
        <v>10</v>
      </c>
      <c r="C2517" s="1" t="s">
        <v>8634</v>
      </c>
      <c r="D2517" s="1" t="s">
        <v>8634</v>
      </c>
      <c r="E2517" s="1"/>
      <c r="F2517" s="1" t="s">
        <v>10</v>
      </c>
      <c r="G2517" s="1" t="s">
        <v>10</v>
      </c>
      <c r="H2517" s="1" t="s">
        <v>10</v>
      </c>
      <c r="I2517" s="1" t="s">
        <v>8400</v>
      </c>
      <c r="J2517" s="1" t="s">
        <v>12</v>
      </c>
      <c r="K2517" s="1" t="s">
        <v>27</v>
      </c>
      <c r="L2517" s="1" t="s">
        <v>8635</v>
      </c>
      <c r="M2517" s="1" t="s">
        <v>5</v>
      </c>
      <c r="N2517" s="1" t="s">
        <v>25</v>
      </c>
      <c r="O2517" s="1" t="s">
        <v>38</v>
      </c>
      <c r="P2517" s="5" t="s">
        <v>30398</v>
      </c>
    </row>
    <row r="2518" spans="1:16" x14ac:dyDescent="0.2">
      <c r="A2518" s="1" t="s">
        <v>20</v>
      </c>
      <c r="B2518" s="1" t="s">
        <v>172</v>
      </c>
      <c r="C2518" s="1" t="s">
        <v>8637</v>
      </c>
      <c r="D2518" s="1" t="s">
        <v>8637</v>
      </c>
      <c r="E2518" s="1"/>
      <c r="F2518" s="1" t="s">
        <v>27</v>
      </c>
      <c r="G2518" s="1" t="s">
        <v>10</v>
      </c>
      <c r="H2518" s="1" t="s">
        <v>8639</v>
      </c>
      <c r="I2518" s="1" t="s">
        <v>8400</v>
      </c>
      <c r="J2518" s="1" t="s">
        <v>12</v>
      </c>
      <c r="K2518" s="1" t="s">
        <v>7</v>
      </c>
      <c r="L2518" s="1" t="s">
        <v>8638</v>
      </c>
      <c r="M2518" s="1" t="s">
        <v>5</v>
      </c>
      <c r="N2518" s="1" t="s">
        <v>1009</v>
      </c>
      <c r="O2518" s="1" t="s">
        <v>8</v>
      </c>
      <c r="P2518" s="5" t="s">
        <v>29846</v>
      </c>
    </row>
    <row r="2519" spans="1:16" x14ac:dyDescent="0.2">
      <c r="A2519" s="1" t="s">
        <v>329</v>
      </c>
      <c r="B2519" s="1" t="s">
        <v>439</v>
      </c>
      <c r="C2519" s="1" t="s">
        <v>6480</v>
      </c>
      <c r="D2519" s="1" t="s">
        <v>6480</v>
      </c>
      <c r="E2519" s="1"/>
      <c r="F2519" s="1" t="s">
        <v>27</v>
      </c>
      <c r="G2519" s="1" t="s">
        <v>10</v>
      </c>
      <c r="H2519" s="1" t="s">
        <v>8641</v>
      </c>
      <c r="I2519" s="1" t="s">
        <v>8400</v>
      </c>
      <c r="J2519" s="1" t="s">
        <v>12</v>
      </c>
      <c r="K2519" s="1" t="s">
        <v>100</v>
      </c>
      <c r="L2519" s="1" t="s">
        <v>8640</v>
      </c>
      <c r="M2519" s="1" t="s">
        <v>5</v>
      </c>
      <c r="N2519" s="1" t="s">
        <v>25</v>
      </c>
      <c r="O2519" s="1" t="s">
        <v>8</v>
      </c>
      <c r="P2519" s="5" t="s">
        <v>30398</v>
      </c>
    </row>
    <row r="2520" spans="1:16" x14ac:dyDescent="0.2">
      <c r="A2520" s="1" t="s">
        <v>10</v>
      </c>
      <c r="B2520" s="1" t="s">
        <v>10</v>
      </c>
      <c r="C2520" s="1" t="s">
        <v>8643</v>
      </c>
      <c r="D2520" s="1" t="s">
        <v>8643</v>
      </c>
      <c r="E2520" s="1"/>
      <c r="F2520" s="1" t="s">
        <v>8644</v>
      </c>
      <c r="G2520" s="1" t="s">
        <v>10</v>
      </c>
      <c r="H2520" s="1" t="s">
        <v>8643</v>
      </c>
      <c r="I2520" s="1" t="s">
        <v>8400</v>
      </c>
      <c r="J2520" s="1" t="s">
        <v>10</v>
      </c>
      <c r="K2520" s="1" t="s">
        <v>10</v>
      </c>
      <c r="L2520" s="1" t="s">
        <v>8642</v>
      </c>
      <c r="M2520" s="1" t="s">
        <v>3905</v>
      </c>
      <c r="N2520" s="1" t="s">
        <v>25</v>
      </c>
      <c r="O2520" s="1" t="s">
        <v>8</v>
      </c>
      <c r="P2520" s="5" t="s">
        <v>29821</v>
      </c>
    </row>
    <row r="2521" spans="1:16" x14ac:dyDescent="0.2">
      <c r="A2521" s="1" t="s">
        <v>10</v>
      </c>
      <c r="B2521" s="1" t="s">
        <v>10</v>
      </c>
      <c r="C2521" s="1" t="s">
        <v>8645</v>
      </c>
      <c r="D2521" s="1" t="s">
        <v>8645</v>
      </c>
      <c r="E2521" s="1" t="s">
        <v>8648</v>
      </c>
      <c r="F2521" s="1" t="s">
        <v>8647</v>
      </c>
      <c r="G2521" s="1" t="s">
        <v>10</v>
      </c>
      <c r="H2521" s="1" t="s">
        <v>8645</v>
      </c>
      <c r="I2521" s="1" t="s">
        <v>8400</v>
      </c>
      <c r="J2521" s="1" t="s">
        <v>13</v>
      </c>
      <c r="K2521" s="1" t="s">
        <v>37</v>
      </c>
      <c r="L2521" s="1" t="s">
        <v>8646</v>
      </c>
      <c r="M2521" s="1" t="s">
        <v>5</v>
      </c>
      <c r="N2521" s="1" t="s">
        <v>6</v>
      </c>
      <c r="O2521" s="1" t="s">
        <v>8</v>
      </c>
      <c r="P2521" s="5" t="s">
        <v>10</v>
      </c>
    </row>
    <row r="2522" spans="1:16" x14ac:dyDescent="0.2">
      <c r="A2522" s="1" t="s">
        <v>194</v>
      </c>
      <c r="B2522" s="1" t="s">
        <v>6481</v>
      </c>
      <c r="C2522" s="1" t="s">
        <v>8651</v>
      </c>
      <c r="D2522" s="1" t="s">
        <v>8649</v>
      </c>
      <c r="E2522" s="1" t="s">
        <v>8653</v>
      </c>
      <c r="F2522" s="1" t="s">
        <v>8652</v>
      </c>
      <c r="G2522" s="1" t="s">
        <v>10</v>
      </c>
      <c r="H2522" s="1" t="s">
        <v>8651</v>
      </c>
      <c r="I2522" s="1" t="s">
        <v>8400</v>
      </c>
      <c r="J2522" s="1" t="s">
        <v>12</v>
      </c>
      <c r="K2522" s="1" t="s">
        <v>64</v>
      </c>
      <c r="L2522" s="1" t="s">
        <v>8650</v>
      </c>
      <c r="M2522" s="1" t="s">
        <v>5</v>
      </c>
      <c r="N2522" s="1" t="s">
        <v>6</v>
      </c>
      <c r="O2522" s="1" t="s">
        <v>8</v>
      </c>
      <c r="P2522" s="5" t="s">
        <v>10</v>
      </c>
    </row>
    <row r="2523" spans="1:16" x14ac:dyDescent="0.2">
      <c r="A2523" s="1" t="s">
        <v>194</v>
      </c>
      <c r="B2523" s="1" t="s">
        <v>396</v>
      </c>
      <c r="C2523" s="1" t="s">
        <v>8656</v>
      </c>
      <c r="D2523" s="1" t="s">
        <v>8657</v>
      </c>
      <c r="E2523" s="1" t="s">
        <v>8659</v>
      </c>
      <c r="F2523" s="1" t="s">
        <v>8658</v>
      </c>
      <c r="G2523" s="1" t="s">
        <v>10</v>
      </c>
      <c r="H2523" s="1" t="s">
        <v>8654</v>
      </c>
      <c r="I2523" s="1" t="s">
        <v>8400</v>
      </c>
      <c r="J2523" s="1" t="s">
        <v>12</v>
      </c>
      <c r="K2523" s="1" t="s">
        <v>27</v>
      </c>
      <c r="L2523" s="1" t="s">
        <v>8655</v>
      </c>
      <c r="M2523" s="1" t="s">
        <v>5</v>
      </c>
      <c r="N2523" s="1" t="s">
        <v>6</v>
      </c>
      <c r="O2523" s="1" t="s">
        <v>8</v>
      </c>
      <c r="P2523" s="5" t="s">
        <v>10</v>
      </c>
    </row>
    <row r="2524" spans="1:16" x14ac:dyDescent="0.2">
      <c r="A2524" s="1" t="s">
        <v>10</v>
      </c>
      <c r="B2524" s="1" t="s">
        <v>10</v>
      </c>
      <c r="C2524" s="1" t="s">
        <v>8662</v>
      </c>
      <c r="D2524" s="1" t="s">
        <v>8660</v>
      </c>
      <c r="E2524" s="1" t="s">
        <v>8663</v>
      </c>
      <c r="F2524" s="1" t="s">
        <v>10</v>
      </c>
      <c r="G2524" s="1" t="s">
        <v>10</v>
      </c>
      <c r="H2524" s="1" t="s">
        <v>10</v>
      </c>
      <c r="I2524" s="1" t="s">
        <v>8400</v>
      </c>
      <c r="J2524" s="1" t="s">
        <v>10</v>
      </c>
      <c r="K2524" s="1" t="s">
        <v>10</v>
      </c>
      <c r="L2524" s="1" t="s">
        <v>8661</v>
      </c>
      <c r="M2524" s="1" t="s">
        <v>5</v>
      </c>
      <c r="N2524" s="1" t="s">
        <v>6</v>
      </c>
      <c r="O2524" s="1" t="s">
        <v>38</v>
      </c>
      <c r="P2524" s="5" t="s">
        <v>10</v>
      </c>
    </row>
    <row r="2525" spans="1:16" x14ac:dyDescent="0.2">
      <c r="A2525" s="1" t="s">
        <v>10</v>
      </c>
      <c r="B2525" s="1" t="s">
        <v>10</v>
      </c>
      <c r="C2525" s="1" t="s">
        <v>8666</v>
      </c>
      <c r="D2525" s="1" t="s">
        <v>8664</v>
      </c>
      <c r="E2525" s="1" t="s">
        <v>8667</v>
      </c>
      <c r="F2525" s="1" t="s">
        <v>10</v>
      </c>
      <c r="G2525" s="1" t="s">
        <v>10</v>
      </c>
      <c r="H2525" s="1" t="s">
        <v>10</v>
      </c>
      <c r="I2525" s="1" t="s">
        <v>8400</v>
      </c>
      <c r="J2525" s="1" t="s">
        <v>13</v>
      </c>
      <c r="K2525" s="1" t="s">
        <v>27</v>
      </c>
      <c r="L2525" s="1" t="s">
        <v>8665</v>
      </c>
      <c r="M2525" s="1" t="s">
        <v>5</v>
      </c>
      <c r="N2525" s="1" t="s">
        <v>6</v>
      </c>
      <c r="O2525" s="1" t="s">
        <v>38</v>
      </c>
      <c r="P2525" s="5" t="s">
        <v>10</v>
      </c>
    </row>
    <row r="2526" spans="1:16" x14ac:dyDescent="0.2">
      <c r="A2526" s="1" t="s">
        <v>329</v>
      </c>
      <c r="B2526" s="1" t="s">
        <v>753</v>
      </c>
      <c r="C2526" s="1" t="s">
        <v>8669</v>
      </c>
      <c r="D2526" s="1" t="s">
        <v>79</v>
      </c>
      <c r="E2526" s="1" t="s">
        <v>8670</v>
      </c>
      <c r="F2526" s="1" t="s">
        <v>2254</v>
      </c>
      <c r="G2526" s="1" t="s">
        <v>10</v>
      </c>
      <c r="H2526" s="1" t="s">
        <v>8671</v>
      </c>
      <c r="I2526" s="1" t="s">
        <v>8400</v>
      </c>
      <c r="J2526" s="1" t="s">
        <v>12</v>
      </c>
      <c r="K2526" s="1" t="s">
        <v>64</v>
      </c>
      <c r="L2526" s="1" t="s">
        <v>8668</v>
      </c>
      <c r="M2526" s="1" t="s">
        <v>5</v>
      </c>
      <c r="N2526" s="1" t="s">
        <v>6</v>
      </c>
      <c r="O2526" s="1" t="s">
        <v>8</v>
      </c>
      <c r="P2526" s="5" t="s">
        <v>10</v>
      </c>
    </row>
    <row r="2527" spans="1:16" x14ac:dyDescent="0.2">
      <c r="A2527" s="1" t="s">
        <v>10</v>
      </c>
      <c r="B2527" s="1" t="s">
        <v>10</v>
      </c>
      <c r="C2527" s="1" t="s">
        <v>8674</v>
      </c>
      <c r="D2527" s="1" t="s">
        <v>8672</v>
      </c>
      <c r="E2527" s="1" t="s">
        <v>8675</v>
      </c>
      <c r="F2527" s="1" t="s">
        <v>2254</v>
      </c>
      <c r="G2527" s="1" t="s">
        <v>10</v>
      </c>
      <c r="H2527" s="1" t="s">
        <v>8672</v>
      </c>
      <c r="I2527" s="1" t="s">
        <v>8400</v>
      </c>
      <c r="J2527" s="1" t="s">
        <v>13</v>
      </c>
      <c r="K2527" s="1" t="s">
        <v>64</v>
      </c>
      <c r="L2527" s="1" t="s">
        <v>8673</v>
      </c>
      <c r="M2527" s="1" t="s">
        <v>5</v>
      </c>
      <c r="N2527" s="1" t="s">
        <v>25</v>
      </c>
      <c r="O2527" s="1" t="s">
        <v>8</v>
      </c>
      <c r="P2527" s="5" t="s">
        <v>10</v>
      </c>
    </row>
    <row r="2528" spans="1:16" x14ac:dyDescent="0.2">
      <c r="A2528" s="1" t="s">
        <v>329</v>
      </c>
      <c r="B2528" s="1" t="s">
        <v>2120</v>
      </c>
      <c r="C2528" s="1" t="s">
        <v>8678</v>
      </c>
      <c r="D2528" s="1" t="s">
        <v>8676</v>
      </c>
      <c r="E2528" s="1" t="s">
        <v>8679</v>
      </c>
      <c r="F2528" s="1" t="s">
        <v>2254</v>
      </c>
      <c r="G2528" s="1" t="s">
        <v>10</v>
      </c>
      <c r="H2528" s="1" t="s">
        <v>8678</v>
      </c>
      <c r="I2528" s="1" t="s">
        <v>8400</v>
      </c>
      <c r="J2528" s="1" t="s">
        <v>13</v>
      </c>
      <c r="K2528" s="1" t="s">
        <v>64</v>
      </c>
      <c r="L2528" s="1" t="s">
        <v>8677</v>
      </c>
      <c r="M2528" s="1" t="s">
        <v>5</v>
      </c>
      <c r="N2528" s="1" t="s">
        <v>6</v>
      </c>
      <c r="O2528" s="1" t="s">
        <v>8</v>
      </c>
      <c r="P2528" s="5" t="s">
        <v>10</v>
      </c>
    </row>
    <row r="2529" spans="1:16" x14ac:dyDescent="0.2">
      <c r="A2529" s="1" t="s">
        <v>32</v>
      </c>
      <c r="B2529" s="1" t="s">
        <v>1163</v>
      </c>
      <c r="C2529" s="1" t="s">
        <v>8682</v>
      </c>
      <c r="D2529" s="1" t="s">
        <v>8680</v>
      </c>
      <c r="E2529" s="1" t="s">
        <v>8683</v>
      </c>
      <c r="F2529" s="1" t="s">
        <v>2254</v>
      </c>
      <c r="G2529" s="1" t="s">
        <v>2156</v>
      </c>
      <c r="H2529" s="1" t="s">
        <v>10</v>
      </c>
      <c r="I2529" s="1" t="s">
        <v>8400</v>
      </c>
      <c r="J2529" s="1" t="s">
        <v>13</v>
      </c>
      <c r="K2529" s="1" t="s">
        <v>64</v>
      </c>
      <c r="L2529" s="1" t="s">
        <v>8681</v>
      </c>
      <c r="M2529" s="1" t="s">
        <v>5</v>
      </c>
      <c r="N2529" s="1" t="s">
        <v>6</v>
      </c>
      <c r="O2529" s="1" t="s">
        <v>8</v>
      </c>
      <c r="P2529" s="5" t="s">
        <v>10</v>
      </c>
    </row>
    <row r="2530" spans="1:16" x14ac:dyDescent="0.2">
      <c r="A2530" s="1" t="s">
        <v>329</v>
      </c>
      <c r="B2530" s="1" t="s">
        <v>1168</v>
      </c>
      <c r="C2530" s="1" t="s">
        <v>8685</v>
      </c>
      <c r="D2530" s="1" t="s">
        <v>8686</v>
      </c>
      <c r="E2530" s="1" t="s">
        <v>8688</v>
      </c>
      <c r="F2530" s="1" t="s">
        <v>8687</v>
      </c>
      <c r="G2530" s="1" t="s">
        <v>10</v>
      </c>
      <c r="H2530" s="1" t="s">
        <v>8689</v>
      </c>
      <c r="I2530" s="1" t="s">
        <v>8400</v>
      </c>
      <c r="J2530" s="1" t="s">
        <v>12</v>
      </c>
      <c r="K2530" s="1" t="s">
        <v>64</v>
      </c>
      <c r="L2530" s="1" t="s">
        <v>8684</v>
      </c>
      <c r="M2530" s="1" t="s">
        <v>5</v>
      </c>
      <c r="N2530" s="1" t="s">
        <v>6</v>
      </c>
      <c r="O2530" s="1" t="s">
        <v>8</v>
      </c>
      <c r="P2530" s="5" t="s">
        <v>10</v>
      </c>
    </row>
    <row r="2531" spans="1:16" x14ac:dyDescent="0.2">
      <c r="A2531" s="1" t="s">
        <v>329</v>
      </c>
      <c r="B2531" s="1" t="s">
        <v>340</v>
      </c>
      <c r="C2531" s="1" t="s">
        <v>8692</v>
      </c>
      <c r="D2531" s="1" t="s">
        <v>8690</v>
      </c>
      <c r="E2531" s="1" t="s">
        <v>8693</v>
      </c>
      <c r="F2531" s="1" t="s">
        <v>2254</v>
      </c>
      <c r="G2531" s="1" t="s">
        <v>10</v>
      </c>
      <c r="H2531" s="1" t="s">
        <v>8694</v>
      </c>
      <c r="I2531" s="1" t="s">
        <v>8400</v>
      </c>
      <c r="J2531" s="1" t="s">
        <v>13</v>
      </c>
      <c r="K2531" s="1" t="s">
        <v>64</v>
      </c>
      <c r="L2531" s="1" t="s">
        <v>8691</v>
      </c>
      <c r="M2531" s="1" t="s">
        <v>5</v>
      </c>
      <c r="N2531" s="1" t="s">
        <v>6</v>
      </c>
      <c r="O2531" s="1" t="s">
        <v>8</v>
      </c>
      <c r="P2531" s="5" t="s">
        <v>10</v>
      </c>
    </row>
    <row r="2532" spans="1:16" x14ac:dyDescent="0.2">
      <c r="A2532" s="1" t="s">
        <v>32</v>
      </c>
      <c r="B2532" s="1" t="s">
        <v>1163</v>
      </c>
      <c r="C2532" s="1" t="s">
        <v>6863</v>
      </c>
      <c r="D2532" s="1" t="s">
        <v>8695</v>
      </c>
      <c r="E2532" s="1" t="s">
        <v>8697</v>
      </c>
      <c r="F2532" s="1" t="s">
        <v>2254</v>
      </c>
      <c r="G2532" s="1" t="s">
        <v>10</v>
      </c>
      <c r="H2532" s="1" t="s">
        <v>1159</v>
      </c>
      <c r="I2532" s="1" t="s">
        <v>8400</v>
      </c>
      <c r="J2532" s="1" t="s">
        <v>13</v>
      </c>
      <c r="K2532" s="1" t="s">
        <v>64</v>
      </c>
      <c r="L2532" s="1" t="s">
        <v>8696</v>
      </c>
      <c r="M2532" s="1" t="s">
        <v>5</v>
      </c>
      <c r="N2532" s="1" t="s">
        <v>1009</v>
      </c>
      <c r="O2532" s="1" t="s">
        <v>8</v>
      </c>
      <c r="P2532" s="5" t="s">
        <v>30398</v>
      </c>
    </row>
    <row r="2533" spans="1:16" x14ac:dyDescent="0.2">
      <c r="A2533" s="1" t="s">
        <v>32</v>
      </c>
      <c r="B2533" s="1" t="s">
        <v>1163</v>
      </c>
      <c r="C2533" s="1" t="s">
        <v>8700</v>
      </c>
      <c r="D2533" s="1" t="s">
        <v>8698</v>
      </c>
      <c r="E2533" s="1" t="s">
        <v>8702</v>
      </c>
      <c r="F2533" s="1" t="s">
        <v>8701</v>
      </c>
      <c r="G2533" s="1" t="s">
        <v>10</v>
      </c>
      <c r="H2533" s="1" t="s">
        <v>8698</v>
      </c>
      <c r="I2533" s="1" t="s">
        <v>8400</v>
      </c>
      <c r="J2533" s="1" t="s">
        <v>13</v>
      </c>
      <c r="K2533" s="1" t="s">
        <v>64</v>
      </c>
      <c r="L2533" s="1" t="s">
        <v>8699</v>
      </c>
      <c r="M2533" s="1" t="s">
        <v>5</v>
      </c>
      <c r="N2533" s="1" t="s">
        <v>6</v>
      </c>
      <c r="O2533" s="1" t="s">
        <v>8</v>
      </c>
      <c r="P2533" s="5" t="s">
        <v>10</v>
      </c>
    </row>
    <row r="2534" spans="1:16" x14ac:dyDescent="0.2">
      <c r="A2534" s="1" t="s">
        <v>487</v>
      </c>
      <c r="B2534" s="1" t="s">
        <v>488</v>
      </c>
      <c r="C2534" s="1" t="s">
        <v>8705</v>
      </c>
      <c r="D2534" s="1" t="s">
        <v>8703</v>
      </c>
      <c r="E2534" s="1" t="s">
        <v>8706</v>
      </c>
      <c r="F2534" s="1" t="s">
        <v>2254</v>
      </c>
      <c r="G2534" s="1" t="s">
        <v>10</v>
      </c>
      <c r="H2534" s="1" t="s">
        <v>8703</v>
      </c>
      <c r="I2534" s="1" t="s">
        <v>8400</v>
      </c>
      <c r="J2534" s="1" t="s">
        <v>13</v>
      </c>
      <c r="K2534" s="1" t="s">
        <v>64</v>
      </c>
      <c r="L2534" s="1" t="s">
        <v>8704</v>
      </c>
      <c r="M2534" s="1" t="s">
        <v>5</v>
      </c>
      <c r="N2534" s="1" t="s">
        <v>6</v>
      </c>
      <c r="O2534" s="1" t="s">
        <v>8</v>
      </c>
      <c r="P2534" s="5" t="s">
        <v>10</v>
      </c>
    </row>
    <row r="2535" spans="1:16" x14ac:dyDescent="0.2">
      <c r="A2535" s="1" t="s">
        <v>10</v>
      </c>
      <c r="B2535" s="1" t="s">
        <v>10</v>
      </c>
      <c r="C2535" s="1" t="s">
        <v>8709</v>
      </c>
      <c r="D2535" s="1" t="s">
        <v>8707</v>
      </c>
      <c r="E2535" s="1" t="s">
        <v>8710</v>
      </c>
      <c r="F2535" s="1" t="s">
        <v>2254</v>
      </c>
      <c r="G2535" s="1" t="s">
        <v>10</v>
      </c>
      <c r="H2535" s="1" t="s">
        <v>8707</v>
      </c>
      <c r="I2535" s="1" t="s">
        <v>8400</v>
      </c>
      <c r="J2535" s="1" t="s">
        <v>13</v>
      </c>
      <c r="K2535" s="1" t="s">
        <v>64</v>
      </c>
      <c r="L2535" s="1" t="s">
        <v>8708</v>
      </c>
      <c r="M2535" s="1" t="s">
        <v>5</v>
      </c>
      <c r="N2535" s="1" t="s">
        <v>6</v>
      </c>
      <c r="O2535" s="1" t="s">
        <v>8</v>
      </c>
      <c r="P2535" s="5" t="s">
        <v>10</v>
      </c>
    </row>
    <row r="2536" spans="1:16" x14ac:dyDescent="0.2">
      <c r="A2536" s="1" t="s">
        <v>487</v>
      </c>
      <c r="B2536" s="1" t="s">
        <v>488</v>
      </c>
      <c r="C2536" s="1" t="s">
        <v>8073</v>
      </c>
      <c r="D2536" s="1" t="s">
        <v>8711</v>
      </c>
      <c r="E2536" s="1" t="s">
        <v>8713</v>
      </c>
      <c r="F2536" s="1" t="s">
        <v>2254</v>
      </c>
      <c r="G2536" s="1" t="s">
        <v>10</v>
      </c>
      <c r="H2536" s="1" t="s">
        <v>8711</v>
      </c>
      <c r="I2536" s="1" t="s">
        <v>8400</v>
      </c>
      <c r="J2536" s="1" t="s">
        <v>13</v>
      </c>
      <c r="K2536" s="1" t="s">
        <v>64</v>
      </c>
      <c r="L2536" s="1" t="s">
        <v>8712</v>
      </c>
      <c r="M2536" s="1" t="s">
        <v>5</v>
      </c>
      <c r="N2536" s="1" t="s">
        <v>25</v>
      </c>
      <c r="O2536" s="1" t="s">
        <v>8</v>
      </c>
      <c r="P2536" s="5" t="s">
        <v>29821</v>
      </c>
    </row>
    <row r="2537" spans="1:16" x14ac:dyDescent="0.2">
      <c r="A2537" s="1" t="s">
        <v>329</v>
      </c>
      <c r="B2537" s="1" t="s">
        <v>691</v>
      </c>
      <c r="C2537" s="1" t="s">
        <v>8716</v>
      </c>
      <c r="D2537" s="1" t="s">
        <v>8714</v>
      </c>
      <c r="E2537" s="1" t="s">
        <v>8717</v>
      </c>
      <c r="F2537" s="1" t="s">
        <v>2254</v>
      </c>
      <c r="G2537" s="1" t="s">
        <v>10</v>
      </c>
      <c r="H2537" s="1" t="s">
        <v>781</v>
      </c>
      <c r="I2537" s="1" t="s">
        <v>8400</v>
      </c>
      <c r="J2537" s="1" t="s">
        <v>13</v>
      </c>
      <c r="K2537" s="1" t="s">
        <v>64</v>
      </c>
      <c r="L2537" s="1" t="s">
        <v>8715</v>
      </c>
      <c r="M2537" s="1" t="s">
        <v>5</v>
      </c>
      <c r="N2537" s="1" t="s">
        <v>6</v>
      </c>
      <c r="O2537" s="1" t="s">
        <v>8</v>
      </c>
      <c r="P2537" s="5" t="s">
        <v>10</v>
      </c>
    </row>
    <row r="2538" spans="1:16" x14ac:dyDescent="0.2">
      <c r="A2538" s="1" t="s">
        <v>329</v>
      </c>
      <c r="B2538" s="1" t="s">
        <v>691</v>
      </c>
      <c r="C2538" s="1" t="s">
        <v>8720</v>
      </c>
      <c r="D2538" s="1" t="s">
        <v>8718</v>
      </c>
      <c r="E2538" s="1" t="s">
        <v>8721</v>
      </c>
      <c r="F2538" s="1" t="s">
        <v>2254</v>
      </c>
      <c r="G2538" s="1" t="s">
        <v>10</v>
      </c>
      <c r="H2538" s="1" t="s">
        <v>8720</v>
      </c>
      <c r="I2538" s="1" t="s">
        <v>8400</v>
      </c>
      <c r="J2538" s="1" t="s">
        <v>13</v>
      </c>
      <c r="K2538" s="1" t="s">
        <v>64</v>
      </c>
      <c r="L2538" s="1" t="s">
        <v>8719</v>
      </c>
      <c r="M2538" s="1" t="s">
        <v>5</v>
      </c>
      <c r="N2538" s="1" t="s">
        <v>6</v>
      </c>
      <c r="O2538" s="1" t="s">
        <v>8</v>
      </c>
      <c r="P2538" s="5" t="s">
        <v>10</v>
      </c>
    </row>
    <row r="2539" spans="1:16" x14ac:dyDescent="0.2">
      <c r="A2539" s="1" t="s">
        <v>487</v>
      </c>
      <c r="B2539" s="1" t="s">
        <v>488</v>
      </c>
      <c r="C2539" s="1" t="s">
        <v>8724</v>
      </c>
      <c r="D2539" s="1" t="s">
        <v>8722</v>
      </c>
      <c r="E2539" s="1" t="s">
        <v>8725</v>
      </c>
      <c r="F2539" s="1" t="s">
        <v>2254</v>
      </c>
      <c r="G2539" s="1" t="s">
        <v>10</v>
      </c>
      <c r="H2539" s="1" t="s">
        <v>8722</v>
      </c>
      <c r="I2539" s="1" t="s">
        <v>8400</v>
      </c>
      <c r="J2539" s="1" t="s">
        <v>13</v>
      </c>
      <c r="K2539" s="1" t="s">
        <v>64</v>
      </c>
      <c r="L2539" s="1" t="s">
        <v>8723</v>
      </c>
      <c r="M2539" s="1" t="s">
        <v>5</v>
      </c>
      <c r="N2539" s="1" t="s">
        <v>6</v>
      </c>
      <c r="O2539" s="1" t="s">
        <v>8</v>
      </c>
      <c r="P2539" s="5" t="s">
        <v>10</v>
      </c>
    </row>
    <row r="2540" spans="1:16" x14ac:dyDescent="0.2">
      <c r="A2540" s="1" t="s">
        <v>10</v>
      </c>
      <c r="B2540" s="1" t="s">
        <v>10</v>
      </c>
      <c r="C2540" s="1" t="s">
        <v>8728</v>
      </c>
      <c r="D2540" s="1" t="s">
        <v>8726</v>
      </c>
      <c r="E2540" s="1" t="s">
        <v>8729</v>
      </c>
      <c r="F2540" s="1" t="s">
        <v>1108</v>
      </c>
      <c r="G2540" s="1" t="s">
        <v>10</v>
      </c>
      <c r="H2540" s="1" t="s">
        <v>8728</v>
      </c>
      <c r="I2540" s="1" t="s">
        <v>8400</v>
      </c>
      <c r="J2540" s="1" t="s">
        <v>13</v>
      </c>
      <c r="K2540" s="1" t="s">
        <v>64</v>
      </c>
      <c r="L2540" s="1" t="s">
        <v>8727</v>
      </c>
      <c r="M2540" s="1" t="s">
        <v>5</v>
      </c>
      <c r="N2540" s="1" t="s">
        <v>25</v>
      </c>
      <c r="O2540" s="1" t="s">
        <v>8</v>
      </c>
      <c r="P2540" s="5" t="s">
        <v>10</v>
      </c>
    </row>
    <row r="2541" spans="1:16" x14ac:dyDescent="0.2">
      <c r="A2541" s="1" t="s">
        <v>32</v>
      </c>
      <c r="B2541" s="1" t="s">
        <v>1163</v>
      </c>
      <c r="C2541" s="1" t="s">
        <v>8732</v>
      </c>
      <c r="D2541" s="1" t="s">
        <v>8730</v>
      </c>
      <c r="E2541" s="1" t="s">
        <v>8733</v>
      </c>
      <c r="F2541" s="1" t="s">
        <v>2254</v>
      </c>
      <c r="G2541" s="1" t="s">
        <v>10</v>
      </c>
      <c r="H2541" s="1" t="s">
        <v>8730</v>
      </c>
      <c r="I2541" s="1" t="s">
        <v>8400</v>
      </c>
      <c r="J2541" s="1" t="s">
        <v>13</v>
      </c>
      <c r="K2541" s="1" t="s">
        <v>64</v>
      </c>
      <c r="L2541" s="1" t="s">
        <v>8731</v>
      </c>
      <c r="M2541" s="1" t="s">
        <v>5</v>
      </c>
      <c r="N2541" s="1" t="s">
        <v>1009</v>
      </c>
      <c r="O2541" s="1" t="s">
        <v>8</v>
      </c>
      <c r="P2541" s="5"/>
    </row>
    <row r="2542" spans="1:16" x14ac:dyDescent="0.2">
      <c r="A2542" s="1" t="s">
        <v>32</v>
      </c>
      <c r="B2542" s="1" t="s">
        <v>1163</v>
      </c>
      <c r="C2542" s="1" t="s">
        <v>8736</v>
      </c>
      <c r="D2542" s="1" t="s">
        <v>8734</v>
      </c>
      <c r="E2542" s="1" t="s">
        <v>8737</v>
      </c>
      <c r="F2542" s="1" t="s">
        <v>2254</v>
      </c>
      <c r="G2542" s="1" t="s">
        <v>10</v>
      </c>
      <c r="H2542" s="1" t="s">
        <v>8738</v>
      </c>
      <c r="I2542" s="1" t="s">
        <v>8400</v>
      </c>
      <c r="J2542" s="1" t="s">
        <v>13</v>
      </c>
      <c r="K2542" s="1" t="s">
        <v>64</v>
      </c>
      <c r="L2542" s="1" t="s">
        <v>8735</v>
      </c>
      <c r="M2542" s="1" t="s">
        <v>5</v>
      </c>
      <c r="N2542" s="1" t="s">
        <v>6</v>
      </c>
      <c r="O2542" s="1" t="s">
        <v>8</v>
      </c>
      <c r="P2542" s="5" t="s">
        <v>10</v>
      </c>
    </row>
    <row r="2543" spans="1:16" x14ac:dyDescent="0.2">
      <c r="A2543" s="1" t="s">
        <v>10</v>
      </c>
      <c r="B2543" s="1" t="s">
        <v>10</v>
      </c>
      <c r="C2543" s="1" t="s">
        <v>8739</v>
      </c>
      <c r="D2543" s="1" t="s">
        <v>8739</v>
      </c>
      <c r="E2543" s="1" t="s">
        <v>8742</v>
      </c>
      <c r="F2543" s="1" t="s">
        <v>8741</v>
      </c>
      <c r="G2543" s="1" t="s">
        <v>10</v>
      </c>
      <c r="H2543" s="1" t="s">
        <v>8739</v>
      </c>
      <c r="I2543" s="1" t="s">
        <v>8400</v>
      </c>
      <c r="J2543" s="1" t="s">
        <v>12</v>
      </c>
      <c r="K2543" s="1" t="s">
        <v>27</v>
      </c>
      <c r="L2543" s="1" t="s">
        <v>8740</v>
      </c>
      <c r="M2543" s="1" t="s">
        <v>5</v>
      </c>
      <c r="N2543" s="1" t="s">
        <v>6</v>
      </c>
      <c r="O2543" s="1" t="s">
        <v>8</v>
      </c>
      <c r="P2543" s="5" t="s">
        <v>10</v>
      </c>
    </row>
    <row r="2544" spans="1:16" x14ac:dyDescent="0.2">
      <c r="A2544" s="1" t="s">
        <v>32</v>
      </c>
      <c r="B2544" s="1" t="s">
        <v>1163</v>
      </c>
      <c r="C2544" s="1" t="s">
        <v>8743</v>
      </c>
      <c r="D2544" s="1" t="s">
        <v>8743</v>
      </c>
      <c r="E2544" s="1" t="s">
        <v>8746</v>
      </c>
      <c r="F2544" s="1" t="s">
        <v>8745</v>
      </c>
      <c r="G2544" s="1" t="s">
        <v>8743</v>
      </c>
      <c r="H2544" s="1" t="s">
        <v>10</v>
      </c>
      <c r="I2544" s="1" t="s">
        <v>8400</v>
      </c>
      <c r="J2544" s="1" t="s">
        <v>13</v>
      </c>
      <c r="K2544" s="1" t="s">
        <v>64</v>
      </c>
      <c r="L2544" s="1" t="s">
        <v>8744</v>
      </c>
      <c r="M2544" s="1" t="s">
        <v>5</v>
      </c>
      <c r="N2544" s="1" t="s">
        <v>6</v>
      </c>
      <c r="O2544" s="1" t="s">
        <v>8</v>
      </c>
      <c r="P2544" s="5"/>
    </row>
    <row r="2545" spans="1:16" x14ac:dyDescent="0.2">
      <c r="A2545" s="1" t="s">
        <v>1385</v>
      </c>
      <c r="B2545" s="1" t="s">
        <v>1670</v>
      </c>
      <c r="C2545" s="1" t="s">
        <v>8747</v>
      </c>
      <c r="D2545" s="1" t="s">
        <v>8747</v>
      </c>
      <c r="E2545" s="1" t="s">
        <v>8750</v>
      </c>
      <c r="F2545" s="1" t="s">
        <v>8749</v>
      </c>
      <c r="G2545" s="1" t="s">
        <v>10</v>
      </c>
      <c r="H2545" s="1" t="s">
        <v>8751</v>
      </c>
      <c r="I2545" s="1" t="s">
        <v>8400</v>
      </c>
      <c r="J2545" s="1" t="s">
        <v>12</v>
      </c>
      <c r="K2545" s="1" t="s">
        <v>64</v>
      </c>
      <c r="L2545" s="1" t="s">
        <v>8748</v>
      </c>
      <c r="M2545" s="1" t="s">
        <v>5</v>
      </c>
      <c r="N2545" s="1" t="s">
        <v>25</v>
      </c>
      <c r="O2545" s="1" t="s">
        <v>8</v>
      </c>
      <c r="P2545" s="5" t="s">
        <v>10</v>
      </c>
    </row>
    <row r="2546" spans="1:16" x14ac:dyDescent="0.2">
      <c r="A2546" s="1" t="s">
        <v>10</v>
      </c>
      <c r="B2546" s="1" t="s">
        <v>10</v>
      </c>
      <c r="C2546" s="1" t="s">
        <v>8752</v>
      </c>
      <c r="D2546" s="1" t="s">
        <v>8752</v>
      </c>
      <c r="E2546" s="1" t="s">
        <v>8754</v>
      </c>
      <c r="F2546" s="1" t="s">
        <v>8490</v>
      </c>
      <c r="G2546" s="1" t="s">
        <v>10</v>
      </c>
      <c r="H2546" s="1" t="s">
        <v>8752</v>
      </c>
      <c r="I2546" s="1" t="s">
        <v>8400</v>
      </c>
      <c r="J2546" s="1" t="s">
        <v>10</v>
      </c>
      <c r="K2546" s="1" t="s">
        <v>10</v>
      </c>
      <c r="L2546" s="1" t="s">
        <v>8753</v>
      </c>
      <c r="M2546" s="1" t="s">
        <v>5</v>
      </c>
      <c r="N2546" s="1" t="s">
        <v>6</v>
      </c>
      <c r="O2546" s="1" t="s">
        <v>8</v>
      </c>
      <c r="P2546" s="5" t="s">
        <v>10</v>
      </c>
    </row>
    <row r="2547" spans="1:16" x14ac:dyDescent="0.2">
      <c r="A2547" s="1" t="s">
        <v>10</v>
      </c>
      <c r="B2547" s="1" t="s">
        <v>10</v>
      </c>
      <c r="C2547" s="1" t="s">
        <v>8756</v>
      </c>
      <c r="D2547" s="1" t="s">
        <v>8756</v>
      </c>
      <c r="E2547" s="1" t="s">
        <v>8759</v>
      </c>
      <c r="F2547" s="1" t="s">
        <v>8758</v>
      </c>
      <c r="G2547" s="1" t="s">
        <v>10</v>
      </c>
      <c r="H2547" s="1" t="s">
        <v>8756</v>
      </c>
      <c r="I2547" s="1" t="s">
        <v>8400</v>
      </c>
      <c r="J2547" s="1" t="s">
        <v>13</v>
      </c>
      <c r="K2547" s="1" t="s">
        <v>64</v>
      </c>
      <c r="L2547" s="1" t="s">
        <v>8757</v>
      </c>
      <c r="M2547" s="1" t="s">
        <v>5</v>
      </c>
      <c r="N2547" s="1" t="s">
        <v>6</v>
      </c>
      <c r="O2547" s="1" t="s">
        <v>8</v>
      </c>
      <c r="P2547" s="5" t="s">
        <v>10</v>
      </c>
    </row>
    <row r="2548" spans="1:16" x14ac:dyDescent="0.2">
      <c r="A2548" s="1" t="s">
        <v>329</v>
      </c>
      <c r="B2548" s="1" t="s">
        <v>1659</v>
      </c>
      <c r="C2548" s="1" t="s">
        <v>8762</v>
      </c>
      <c r="D2548" s="1" t="s">
        <v>8760</v>
      </c>
      <c r="E2548" s="1" t="s">
        <v>8763</v>
      </c>
      <c r="F2548" s="1" t="s">
        <v>10</v>
      </c>
      <c r="G2548" s="1" t="s">
        <v>10</v>
      </c>
      <c r="H2548" s="1" t="s">
        <v>10</v>
      </c>
      <c r="I2548" s="1" t="s">
        <v>8400</v>
      </c>
      <c r="J2548" s="1" t="s">
        <v>12</v>
      </c>
      <c r="K2548" s="1" t="s">
        <v>47</v>
      </c>
      <c r="L2548" s="1" t="s">
        <v>8761</v>
      </c>
      <c r="M2548" s="1" t="s">
        <v>5</v>
      </c>
      <c r="N2548" s="1" t="s">
        <v>25</v>
      </c>
      <c r="O2548" s="1" t="s">
        <v>38</v>
      </c>
      <c r="P2548" s="5" t="s">
        <v>30398</v>
      </c>
    </row>
    <row r="2549" spans="1:16" x14ac:dyDescent="0.2">
      <c r="A2549" s="1" t="s">
        <v>10</v>
      </c>
      <c r="B2549" s="1" t="s">
        <v>376</v>
      </c>
      <c r="C2549" s="1" t="s">
        <v>8764</v>
      </c>
      <c r="D2549" s="1" t="s">
        <v>8764</v>
      </c>
      <c r="E2549" s="1" t="s">
        <v>8766</v>
      </c>
      <c r="F2549" s="1" t="s">
        <v>8536</v>
      </c>
      <c r="G2549" s="1" t="s">
        <v>10</v>
      </c>
      <c r="H2549" s="1" t="s">
        <v>8764</v>
      </c>
      <c r="I2549" s="1" t="s">
        <v>8400</v>
      </c>
      <c r="J2549" s="1" t="s">
        <v>13</v>
      </c>
      <c r="K2549" s="1" t="s">
        <v>64</v>
      </c>
      <c r="L2549" s="1" t="s">
        <v>8765</v>
      </c>
      <c r="M2549" s="1" t="s">
        <v>5</v>
      </c>
      <c r="N2549" s="1" t="s">
        <v>25</v>
      </c>
      <c r="O2549" s="1" t="s">
        <v>8</v>
      </c>
      <c r="P2549" s="5" t="s">
        <v>30398</v>
      </c>
    </row>
    <row r="2550" spans="1:16" x14ac:dyDescent="0.2">
      <c r="A2550" s="1" t="s">
        <v>1385</v>
      </c>
      <c r="B2550" s="1" t="s">
        <v>1670</v>
      </c>
      <c r="C2550" s="1" t="s">
        <v>8767</v>
      </c>
      <c r="D2550" s="1" t="s">
        <v>8767</v>
      </c>
      <c r="E2550" s="1" t="s">
        <v>8770</v>
      </c>
      <c r="F2550" s="1" t="s">
        <v>8769</v>
      </c>
      <c r="G2550" s="1" t="s">
        <v>10</v>
      </c>
      <c r="H2550" s="1" t="s">
        <v>8771</v>
      </c>
      <c r="I2550" s="1" t="s">
        <v>8400</v>
      </c>
      <c r="J2550" s="1" t="s">
        <v>12</v>
      </c>
      <c r="K2550" s="1" t="s">
        <v>64</v>
      </c>
      <c r="L2550" s="1" t="s">
        <v>8768</v>
      </c>
      <c r="M2550" s="1" t="s">
        <v>5</v>
      </c>
      <c r="N2550" s="1" t="s">
        <v>25</v>
      </c>
      <c r="O2550" s="1" t="s">
        <v>8</v>
      </c>
      <c r="P2550" s="5" t="s">
        <v>10</v>
      </c>
    </row>
    <row r="2551" spans="1:16" x14ac:dyDescent="0.2">
      <c r="A2551" s="1" t="s">
        <v>194</v>
      </c>
      <c r="B2551" s="1" t="s">
        <v>396</v>
      </c>
      <c r="C2551" s="1" t="s">
        <v>8774</v>
      </c>
      <c r="D2551" s="1" t="s">
        <v>8772</v>
      </c>
      <c r="E2551" s="1" t="s">
        <v>8776</v>
      </c>
      <c r="F2551" s="1" t="s">
        <v>8775</v>
      </c>
      <c r="G2551" s="1" t="s">
        <v>10</v>
      </c>
      <c r="H2551" s="1" t="s">
        <v>8774</v>
      </c>
      <c r="I2551" s="1" t="s">
        <v>8400</v>
      </c>
      <c r="J2551" s="1" t="s">
        <v>12</v>
      </c>
      <c r="K2551" s="1" t="s">
        <v>7</v>
      </c>
      <c r="L2551" s="1" t="s">
        <v>8773</v>
      </c>
      <c r="M2551" s="1" t="s">
        <v>5</v>
      </c>
      <c r="N2551" s="1" t="s">
        <v>6</v>
      </c>
      <c r="O2551" s="1" t="s">
        <v>8</v>
      </c>
      <c r="P2551" s="5" t="s">
        <v>10</v>
      </c>
    </row>
    <row r="2552" spans="1:16" x14ac:dyDescent="0.2">
      <c r="A2552" s="1" t="s">
        <v>42</v>
      </c>
      <c r="B2552" s="1" t="s">
        <v>1858</v>
      </c>
      <c r="C2552" s="1" t="s">
        <v>8779</v>
      </c>
      <c r="D2552" s="1" t="s">
        <v>8777</v>
      </c>
      <c r="E2552" s="1"/>
      <c r="F2552" s="1" t="s">
        <v>10</v>
      </c>
      <c r="G2552" s="1" t="s">
        <v>10</v>
      </c>
      <c r="H2552" s="1" t="s">
        <v>10</v>
      </c>
      <c r="I2552" s="1" t="s">
        <v>8400</v>
      </c>
      <c r="J2552" s="1" t="s">
        <v>12</v>
      </c>
      <c r="K2552" s="1" t="s">
        <v>27</v>
      </c>
      <c r="L2552" s="1" t="s">
        <v>8778</v>
      </c>
      <c r="M2552" s="1" t="s">
        <v>5</v>
      </c>
      <c r="N2552" s="1" t="s">
        <v>25</v>
      </c>
      <c r="O2552" s="1" t="s">
        <v>38</v>
      </c>
      <c r="P2552" s="5" t="s">
        <v>30398</v>
      </c>
    </row>
    <row r="2553" spans="1:16" x14ac:dyDescent="0.2">
      <c r="A2553" s="1" t="s">
        <v>10</v>
      </c>
      <c r="B2553" s="1" t="s">
        <v>10</v>
      </c>
      <c r="C2553" s="1" t="s">
        <v>8782</v>
      </c>
      <c r="D2553" s="1" t="s">
        <v>8780</v>
      </c>
      <c r="E2553" s="1"/>
      <c r="F2553" s="1" t="s">
        <v>7850</v>
      </c>
      <c r="G2553" s="1" t="s">
        <v>10</v>
      </c>
      <c r="H2553" s="1" t="s">
        <v>8780</v>
      </c>
      <c r="I2553" s="1" t="s">
        <v>8400</v>
      </c>
      <c r="J2553" s="1" t="s">
        <v>12</v>
      </c>
      <c r="K2553" s="1" t="s">
        <v>47</v>
      </c>
      <c r="L2553" s="1" t="s">
        <v>8781</v>
      </c>
      <c r="M2553" s="1" t="s">
        <v>5</v>
      </c>
      <c r="N2553" s="1" t="s">
        <v>6</v>
      </c>
      <c r="O2553" s="1" t="s">
        <v>8</v>
      </c>
      <c r="P2553" s="5" t="s">
        <v>10</v>
      </c>
    </row>
    <row r="2554" spans="1:16" x14ac:dyDescent="0.2">
      <c r="A2554" s="1" t="s">
        <v>194</v>
      </c>
      <c r="B2554" s="1" t="s">
        <v>396</v>
      </c>
      <c r="C2554" s="1" t="s">
        <v>8784</v>
      </c>
      <c r="D2554" s="1" t="s">
        <v>6376</v>
      </c>
      <c r="E2554" s="1"/>
      <c r="F2554" s="1" t="s">
        <v>393</v>
      </c>
      <c r="G2554" s="1" t="s">
        <v>395</v>
      </c>
      <c r="H2554" s="1" t="s">
        <v>10</v>
      </c>
      <c r="I2554" s="1" t="s">
        <v>8400</v>
      </c>
      <c r="J2554" s="1" t="s">
        <v>12</v>
      </c>
      <c r="K2554" s="1" t="s">
        <v>27</v>
      </c>
      <c r="L2554" s="1" t="s">
        <v>8783</v>
      </c>
      <c r="M2554" s="1" t="s">
        <v>5</v>
      </c>
      <c r="N2554" s="1" t="s">
        <v>1009</v>
      </c>
      <c r="O2554" s="1" t="s">
        <v>8</v>
      </c>
      <c r="P2554" s="5" t="s">
        <v>31326</v>
      </c>
    </row>
    <row r="2555" spans="1:16" x14ac:dyDescent="0.2">
      <c r="A2555" s="1" t="s">
        <v>329</v>
      </c>
      <c r="B2555" s="1" t="s">
        <v>691</v>
      </c>
      <c r="C2555" s="1" t="s">
        <v>8785</v>
      </c>
      <c r="D2555" s="1" t="s">
        <v>8785</v>
      </c>
      <c r="E2555" s="1" t="s">
        <v>8788</v>
      </c>
      <c r="F2555" s="1" t="s">
        <v>8787</v>
      </c>
      <c r="G2555" s="1" t="s">
        <v>10</v>
      </c>
      <c r="H2555" s="1" t="s">
        <v>8789</v>
      </c>
      <c r="I2555" s="1" t="s">
        <v>8400</v>
      </c>
      <c r="J2555" s="1" t="s">
        <v>13</v>
      </c>
      <c r="K2555" s="1" t="s">
        <v>64</v>
      </c>
      <c r="L2555" s="1" t="s">
        <v>8786</v>
      </c>
      <c r="M2555" s="1" t="s">
        <v>5</v>
      </c>
      <c r="N2555" s="1" t="s">
        <v>6</v>
      </c>
      <c r="O2555" s="1" t="s">
        <v>8</v>
      </c>
      <c r="P2555" s="5" t="s">
        <v>10</v>
      </c>
    </row>
    <row r="2556" spans="1:16" x14ac:dyDescent="0.2">
      <c r="A2556" s="1" t="s">
        <v>329</v>
      </c>
      <c r="B2556" s="1" t="s">
        <v>691</v>
      </c>
      <c r="C2556" s="1" t="s">
        <v>8790</v>
      </c>
      <c r="D2556" s="1" t="s">
        <v>8790</v>
      </c>
      <c r="E2556" s="1" t="s">
        <v>8788</v>
      </c>
      <c r="F2556" s="1" t="s">
        <v>8787</v>
      </c>
      <c r="G2556" s="1" t="s">
        <v>10</v>
      </c>
      <c r="H2556" s="1" t="s">
        <v>8790</v>
      </c>
      <c r="I2556" s="1" t="s">
        <v>8400</v>
      </c>
      <c r="J2556" s="1" t="s">
        <v>13</v>
      </c>
      <c r="K2556" s="1" t="s">
        <v>64</v>
      </c>
      <c r="L2556" s="1" t="s">
        <v>8791</v>
      </c>
      <c r="M2556" s="1" t="s">
        <v>5</v>
      </c>
      <c r="N2556" s="1" t="s">
        <v>6</v>
      </c>
      <c r="O2556" s="1" t="s">
        <v>8</v>
      </c>
      <c r="P2556" s="5" t="s">
        <v>10</v>
      </c>
    </row>
    <row r="2557" spans="1:16" x14ac:dyDescent="0.2">
      <c r="A2557" s="1" t="s">
        <v>329</v>
      </c>
      <c r="B2557" s="1" t="s">
        <v>2120</v>
      </c>
      <c r="C2557" s="1" t="s">
        <v>8792</v>
      </c>
      <c r="D2557" s="1" t="s">
        <v>8792</v>
      </c>
      <c r="E2557" s="1" t="s">
        <v>8795</v>
      </c>
      <c r="F2557" s="1" t="s">
        <v>8794</v>
      </c>
      <c r="G2557" s="1" t="s">
        <v>10</v>
      </c>
      <c r="H2557" s="1" t="s">
        <v>8792</v>
      </c>
      <c r="I2557" s="1" t="s">
        <v>8400</v>
      </c>
      <c r="J2557" s="1" t="s">
        <v>13</v>
      </c>
      <c r="K2557" s="1" t="s">
        <v>64</v>
      </c>
      <c r="L2557" s="1" t="s">
        <v>8793</v>
      </c>
      <c r="M2557" s="1" t="s">
        <v>5</v>
      </c>
      <c r="N2557" s="1" t="s">
        <v>6</v>
      </c>
      <c r="O2557" s="1" t="s">
        <v>8</v>
      </c>
      <c r="P2557" s="5" t="s">
        <v>10</v>
      </c>
    </row>
    <row r="2558" spans="1:16" x14ac:dyDescent="0.2">
      <c r="A2558" s="1" t="s">
        <v>10</v>
      </c>
      <c r="B2558" s="1" t="s">
        <v>10</v>
      </c>
      <c r="C2558" s="1" t="s">
        <v>8796</v>
      </c>
      <c r="D2558" s="1" t="s">
        <v>8798</v>
      </c>
      <c r="E2558" s="1"/>
      <c r="F2558" s="1" t="s">
        <v>7757</v>
      </c>
      <c r="G2558" s="1" t="s">
        <v>10</v>
      </c>
      <c r="H2558" s="1" t="s">
        <v>8799</v>
      </c>
      <c r="I2558" s="1" t="s">
        <v>8400</v>
      </c>
      <c r="J2558" s="1" t="s">
        <v>13</v>
      </c>
      <c r="K2558" s="1" t="s">
        <v>47</v>
      </c>
      <c r="L2558" s="1" t="s">
        <v>8797</v>
      </c>
      <c r="M2558" s="1" t="s">
        <v>5</v>
      </c>
      <c r="N2558" s="1" t="s">
        <v>6</v>
      </c>
      <c r="O2558" s="1" t="s">
        <v>8</v>
      </c>
      <c r="P2558" s="5" t="s">
        <v>10</v>
      </c>
    </row>
    <row r="2559" spans="1:16" x14ac:dyDescent="0.2">
      <c r="A2559" s="1" t="s">
        <v>10</v>
      </c>
      <c r="B2559" s="1" t="s">
        <v>10</v>
      </c>
      <c r="C2559" s="1" t="s">
        <v>8802</v>
      </c>
      <c r="D2559" s="1" t="s">
        <v>8800</v>
      </c>
      <c r="E2559" s="1" t="s">
        <v>8803</v>
      </c>
      <c r="F2559" s="1" t="s">
        <v>10</v>
      </c>
      <c r="G2559" s="1" t="s">
        <v>10</v>
      </c>
      <c r="H2559" s="1" t="s">
        <v>10</v>
      </c>
      <c r="I2559" s="1" t="s">
        <v>8400</v>
      </c>
      <c r="J2559" s="1" t="s">
        <v>13</v>
      </c>
      <c r="K2559" s="1" t="s">
        <v>3004</v>
      </c>
      <c r="L2559" s="1" t="s">
        <v>8801</v>
      </c>
      <c r="M2559" s="1" t="s">
        <v>5</v>
      </c>
      <c r="N2559" s="1" t="s">
        <v>1009</v>
      </c>
      <c r="O2559" s="1" t="s">
        <v>38</v>
      </c>
      <c r="P2559" s="5" t="s">
        <v>30030</v>
      </c>
    </row>
    <row r="2560" spans="1:16" x14ac:dyDescent="0.2">
      <c r="A2560" s="1" t="s">
        <v>20</v>
      </c>
      <c r="B2560" s="1" t="s">
        <v>1047</v>
      </c>
      <c r="C2560" s="1" t="s">
        <v>8806</v>
      </c>
      <c r="D2560" s="1" t="s">
        <v>8804</v>
      </c>
      <c r="E2560" s="1" t="s">
        <v>8808</v>
      </c>
      <c r="F2560" s="1" t="s">
        <v>8807</v>
      </c>
      <c r="G2560" s="1" t="s">
        <v>10</v>
      </c>
      <c r="H2560" s="1" t="s">
        <v>8804</v>
      </c>
      <c r="I2560" s="1" t="s">
        <v>8400</v>
      </c>
      <c r="J2560" s="1" t="s">
        <v>12</v>
      </c>
      <c r="K2560" s="1" t="s">
        <v>7</v>
      </c>
      <c r="L2560" s="1" t="s">
        <v>8805</v>
      </c>
      <c r="M2560" s="1" t="s">
        <v>5</v>
      </c>
      <c r="N2560" s="1" t="s">
        <v>6</v>
      </c>
      <c r="O2560" s="1" t="s">
        <v>8</v>
      </c>
      <c r="P2560" s="5" t="s">
        <v>10</v>
      </c>
    </row>
    <row r="2561" spans="1:16" x14ac:dyDescent="0.2">
      <c r="A2561" s="1" t="s">
        <v>32</v>
      </c>
      <c r="B2561" s="1" t="s">
        <v>140</v>
      </c>
      <c r="C2561" s="1" t="s">
        <v>8810</v>
      </c>
      <c r="D2561" s="1" t="s">
        <v>8811</v>
      </c>
      <c r="E2561" s="1"/>
      <c r="F2561" s="1" t="s">
        <v>7322</v>
      </c>
      <c r="G2561" s="1" t="s">
        <v>1042</v>
      </c>
      <c r="H2561" s="1" t="s">
        <v>8812</v>
      </c>
      <c r="I2561" s="1" t="s">
        <v>8400</v>
      </c>
      <c r="J2561" s="1" t="s">
        <v>13</v>
      </c>
      <c r="K2561" s="1" t="s">
        <v>64</v>
      </c>
      <c r="L2561" s="1" t="s">
        <v>8809</v>
      </c>
      <c r="M2561" s="1" t="s">
        <v>5</v>
      </c>
      <c r="N2561" s="1" t="s">
        <v>25</v>
      </c>
      <c r="O2561" s="1" t="s">
        <v>8</v>
      </c>
      <c r="P2561" s="5" t="s">
        <v>29821</v>
      </c>
    </row>
    <row r="2562" spans="1:16" x14ac:dyDescent="0.2">
      <c r="A2562" s="1" t="s">
        <v>20</v>
      </c>
      <c r="B2562" s="1" t="s">
        <v>93</v>
      </c>
      <c r="C2562" s="1" t="s">
        <v>8814</v>
      </c>
      <c r="D2562" s="1" t="s">
        <v>8815</v>
      </c>
      <c r="E2562" s="1"/>
      <c r="F2562" s="1" t="s">
        <v>2254</v>
      </c>
      <c r="G2562" s="1" t="s">
        <v>10</v>
      </c>
      <c r="H2562" s="1" t="s">
        <v>8816</v>
      </c>
      <c r="I2562" s="1" t="s">
        <v>8400</v>
      </c>
      <c r="J2562" s="1" t="s">
        <v>12</v>
      </c>
      <c r="K2562" s="1" t="s">
        <v>7</v>
      </c>
      <c r="L2562" s="1" t="s">
        <v>8813</v>
      </c>
      <c r="M2562" s="1" t="s">
        <v>5</v>
      </c>
      <c r="N2562" s="1" t="s">
        <v>25</v>
      </c>
      <c r="O2562" s="1" t="s">
        <v>8</v>
      </c>
      <c r="P2562" s="5" t="s">
        <v>29821</v>
      </c>
    </row>
    <row r="2563" spans="1:16" x14ac:dyDescent="0.2">
      <c r="A2563" s="1" t="s">
        <v>20</v>
      </c>
      <c r="B2563" s="1" t="s">
        <v>93</v>
      </c>
      <c r="C2563" s="1" t="s">
        <v>8818</v>
      </c>
      <c r="D2563" s="1" t="s">
        <v>8819</v>
      </c>
      <c r="E2563" s="1"/>
      <c r="F2563" s="1" t="s">
        <v>2254</v>
      </c>
      <c r="G2563" s="1" t="s">
        <v>10</v>
      </c>
      <c r="H2563" s="1" t="s">
        <v>8816</v>
      </c>
      <c r="I2563" s="1" t="s">
        <v>8400</v>
      </c>
      <c r="J2563" s="1" t="s">
        <v>12</v>
      </c>
      <c r="K2563" s="1" t="s">
        <v>7</v>
      </c>
      <c r="L2563" s="1" t="s">
        <v>8817</v>
      </c>
      <c r="M2563" s="1" t="s">
        <v>5</v>
      </c>
      <c r="N2563" s="1" t="s">
        <v>25</v>
      </c>
      <c r="O2563" s="1" t="s">
        <v>8</v>
      </c>
      <c r="P2563" s="5" t="s">
        <v>29821</v>
      </c>
    </row>
    <row r="2564" spans="1:16" x14ac:dyDescent="0.2">
      <c r="A2564" s="1" t="s">
        <v>42</v>
      </c>
      <c r="B2564" s="1" t="s">
        <v>43</v>
      </c>
      <c r="C2564" s="1" t="s">
        <v>8821</v>
      </c>
      <c r="D2564" s="1" t="s">
        <v>8822</v>
      </c>
      <c r="E2564" s="1"/>
      <c r="F2564" s="1" t="s">
        <v>10</v>
      </c>
      <c r="G2564" s="1" t="s">
        <v>10</v>
      </c>
      <c r="H2564" s="1" t="s">
        <v>10</v>
      </c>
      <c r="I2564" s="1" t="s">
        <v>8400</v>
      </c>
      <c r="J2564" s="1" t="s">
        <v>12</v>
      </c>
      <c r="K2564" s="1" t="s">
        <v>37</v>
      </c>
      <c r="L2564" s="1" t="s">
        <v>8820</v>
      </c>
      <c r="M2564" s="1" t="s">
        <v>5</v>
      </c>
      <c r="N2564" s="1" t="s">
        <v>25</v>
      </c>
      <c r="O2564" s="1" t="s">
        <v>38</v>
      </c>
      <c r="P2564" s="5" t="s">
        <v>29821</v>
      </c>
    </row>
    <row r="2565" spans="1:16" x14ac:dyDescent="0.2">
      <c r="A2565" s="1" t="s">
        <v>10</v>
      </c>
      <c r="B2565" s="1" t="s">
        <v>10</v>
      </c>
      <c r="C2565" s="1" t="s">
        <v>8825</v>
      </c>
      <c r="D2565" s="1" t="s">
        <v>8823</v>
      </c>
      <c r="E2565" s="1" t="s">
        <v>8827</v>
      </c>
      <c r="F2565" s="1" t="s">
        <v>7415</v>
      </c>
      <c r="G2565" s="1" t="s">
        <v>10</v>
      </c>
      <c r="H2565" s="1" t="s">
        <v>10</v>
      </c>
      <c r="I2565" s="1" t="s">
        <v>8400</v>
      </c>
      <c r="J2565" s="1" t="s">
        <v>12</v>
      </c>
      <c r="K2565" s="1" t="s">
        <v>27</v>
      </c>
      <c r="L2565" s="1" t="s">
        <v>8824</v>
      </c>
      <c r="M2565" s="1" t="s">
        <v>5</v>
      </c>
      <c r="N2565" s="1" t="s">
        <v>6</v>
      </c>
      <c r="O2565" s="1" t="s">
        <v>8</v>
      </c>
      <c r="P2565" s="5" t="s">
        <v>8826</v>
      </c>
    </row>
    <row r="2566" spans="1:16" x14ac:dyDescent="0.2">
      <c r="A2566" s="1" t="s">
        <v>10</v>
      </c>
      <c r="B2566" s="1" t="s">
        <v>10</v>
      </c>
      <c r="C2566" s="1" t="s">
        <v>8828</v>
      </c>
      <c r="D2566" s="1" t="s">
        <v>8828</v>
      </c>
      <c r="E2566" s="1" t="s">
        <v>8830</v>
      </c>
      <c r="F2566" s="1" t="s">
        <v>10</v>
      </c>
      <c r="G2566" s="1" t="s">
        <v>10</v>
      </c>
      <c r="H2566" s="1" t="s">
        <v>10</v>
      </c>
      <c r="I2566" s="1" t="s">
        <v>8400</v>
      </c>
      <c r="J2566" s="1" t="s">
        <v>13</v>
      </c>
      <c r="K2566" s="1" t="s">
        <v>1563</v>
      </c>
      <c r="L2566" s="1" t="s">
        <v>8829</v>
      </c>
      <c r="M2566" s="1" t="s">
        <v>5</v>
      </c>
      <c r="N2566" s="1" t="s">
        <v>6</v>
      </c>
      <c r="O2566" s="1" t="s">
        <v>38</v>
      </c>
      <c r="P2566" s="5" t="s">
        <v>10</v>
      </c>
    </row>
    <row r="2567" spans="1:16" x14ac:dyDescent="0.2">
      <c r="A2567" s="1" t="s">
        <v>10</v>
      </c>
      <c r="B2567" s="1" t="s">
        <v>10</v>
      </c>
      <c r="C2567" s="1" t="s">
        <v>8831</v>
      </c>
      <c r="D2567" s="1" t="s">
        <v>8831</v>
      </c>
      <c r="E2567" s="1" t="s">
        <v>8833</v>
      </c>
      <c r="F2567" s="1" t="s">
        <v>5600</v>
      </c>
      <c r="G2567" s="1" t="s">
        <v>10</v>
      </c>
      <c r="H2567" s="1" t="s">
        <v>8831</v>
      </c>
      <c r="I2567" s="1" t="s">
        <v>8400</v>
      </c>
      <c r="J2567" s="1" t="s">
        <v>13</v>
      </c>
      <c r="K2567" s="1" t="s">
        <v>64</v>
      </c>
      <c r="L2567" s="1" t="s">
        <v>8832</v>
      </c>
      <c r="M2567" s="1" t="s">
        <v>5</v>
      </c>
      <c r="N2567" s="1" t="s">
        <v>6</v>
      </c>
      <c r="O2567" s="1" t="s">
        <v>8</v>
      </c>
      <c r="P2567" s="5" t="s">
        <v>10</v>
      </c>
    </row>
    <row r="2568" spans="1:16" x14ac:dyDescent="0.2">
      <c r="A2568" s="1" t="s">
        <v>10</v>
      </c>
      <c r="B2568" s="1" t="s">
        <v>10</v>
      </c>
      <c r="C2568" s="1" t="s">
        <v>8834</v>
      </c>
      <c r="D2568" s="1" t="s">
        <v>8834</v>
      </c>
      <c r="E2568" s="1" t="s">
        <v>8837</v>
      </c>
      <c r="F2568" s="1" t="s">
        <v>764</v>
      </c>
      <c r="G2568" s="1" t="s">
        <v>10</v>
      </c>
      <c r="H2568" s="1" t="s">
        <v>8834</v>
      </c>
      <c r="I2568" s="1" t="s">
        <v>8400</v>
      </c>
      <c r="J2568" s="1" t="s">
        <v>13</v>
      </c>
      <c r="K2568" s="1" t="s">
        <v>64</v>
      </c>
      <c r="L2568" s="1" t="s">
        <v>8835</v>
      </c>
      <c r="M2568" s="1" t="s">
        <v>5</v>
      </c>
      <c r="N2568" s="1" t="s">
        <v>6</v>
      </c>
      <c r="O2568" s="1" t="s">
        <v>8</v>
      </c>
      <c r="P2568" s="5" t="s">
        <v>8836</v>
      </c>
    </row>
    <row r="2569" spans="1:16" x14ac:dyDescent="0.2">
      <c r="A2569" s="1" t="s">
        <v>10</v>
      </c>
      <c r="B2569" s="1" t="s">
        <v>10</v>
      </c>
      <c r="C2569" s="1" t="s">
        <v>8840</v>
      </c>
      <c r="D2569" s="1" t="s">
        <v>8838</v>
      </c>
      <c r="E2569" s="1" t="s">
        <v>8841</v>
      </c>
      <c r="F2569" s="1" t="s">
        <v>7415</v>
      </c>
      <c r="G2569" s="1" t="s">
        <v>10</v>
      </c>
      <c r="H2569" s="1" t="s">
        <v>8840</v>
      </c>
      <c r="I2569" s="1" t="s">
        <v>8400</v>
      </c>
      <c r="J2569" s="1" t="s">
        <v>12</v>
      </c>
      <c r="K2569" s="1" t="s">
        <v>27</v>
      </c>
      <c r="L2569" s="1" t="s">
        <v>8839</v>
      </c>
      <c r="M2569" s="1" t="s">
        <v>5</v>
      </c>
      <c r="N2569" s="1" t="s">
        <v>6</v>
      </c>
      <c r="O2569" s="1" t="s">
        <v>8</v>
      </c>
      <c r="P2569" s="5" t="s">
        <v>8826</v>
      </c>
    </row>
    <row r="2570" spans="1:16" x14ac:dyDescent="0.2">
      <c r="A2570" s="1" t="s">
        <v>42</v>
      </c>
      <c r="B2570" s="1" t="s">
        <v>335</v>
      </c>
      <c r="C2570" s="1" t="s">
        <v>8844</v>
      </c>
      <c r="D2570" s="1" t="s">
        <v>8842</v>
      </c>
      <c r="E2570" s="1"/>
      <c r="F2570" s="1" t="s">
        <v>10</v>
      </c>
      <c r="G2570" s="1" t="s">
        <v>10</v>
      </c>
      <c r="H2570" s="1" t="s">
        <v>10</v>
      </c>
      <c r="I2570" s="1" t="s">
        <v>8400</v>
      </c>
      <c r="J2570" s="1" t="s">
        <v>12</v>
      </c>
      <c r="K2570" s="1" t="s">
        <v>47</v>
      </c>
      <c r="L2570" s="1" t="s">
        <v>8843</v>
      </c>
      <c r="M2570" s="1" t="s">
        <v>5</v>
      </c>
      <c r="N2570" s="1" t="s">
        <v>25</v>
      </c>
      <c r="O2570" s="1" t="s">
        <v>38</v>
      </c>
      <c r="P2570" s="5" t="s">
        <v>30398</v>
      </c>
    </row>
    <row r="2571" spans="1:16" x14ac:dyDescent="0.2">
      <c r="A2571" s="1" t="s">
        <v>194</v>
      </c>
      <c r="B2571" s="1" t="s">
        <v>396</v>
      </c>
      <c r="C2571" s="1" t="s">
        <v>8845</v>
      </c>
      <c r="D2571" s="1" t="s">
        <v>8845</v>
      </c>
      <c r="E2571" s="1"/>
      <c r="F2571" s="1" t="s">
        <v>27</v>
      </c>
      <c r="G2571" s="1" t="s">
        <v>10</v>
      </c>
      <c r="H2571" s="1" t="s">
        <v>8847</v>
      </c>
      <c r="I2571" s="1" t="s">
        <v>8400</v>
      </c>
      <c r="J2571" s="1" t="s">
        <v>12</v>
      </c>
      <c r="K2571" s="1" t="s">
        <v>27</v>
      </c>
      <c r="L2571" s="1" t="s">
        <v>8846</v>
      </c>
      <c r="M2571" s="1" t="s">
        <v>5</v>
      </c>
      <c r="N2571" s="1" t="s">
        <v>1009</v>
      </c>
      <c r="O2571" s="1" t="s">
        <v>8</v>
      </c>
      <c r="P2571" s="5" t="s">
        <v>14</v>
      </c>
    </row>
    <row r="2572" spans="1:16" x14ac:dyDescent="0.2">
      <c r="A2572" s="1" t="s">
        <v>66</v>
      </c>
      <c r="B2572" s="1" t="s">
        <v>1127</v>
      </c>
      <c r="C2572" s="1" t="s">
        <v>8848</v>
      </c>
      <c r="D2572" s="1" t="s">
        <v>8848</v>
      </c>
      <c r="E2572" s="1" t="s">
        <v>8851</v>
      </c>
      <c r="F2572" s="1" t="s">
        <v>8850</v>
      </c>
      <c r="G2572" s="1" t="s">
        <v>10</v>
      </c>
      <c r="H2572" s="1" t="s">
        <v>8848</v>
      </c>
      <c r="I2572" s="1" t="s">
        <v>8400</v>
      </c>
      <c r="J2572" s="1" t="s">
        <v>13</v>
      </c>
      <c r="K2572" s="1" t="s">
        <v>64</v>
      </c>
      <c r="L2572" s="1" t="s">
        <v>8849</v>
      </c>
      <c r="M2572" s="1" t="s">
        <v>5</v>
      </c>
      <c r="N2572" s="1" t="s">
        <v>6</v>
      </c>
      <c r="O2572" s="1" t="s">
        <v>8</v>
      </c>
      <c r="P2572" s="5" t="s">
        <v>10</v>
      </c>
    </row>
    <row r="2573" spans="1:16" x14ac:dyDescent="0.2">
      <c r="A2573" s="1" t="s">
        <v>10</v>
      </c>
      <c r="B2573" s="1" t="s">
        <v>376</v>
      </c>
      <c r="C2573" s="1" t="s">
        <v>8852</v>
      </c>
      <c r="D2573" s="1" t="s">
        <v>8852</v>
      </c>
      <c r="E2573" s="1" t="s">
        <v>8855</v>
      </c>
      <c r="F2573" s="1" t="s">
        <v>8854</v>
      </c>
      <c r="G2573" s="1" t="s">
        <v>10</v>
      </c>
      <c r="H2573" s="1" t="s">
        <v>8852</v>
      </c>
      <c r="I2573" s="1" t="s">
        <v>8400</v>
      </c>
      <c r="J2573" s="1" t="s">
        <v>12</v>
      </c>
      <c r="K2573" s="1" t="s">
        <v>27</v>
      </c>
      <c r="L2573" s="1" t="s">
        <v>8853</v>
      </c>
      <c r="M2573" s="1" t="s">
        <v>5</v>
      </c>
      <c r="N2573" s="1" t="s">
        <v>6</v>
      </c>
      <c r="O2573" s="1" t="s">
        <v>8</v>
      </c>
      <c r="P2573" s="5" t="s">
        <v>10</v>
      </c>
    </row>
    <row r="2574" spans="1:16" x14ac:dyDescent="0.2">
      <c r="A2574" s="1" t="s">
        <v>329</v>
      </c>
      <c r="B2574" s="1" t="s">
        <v>691</v>
      </c>
      <c r="C2574" s="1" t="s">
        <v>8856</v>
      </c>
      <c r="D2574" s="1" t="s">
        <v>8856</v>
      </c>
      <c r="E2574" s="1" t="s">
        <v>8859</v>
      </c>
      <c r="F2574" s="1" t="s">
        <v>8858</v>
      </c>
      <c r="G2574" s="1" t="s">
        <v>10</v>
      </c>
      <c r="H2574" s="1" t="s">
        <v>8856</v>
      </c>
      <c r="I2574" s="1" t="s">
        <v>8400</v>
      </c>
      <c r="J2574" s="1" t="s">
        <v>13</v>
      </c>
      <c r="K2574" s="1" t="s">
        <v>64</v>
      </c>
      <c r="L2574" s="1" t="s">
        <v>8857</v>
      </c>
      <c r="M2574" s="1" t="s">
        <v>5</v>
      </c>
      <c r="N2574" s="1" t="s">
        <v>6</v>
      </c>
      <c r="O2574" s="1" t="s">
        <v>8</v>
      </c>
      <c r="P2574" s="5" t="s">
        <v>10</v>
      </c>
    </row>
    <row r="2575" spans="1:16" x14ac:dyDescent="0.2">
      <c r="A2575" s="1" t="s">
        <v>10</v>
      </c>
      <c r="B2575" s="1" t="s">
        <v>376</v>
      </c>
      <c r="C2575" s="1" t="s">
        <v>8860</v>
      </c>
      <c r="D2575" s="1" t="s">
        <v>8860</v>
      </c>
      <c r="E2575" s="1" t="s">
        <v>8862</v>
      </c>
      <c r="F2575" s="1" t="s">
        <v>8602</v>
      </c>
      <c r="G2575" s="1" t="s">
        <v>10</v>
      </c>
      <c r="H2575" s="1" t="s">
        <v>8860</v>
      </c>
      <c r="I2575" s="1" t="s">
        <v>8400</v>
      </c>
      <c r="J2575" s="1" t="s">
        <v>12</v>
      </c>
      <c r="K2575" s="1" t="s">
        <v>27</v>
      </c>
      <c r="L2575" s="1" t="s">
        <v>8861</v>
      </c>
      <c r="M2575" s="1" t="s">
        <v>5</v>
      </c>
      <c r="N2575" s="1" t="s">
        <v>6</v>
      </c>
      <c r="O2575" s="1" t="s">
        <v>8</v>
      </c>
      <c r="P2575" s="5" t="s">
        <v>10</v>
      </c>
    </row>
    <row r="2576" spans="1:16" x14ac:dyDescent="0.2">
      <c r="A2576" s="1" t="s">
        <v>10</v>
      </c>
      <c r="B2576" s="1" t="s">
        <v>376</v>
      </c>
      <c r="C2576" s="1" t="s">
        <v>8863</v>
      </c>
      <c r="D2576" s="1" t="s">
        <v>8863</v>
      </c>
      <c r="E2576" s="1" t="s">
        <v>8866</v>
      </c>
      <c r="F2576" s="1" t="s">
        <v>8865</v>
      </c>
      <c r="G2576" s="1" t="s">
        <v>10</v>
      </c>
      <c r="H2576" s="1" t="s">
        <v>8863</v>
      </c>
      <c r="I2576" s="1" t="s">
        <v>8400</v>
      </c>
      <c r="J2576" s="1" t="s">
        <v>12</v>
      </c>
      <c r="K2576" s="1" t="s">
        <v>27</v>
      </c>
      <c r="L2576" s="1" t="s">
        <v>8864</v>
      </c>
      <c r="M2576" s="1" t="s">
        <v>5</v>
      </c>
      <c r="N2576" s="1" t="s">
        <v>6</v>
      </c>
      <c r="O2576" s="1" t="s">
        <v>8</v>
      </c>
      <c r="P2576" s="5" t="s">
        <v>14</v>
      </c>
    </row>
    <row r="2577" spans="1:16" x14ac:dyDescent="0.2">
      <c r="A2577" s="1" t="s">
        <v>10</v>
      </c>
      <c r="B2577" s="1" t="s">
        <v>376</v>
      </c>
      <c r="C2577" s="1" t="s">
        <v>8867</v>
      </c>
      <c r="D2577" s="1" t="s">
        <v>8867</v>
      </c>
      <c r="E2577" s="1" t="s">
        <v>8869</v>
      </c>
      <c r="F2577" s="1" t="s">
        <v>8602</v>
      </c>
      <c r="G2577" s="1" t="s">
        <v>10</v>
      </c>
      <c r="H2577" s="1" t="s">
        <v>8867</v>
      </c>
      <c r="I2577" s="1" t="s">
        <v>8400</v>
      </c>
      <c r="J2577" s="1" t="s">
        <v>12</v>
      </c>
      <c r="K2577" s="1" t="s">
        <v>27</v>
      </c>
      <c r="L2577" s="1" t="s">
        <v>8868</v>
      </c>
      <c r="M2577" s="1" t="s">
        <v>5</v>
      </c>
      <c r="N2577" s="1" t="s">
        <v>6</v>
      </c>
      <c r="O2577" s="1" t="s">
        <v>8</v>
      </c>
      <c r="P2577" s="5" t="s">
        <v>14</v>
      </c>
    </row>
    <row r="2578" spans="1:16" x14ac:dyDescent="0.2">
      <c r="A2578" s="1" t="s">
        <v>1086</v>
      </c>
      <c r="B2578" s="1" t="s">
        <v>4482</v>
      </c>
      <c r="C2578" s="1" t="s">
        <v>8870</v>
      </c>
      <c r="D2578" s="1" t="s">
        <v>8870</v>
      </c>
      <c r="E2578" s="1" t="s">
        <v>8873</v>
      </c>
      <c r="F2578" s="1" t="s">
        <v>8872</v>
      </c>
      <c r="G2578" s="1" t="s">
        <v>10</v>
      </c>
      <c r="H2578" s="1" t="s">
        <v>8870</v>
      </c>
      <c r="I2578" s="1" t="s">
        <v>8400</v>
      </c>
      <c r="J2578" s="1" t="s">
        <v>13</v>
      </c>
      <c r="K2578" s="1" t="s">
        <v>64</v>
      </c>
      <c r="L2578" s="1" t="s">
        <v>8871</v>
      </c>
      <c r="M2578" s="1" t="s">
        <v>5</v>
      </c>
      <c r="N2578" s="1" t="s">
        <v>6</v>
      </c>
      <c r="O2578" s="1" t="s">
        <v>8</v>
      </c>
      <c r="P2578" s="5" t="s">
        <v>10</v>
      </c>
    </row>
    <row r="2579" spans="1:16" x14ac:dyDescent="0.2">
      <c r="A2579" s="1" t="s">
        <v>329</v>
      </c>
      <c r="B2579" s="1" t="s">
        <v>10</v>
      </c>
      <c r="C2579" s="1" t="s">
        <v>8387</v>
      </c>
      <c r="D2579" s="1" t="s">
        <v>8387</v>
      </c>
      <c r="E2579" s="1" t="s">
        <v>8876</v>
      </c>
      <c r="F2579" s="1" t="s">
        <v>8875</v>
      </c>
      <c r="G2579" s="1" t="s">
        <v>10</v>
      </c>
      <c r="H2579" s="1" t="s">
        <v>8387</v>
      </c>
      <c r="I2579" s="1" t="s">
        <v>8400</v>
      </c>
      <c r="J2579" s="1" t="s">
        <v>12</v>
      </c>
      <c r="K2579" s="1" t="s">
        <v>64</v>
      </c>
      <c r="L2579" s="1" t="s">
        <v>8874</v>
      </c>
      <c r="M2579" s="1" t="s">
        <v>5</v>
      </c>
      <c r="N2579" s="1" t="s">
        <v>6</v>
      </c>
      <c r="O2579" s="1" t="s">
        <v>8</v>
      </c>
      <c r="P2579" s="5" t="s">
        <v>10</v>
      </c>
    </row>
    <row r="2580" spans="1:16" x14ac:dyDescent="0.2">
      <c r="A2580" s="1" t="s">
        <v>10</v>
      </c>
      <c r="B2580" s="1" t="s">
        <v>10</v>
      </c>
      <c r="C2580" s="1" t="s">
        <v>8878</v>
      </c>
      <c r="D2580" s="1" t="s">
        <v>5218</v>
      </c>
      <c r="E2580" s="1" t="s">
        <v>8880</v>
      </c>
      <c r="F2580" s="1" t="s">
        <v>8879</v>
      </c>
      <c r="G2580" s="1" t="s">
        <v>10</v>
      </c>
      <c r="H2580" s="1" t="s">
        <v>8881</v>
      </c>
      <c r="I2580" s="1" t="s">
        <v>8400</v>
      </c>
      <c r="J2580" s="1" t="s">
        <v>12</v>
      </c>
      <c r="K2580" s="1" t="s">
        <v>27</v>
      </c>
      <c r="L2580" s="1" t="s">
        <v>8877</v>
      </c>
      <c r="M2580" s="1" t="s">
        <v>5</v>
      </c>
      <c r="N2580" s="1" t="s">
        <v>1597</v>
      </c>
      <c r="O2580" s="1" t="s">
        <v>8</v>
      </c>
      <c r="P2580" s="5" t="s">
        <v>10</v>
      </c>
    </row>
    <row r="2581" spans="1:16" x14ac:dyDescent="0.2">
      <c r="A2581" s="1" t="s">
        <v>329</v>
      </c>
      <c r="B2581" s="1" t="s">
        <v>2622</v>
      </c>
      <c r="C2581" s="1" t="s">
        <v>8882</v>
      </c>
      <c r="D2581" s="1" t="s">
        <v>8884</v>
      </c>
      <c r="E2581" s="1" t="s">
        <v>8886</v>
      </c>
      <c r="F2581" s="1" t="s">
        <v>8885</v>
      </c>
      <c r="G2581" s="1" t="s">
        <v>10</v>
      </c>
      <c r="H2581" s="1" t="s">
        <v>8882</v>
      </c>
      <c r="I2581" s="1" t="s">
        <v>8400</v>
      </c>
      <c r="J2581" s="1" t="s">
        <v>13</v>
      </c>
      <c r="K2581" s="1" t="s">
        <v>1563</v>
      </c>
      <c r="L2581" s="1" t="s">
        <v>8883</v>
      </c>
      <c r="M2581" s="1" t="s">
        <v>5</v>
      </c>
      <c r="N2581" s="1" t="s">
        <v>6</v>
      </c>
      <c r="O2581" s="1" t="s">
        <v>8</v>
      </c>
      <c r="P2581" s="5" t="s">
        <v>10</v>
      </c>
    </row>
    <row r="2582" spans="1:16" x14ac:dyDescent="0.2">
      <c r="A2582" s="1" t="s">
        <v>42</v>
      </c>
      <c r="B2582" s="1" t="s">
        <v>320</v>
      </c>
      <c r="C2582" s="1" t="s">
        <v>8888</v>
      </c>
      <c r="D2582" s="1" t="s">
        <v>1190</v>
      </c>
      <c r="E2582" s="1"/>
      <c r="F2582" s="1" t="s">
        <v>10</v>
      </c>
      <c r="G2582" s="1" t="s">
        <v>10</v>
      </c>
      <c r="H2582" s="1" t="s">
        <v>10</v>
      </c>
      <c r="I2582" s="1" t="s">
        <v>8400</v>
      </c>
      <c r="J2582" s="1" t="s">
        <v>12</v>
      </c>
      <c r="K2582" s="1" t="s">
        <v>27</v>
      </c>
      <c r="L2582" s="1" t="s">
        <v>8887</v>
      </c>
      <c r="M2582" s="1" t="s">
        <v>5</v>
      </c>
      <c r="N2582" s="1" t="s">
        <v>25</v>
      </c>
      <c r="O2582" s="1" t="s">
        <v>38</v>
      </c>
      <c r="P2582" s="5" t="s">
        <v>29821</v>
      </c>
    </row>
    <row r="2583" spans="1:16" x14ac:dyDescent="0.2">
      <c r="A2583" s="1" t="s">
        <v>20</v>
      </c>
      <c r="B2583" s="1" t="s">
        <v>1047</v>
      </c>
      <c r="C2583" s="1" t="s">
        <v>8891</v>
      </c>
      <c r="D2583" s="1" t="s">
        <v>8889</v>
      </c>
      <c r="E2583" s="1" t="s">
        <v>8892</v>
      </c>
      <c r="F2583" s="1" t="s">
        <v>10</v>
      </c>
      <c r="G2583" s="1" t="s">
        <v>10</v>
      </c>
      <c r="H2583" s="1" t="s">
        <v>10</v>
      </c>
      <c r="I2583" s="1" t="s">
        <v>8400</v>
      </c>
      <c r="J2583" s="1" t="s">
        <v>12</v>
      </c>
      <c r="K2583" s="1" t="s">
        <v>100</v>
      </c>
      <c r="L2583" s="1" t="s">
        <v>8890</v>
      </c>
      <c r="M2583" s="1" t="s">
        <v>5</v>
      </c>
      <c r="N2583" s="1" t="s">
        <v>25</v>
      </c>
      <c r="O2583" s="1" t="s">
        <v>38</v>
      </c>
      <c r="P2583" s="5" t="s">
        <v>29846</v>
      </c>
    </row>
    <row r="2584" spans="1:16" x14ac:dyDescent="0.2">
      <c r="A2584" s="1" t="s">
        <v>10</v>
      </c>
      <c r="B2584" s="1" t="s">
        <v>10</v>
      </c>
      <c r="C2584" s="1" t="s">
        <v>8894</v>
      </c>
      <c r="D2584" s="1" t="s">
        <v>8895</v>
      </c>
      <c r="E2584" s="1" t="s">
        <v>8897</v>
      </c>
      <c r="F2584" s="1" t="s">
        <v>10</v>
      </c>
      <c r="G2584" s="1" t="s">
        <v>10</v>
      </c>
      <c r="H2584" s="1" t="s">
        <v>10</v>
      </c>
      <c r="I2584" s="1" t="s">
        <v>8400</v>
      </c>
      <c r="J2584" s="1" t="s">
        <v>12</v>
      </c>
      <c r="K2584" s="1" t="s">
        <v>8896</v>
      </c>
      <c r="L2584" s="1" t="s">
        <v>8893</v>
      </c>
      <c r="M2584" s="1" t="s">
        <v>5</v>
      </c>
      <c r="N2584" s="1" t="s">
        <v>6</v>
      </c>
      <c r="O2584" s="1" t="s">
        <v>38</v>
      </c>
      <c r="P2584" s="5" t="s">
        <v>10</v>
      </c>
    </row>
    <row r="2585" spans="1:16" x14ac:dyDescent="0.2">
      <c r="A2585" s="1" t="s">
        <v>10</v>
      </c>
      <c r="B2585" s="1" t="s">
        <v>376</v>
      </c>
      <c r="C2585" s="1" t="s">
        <v>8900</v>
      </c>
      <c r="D2585" s="1" t="s">
        <v>8898</v>
      </c>
      <c r="E2585" s="1" t="s">
        <v>8901</v>
      </c>
      <c r="F2585" s="1" t="s">
        <v>10</v>
      </c>
      <c r="G2585" s="1" t="s">
        <v>10</v>
      </c>
      <c r="H2585" s="1" t="s">
        <v>10</v>
      </c>
      <c r="I2585" s="1" t="s">
        <v>8400</v>
      </c>
      <c r="J2585" s="1" t="s">
        <v>12</v>
      </c>
      <c r="K2585" s="1" t="s">
        <v>37</v>
      </c>
      <c r="L2585" s="1" t="s">
        <v>8899</v>
      </c>
      <c r="M2585" s="1" t="s">
        <v>5</v>
      </c>
      <c r="N2585" s="1" t="s">
        <v>25</v>
      </c>
      <c r="O2585" s="1" t="s">
        <v>38</v>
      </c>
      <c r="P2585" s="5" t="s">
        <v>29821</v>
      </c>
    </row>
    <row r="2586" spans="1:16" x14ac:dyDescent="0.2">
      <c r="A2586" s="1" t="s">
        <v>42</v>
      </c>
      <c r="B2586" s="1" t="s">
        <v>335</v>
      </c>
      <c r="C2586" s="1" t="s">
        <v>8904</v>
      </c>
      <c r="D2586" s="1" t="s">
        <v>8902</v>
      </c>
      <c r="E2586" s="1"/>
      <c r="F2586" s="1" t="s">
        <v>10</v>
      </c>
      <c r="G2586" s="1" t="s">
        <v>10</v>
      </c>
      <c r="H2586" s="1" t="s">
        <v>10</v>
      </c>
      <c r="I2586" s="1" t="s">
        <v>8400</v>
      </c>
      <c r="J2586" s="1" t="s">
        <v>12</v>
      </c>
      <c r="K2586" s="1" t="s">
        <v>47</v>
      </c>
      <c r="L2586" s="1" t="s">
        <v>8903</v>
      </c>
      <c r="M2586" s="1" t="s">
        <v>5</v>
      </c>
      <c r="N2586" s="1" t="s">
        <v>25</v>
      </c>
      <c r="O2586" s="1" t="s">
        <v>38</v>
      </c>
      <c r="P2586" s="5" t="s">
        <v>29821</v>
      </c>
    </row>
    <row r="2587" spans="1:16" x14ac:dyDescent="0.2">
      <c r="A2587" s="1" t="s">
        <v>10</v>
      </c>
      <c r="B2587" s="1" t="s">
        <v>376</v>
      </c>
      <c r="C2587" s="1" t="s">
        <v>8906</v>
      </c>
      <c r="D2587" s="1" t="s">
        <v>8907</v>
      </c>
      <c r="E2587" s="1" t="s">
        <v>8908</v>
      </c>
      <c r="F2587" s="1" t="s">
        <v>10</v>
      </c>
      <c r="G2587" s="1" t="s">
        <v>10</v>
      </c>
      <c r="H2587" s="1" t="s">
        <v>10</v>
      </c>
      <c r="I2587" s="1" t="s">
        <v>8400</v>
      </c>
      <c r="J2587" s="1" t="s">
        <v>12</v>
      </c>
      <c r="K2587" s="1" t="s">
        <v>27</v>
      </c>
      <c r="L2587" s="1" t="s">
        <v>8905</v>
      </c>
      <c r="M2587" s="1" t="s">
        <v>5</v>
      </c>
      <c r="N2587" s="1" t="s">
        <v>6</v>
      </c>
      <c r="O2587" s="1" t="s">
        <v>38</v>
      </c>
      <c r="P2587" s="5" t="s">
        <v>29846</v>
      </c>
    </row>
    <row r="2588" spans="1:16" x14ac:dyDescent="0.2">
      <c r="A2588" s="1" t="s">
        <v>32</v>
      </c>
      <c r="B2588" s="1" t="s">
        <v>140</v>
      </c>
      <c r="C2588" s="1" t="s">
        <v>8911</v>
      </c>
      <c r="D2588" s="1" t="s">
        <v>8909</v>
      </c>
      <c r="E2588" s="1" t="s">
        <v>8913</v>
      </c>
      <c r="F2588" s="1" t="s">
        <v>8912</v>
      </c>
      <c r="G2588" s="1" t="s">
        <v>10</v>
      </c>
      <c r="H2588" s="1" t="s">
        <v>8911</v>
      </c>
      <c r="I2588" s="1" t="s">
        <v>8400</v>
      </c>
      <c r="J2588" s="1" t="s">
        <v>13</v>
      </c>
      <c r="K2588" s="1" t="s">
        <v>64</v>
      </c>
      <c r="L2588" s="1" t="s">
        <v>8910</v>
      </c>
      <c r="M2588" s="1" t="s">
        <v>5</v>
      </c>
      <c r="N2588" s="1" t="s">
        <v>1597</v>
      </c>
      <c r="O2588" s="1" t="s">
        <v>8</v>
      </c>
      <c r="P2588" s="5" t="s">
        <v>10</v>
      </c>
    </row>
    <row r="2589" spans="1:16" x14ac:dyDescent="0.2">
      <c r="A2589" s="1" t="s">
        <v>20</v>
      </c>
      <c r="B2589" s="1" t="s">
        <v>1047</v>
      </c>
      <c r="C2589" s="1" t="s">
        <v>8914</v>
      </c>
      <c r="D2589" s="1" t="s">
        <v>8914</v>
      </c>
      <c r="E2589" s="1" t="s">
        <v>8916</v>
      </c>
      <c r="F2589" s="1" t="s">
        <v>10</v>
      </c>
      <c r="G2589" s="1" t="s">
        <v>10</v>
      </c>
      <c r="H2589" s="1" t="s">
        <v>10</v>
      </c>
      <c r="I2589" s="1" t="s">
        <v>8400</v>
      </c>
      <c r="J2589" s="1" t="s">
        <v>12</v>
      </c>
      <c r="K2589" s="1" t="s">
        <v>27</v>
      </c>
      <c r="L2589" s="1" t="s">
        <v>8915</v>
      </c>
      <c r="M2589" s="1" t="s">
        <v>5</v>
      </c>
      <c r="N2589" s="1" t="s">
        <v>25</v>
      </c>
      <c r="O2589" s="1" t="s">
        <v>38</v>
      </c>
      <c r="P2589" s="5" t="s">
        <v>30398</v>
      </c>
    </row>
    <row r="2590" spans="1:16" x14ac:dyDescent="0.2">
      <c r="A2590" s="1" t="s">
        <v>20</v>
      </c>
      <c r="B2590" s="1" t="s">
        <v>93</v>
      </c>
      <c r="C2590" s="1" t="s">
        <v>1863</v>
      </c>
      <c r="D2590" s="1" t="s">
        <v>1863</v>
      </c>
      <c r="E2590" s="1"/>
      <c r="F2590" s="1" t="s">
        <v>8918</v>
      </c>
      <c r="G2590" s="1" t="s">
        <v>1863</v>
      </c>
      <c r="H2590" s="1" t="s">
        <v>10</v>
      </c>
      <c r="I2590" s="1" t="s">
        <v>8400</v>
      </c>
      <c r="J2590" s="1" t="s">
        <v>12</v>
      </c>
      <c r="K2590" s="1" t="s">
        <v>1468</v>
      </c>
      <c r="L2590" s="1" t="s">
        <v>8917</v>
      </c>
      <c r="M2590" s="1" t="s">
        <v>5</v>
      </c>
      <c r="N2590" s="1" t="s">
        <v>25</v>
      </c>
      <c r="O2590" s="1" t="s">
        <v>8</v>
      </c>
      <c r="P2590" s="5" t="s">
        <v>30398</v>
      </c>
    </row>
    <row r="2591" spans="1:16" x14ac:dyDescent="0.2">
      <c r="A2591" s="1" t="s">
        <v>10</v>
      </c>
      <c r="B2591" s="1" t="s">
        <v>10</v>
      </c>
      <c r="C2591" s="1" t="s">
        <v>8919</v>
      </c>
      <c r="D2591" s="1" t="s">
        <v>8919</v>
      </c>
      <c r="E2591" s="1" t="s">
        <v>8921</v>
      </c>
      <c r="F2591" s="1" t="s">
        <v>10</v>
      </c>
      <c r="G2591" s="1" t="s">
        <v>10</v>
      </c>
      <c r="H2591" s="1" t="s">
        <v>10</v>
      </c>
      <c r="I2591" s="1" t="s">
        <v>8400</v>
      </c>
      <c r="J2591" s="1" t="s">
        <v>12</v>
      </c>
      <c r="K2591" s="1" t="s">
        <v>1468</v>
      </c>
      <c r="L2591" s="1" t="s">
        <v>8920</v>
      </c>
      <c r="M2591" s="1" t="s">
        <v>5</v>
      </c>
      <c r="N2591" s="1" t="s">
        <v>25</v>
      </c>
      <c r="O2591" s="1" t="s">
        <v>38</v>
      </c>
      <c r="P2591" s="5" t="s">
        <v>29821</v>
      </c>
    </row>
    <row r="2592" spans="1:16" x14ac:dyDescent="0.2">
      <c r="A2592" s="1" t="s">
        <v>194</v>
      </c>
      <c r="B2592" s="1" t="s">
        <v>396</v>
      </c>
      <c r="C2592" s="1" t="s">
        <v>8923</v>
      </c>
      <c r="D2592" s="1" t="s">
        <v>8924</v>
      </c>
      <c r="E2592" s="1" t="s">
        <v>8926</v>
      </c>
      <c r="F2592" s="1" t="s">
        <v>8925</v>
      </c>
      <c r="G2592" s="1" t="s">
        <v>10</v>
      </c>
      <c r="H2592" s="1" t="s">
        <v>8923</v>
      </c>
      <c r="I2592" s="1" t="s">
        <v>8400</v>
      </c>
      <c r="J2592" s="1" t="s">
        <v>12</v>
      </c>
      <c r="K2592" s="1" t="s">
        <v>27</v>
      </c>
      <c r="L2592" s="1" t="s">
        <v>8922</v>
      </c>
      <c r="M2592" s="1" t="s">
        <v>5</v>
      </c>
      <c r="N2592" s="1" t="s">
        <v>6</v>
      </c>
      <c r="O2592" s="1" t="s">
        <v>8</v>
      </c>
      <c r="P2592" s="5" t="s">
        <v>10</v>
      </c>
    </row>
    <row r="2593" spans="1:16" x14ac:dyDescent="0.2">
      <c r="A2593" s="1" t="s">
        <v>10</v>
      </c>
      <c r="B2593" s="1" t="s">
        <v>10</v>
      </c>
      <c r="C2593" s="1" t="s">
        <v>8927</v>
      </c>
      <c r="D2593" s="1" t="s">
        <v>8927</v>
      </c>
      <c r="E2593" s="1" t="s">
        <v>8930</v>
      </c>
      <c r="F2593" s="1" t="s">
        <v>8929</v>
      </c>
      <c r="G2593" s="1" t="s">
        <v>10</v>
      </c>
      <c r="H2593" s="1" t="s">
        <v>8927</v>
      </c>
      <c r="I2593" s="1" t="s">
        <v>8400</v>
      </c>
      <c r="J2593" s="1" t="s">
        <v>13</v>
      </c>
      <c r="K2593" s="1" t="s">
        <v>64</v>
      </c>
      <c r="L2593" s="1" t="s">
        <v>8928</v>
      </c>
      <c r="M2593" s="1" t="s">
        <v>5</v>
      </c>
      <c r="N2593" s="1" t="s">
        <v>6</v>
      </c>
      <c r="O2593" s="1" t="s">
        <v>8</v>
      </c>
      <c r="P2593" s="5" t="s">
        <v>10</v>
      </c>
    </row>
    <row r="2594" spans="1:16" x14ac:dyDescent="0.2">
      <c r="A2594" s="1" t="s">
        <v>10</v>
      </c>
      <c r="B2594" s="1" t="s">
        <v>10</v>
      </c>
      <c r="C2594" s="1" t="s">
        <v>8931</v>
      </c>
      <c r="D2594" s="1" t="s">
        <v>8931</v>
      </c>
      <c r="E2594" s="1" t="s">
        <v>8933</v>
      </c>
      <c r="F2594" s="1" t="s">
        <v>8755</v>
      </c>
      <c r="G2594" s="1" t="s">
        <v>10</v>
      </c>
      <c r="H2594" s="1" t="s">
        <v>8931</v>
      </c>
      <c r="I2594" s="1" t="s">
        <v>8400</v>
      </c>
      <c r="J2594" s="1" t="s">
        <v>13</v>
      </c>
      <c r="K2594" s="1" t="s">
        <v>64</v>
      </c>
      <c r="L2594" s="1" t="s">
        <v>8932</v>
      </c>
      <c r="M2594" s="1" t="s">
        <v>5</v>
      </c>
      <c r="N2594" s="1" t="s">
        <v>6</v>
      </c>
      <c r="O2594" s="1" t="s">
        <v>8</v>
      </c>
      <c r="P2594" s="5" t="s">
        <v>10</v>
      </c>
    </row>
    <row r="2595" spans="1:16" x14ac:dyDescent="0.2">
      <c r="A2595" s="1" t="s">
        <v>10</v>
      </c>
      <c r="B2595" s="1" t="s">
        <v>10</v>
      </c>
      <c r="C2595" s="1" t="s">
        <v>8934</v>
      </c>
      <c r="D2595" s="1" t="s">
        <v>8934</v>
      </c>
      <c r="E2595" s="1" t="s">
        <v>8937</v>
      </c>
      <c r="F2595" s="1" t="s">
        <v>8936</v>
      </c>
      <c r="G2595" s="1" t="s">
        <v>10</v>
      </c>
      <c r="H2595" s="1" t="s">
        <v>8934</v>
      </c>
      <c r="I2595" s="1" t="s">
        <v>8400</v>
      </c>
      <c r="J2595" s="1" t="s">
        <v>13</v>
      </c>
      <c r="K2595" s="1" t="s">
        <v>10</v>
      </c>
      <c r="L2595" s="1" t="s">
        <v>8935</v>
      </c>
      <c r="M2595" s="1" t="s">
        <v>5</v>
      </c>
      <c r="N2595" s="1" t="s">
        <v>6</v>
      </c>
      <c r="O2595" s="1" t="s">
        <v>8</v>
      </c>
      <c r="P2595" s="5" t="s">
        <v>10</v>
      </c>
    </row>
    <row r="2596" spans="1:16" x14ac:dyDescent="0.2">
      <c r="A2596" s="1" t="s">
        <v>10</v>
      </c>
      <c r="B2596" s="1" t="s">
        <v>10</v>
      </c>
      <c r="C2596" s="1" t="s">
        <v>8938</v>
      </c>
      <c r="D2596" s="1" t="s">
        <v>8938</v>
      </c>
      <c r="E2596" s="1" t="s">
        <v>8941</v>
      </c>
      <c r="F2596" s="1" t="s">
        <v>8940</v>
      </c>
      <c r="G2596" s="1" t="s">
        <v>10</v>
      </c>
      <c r="H2596" s="1" t="s">
        <v>8938</v>
      </c>
      <c r="I2596" s="1" t="s">
        <v>8400</v>
      </c>
      <c r="J2596" s="1" t="s">
        <v>13</v>
      </c>
      <c r="K2596" s="1" t="s">
        <v>64</v>
      </c>
      <c r="L2596" s="1" t="s">
        <v>8939</v>
      </c>
      <c r="M2596" s="1" t="s">
        <v>5</v>
      </c>
      <c r="N2596" s="1" t="s">
        <v>6</v>
      </c>
      <c r="O2596" s="1" t="s">
        <v>8</v>
      </c>
      <c r="P2596" s="5" t="s">
        <v>10</v>
      </c>
    </row>
    <row r="2597" spans="1:16" x14ac:dyDescent="0.2">
      <c r="A2597" s="1" t="s">
        <v>329</v>
      </c>
      <c r="B2597" s="1" t="s">
        <v>2120</v>
      </c>
      <c r="C2597" s="1" t="s">
        <v>8942</v>
      </c>
      <c r="D2597" s="1" t="s">
        <v>8942</v>
      </c>
      <c r="E2597" s="1" t="s">
        <v>8945</v>
      </c>
      <c r="F2597" s="1" t="s">
        <v>8944</v>
      </c>
      <c r="G2597" s="1" t="s">
        <v>10</v>
      </c>
      <c r="H2597" s="1" t="s">
        <v>8942</v>
      </c>
      <c r="I2597" s="1" t="s">
        <v>8400</v>
      </c>
      <c r="J2597" s="1" t="s">
        <v>13</v>
      </c>
      <c r="K2597" s="1" t="s">
        <v>7</v>
      </c>
      <c r="L2597" s="1" t="s">
        <v>8943</v>
      </c>
      <c r="M2597" s="1" t="s">
        <v>5</v>
      </c>
      <c r="N2597" s="1" t="s">
        <v>6</v>
      </c>
      <c r="O2597" s="1" t="s">
        <v>8</v>
      </c>
      <c r="P2597" s="5" t="s">
        <v>10</v>
      </c>
    </row>
    <row r="2598" spans="1:16" x14ac:dyDescent="0.2">
      <c r="A2598" s="1" t="s">
        <v>329</v>
      </c>
      <c r="B2598" s="1" t="s">
        <v>1168</v>
      </c>
      <c r="C2598" s="1" t="s">
        <v>8946</v>
      </c>
      <c r="D2598" s="1" t="s">
        <v>8946</v>
      </c>
      <c r="E2598" s="1" t="s">
        <v>8949</v>
      </c>
      <c r="F2598" s="1" t="s">
        <v>8948</v>
      </c>
      <c r="G2598" s="1" t="s">
        <v>10</v>
      </c>
      <c r="H2598" s="1" t="s">
        <v>8946</v>
      </c>
      <c r="I2598" s="1" t="s">
        <v>8400</v>
      </c>
      <c r="J2598" s="1" t="s">
        <v>12</v>
      </c>
      <c r="K2598" s="1" t="s">
        <v>1563</v>
      </c>
      <c r="L2598" s="1" t="s">
        <v>8947</v>
      </c>
      <c r="M2598" s="1" t="s">
        <v>5</v>
      </c>
      <c r="N2598" s="1" t="s">
        <v>6</v>
      </c>
      <c r="O2598" s="1" t="s">
        <v>8</v>
      </c>
      <c r="P2598" s="5" t="s">
        <v>10</v>
      </c>
    </row>
    <row r="2599" spans="1:16" x14ac:dyDescent="0.2">
      <c r="A2599" s="1" t="s">
        <v>329</v>
      </c>
      <c r="B2599" s="1" t="s">
        <v>1168</v>
      </c>
      <c r="C2599" s="1" t="s">
        <v>8950</v>
      </c>
      <c r="D2599" s="1" t="s">
        <v>8950</v>
      </c>
      <c r="E2599" s="1" t="s">
        <v>8949</v>
      </c>
      <c r="F2599" s="1" t="s">
        <v>8948</v>
      </c>
      <c r="G2599" s="1" t="s">
        <v>10</v>
      </c>
      <c r="H2599" s="1" t="s">
        <v>8950</v>
      </c>
      <c r="I2599" s="1" t="s">
        <v>8400</v>
      </c>
      <c r="J2599" s="1" t="s">
        <v>12</v>
      </c>
      <c r="K2599" s="1" t="s">
        <v>1468</v>
      </c>
      <c r="L2599" s="1" t="s">
        <v>8951</v>
      </c>
      <c r="M2599" s="1" t="s">
        <v>5</v>
      </c>
      <c r="N2599" s="1" t="s">
        <v>6</v>
      </c>
      <c r="O2599" s="1" t="s">
        <v>8</v>
      </c>
      <c r="P2599" s="5" t="s">
        <v>10</v>
      </c>
    </row>
    <row r="2600" spans="1:16" x14ac:dyDescent="0.2">
      <c r="A2600" s="1" t="s">
        <v>10</v>
      </c>
      <c r="B2600" s="1" t="s">
        <v>10</v>
      </c>
      <c r="C2600" s="1" t="s">
        <v>8952</v>
      </c>
      <c r="D2600" s="1" t="s">
        <v>8952</v>
      </c>
      <c r="E2600" s="1" t="s">
        <v>8954</v>
      </c>
      <c r="F2600" s="1" t="s">
        <v>2168</v>
      </c>
      <c r="G2600" s="1" t="s">
        <v>10</v>
      </c>
      <c r="H2600" s="1" t="s">
        <v>10</v>
      </c>
      <c r="I2600" s="1" t="s">
        <v>8400</v>
      </c>
      <c r="J2600" s="1" t="s">
        <v>13</v>
      </c>
      <c r="K2600" s="1" t="s">
        <v>1563</v>
      </c>
      <c r="L2600" s="1" t="s">
        <v>8953</v>
      </c>
      <c r="M2600" s="1" t="s">
        <v>5</v>
      </c>
      <c r="N2600" s="1" t="s">
        <v>6</v>
      </c>
      <c r="O2600" s="1" t="s">
        <v>8</v>
      </c>
      <c r="P2600" s="5" t="s">
        <v>10</v>
      </c>
    </row>
    <row r="2601" spans="1:16" x14ac:dyDescent="0.2">
      <c r="A2601" s="1" t="s">
        <v>1385</v>
      </c>
      <c r="B2601" s="1" t="s">
        <v>2028</v>
      </c>
      <c r="C2601" s="1" t="s">
        <v>8955</v>
      </c>
      <c r="D2601" s="1" t="s">
        <v>8955</v>
      </c>
      <c r="E2601" s="1" t="s">
        <v>8958</v>
      </c>
      <c r="F2601" s="1" t="s">
        <v>8957</v>
      </c>
      <c r="G2601" s="1" t="s">
        <v>10</v>
      </c>
      <c r="H2601" s="1" t="s">
        <v>8955</v>
      </c>
      <c r="I2601" s="1" t="s">
        <v>8400</v>
      </c>
      <c r="J2601" s="1" t="s">
        <v>12</v>
      </c>
      <c r="K2601" s="1" t="s">
        <v>64</v>
      </c>
      <c r="L2601" s="1" t="s">
        <v>8956</v>
      </c>
      <c r="M2601" s="1" t="s">
        <v>5</v>
      </c>
      <c r="N2601" s="1" t="s">
        <v>6</v>
      </c>
      <c r="O2601" s="1" t="s">
        <v>8</v>
      </c>
      <c r="P2601" s="5" t="s">
        <v>10</v>
      </c>
    </row>
    <row r="2602" spans="1:16" x14ac:dyDescent="0.2">
      <c r="A2602" s="1" t="s">
        <v>329</v>
      </c>
      <c r="B2602" s="1" t="s">
        <v>596</v>
      </c>
      <c r="C2602" s="1" t="s">
        <v>8961</v>
      </c>
      <c r="D2602" s="1" t="s">
        <v>8962</v>
      </c>
      <c r="E2602" s="1"/>
      <c r="F2602" s="1" t="s">
        <v>10</v>
      </c>
      <c r="G2602" s="1" t="s">
        <v>10</v>
      </c>
      <c r="H2602" s="1" t="s">
        <v>10</v>
      </c>
      <c r="I2602" s="1" t="s">
        <v>8959</v>
      </c>
      <c r="J2602" s="1" t="s">
        <v>19</v>
      </c>
      <c r="K2602" s="1" t="s">
        <v>130</v>
      </c>
      <c r="L2602" s="1" t="s">
        <v>8960</v>
      </c>
      <c r="M2602" s="1" t="s">
        <v>5</v>
      </c>
      <c r="N2602" s="1" t="s">
        <v>25</v>
      </c>
      <c r="O2602" s="1" t="s">
        <v>38</v>
      </c>
      <c r="P2602" s="5" t="s">
        <v>30031</v>
      </c>
    </row>
    <row r="2603" spans="1:16" x14ac:dyDescent="0.2">
      <c r="A2603" s="1" t="s">
        <v>32</v>
      </c>
      <c r="B2603" s="1" t="s">
        <v>33</v>
      </c>
      <c r="C2603" s="1" t="s">
        <v>8964</v>
      </c>
      <c r="D2603" s="1" t="s">
        <v>8965</v>
      </c>
      <c r="E2603" s="1"/>
      <c r="F2603" s="1" t="s">
        <v>10</v>
      </c>
      <c r="G2603" s="1" t="s">
        <v>10</v>
      </c>
      <c r="H2603" s="1" t="s">
        <v>10</v>
      </c>
      <c r="I2603" s="1" t="s">
        <v>8959</v>
      </c>
      <c r="J2603" s="1" t="s">
        <v>19</v>
      </c>
      <c r="K2603" s="1" t="s">
        <v>64</v>
      </c>
      <c r="L2603" s="1" t="s">
        <v>8963</v>
      </c>
      <c r="M2603" s="1" t="s">
        <v>5</v>
      </c>
      <c r="N2603" s="1" t="s">
        <v>25</v>
      </c>
      <c r="O2603" s="1" t="s">
        <v>38</v>
      </c>
      <c r="P2603" s="5" t="s">
        <v>30031</v>
      </c>
    </row>
    <row r="2604" spans="1:16" x14ac:dyDescent="0.2">
      <c r="A2604" s="1" t="s">
        <v>329</v>
      </c>
      <c r="B2604" s="1" t="s">
        <v>1168</v>
      </c>
      <c r="C2604" s="1" t="s">
        <v>8967</v>
      </c>
      <c r="D2604" s="1" t="s">
        <v>8968</v>
      </c>
      <c r="E2604" s="1" t="s">
        <v>8968</v>
      </c>
      <c r="F2604" s="1" t="s">
        <v>10</v>
      </c>
      <c r="G2604" s="1" t="s">
        <v>10</v>
      </c>
      <c r="H2604" s="1" t="s">
        <v>10</v>
      </c>
      <c r="I2604" s="1" t="s">
        <v>8959</v>
      </c>
      <c r="J2604" s="1" t="s">
        <v>19</v>
      </c>
      <c r="K2604" s="1" t="s">
        <v>7</v>
      </c>
      <c r="L2604" s="1" t="s">
        <v>8966</v>
      </c>
      <c r="M2604" s="1" t="s">
        <v>5</v>
      </c>
      <c r="N2604" s="1" t="s">
        <v>25</v>
      </c>
      <c r="O2604" s="1" t="s">
        <v>38</v>
      </c>
      <c r="P2604" s="5" t="s">
        <v>30031</v>
      </c>
    </row>
    <row r="2605" spans="1:16" x14ac:dyDescent="0.2">
      <c r="A2605" s="1" t="s">
        <v>329</v>
      </c>
      <c r="B2605" s="1" t="s">
        <v>330</v>
      </c>
      <c r="C2605" s="1" t="s">
        <v>8971</v>
      </c>
      <c r="D2605" s="1" t="s">
        <v>8972</v>
      </c>
      <c r="E2605" s="1"/>
      <c r="F2605" s="1" t="s">
        <v>10</v>
      </c>
      <c r="G2605" s="1" t="s">
        <v>10</v>
      </c>
      <c r="H2605" s="1" t="s">
        <v>10</v>
      </c>
      <c r="I2605" s="1" t="s">
        <v>8959</v>
      </c>
      <c r="J2605" s="1" t="s">
        <v>19</v>
      </c>
      <c r="K2605" s="1" t="s">
        <v>6533</v>
      </c>
      <c r="L2605" s="1" t="s">
        <v>8970</v>
      </c>
      <c r="M2605" s="1" t="s">
        <v>5</v>
      </c>
      <c r="N2605" s="1" t="s">
        <v>25</v>
      </c>
      <c r="O2605" s="1" t="s">
        <v>38</v>
      </c>
      <c r="P2605" s="5" t="s">
        <v>30031</v>
      </c>
    </row>
    <row r="2606" spans="1:16" x14ac:dyDescent="0.2">
      <c r="A2606" s="1" t="s">
        <v>329</v>
      </c>
      <c r="B2606" s="1" t="s">
        <v>330</v>
      </c>
      <c r="C2606" s="1" t="s">
        <v>8974</v>
      </c>
      <c r="D2606" s="1" t="s">
        <v>8975</v>
      </c>
      <c r="E2606" s="1"/>
      <c r="F2606" s="1" t="s">
        <v>10</v>
      </c>
      <c r="G2606" s="1" t="s">
        <v>10</v>
      </c>
      <c r="H2606" s="1" t="s">
        <v>10</v>
      </c>
      <c r="I2606" s="1" t="s">
        <v>8959</v>
      </c>
      <c r="J2606" s="1" t="s">
        <v>19</v>
      </c>
      <c r="K2606" s="1" t="s">
        <v>6533</v>
      </c>
      <c r="L2606" s="1" t="s">
        <v>8973</v>
      </c>
      <c r="M2606" s="1" t="s">
        <v>5</v>
      </c>
      <c r="N2606" s="1" t="s">
        <v>25</v>
      </c>
      <c r="O2606" s="1" t="s">
        <v>38</v>
      </c>
      <c r="P2606" s="5" t="s">
        <v>30031</v>
      </c>
    </row>
    <row r="2607" spans="1:16" x14ac:dyDescent="0.2">
      <c r="A2607" s="1" t="s">
        <v>329</v>
      </c>
      <c r="B2607" s="1" t="s">
        <v>691</v>
      </c>
      <c r="C2607" s="1" t="s">
        <v>8977</v>
      </c>
      <c r="D2607" s="1" t="s">
        <v>8977</v>
      </c>
      <c r="E2607" s="1"/>
      <c r="F2607" s="1" t="s">
        <v>27</v>
      </c>
      <c r="G2607" s="1" t="s">
        <v>10</v>
      </c>
      <c r="H2607" s="1" t="s">
        <v>57</v>
      </c>
      <c r="I2607" s="1" t="s">
        <v>8959</v>
      </c>
      <c r="J2607" s="1" t="s">
        <v>19</v>
      </c>
      <c r="K2607" s="1" t="s">
        <v>47</v>
      </c>
      <c r="L2607" s="1" t="s">
        <v>8976</v>
      </c>
      <c r="M2607" s="1" t="s">
        <v>5</v>
      </c>
      <c r="N2607" s="1" t="s">
        <v>25</v>
      </c>
      <c r="O2607" s="1" t="s">
        <v>8</v>
      </c>
      <c r="P2607" s="5" t="s">
        <v>30032</v>
      </c>
    </row>
    <row r="2608" spans="1:16" x14ac:dyDescent="0.2">
      <c r="A2608" s="1" t="s">
        <v>66</v>
      </c>
      <c r="B2608" s="1" t="s">
        <v>1117</v>
      </c>
      <c r="C2608" s="1" t="s">
        <v>8979</v>
      </c>
      <c r="D2608" s="1" t="s">
        <v>8979</v>
      </c>
      <c r="E2608" s="1"/>
      <c r="F2608" s="1" t="s">
        <v>10</v>
      </c>
      <c r="G2608" s="1" t="s">
        <v>10</v>
      </c>
      <c r="H2608" s="1" t="s">
        <v>10</v>
      </c>
      <c r="I2608" s="1" t="s">
        <v>8959</v>
      </c>
      <c r="J2608" s="1" t="s">
        <v>19</v>
      </c>
      <c r="K2608" s="1" t="s">
        <v>6533</v>
      </c>
      <c r="L2608" s="1" t="s">
        <v>8978</v>
      </c>
      <c r="M2608" s="1" t="s">
        <v>5</v>
      </c>
      <c r="N2608" s="1" t="s">
        <v>25</v>
      </c>
      <c r="O2608" s="1" t="s">
        <v>38</v>
      </c>
      <c r="P2608" s="5" t="s">
        <v>30031</v>
      </c>
    </row>
    <row r="2609" spans="1:16" x14ac:dyDescent="0.2">
      <c r="A2609" s="1" t="s">
        <v>20</v>
      </c>
      <c r="B2609" s="1" t="s">
        <v>172</v>
      </c>
      <c r="C2609" s="1" t="s">
        <v>8985</v>
      </c>
      <c r="D2609" s="1" t="s">
        <v>8985</v>
      </c>
      <c r="E2609" s="1"/>
      <c r="F2609" s="1" t="s">
        <v>27</v>
      </c>
      <c r="G2609" s="1" t="s">
        <v>10</v>
      </c>
      <c r="H2609" s="1" t="s">
        <v>8987</v>
      </c>
      <c r="I2609" s="1" t="s">
        <v>8959</v>
      </c>
      <c r="J2609" s="1" t="s">
        <v>8986</v>
      </c>
      <c r="K2609" s="1" t="s">
        <v>747</v>
      </c>
      <c r="L2609" s="1" t="s">
        <v>8984</v>
      </c>
      <c r="M2609" s="1" t="s">
        <v>5</v>
      </c>
      <c r="N2609" s="1" t="s">
        <v>6</v>
      </c>
      <c r="O2609" s="1" t="s">
        <v>8</v>
      </c>
      <c r="P2609" s="5" t="s">
        <v>31327</v>
      </c>
    </row>
    <row r="2610" spans="1:16" x14ac:dyDescent="0.2">
      <c r="A2610" s="1" t="s">
        <v>487</v>
      </c>
      <c r="B2610" s="1" t="s">
        <v>488</v>
      </c>
      <c r="C2610" s="1" t="s">
        <v>8989</v>
      </c>
      <c r="D2610" s="1" t="s">
        <v>1107</v>
      </c>
      <c r="E2610" s="1"/>
      <c r="F2610" s="1" t="s">
        <v>522</v>
      </c>
      <c r="G2610" s="1" t="s">
        <v>10</v>
      </c>
      <c r="H2610" s="1" t="s">
        <v>8990</v>
      </c>
      <c r="I2610" s="1" t="s">
        <v>8959</v>
      </c>
      <c r="J2610" s="1" t="s">
        <v>19</v>
      </c>
      <c r="K2610" s="1" t="s">
        <v>64</v>
      </c>
      <c r="L2610" s="1" t="s">
        <v>8988</v>
      </c>
      <c r="M2610" s="1" t="s">
        <v>5</v>
      </c>
      <c r="N2610" s="1" t="s">
        <v>25</v>
      </c>
      <c r="O2610" s="1" t="s">
        <v>8</v>
      </c>
      <c r="P2610" s="5" t="s">
        <v>31327</v>
      </c>
    </row>
    <row r="2611" spans="1:16" x14ac:dyDescent="0.2">
      <c r="A2611" s="1" t="s">
        <v>32</v>
      </c>
      <c r="B2611" s="1" t="s">
        <v>7383</v>
      </c>
      <c r="C2611" s="1" t="s">
        <v>8992</v>
      </c>
      <c r="D2611" s="1" t="s">
        <v>8992</v>
      </c>
      <c r="E2611" s="1"/>
      <c r="F2611" s="1" t="s">
        <v>10</v>
      </c>
      <c r="G2611" s="1" t="s">
        <v>10</v>
      </c>
      <c r="H2611" s="1" t="s">
        <v>10</v>
      </c>
      <c r="I2611" s="1" t="s">
        <v>8959</v>
      </c>
      <c r="J2611" s="1" t="s">
        <v>19</v>
      </c>
      <c r="K2611" s="1" t="s">
        <v>7</v>
      </c>
      <c r="L2611" s="1" t="s">
        <v>8991</v>
      </c>
      <c r="M2611" s="1" t="s">
        <v>5</v>
      </c>
      <c r="N2611" s="1" t="s">
        <v>25</v>
      </c>
      <c r="O2611" s="1" t="s">
        <v>38</v>
      </c>
      <c r="P2611" s="5" t="s">
        <v>30031</v>
      </c>
    </row>
    <row r="2612" spans="1:16" x14ac:dyDescent="0.2">
      <c r="A2612" s="1" t="s">
        <v>20</v>
      </c>
      <c r="B2612" s="1" t="s">
        <v>132</v>
      </c>
      <c r="C2612" s="1" t="s">
        <v>8994</v>
      </c>
      <c r="D2612" s="1" t="s">
        <v>8995</v>
      </c>
      <c r="E2612" s="1" t="s">
        <v>8996</v>
      </c>
      <c r="F2612" s="1" t="s">
        <v>10</v>
      </c>
      <c r="G2612" s="1" t="s">
        <v>10</v>
      </c>
      <c r="H2612" s="1" t="s">
        <v>10</v>
      </c>
      <c r="I2612" s="1" t="s">
        <v>8959</v>
      </c>
      <c r="J2612" s="1" t="s">
        <v>19</v>
      </c>
      <c r="K2612" s="1" t="s">
        <v>100</v>
      </c>
      <c r="L2612" s="1" t="s">
        <v>8993</v>
      </c>
      <c r="M2612" s="1" t="s">
        <v>5</v>
      </c>
      <c r="N2612" s="1" t="s">
        <v>25</v>
      </c>
      <c r="O2612" s="1" t="s">
        <v>38</v>
      </c>
      <c r="P2612" s="5" t="s">
        <v>30031</v>
      </c>
    </row>
    <row r="2613" spans="1:16" x14ac:dyDescent="0.2">
      <c r="A2613" s="1" t="s">
        <v>20</v>
      </c>
      <c r="B2613" s="1" t="s">
        <v>21</v>
      </c>
      <c r="C2613" s="1" t="s">
        <v>8998</v>
      </c>
      <c r="D2613" s="1" t="s">
        <v>286</v>
      </c>
      <c r="E2613" s="1"/>
      <c r="F2613" s="1" t="s">
        <v>522</v>
      </c>
      <c r="G2613" s="1" t="s">
        <v>668</v>
      </c>
      <c r="H2613" s="1" t="s">
        <v>10</v>
      </c>
      <c r="I2613" s="1" t="s">
        <v>8959</v>
      </c>
      <c r="J2613" s="1" t="s">
        <v>19</v>
      </c>
      <c r="K2613" s="1" t="s">
        <v>8999</v>
      </c>
      <c r="L2613" s="1" t="s">
        <v>8997</v>
      </c>
      <c r="M2613" s="1" t="s">
        <v>5</v>
      </c>
      <c r="N2613" s="1" t="s">
        <v>25</v>
      </c>
      <c r="O2613" s="1" t="s">
        <v>8</v>
      </c>
      <c r="P2613" s="5" t="s">
        <v>30033</v>
      </c>
    </row>
    <row r="2614" spans="1:16" x14ac:dyDescent="0.2">
      <c r="A2614" s="1" t="s">
        <v>20</v>
      </c>
      <c r="B2614" s="1" t="s">
        <v>21</v>
      </c>
      <c r="C2614" s="1" t="s">
        <v>9001</v>
      </c>
      <c r="D2614" s="1" t="s">
        <v>9002</v>
      </c>
      <c r="E2614" s="1"/>
      <c r="F2614" s="1" t="s">
        <v>10</v>
      </c>
      <c r="G2614" s="1" t="s">
        <v>10</v>
      </c>
      <c r="H2614" s="1" t="s">
        <v>10</v>
      </c>
      <c r="I2614" s="1" t="s">
        <v>8959</v>
      </c>
      <c r="J2614" s="1" t="s">
        <v>19</v>
      </c>
      <c r="K2614" s="1" t="s">
        <v>47</v>
      </c>
      <c r="L2614" s="1" t="s">
        <v>9000</v>
      </c>
      <c r="M2614" s="1" t="s">
        <v>5</v>
      </c>
      <c r="N2614" s="1" t="s">
        <v>25</v>
      </c>
      <c r="O2614" s="1" t="s">
        <v>38</v>
      </c>
      <c r="P2614" s="5" t="s">
        <v>30031</v>
      </c>
    </row>
    <row r="2615" spans="1:16" x14ac:dyDescent="0.2">
      <c r="A2615" s="1" t="s">
        <v>20</v>
      </c>
      <c r="B2615" s="1" t="s">
        <v>253</v>
      </c>
      <c r="C2615" s="1" t="s">
        <v>617</v>
      </c>
      <c r="D2615" s="1" t="s">
        <v>617</v>
      </c>
      <c r="E2615" s="1"/>
      <c r="F2615" s="1" t="s">
        <v>27</v>
      </c>
      <c r="G2615" s="1" t="s">
        <v>10</v>
      </c>
      <c r="H2615" s="1" t="s">
        <v>9004</v>
      </c>
      <c r="I2615" s="1" t="s">
        <v>8959</v>
      </c>
      <c r="J2615" s="1" t="s">
        <v>19</v>
      </c>
      <c r="K2615" s="1" t="s">
        <v>37</v>
      </c>
      <c r="L2615" s="1" t="s">
        <v>9003</v>
      </c>
      <c r="M2615" s="1" t="s">
        <v>5</v>
      </c>
      <c r="N2615" s="1" t="s">
        <v>6</v>
      </c>
      <c r="O2615" s="1" t="s">
        <v>8</v>
      </c>
      <c r="P2615" s="5" t="s">
        <v>31328</v>
      </c>
    </row>
    <row r="2616" spans="1:16" x14ac:dyDescent="0.2">
      <c r="A2616" s="1" t="s">
        <v>20</v>
      </c>
      <c r="B2616" s="1" t="s">
        <v>253</v>
      </c>
      <c r="C2616" s="1" t="s">
        <v>8980</v>
      </c>
      <c r="D2616" s="1" t="s">
        <v>8981</v>
      </c>
      <c r="E2616" s="1"/>
      <c r="F2616" s="1" t="s">
        <v>10</v>
      </c>
      <c r="G2616" s="1" t="s">
        <v>10</v>
      </c>
      <c r="H2616" s="1" t="s">
        <v>10</v>
      </c>
      <c r="I2616" s="1" t="s">
        <v>8959</v>
      </c>
      <c r="J2616" s="1" t="s">
        <v>8986</v>
      </c>
      <c r="K2616" s="1" t="s">
        <v>3857</v>
      </c>
      <c r="L2616" s="1" t="s">
        <v>9005</v>
      </c>
      <c r="M2616" s="1" t="s">
        <v>5</v>
      </c>
      <c r="N2616" s="1" t="s">
        <v>6</v>
      </c>
      <c r="O2616" s="1" t="s">
        <v>38</v>
      </c>
      <c r="P2616" s="5" t="s">
        <v>31329</v>
      </c>
    </row>
    <row r="2617" spans="1:16" x14ac:dyDescent="0.2">
      <c r="A2617" s="1" t="s">
        <v>20</v>
      </c>
      <c r="B2617" s="1" t="s">
        <v>445</v>
      </c>
      <c r="C2617" s="1" t="s">
        <v>9007</v>
      </c>
      <c r="D2617" s="1" t="s">
        <v>9007</v>
      </c>
      <c r="E2617" s="1"/>
      <c r="F2617" s="1" t="s">
        <v>9007</v>
      </c>
      <c r="G2617" s="1" t="s">
        <v>10</v>
      </c>
      <c r="H2617" s="1" t="s">
        <v>9007</v>
      </c>
      <c r="I2617" s="1" t="s">
        <v>8959</v>
      </c>
      <c r="J2617" s="1" t="s">
        <v>10</v>
      </c>
      <c r="K2617" s="1" t="s">
        <v>64</v>
      </c>
      <c r="L2617" s="1" t="s">
        <v>9006</v>
      </c>
      <c r="M2617" s="1" t="s">
        <v>5</v>
      </c>
      <c r="N2617" s="1" t="s">
        <v>6</v>
      </c>
      <c r="O2617" s="1" t="s">
        <v>8</v>
      </c>
      <c r="P2617" s="5" t="s">
        <v>10</v>
      </c>
    </row>
    <row r="2618" spans="1:16" x14ac:dyDescent="0.2">
      <c r="A2618" s="1" t="s">
        <v>329</v>
      </c>
      <c r="B2618" s="1" t="s">
        <v>8417</v>
      </c>
      <c r="C2618" s="1" t="s">
        <v>9009</v>
      </c>
      <c r="D2618" s="1" t="s">
        <v>9009</v>
      </c>
      <c r="E2618" s="1"/>
      <c r="F2618" s="1" t="s">
        <v>27</v>
      </c>
      <c r="G2618" s="1" t="s">
        <v>10</v>
      </c>
      <c r="H2618" s="1" t="s">
        <v>5218</v>
      </c>
      <c r="I2618" s="1" t="s">
        <v>8959</v>
      </c>
      <c r="J2618" s="1" t="s">
        <v>9010</v>
      </c>
      <c r="K2618" s="1" t="s">
        <v>747</v>
      </c>
      <c r="L2618" s="1" t="s">
        <v>9008</v>
      </c>
      <c r="M2618" s="1" t="s">
        <v>5</v>
      </c>
      <c r="N2618" s="1" t="s">
        <v>6</v>
      </c>
      <c r="O2618" s="1" t="s">
        <v>8</v>
      </c>
      <c r="P2618" s="5" t="s">
        <v>31330</v>
      </c>
    </row>
    <row r="2619" spans="1:16" x14ac:dyDescent="0.2">
      <c r="A2619" s="1" t="s">
        <v>487</v>
      </c>
      <c r="B2619" s="1" t="s">
        <v>1651</v>
      </c>
      <c r="C2619" s="1" t="s">
        <v>8724</v>
      </c>
      <c r="D2619" s="1" t="s">
        <v>8724</v>
      </c>
      <c r="E2619" s="1" t="s">
        <v>9012</v>
      </c>
      <c r="F2619" s="1" t="s">
        <v>522</v>
      </c>
      <c r="G2619" s="1" t="s">
        <v>1167</v>
      </c>
      <c r="H2619" s="1" t="s">
        <v>10</v>
      </c>
      <c r="I2619" s="1" t="s">
        <v>8959</v>
      </c>
      <c r="J2619" s="1" t="s">
        <v>19</v>
      </c>
      <c r="K2619" s="1" t="s">
        <v>64</v>
      </c>
      <c r="L2619" s="1" t="s">
        <v>9011</v>
      </c>
      <c r="M2619" s="1" t="s">
        <v>5</v>
      </c>
      <c r="N2619" s="1" t="s">
        <v>6</v>
      </c>
      <c r="O2619" s="1" t="s">
        <v>8</v>
      </c>
      <c r="P2619" s="5" t="s">
        <v>30032</v>
      </c>
    </row>
    <row r="2620" spans="1:16" x14ac:dyDescent="0.2">
      <c r="A2620" s="1" t="s">
        <v>423</v>
      </c>
      <c r="B2620" s="1" t="s">
        <v>9015</v>
      </c>
      <c r="C2620" s="1" t="s">
        <v>2026</v>
      </c>
      <c r="D2620" s="1" t="s">
        <v>2027</v>
      </c>
      <c r="E2620" s="1"/>
      <c r="F2620" s="1" t="s">
        <v>27</v>
      </c>
      <c r="G2620" s="1" t="s">
        <v>10</v>
      </c>
      <c r="H2620" s="1" t="s">
        <v>9014</v>
      </c>
      <c r="I2620" s="1" t="s">
        <v>8959</v>
      </c>
      <c r="J2620" s="1" t="s">
        <v>19</v>
      </c>
      <c r="K2620" s="1" t="s">
        <v>64</v>
      </c>
      <c r="L2620" s="1" t="s">
        <v>9013</v>
      </c>
      <c r="M2620" s="1" t="s">
        <v>5</v>
      </c>
      <c r="N2620" s="1" t="s">
        <v>960</v>
      </c>
      <c r="O2620" s="1" t="s">
        <v>8</v>
      </c>
      <c r="P2620" s="5" t="s">
        <v>31331</v>
      </c>
    </row>
    <row r="2621" spans="1:16" x14ac:dyDescent="0.2">
      <c r="A2621" s="1" t="s">
        <v>20</v>
      </c>
      <c r="B2621" s="1" t="s">
        <v>4373</v>
      </c>
      <c r="C2621" s="1" t="s">
        <v>9017</v>
      </c>
      <c r="D2621" s="1" t="s">
        <v>9017</v>
      </c>
      <c r="E2621" s="1" t="s">
        <v>9018</v>
      </c>
      <c r="F2621" s="1" t="s">
        <v>10</v>
      </c>
      <c r="G2621" s="1" t="s">
        <v>10</v>
      </c>
      <c r="H2621" s="1" t="s">
        <v>9019</v>
      </c>
      <c r="I2621" s="1" t="s">
        <v>8959</v>
      </c>
      <c r="J2621" s="1" t="s">
        <v>10</v>
      </c>
      <c r="K2621" s="1" t="s">
        <v>7</v>
      </c>
      <c r="L2621" s="1" t="s">
        <v>9016</v>
      </c>
      <c r="M2621" s="1" t="s">
        <v>5</v>
      </c>
      <c r="N2621" s="1" t="s">
        <v>1597</v>
      </c>
      <c r="O2621" s="1" t="s">
        <v>8</v>
      </c>
      <c r="P2621" s="5" t="s">
        <v>10</v>
      </c>
    </row>
    <row r="2622" spans="1:16" x14ac:dyDescent="0.2">
      <c r="A2622" s="1" t="s">
        <v>1086</v>
      </c>
      <c r="B2622" s="1" t="s">
        <v>4754</v>
      </c>
      <c r="C2622" s="1" t="s">
        <v>9021</v>
      </c>
      <c r="D2622" s="1" t="s">
        <v>9022</v>
      </c>
      <c r="E2622" s="1" t="s">
        <v>9025</v>
      </c>
      <c r="F2622" s="1" t="s">
        <v>9023</v>
      </c>
      <c r="G2622" s="1" t="s">
        <v>10</v>
      </c>
      <c r="H2622" s="1" t="s">
        <v>9026</v>
      </c>
      <c r="I2622" s="1" t="s">
        <v>8959</v>
      </c>
      <c r="J2622" s="1" t="s">
        <v>9024</v>
      </c>
      <c r="K2622" s="1" t="s">
        <v>6533</v>
      </c>
      <c r="L2622" s="1" t="s">
        <v>9020</v>
      </c>
      <c r="M2622" s="1" t="s">
        <v>5</v>
      </c>
      <c r="N2622" s="1" t="s">
        <v>1597</v>
      </c>
      <c r="O2622" s="1" t="s">
        <v>8</v>
      </c>
      <c r="P2622" s="5" t="s">
        <v>30034</v>
      </c>
    </row>
    <row r="2623" spans="1:16" x14ac:dyDescent="0.2">
      <c r="A2623" s="1" t="s">
        <v>20</v>
      </c>
      <c r="B2623" s="1" t="s">
        <v>132</v>
      </c>
      <c r="C2623" s="1" t="s">
        <v>9028</v>
      </c>
      <c r="D2623" s="1" t="s">
        <v>9028</v>
      </c>
      <c r="E2623" s="1"/>
      <c r="F2623" s="1" t="s">
        <v>10</v>
      </c>
      <c r="G2623" s="1" t="s">
        <v>10</v>
      </c>
      <c r="H2623" s="1" t="s">
        <v>10</v>
      </c>
      <c r="I2623" s="1" t="s">
        <v>8959</v>
      </c>
      <c r="J2623" s="1" t="s">
        <v>19</v>
      </c>
      <c r="K2623" s="1" t="s">
        <v>130</v>
      </c>
      <c r="L2623" s="1" t="s">
        <v>9027</v>
      </c>
      <c r="M2623" s="1" t="s">
        <v>5</v>
      </c>
      <c r="N2623" s="1" t="s">
        <v>25</v>
      </c>
      <c r="O2623" s="1" t="s">
        <v>38</v>
      </c>
      <c r="P2623" s="5" t="s">
        <v>30031</v>
      </c>
    </row>
    <row r="2624" spans="1:16" x14ac:dyDescent="0.2">
      <c r="A2624" s="1" t="s">
        <v>329</v>
      </c>
      <c r="B2624" s="1" t="s">
        <v>596</v>
      </c>
      <c r="C2624" s="1" t="s">
        <v>9030</v>
      </c>
      <c r="D2624" s="1" t="s">
        <v>9031</v>
      </c>
      <c r="E2624" s="1"/>
      <c r="F2624" s="1" t="s">
        <v>10</v>
      </c>
      <c r="G2624" s="1" t="s">
        <v>10</v>
      </c>
      <c r="H2624" s="1" t="s">
        <v>10</v>
      </c>
      <c r="I2624" s="1" t="s">
        <v>8959</v>
      </c>
      <c r="J2624" s="1" t="s">
        <v>19</v>
      </c>
      <c r="K2624" s="1" t="s">
        <v>6533</v>
      </c>
      <c r="L2624" s="1" t="s">
        <v>9029</v>
      </c>
      <c r="M2624" s="1" t="s">
        <v>5</v>
      </c>
      <c r="N2624" s="1" t="s">
        <v>25</v>
      </c>
      <c r="O2624" s="1" t="s">
        <v>38</v>
      </c>
      <c r="P2624" s="5" t="s">
        <v>30031</v>
      </c>
    </row>
    <row r="2625" spans="1:16" x14ac:dyDescent="0.2">
      <c r="A2625" s="1" t="s">
        <v>20</v>
      </c>
      <c r="B2625" s="1" t="s">
        <v>21</v>
      </c>
      <c r="C2625" s="1" t="s">
        <v>9033</v>
      </c>
      <c r="D2625" s="1" t="s">
        <v>9034</v>
      </c>
      <c r="E2625" s="1"/>
      <c r="F2625" s="1" t="s">
        <v>522</v>
      </c>
      <c r="G2625" s="1" t="s">
        <v>10</v>
      </c>
      <c r="H2625" s="1" t="s">
        <v>8983</v>
      </c>
      <c r="I2625" s="1" t="s">
        <v>8959</v>
      </c>
      <c r="J2625" s="1" t="s">
        <v>19</v>
      </c>
      <c r="K2625" s="1" t="s">
        <v>8999</v>
      </c>
      <c r="L2625" s="1" t="s">
        <v>9032</v>
      </c>
      <c r="M2625" s="1" t="s">
        <v>5</v>
      </c>
      <c r="N2625" s="1" t="s">
        <v>25</v>
      </c>
      <c r="O2625" s="1" t="s">
        <v>8</v>
      </c>
      <c r="P2625" s="5" t="s">
        <v>30033</v>
      </c>
    </row>
    <row r="2626" spans="1:16" x14ac:dyDescent="0.2">
      <c r="A2626" s="1" t="s">
        <v>329</v>
      </c>
      <c r="B2626" s="1" t="s">
        <v>596</v>
      </c>
      <c r="C2626" s="1" t="s">
        <v>9036</v>
      </c>
      <c r="D2626" s="1" t="s">
        <v>9036</v>
      </c>
      <c r="E2626" s="1"/>
      <c r="F2626" s="1" t="s">
        <v>10</v>
      </c>
      <c r="G2626" s="1" t="s">
        <v>10</v>
      </c>
      <c r="H2626" s="1" t="s">
        <v>10</v>
      </c>
      <c r="I2626" s="1" t="s">
        <v>8959</v>
      </c>
      <c r="J2626" s="1" t="s">
        <v>19</v>
      </c>
      <c r="K2626" s="1" t="s">
        <v>6533</v>
      </c>
      <c r="L2626" s="1" t="s">
        <v>9035</v>
      </c>
      <c r="M2626" s="1" t="s">
        <v>5</v>
      </c>
      <c r="N2626" s="1" t="s">
        <v>25</v>
      </c>
      <c r="O2626" s="1" t="s">
        <v>38</v>
      </c>
      <c r="P2626" s="5" t="s">
        <v>30031</v>
      </c>
    </row>
    <row r="2627" spans="1:16" x14ac:dyDescent="0.2">
      <c r="A2627" s="1" t="s">
        <v>20</v>
      </c>
      <c r="B2627" s="1" t="s">
        <v>253</v>
      </c>
      <c r="C2627" s="1" t="s">
        <v>9038</v>
      </c>
      <c r="D2627" s="1" t="s">
        <v>9039</v>
      </c>
      <c r="E2627" s="1"/>
      <c r="F2627" s="1" t="s">
        <v>10</v>
      </c>
      <c r="G2627" s="1" t="s">
        <v>10</v>
      </c>
      <c r="H2627" s="1" t="s">
        <v>10</v>
      </c>
      <c r="I2627" s="1" t="s">
        <v>8959</v>
      </c>
      <c r="J2627" s="1" t="s">
        <v>19</v>
      </c>
      <c r="K2627" s="1" t="s">
        <v>747</v>
      </c>
      <c r="L2627" s="1" t="s">
        <v>9037</v>
      </c>
      <c r="M2627" s="1" t="s">
        <v>5</v>
      </c>
      <c r="N2627" s="1" t="s">
        <v>25</v>
      </c>
      <c r="O2627" s="1" t="s">
        <v>38</v>
      </c>
      <c r="P2627" s="5" t="s">
        <v>30031</v>
      </c>
    </row>
    <row r="2628" spans="1:16" x14ac:dyDescent="0.2">
      <c r="A2628" s="1" t="s">
        <v>20</v>
      </c>
      <c r="B2628" s="1" t="s">
        <v>302</v>
      </c>
      <c r="C2628" s="1" t="s">
        <v>9041</v>
      </c>
      <c r="D2628" s="1" t="s">
        <v>9041</v>
      </c>
      <c r="E2628" s="1"/>
      <c r="F2628" s="1" t="s">
        <v>10</v>
      </c>
      <c r="G2628" s="1" t="s">
        <v>10</v>
      </c>
      <c r="H2628" s="1" t="s">
        <v>10</v>
      </c>
      <c r="I2628" s="1" t="s">
        <v>8959</v>
      </c>
      <c r="J2628" s="1" t="s">
        <v>19</v>
      </c>
      <c r="K2628" s="1" t="s">
        <v>6533</v>
      </c>
      <c r="L2628" s="1" t="s">
        <v>9040</v>
      </c>
      <c r="M2628" s="1" t="s">
        <v>5</v>
      </c>
      <c r="N2628" s="1" t="s">
        <v>25</v>
      </c>
      <c r="O2628" s="1" t="s">
        <v>38</v>
      </c>
      <c r="P2628" s="5" t="s">
        <v>30031</v>
      </c>
    </row>
    <row r="2629" spans="1:16" x14ac:dyDescent="0.2">
      <c r="A2629" s="1" t="s">
        <v>32</v>
      </c>
      <c r="B2629" s="1" t="s">
        <v>140</v>
      </c>
      <c r="C2629" s="1" t="s">
        <v>9043</v>
      </c>
      <c r="D2629" s="1" t="s">
        <v>9043</v>
      </c>
      <c r="E2629" s="1"/>
      <c r="F2629" s="1" t="s">
        <v>10</v>
      </c>
      <c r="G2629" s="1" t="s">
        <v>10</v>
      </c>
      <c r="H2629" s="1" t="s">
        <v>10</v>
      </c>
      <c r="I2629" s="1" t="s">
        <v>8959</v>
      </c>
      <c r="J2629" s="1" t="s">
        <v>19</v>
      </c>
      <c r="K2629" s="1" t="s">
        <v>6533</v>
      </c>
      <c r="L2629" s="1" t="s">
        <v>9042</v>
      </c>
      <c r="M2629" s="1" t="s">
        <v>5</v>
      </c>
      <c r="N2629" s="1" t="s">
        <v>25</v>
      </c>
      <c r="O2629" s="1" t="s">
        <v>38</v>
      </c>
      <c r="P2629" s="5" t="s">
        <v>30031</v>
      </c>
    </row>
    <row r="2630" spans="1:16" x14ac:dyDescent="0.2">
      <c r="A2630" s="1" t="s">
        <v>20</v>
      </c>
      <c r="B2630" s="1" t="s">
        <v>1047</v>
      </c>
      <c r="C2630" s="1" t="s">
        <v>9045</v>
      </c>
      <c r="D2630" s="1" t="s">
        <v>9045</v>
      </c>
      <c r="E2630" s="1"/>
      <c r="F2630" s="1" t="s">
        <v>10</v>
      </c>
      <c r="G2630" s="1" t="s">
        <v>10</v>
      </c>
      <c r="H2630" s="1" t="s">
        <v>10</v>
      </c>
      <c r="I2630" s="1" t="s">
        <v>8959</v>
      </c>
      <c r="J2630" s="1" t="s">
        <v>19</v>
      </c>
      <c r="K2630" s="1" t="s">
        <v>6533</v>
      </c>
      <c r="L2630" s="1" t="s">
        <v>9044</v>
      </c>
      <c r="M2630" s="1" t="s">
        <v>5</v>
      </c>
      <c r="N2630" s="1" t="s">
        <v>25</v>
      </c>
      <c r="O2630" s="1" t="s">
        <v>38</v>
      </c>
      <c r="P2630" s="5" t="s">
        <v>30031</v>
      </c>
    </row>
    <row r="2631" spans="1:16" x14ac:dyDescent="0.2">
      <c r="A2631" s="1" t="s">
        <v>329</v>
      </c>
      <c r="B2631" s="1" t="s">
        <v>596</v>
      </c>
      <c r="C2631" s="1" t="s">
        <v>9047</v>
      </c>
      <c r="D2631" s="1" t="s">
        <v>9047</v>
      </c>
      <c r="E2631" s="1"/>
      <c r="F2631" s="1" t="s">
        <v>10</v>
      </c>
      <c r="G2631" s="1" t="s">
        <v>10</v>
      </c>
      <c r="H2631" s="1" t="s">
        <v>10</v>
      </c>
      <c r="I2631" s="1" t="s">
        <v>8959</v>
      </c>
      <c r="J2631" s="1" t="s">
        <v>19</v>
      </c>
      <c r="K2631" s="1" t="s">
        <v>6533</v>
      </c>
      <c r="L2631" s="1" t="s">
        <v>9046</v>
      </c>
      <c r="M2631" s="1" t="s">
        <v>5</v>
      </c>
      <c r="N2631" s="1" t="s">
        <v>25</v>
      </c>
      <c r="O2631" s="1" t="s">
        <v>38</v>
      </c>
      <c r="P2631" s="5" t="s">
        <v>30031</v>
      </c>
    </row>
    <row r="2632" spans="1:16" x14ac:dyDescent="0.2">
      <c r="A2632" s="1" t="s">
        <v>20</v>
      </c>
      <c r="B2632" s="1" t="s">
        <v>172</v>
      </c>
      <c r="C2632" s="1" t="s">
        <v>9049</v>
      </c>
      <c r="D2632" s="1" t="s">
        <v>9050</v>
      </c>
      <c r="E2632" s="1"/>
      <c r="F2632" s="1" t="s">
        <v>27</v>
      </c>
      <c r="G2632" s="1" t="s">
        <v>1042</v>
      </c>
      <c r="H2632" s="1" t="s">
        <v>9051</v>
      </c>
      <c r="I2632" s="1" t="s">
        <v>8959</v>
      </c>
      <c r="J2632" s="1" t="s">
        <v>19</v>
      </c>
      <c r="K2632" s="1" t="s">
        <v>8982</v>
      </c>
      <c r="L2632" s="1" t="s">
        <v>9048</v>
      </c>
      <c r="M2632" s="1" t="s">
        <v>5</v>
      </c>
      <c r="N2632" s="1" t="s">
        <v>25</v>
      </c>
      <c r="O2632" s="1" t="s">
        <v>8</v>
      </c>
      <c r="P2632" s="5" t="s">
        <v>30035</v>
      </c>
    </row>
    <row r="2633" spans="1:16" x14ac:dyDescent="0.2">
      <c r="A2633" s="1" t="s">
        <v>42</v>
      </c>
      <c r="B2633" s="1" t="s">
        <v>966</v>
      </c>
      <c r="C2633" s="1" t="s">
        <v>9053</v>
      </c>
      <c r="D2633" s="1" t="s">
        <v>359</v>
      </c>
      <c r="E2633" s="1"/>
      <c r="F2633" s="1" t="s">
        <v>10</v>
      </c>
      <c r="G2633" s="1" t="s">
        <v>10</v>
      </c>
      <c r="H2633" s="1" t="s">
        <v>10</v>
      </c>
      <c r="I2633" s="1" t="s">
        <v>8959</v>
      </c>
      <c r="J2633" s="1" t="s">
        <v>19</v>
      </c>
      <c r="K2633" s="1" t="s">
        <v>7902</v>
      </c>
      <c r="L2633" s="1" t="s">
        <v>9052</v>
      </c>
      <c r="M2633" s="1" t="s">
        <v>5</v>
      </c>
      <c r="N2633" s="1" t="s">
        <v>25</v>
      </c>
      <c r="O2633" s="1" t="s">
        <v>38</v>
      </c>
      <c r="P2633" s="5" t="s">
        <v>30031</v>
      </c>
    </row>
    <row r="2634" spans="1:16" x14ac:dyDescent="0.2">
      <c r="A2634" s="1" t="s">
        <v>42</v>
      </c>
      <c r="B2634" s="1" t="s">
        <v>109</v>
      </c>
      <c r="C2634" s="1" t="s">
        <v>9055</v>
      </c>
      <c r="D2634" s="1" t="s">
        <v>6628</v>
      </c>
      <c r="E2634" s="1" t="s">
        <v>9057</v>
      </c>
      <c r="F2634" s="1" t="s">
        <v>27</v>
      </c>
      <c r="G2634" s="1" t="s">
        <v>10</v>
      </c>
      <c r="H2634" s="1" t="s">
        <v>9058</v>
      </c>
      <c r="I2634" s="1" t="s">
        <v>8959</v>
      </c>
      <c r="J2634" s="1" t="s">
        <v>8986</v>
      </c>
      <c r="K2634" s="1" t="s">
        <v>9056</v>
      </c>
      <c r="L2634" s="1" t="s">
        <v>9054</v>
      </c>
      <c r="M2634" s="1" t="s">
        <v>5</v>
      </c>
      <c r="N2634" s="1" t="s">
        <v>25</v>
      </c>
      <c r="O2634" s="1" t="s">
        <v>8</v>
      </c>
      <c r="P2634" s="5" t="s">
        <v>31332</v>
      </c>
    </row>
    <row r="2635" spans="1:16" x14ac:dyDescent="0.2">
      <c r="A2635" s="1" t="s">
        <v>20</v>
      </c>
      <c r="B2635" s="1" t="s">
        <v>253</v>
      </c>
      <c r="C2635" s="1" t="s">
        <v>9061</v>
      </c>
      <c r="D2635" s="1" t="s">
        <v>9062</v>
      </c>
      <c r="E2635" s="1"/>
      <c r="F2635" s="1" t="s">
        <v>10</v>
      </c>
      <c r="G2635" s="1" t="s">
        <v>10</v>
      </c>
      <c r="H2635" s="1" t="s">
        <v>10</v>
      </c>
      <c r="I2635" s="1" t="s">
        <v>8959</v>
      </c>
      <c r="J2635" s="1" t="s">
        <v>9010</v>
      </c>
      <c r="K2635" s="1" t="s">
        <v>9063</v>
      </c>
      <c r="L2635" s="1" t="s">
        <v>9060</v>
      </c>
      <c r="M2635" s="1" t="s">
        <v>5</v>
      </c>
      <c r="N2635" s="1" t="s">
        <v>25</v>
      </c>
      <c r="O2635" s="1" t="s">
        <v>38</v>
      </c>
      <c r="P2635" s="5" t="s">
        <v>30036</v>
      </c>
    </row>
    <row r="2636" spans="1:16" x14ac:dyDescent="0.2">
      <c r="A2636" s="1" t="s">
        <v>42</v>
      </c>
      <c r="B2636" s="1" t="s">
        <v>335</v>
      </c>
      <c r="C2636" s="1" t="s">
        <v>9065</v>
      </c>
      <c r="D2636" s="1" t="s">
        <v>9066</v>
      </c>
      <c r="E2636" s="1"/>
      <c r="F2636" s="1" t="s">
        <v>414</v>
      </c>
      <c r="G2636" s="1" t="s">
        <v>991</v>
      </c>
      <c r="H2636" s="1" t="s">
        <v>10</v>
      </c>
      <c r="I2636" s="1" t="s">
        <v>8959</v>
      </c>
      <c r="J2636" s="1" t="s">
        <v>19</v>
      </c>
      <c r="K2636" s="1" t="s">
        <v>231</v>
      </c>
      <c r="L2636" s="1" t="s">
        <v>9064</v>
      </c>
      <c r="M2636" s="1" t="s">
        <v>5</v>
      </c>
      <c r="N2636" s="1" t="s">
        <v>25</v>
      </c>
      <c r="O2636" s="1" t="s">
        <v>8</v>
      </c>
      <c r="P2636" s="5" t="s">
        <v>30037</v>
      </c>
    </row>
    <row r="2637" spans="1:16" x14ac:dyDescent="0.2">
      <c r="A2637" s="1" t="s">
        <v>20</v>
      </c>
      <c r="B2637" s="1" t="s">
        <v>1047</v>
      </c>
      <c r="C2637" s="1" t="s">
        <v>9068</v>
      </c>
      <c r="D2637" s="1" t="s">
        <v>9069</v>
      </c>
      <c r="E2637" s="1"/>
      <c r="F2637" s="1" t="s">
        <v>10</v>
      </c>
      <c r="G2637" s="1" t="s">
        <v>10</v>
      </c>
      <c r="H2637" s="1" t="s">
        <v>10</v>
      </c>
      <c r="I2637" s="1" t="s">
        <v>8959</v>
      </c>
      <c r="J2637" s="1" t="s">
        <v>19</v>
      </c>
      <c r="K2637" s="1" t="s">
        <v>100</v>
      </c>
      <c r="L2637" s="1" t="s">
        <v>9067</v>
      </c>
      <c r="M2637" s="1" t="s">
        <v>5</v>
      </c>
      <c r="N2637" s="1" t="s">
        <v>25</v>
      </c>
      <c r="O2637" s="1" t="s">
        <v>38</v>
      </c>
      <c r="P2637" s="5" t="s">
        <v>30038</v>
      </c>
    </row>
    <row r="2638" spans="1:16" x14ac:dyDescent="0.2">
      <c r="A2638" s="1" t="s">
        <v>20</v>
      </c>
      <c r="B2638" s="1" t="s">
        <v>1047</v>
      </c>
      <c r="C2638" s="1" t="s">
        <v>9071</v>
      </c>
      <c r="D2638" s="1" t="s">
        <v>9072</v>
      </c>
      <c r="E2638" s="1" t="s">
        <v>9073</v>
      </c>
      <c r="F2638" s="1" t="s">
        <v>10</v>
      </c>
      <c r="G2638" s="1" t="s">
        <v>10</v>
      </c>
      <c r="H2638" s="1" t="s">
        <v>10</v>
      </c>
      <c r="I2638" s="1" t="s">
        <v>8959</v>
      </c>
      <c r="J2638" s="1" t="s">
        <v>19</v>
      </c>
      <c r="K2638" s="1" t="s">
        <v>1468</v>
      </c>
      <c r="L2638" s="1" t="s">
        <v>9070</v>
      </c>
      <c r="M2638" s="1" t="s">
        <v>5</v>
      </c>
      <c r="N2638" s="1" t="s">
        <v>25</v>
      </c>
      <c r="O2638" s="1" t="s">
        <v>38</v>
      </c>
      <c r="P2638" s="5" t="s">
        <v>30038</v>
      </c>
    </row>
    <row r="2639" spans="1:16" x14ac:dyDescent="0.2">
      <c r="A2639" s="1" t="s">
        <v>20</v>
      </c>
      <c r="B2639" s="1" t="s">
        <v>253</v>
      </c>
      <c r="C2639" s="1" t="s">
        <v>9075</v>
      </c>
      <c r="D2639" s="1" t="s">
        <v>9076</v>
      </c>
      <c r="E2639" s="1"/>
      <c r="F2639" s="1" t="s">
        <v>10</v>
      </c>
      <c r="G2639" s="1" t="s">
        <v>10</v>
      </c>
      <c r="H2639" s="1" t="s">
        <v>10</v>
      </c>
      <c r="I2639" s="1" t="s">
        <v>8959</v>
      </c>
      <c r="J2639" s="1" t="s">
        <v>8986</v>
      </c>
      <c r="K2639" s="1" t="s">
        <v>244</v>
      </c>
      <c r="L2639" s="1" t="s">
        <v>9074</v>
      </c>
      <c r="M2639" s="1" t="s">
        <v>5</v>
      </c>
      <c r="N2639" s="1" t="s">
        <v>25</v>
      </c>
      <c r="O2639" s="1" t="s">
        <v>38</v>
      </c>
      <c r="P2639" s="5" t="s">
        <v>30039</v>
      </c>
    </row>
    <row r="2640" spans="1:16" x14ac:dyDescent="0.2">
      <c r="A2640" s="1" t="s">
        <v>20</v>
      </c>
      <c r="B2640" s="1" t="s">
        <v>253</v>
      </c>
      <c r="C2640" s="1" t="s">
        <v>9078</v>
      </c>
      <c r="D2640" s="1" t="s">
        <v>9079</v>
      </c>
      <c r="E2640" s="1"/>
      <c r="F2640" s="1" t="s">
        <v>10</v>
      </c>
      <c r="G2640" s="1" t="s">
        <v>10</v>
      </c>
      <c r="H2640" s="1" t="s">
        <v>10</v>
      </c>
      <c r="I2640" s="1" t="s">
        <v>8959</v>
      </c>
      <c r="J2640" s="1" t="s">
        <v>8986</v>
      </c>
      <c r="K2640" s="1" t="s">
        <v>1548</v>
      </c>
      <c r="L2640" s="1" t="s">
        <v>9077</v>
      </c>
      <c r="M2640" s="1" t="s">
        <v>5</v>
      </c>
      <c r="N2640" s="1" t="s">
        <v>25</v>
      </c>
      <c r="O2640" s="1" t="s">
        <v>38</v>
      </c>
      <c r="P2640" s="5" t="s">
        <v>30040</v>
      </c>
    </row>
    <row r="2641" spans="1:16" x14ac:dyDescent="0.2">
      <c r="A2641" s="1" t="s">
        <v>66</v>
      </c>
      <c r="B2641" s="1" t="s">
        <v>574</v>
      </c>
      <c r="C2641" s="1" t="s">
        <v>9081</v>
      </c>
      <c r="D2641" s="1" t="s">
        <v>9082</v>
      </c>
      <c r="E2641" s="1" t="s">
        <v>9084</v>
      </c>
      <c r="F2641" s="1" t="s">
        <v>522</v>
      </c>
      <c r="G2641" s="1" t="s">
        <v>9085</v>
      </c>
      <c r="H2641" s="1" t="s">
        <v>10</v>
      </c>
      <c r="I2641" s="1" t="s">
        <v>8959</v>
      </c>
      <c r="J2641" s="1" t="s">
        <v>19</v>
      </c>
      <c r="K2641" s="1" t="s">
        <v>9083</v>
      </c>
      <c r="L2641" s="1" t="s">
        <v>9080</v>
      </c>
      <c r="M2641" s="1" t="s">
        <v>5</v>
      </c>
      <c r="N2641" s="1" t="s">
        <v>25</v>
      </c>
      <c r="O2641" s="1" t="s">
        <v>38</v>
      </c>
      <c r="P2641" s="5" t="s">
        <v>31333</v>
      </c>
    </row>
    <row r="2642" spans="1:16" x14ac:dyDescent="0.2">
      <c r="A2642" s="1" t="s">
        <v>20</v>
      </c>
      <c r="B2642" s="1" t="s">
        <v>99</v>
      </c>
      <c r="C2642" s="1" t="s">
        <v>9087</v>
      </c>
      <c r="D2642" s="1" t="s">
        <v>9088</v>
      </c>
      <c r="E2642" s="1"/>
      <c r="F2642" s="1" t="s">
        <v>27</v>
      </c>
      <c r="G2642" s="1" t="s">
        <v>10</v>
      </c>
      <c r="H2642" s="1" t="s">
        <v>9089</v>
      </c>
      <c r="I2642" s="1" t="s">
        <v>8959</v>
      </c>
      <c r="J2642" s="1" t="s">
        <v>19</v>
      </c>
      <c r="K2642" s="1" t="s">
        <v>8982</v>
      </c>
      <c r="L2642" s="1" t="s">
        <v>9086</v>
      </c>
      <c r="M2642" s="1" t="s">
        <v>5</v>
      </c>
      <c r="N2642" s="1" t="s">
        <v>25</v>
      </c>
      <c r="O2642" s="1" t="s">
        <v>38</v>
      </c>
      <c r="P2642" s="5" t="s">
        <v>31328</v>
      </c>
    </row>
    <row r="2643" spans="1:16" x14ac:dyDescent="0.2">
      <c r="A2643" s="1" t="s">
        <v>329</v>
      </c>
      <c r="B2643" s="1" t="s">
        <v>691</v>
      </c>
      <c r="C2643" s="1" t="s">
        <v>9091</v>
      </c>
      <c r="D2643" s="1" t="s">
        <v>9092</v>
      </c>
      <c r="E2643" s="1"/>
      <c r="F2643" s="1" t="s">
        <v>9092</v>
      </c>
      <c r="G2643" s="1" t="s">
        <v>9094</v>
      </c>
      <c r="H2643" s="1" t="s">
        <v>10</v>
      </c>
      <c r="I2643" s="1" t="s">
        <v>8959</v>
      </c>
      <c r="J2643" s="1" t="s">
        <v>19</v>
      </c>
      <c r="K2643" s="1" t="s">
        <v>9093</v>
      </c>
      <c r="L2643" s="1" t="s">
        <v>9090</v>
      </c>
      <c r="M2643" s="1" t="s">
        <v>5</v>
      </c>
      <c r="N2643" s="1" t="s">
        <v>25</v>
      </c>
      <c r="O2643" s="1" t="s">
        <v>8</v>
      </c>
      <c r="P2643" s="5" t="s">
        <v>30041</v>
      </c>
    </row>
    <row r="2644" spans="1:16" x14ac:dyDescent="0.2">
      <c r="A2644" s="1" t="s">
        <v>20</v>
      </c>
      <c r="B2644" s="1" t="s">
        <v>309</v>
      </c>
      <c r="C2644" s="1" t="s">
        <v>9096</v>
      </c>
      <c r="D2644" s="1" t="s">
        <v>9096</v>
      </c>
      <c r="E2644" s="1"/>
      <c r="F2644" s="1" t="s">
        <v>27</v>
      </c>
      <c r="G2644" s="1" t="s">
        <v>10</v>
      </c>
      <c r="H2644" s="1" t="s">
        <v>9097</v>
      </c>
      <c r="I2644" s="1" t="s">
        <v>8959</v>
      </c>
      <c r="J2644" s="1" t="s">
        <v>19</v>
      </c>
      <c r="K2644" s="1" t="s">
        <v>7</v>
      </c>
      <c r="L2644" s="1" t="s">
        <v>9095</v>
      </c>
      <c r="M2644" s="1" t="s">
        <v>5</v>
      </c>
      <c r="N2644" s="1" t="s">
        <v>25</v>
      </c>
      <c r="O2644" s="1" t="s">
        <v>8</v>
      </c>
      <c r="P2644" s="5" t="s">
        <v>30031</v>
      </c>
    </row>
    <row r="2645" spans="1:16" x14ac:dyDescent="0.2">
      <c r="A2645" s="1" t="s">
        <v>42</v>
      </c>
      <c r="B2645" s="1" t="s">
        <v>43</v>
      </c>
      <c r="C2645" s="1" t="s">
        <v>9099</v>
      </c>
      <c r="D2645" s="1" t="s">
        <v>9100</v>
      </c>
      <c r="E2645" s="1"/>
      <c r="F2645" s="1" t="s">
        <v>27</v>
      </c>
      <c r="G2645" s="1" t="s">
        <v>1042</v>
      </c>
      <c r="H2645" s="1" t="s">
        <v>9102</v>
      </c>
      <c r="I2645" s="1" t="s">
        <v>8959</v>
      </c>
      <c r="J2645" s="1" t="s">
        <v>19</v>
      </c>
      <c r="K2645" s="1" t="s">
        <v>9101</v>
      </c>
      <c r="L2645" s="1" t="s">
        <v>9098</v>
      </c>
      <c r="M2645" s="1" t="s">
        <v>5</v>
      </c>
      <c r="N2645" s="1" t="s">
        <v>25</v>
      </c>
      <c r="O2645" s="1" t="s">
        <v>8</v>
      </c>
      <c r="P2645" s="5" t="s">
        <v>31332</v>
      </c>
    </row>
    <row r="2646" spans="1:16" x14ac:dyDescent="0.2">
      <c r="A2646" s="1" t="s">
        <v>20</v>
      </c>
      <c r="B2646" s="1" t="s">
        <v>445</v>
      </c>
      <c r="C2646" s="1" t="s">
        <v>9104</v>
      </c>
      <c r="D2646" s="1" t="s">
        <v>9105</v>
      </c>
      <c r="E2646" s="1"/>
      <c r="F2646" s="1" t="s">
        <v>27</v>
      </c>
      <c r="G2646" s="1" t="s">
        <v>1042</v>
      </c>
      <c r="H2646" s="1" t="s">
        <v>5687</v>
      </c>
      <c r="I2646" s="1" t="s">
        <v>8959</v>
      </c>
      <c r="J2646" s="1" t="s">
        <v>19</v>
      </c>
      <c r="K2646" s="1" t="s">
        <v>7</v>
      </c>
      <c r="L2646" s="1" t="s">
        <v>9103</v>
      </c>
      <c r="M2646" s="1" t="s">
        <v>5</v>
      </c>
      <c r="N2646" s="1" t="s">
        <v>25</v>
      </c>
      <c r="O2646" s="1" t="s">
        <v>8</v>
      </c>
      <c r="P2646" s="5" t="s">
        <v>30042</v>
      </c>
    </row>
    <row r="2647" spans="1:16" x14ac:dyDescent="0.2">
      <c r="A2647" s="1" t="s">
        <v>20</v>
      </c>
      <c r="B2647" s="1" t="s">
        <v>4373</v>
      </c>
      <c r="C2647" s="1" t="s">
        <v>9107</v>
      </c>
      <c r="D2647" s="1" t="s">
        <v>18</v>
      </c>
      <c r="E2647" s="1"/>
      <c r="F2647" s="1" t="s">
        <v>9</v>
      </c>
      <c r="G2647" s="1" t="s">
        <v>18</v>
      </c>
      <c r="H2647" s="1" t="s">
        <v>9108</v>
      </c>
      <c r="I2647" s="1" t="s">
        <v>8959</v>
      </c>
      <c r="J2647" s="1" t="s">
        <v>19</v>
      </c>
      <c r="K2647" s="1" t="s">
        <v>130</v>
      </c>
      <c r="L2647" s="1" t="s">
        <v>9106</v>
      </c>
      <c r="M2647" s="1" t="s">
        <v>5</v>
      </c>
      <c r="N2647" s="1" t="s">
        <v>25</v>
      </c>
      <c r="O2647" s="1" t="s">
        <v>8</v>
      </c>
      <c r="P2647" s="5" t="s">
        <v>31334</v>
      </c>
    </row>
    <row r="2648" spans="1:16" x14ac:dyDescent="0.2">
      <c r="A2648" s="1" t="s">
        <v>1385</v>
      </c>
      <c r="B2648" s="1" t="s">
        <v>1670</v>
      </c>
      <c r="C2648" s="1" t="s">
        <v>9110</v>
      </c>
      <c r="D2648" s="1" t="s">
        <v>9111</v>
      </c>
      <c r="E2648" s="1"/>
      <c r="F2648" s="1" t="s">
        <v>10</v>
      </c>
      <c r="G2648" s="1" t="s">
        <v>10</v>
      </c>
      <c r="H2648" s="1" t="s">
        <v>10</v>
      </c>
      <c r="I2648" s="1" t="s">
        <v>8959</v>
      </c>
      <c r="J2648" s="1" t="s">
        <v>8986</v>
      </c>
      <c r="K2648" s="1" t="s">
        <v>27</v>
      </c>
      <c r="L2648" s="1" t="s">
        <v>9109</v>
      </c>
      <c r="M2648" s="1" t="s">
        <v>5</v>
      </c>
      <c r="N2648" s="1" t="s">
        <v>25</v>
      </c>
      <c r="O2648" s="1" t="s">
        <v>38</v>
      </c>
      <c r="P2648" s="5" t="s">
        <v>30043</v>
      </c>
    </row>
    <row r="2649" spans="1:16" x14ac:dyDescent="0.2">
      <c r="A2649" s="1" t="s">
        <v>20</v>
      </c>
      <c r="B2649" s="1" t="s">
        <v>253</v>
      </c>
      <c r="C2649" s="1" t="s">
        <v>9113</v>
      </c>
      <c r="D2649" s="1" t="s">
        <v>9114</v>
      </c>
      <c r="E2649" s="1"/>
      <c r="F2649" s="1" t="s">
        <v>27</v>
      </c>
      <c r="G2649" s="1" t="s">
        <v>1042</v>
      </c>
      <c r="H2649" s="1" t="s">
        <v>9116</v>
      </c>
      <c r="I2649" s="1" t="s">
        <v>8959</v>
      </c>
      <c r="J2649" s="1" t="s">
        <v>9010</v>
      </c>
      <c r="K2649" s="1" t="s">
        <v>9115</v>
      </c>
      <c r="L2649" s="1" t="s">
        <v>9112</v>
      </c>
      <c r="M2649" s="1" t="s">
        <v>5</v>
      </c>
      <c r="N2649" s="1" t="s">
        <v>25</v>
      </c>
      <c r="O2649" s="1" t="s">
        <v>8</v>
      </c>
      <c r="P2649" s="5" t="s">
        <v>30031</v>
      </c>
    </row>
    <row r="2650" spans="1:16" x14ac:dyDescent="0.2">
      <c r="A2650" s="1" t="s">
        <v>20</v>
      </c>
      <c r="B2650" s="1" t="s">
        <v>1047</v>
      </c>
      <c r="C2650" s="1" t="s">
        <v>9118</v>
      </c>
      <c r="D2650" s="1" t="s">
        <v>9119</v>
      </c>
      <c r="E2650" s="1"/>
      <c r="F2650" s="1" t="s">
        <v>10</v>
      </c>
      <c r="G2650" s="1" t="s">
        <v>10</v>
      </c>
      <c r="H2650" s="1" t="s">
        <v>10</v>
      </c>
      <c r="I2650" s="1" t="s">
        <v>8959</v>
      </c>
      <c r="J2650" s="1" t="s">
        <v>19</v>
      </c>
      <c r="K2650" s="1" t="s">
        <v>1468</v>
      </c>
      <c r="L2650" s="1" t="s">
        <v>9117</v>
      </c>
      <c r="M2650" s="1" t="s">
        <v>5</v>
      </c>
      <c r="N2650" s="1" t="s">
        <v>25</v>
      </c>
      <c r="O2650" s="1" t="s">
        <v>38</v>
      </c>
      <c r="P2650" s="5" t="s">
        <v>30044</v>
      </c>
    </row>
    <row r="2651" spans="1:16" x14ac:dyDescent="0.2">
      <c r="A2651" s="1" t="s">
        <v>20</v>
      </c>
      <c r="B2651" s="1" t="s">
        <v>1047</v>
      </c>
      <c r="C2651" s="1" t="s">
        <v>9121</v>
      </c>
      <c r="D2651" s="1" t="s">
        <v>9122</v>
      </c>
      <c r="E2651" s="1"/>
      <c r="F2651" s="1" t="s">
        <v>10</v>
      </c>
      <c r="G2651" s="1" t="s">
        <v>10</v>
      </c>
      <c r="H2651" s="1" t="s">
        <v>10</v>
      </c>
      <c r="I2651" s="1" t="s">
        <v>8959</v>
      </c>
      <c r="J2651" s="1" t="s">
        <v>19</v>
      </c>
      <c r="K2651" s="1" t="s">
        <v>1468</v>
      </c>
      <c r="L2651" s="1" t="s">
        <v>9120</v>
      </c>
      <c r="M2651" s="1" t="s">
        <v>5</v>
      </c>
      <c r="N2651" s="1" t="s">
        <v>25</v>
      </c>
      <c r="O2651" s="1" t="s">
        <v>38</v>
      </c>
      <c r="P2651" s="5" t="s">
        <v>30031</v>
      </c>
    </row>
    <row r="2652" spans="1:16" x14ac:dyDescent="0.2">
      <c r="A2652" s="1" t="s">
        <v>20</v>
      </c>
      <c r="B2652" s="1" t="s">
        <v>21</v>
      </c>
      <c r="C2652" s="1" t="s">
        <v>9124</v>
      </c>
      <c r="D2652" s="1" t="s">
        <v>9125</v>
      </c>
      <c r="E2652" s="1"/>
      <c r="F2652" s="1" t="s">
        <v>10</v>
      </c>
      <c r="G2652" s="1" t="s">
        <v>10</v>
      </c>
      <c r="H2652" s="1" t="s">
        <v>10</v>
      </c>
      <c r="I2652" s="1" t="s">
        <v>8959</v>
      </c>
      <c r="J2652" s="1" t="s">
        <v>19</v>
      </c>
      <c r="K2652" s="1" t="s">
        <v>6533</v>
      </c>
      <c r="L2652" s="1" t="s">
        <v>9123</v>
      </c>
      <c r="M2652" s="1" t="s">
        <v>5</v>
      </c>
      <c r="N2652" s="1" t="s">
        <v>25</v>
      </c>
      <c r="O2652" s="1" t="s">
        <v>38</v>
      </c>
      <c r="P2652" s="5" t="s">
        <v>30031</v>
      </c>
    </row>
    <row r="2653" spans="1:16" x14ac:dyDescent="0.2">
      <c r="A2653" s="1" t="s">
        <v>42</v>
      </c>
      <c r="B2653" s="1" t="s">
        <v>1664</v>
      </c>
      <c r="C2653" s="1" t="s">
        <v>9128</v>
      </c>
      <c r="D2653" s="1" t="s">
        <v>2736</v>
      </c>
      <c r="E2653" s="1" t="s">
        <v>9130</v>
      </c>
      <c r="F2653" s="1" t="s">
        <v>10</v>
      </c>
      <c r="G2653" s="1" t="s">
        <v>10</v>
      </c>
      <c r="H2653" s="1" t="s">
        <v>10</v>
      </c>
      <c r="I2653" s="1" t="s">
        <v>9126</v>
      </c>
      <c r="J2653" s="1" t="s">
        <v>9129</v>
      </c>
      <c r="K2653" s="1" t="s">
        <v>27</v>
      </c>
      <c r="L2653" s="1" t="s">
        <v>9127</v>
      </c>
      <c r="M2653" s="1" t="s">
        <v>5</v>
      </c>
      <c r="N2653" s="1" t="s">
        <v>960</v>
      </c>
      <c r="O2653" s="1" t="s">
        <v>38</v>
      </c>
      <c r="P2653" s="5" t="s">
        <v>30045</v>
      </c>
    </row>
    <row r="2654" spans="1:16" x14ac:dyDescent="0.2">
      <c r="A2654" s="1" t="s">
        <v>20</v>
      </c>
      <c r="B2654" s="1" t="s">
        <v>172</v>
      </c>
      <c r="C2654" s="1" t="s">
        <v>9132</v>
      </c>
      <c r="D2654" s="1" t="s">
        <v>9133</v>
      </c>
      <c r="E2654" s="1"/>
      <c r="F2654" s="1" t="s">
        <v>10</v>
      </c>
      <c r="G2654" s="1" t="s">
        <v>10</v>
      </c>
      <c r="H2654" s="1" t="s">
        <v>10</v>
      </c>
      <c r="I2654" s="1" t="s">
        <v>9126</v>
      </c>
      <c r="J2654" s="1" t="s">
        <v>9134</v>
      </c>
      <c r="K2654" s="1" t="s">
        <v>27</v>
      </c>
      <c r="L2654" s="1" t="s">
        <v>9131</v>
      </c>
      <c r="M2654" s="1" t="s">
        <v>5</v>
      </c>
      <c r="N2654" s="1" t="s">
        <v>6</v>
      </c>
      <c r="O2654" s="1" t="s">
        <v>38</v>
      </c>
      <c r="P2654" s="5" t="s">
        <v>30046</v>
      </c>
    </row>
    <row r="2655" spans="1:16" x14ac:dyDescent="0.2">
      <c r="A2655" s="1" t="s">
        <v>20</v>
      </c>
      <c r="B2655" s="1" t="s">
        <v>253</v>
      </c>
      <c r="C2655" s="1" t="s">
        <v>9136</v>
      </c>
      <c r="D2655" s="1" t="s">
        <v>9137</v>
      </c>
      <c r="E2655" s="1"/>
      <c r="F2655" s="1" t="s">
        <v>10</v>
      </c>
      <c r="G2655" s="1" t="s">
        <v>10</v>
      </c>
      <c r="H2655" s="1" t="s">
        <v>10</v>
      </c>
      <c r="I2655" s="1" t="s">
        <v>9126</v>
      </c>
      <c r="J2655" s="1" t="s">
        <v>9134</v>
      </c>
      <c r="K2655" s="1" t="s">
        <v>27</v>
      </c>
      <c r="L2655" s="1" t="s">
        <v>9135</v>
      </c>
      <c r="M2655" s="1" t="s">
        <v>5</v>
      </c>
      <c r="N2655" s="1" t="s">
        <v>25</v>
      </c>
      <c r="O2655" s="1" t="s">
        <v>38</v>
      </c>
      <c r="P2655" s="5" t="s">
        <v>30047</v>
      </c>
    </row>
    <row r="2656" spans="1:16" x14ac:dyDescent="0.2">
      <c r="A2656" s="1" t="s">
        <v>42</v>
      </c>
      <c r="B2656" s="1" t="s">
        <v>351</v>
      </c>
      <c r="C2656" s="1" t="s">
        <v>9139</v>
      </c>
      <c r="D2656" s="1" t="s">
        <v>9140</v>
      </c>
      <c r="E2656" s="1"/>
      <c r="F2656" s="1" t="s">
        <v>10</v>
      </c>
      <c r="G2656" s="1" t="s">
        <v>10</v>
      </c>
      <c r="H2656" s="1" t="s">
        <v>10</v>
      </c>
      <c r="I2656" s="1" t="s">
        <v>9126</v>
      </c>
      <c r="J2656" s="1" t="s">
        <v>9141</v>
      </c>
      <c r="K2656" s="1" t="s">
        <v>37</v>
      </c>
      <c r="L2656" s="1" t="s">
        <v>9138</v>
      </c>
      <c r="M2656" s="1" t="s">
        <v>5</v>
      </c>
      <c r="N2656" s="1" t="s">
        <v>960</v>
      </c>
      <c r="O2656" s="1" t="s">
        <v>38</v>
      </c>
      <c r="P2656" s="5" t="s">
        <v>30045</v>
      </c>
    </row>
    <row r="2657" spans="1:16" x14ac:dyDescent="0.2">
      <c r="A2657" s="1" t="s">
        <v>10</v>
      </c>
      <c r="B2657" s="1" t="s">
        <v>10</v>
      </c>
      <c r="C2657" s="1" t="s">
        <v>9143</v>
      </c>
      <c r="D2657" s="1" t="s">
        <v>9144</v>
      </c>
      <c r="E2657" s="1" t="s">
        <v>9146</v>
      </c>
      <c r="F2657" s="1" t="s">
        <v>10</v>
      </c>
      <c r="G2657" s="1" t="s">
        <v>10</v>
      </c>
      <c r="H2657" s="1" t="s">
        <v>10</v>
      </c>
      <c r="I2657" s="1" t="s">
        <v>9126</v>
      </c>
      <c r="J2657" s="1" t="s">
        <v>9145</v>
      </c>
      <c r="K2657" s="1" t="s">
        <v>64</v>
      </c>
      <c r="L2657" s="1" t="s">
        <v>9142</v>
      </c>
      <c r="M2657" s="1" t="s">
        <v>5</v>
      </c>
      <c r="N2657" s="1" t="s">
        <v>25</v>
      </c>
      <c r="O2657" s="1" t="s">
        <v>38</v>
      </c>
      <c r="P2657" s="5" t="s">
        <v>30048</v>
      </c>
    </row>
    <row r="2658" spans="1:16" x14ac:dyDescent="0.2">
      <c r="A2658" s="1" t="s">
        <v>20</v>
      </c>
      <c r="B2658" s="1" t="s">
        <v>21</v>
      </c>
      <c r="C2658" s="1" t="s">
        <v>9148</v>
      </c>
      <c r="D2658" s="1" t="s">
        <v>9149</v>
      </c>
      <c r="E2658" s="1"/>
      <c r="F2658" s="1" t="s">
        <v>10</v>
      </c>
      <c r="G2658" s="1" t="s">
        <v>10</v>
      </c>
      <c r="H2658" s="1" t="s">
        <v>10</v>
      </c>
      <c r="I2658" s="1" t="s">
        <v>9126</v>
      </c>
      <c r="J2658" s="1" t="s">
        <v>9129</v>
      </c>
      <c r="K2658" s="1" t="s">
        <v>27</v>
      </c>
      <c r="L2658" s="1" t="s">
        <v>9147</v>
      </c>
      <c r="M2658" s="1" t="s">
        <v>5</v>
      </c>
      <c r="N2658" s="1" t="s">
        <v>25</v>
      </c>
      <c r="O2658" s="1" t="s">
        <v>38</v>
      </c>
      <c r="P2658" s="5" t="s">
        <v>31335</v>
      </c>
    </row>
    <row r="2659" spans="1:16" ht="38.25" x14ac:dyDescent="0.2">
      <c r="A2659" s="1" t="s">
        <v>20</v>
      </c>
      <c r="B2659" s="1" t="s">
        <v>253</v>
      </c>
      <c r="C2659" s="1" t="s">
        <v>9152</v>
      </c>
      <c r="D2659" s="1" t="s">
        <v>9153</v>
      </c>
      <c r="E2659" s="1"/>
      <c r="F2659" s="1" t="s">
        <v>10</v>
      </c>
      <c r="G2659" s="1" t="s">
        <v>10</v>
      </c>
      <c r="H2659" s="1" t="s">
        <v>10</v>
      </c>
      <c r="I2659" s="1" t="s">
        <v>9126</v>
      </c>
      <c r="J2659" s="1" t="s">
        <v>9134</v>
      </c>
      <c r="K2659" s="1" t="s">
        <v>130</v>
      </c>
      <c r="L2659" s="1" t="s">
        <v>9151</v>
      </c>
      <c r="M2659" s="1" t="s">
        <v>5</v>
      </c>
      <c r="N2659" s="1" t="s">
        <v>25</v>
      </c>
      <c r="O2659" s="1" t="s">
        <v>38</v>
      </c>
      <c r="P2659" s="9" t="s">
        <v>31336</v>
      </c>
    </row>
    <row r="2660" spans="1:16" x14ac:dyDescent="0.2">
      <c r="A2660" s="1" t="s">
        <v>10</v>
      </c>
      <c r="B2660" s="1" t="s">
        <v>10</v>
      </c>
      <c r="C2660" s="1" t="s">
        <v>9155</v>
      </c>
      <c r="D2660" s="1" t="s">
        <v>9156</v>
      </c>
      <c r="E2660" s="1" t="s">
        <v>9157</v>
      </c>
      <c r="F2660" s="1" t="s">
        <v>10</v>
      </c>
      <c r="G2660" s="1" t="s">
        <v>10</v>
      </c>
      <c r="H2660" s="1" t="s">
        <v>10</v>
      </c>
      <c r="I2660" s="1" t="s">
        <v>9126</v>
      </c>
      <c r="J2660" s="1" t="s">
        <v>9134</v>
      </c>
      <c r="K2660" s="1" t="s">
        <v>27</v>
      </c>
      <c r="L2660" s="1" t="s">
        <v>9154</v>
      </c>
      <c r="M2660" s="1" t="s">
        <v>5</v>
      </c>
      <c r="N2660" s="1" t="s">
        <v>960</v>
      </c>
      <c r="O2660" s="1" t="s">
        <v>38</v>
      </c>
      <c r="P2660" s="5" t="s">
        <v>30049</v>
      </c>
    </row>
    <row r="2661" spans="1:16" x14ac:dyDescent="0.2">
      <c r="A2661" s="1" t="s">
        <v>20</v>
      </c>
      <c r="B2661" s="1" t="s">
        <v>99</v>
      </c>
      <c r="C2661" s="1" t="s">
        <v>9159</v>
      </c>
      <c r="D2661" s="1" t="s">
        <v>9159</v>
      </c>
      <c r="E2661" s="1" t="s">
        <v>9161</v>
      </c>
      <c r="F2661" s="1" t="s">
        <v>414</v>
      </c>
      <c r="G2661" s="1" t="s">
        <v>416</v>
      </c>
      <c r="H2661" s="1" t="s">
        <v>10</v>
      </c>
      <c r="I2661" s="1" t="s">
        <v>9126</v>
      </c>
      <c r="J2661" s="1" t="s">
        <v>9160</v>
      </c>
      <c r="K2661" s="1" t="s">
        <v>27</v>
      </c>
      <c r="L2661" s="1" t="s">
        <v>9158</v>
      </c>
      <c r="M2661" s="1" t="s">
        <v>5</v>
      </c>
      <c r="N2661" s="1" t="s">
        <v>25</v>
      </c>
      <c r="O2661" s="1" t="s">
        <v>8</v>
      </c>
      <c r="P2661" s="5" t="s">
        <v>30050</v>
      </c>
    </row>
    <row r="2662" spans="1:16" x14ac:dyDescent="0.2">
      <c r="A2662" s="1" t="s">
        <v>10</v>
      </c>
      <c r="B2662" s="1" t="s">
        <v>10</v>
      </c>
      <c r="C2662" s="1" t="s">
        <v>9163</v>
      </c>
      <c r="D2662" s="1" t="s">
        <v>9163</v>
      </c>
      <c r="E2662" s="1"/>
      <c r="F2662" s="1" t="s">
        <v>414</v>
      </c>
      <c r="G2662" s="1" t="s">
        <v>416</v>
      </c>
      <c r="H2662" s="1" t="s">
        <v>10</v>
      </c>
      <c r="I2662" s="1" t="s">
        <v>9126</v>
      </c>
      <c r="J2662" s="1" t="s">
        <v>100</v>
      </c>
      <c r="K2662" s="1" t="s">
        <v>100</v>
      </c>
      <c r="L2662" s="1" t="s">
        <v>9162</v>
      </c>
      <c r="M2662" s="1" t="s">
        <v>5</v>
      </c>
      <c r="N2662" s="1" t="s">
        <v>25</v>
      </c>
      <c r="O2662" s="1" t="s">
        <v>8</v>
      </c>
      <c r="P2662" s="5" t="s">
        <v>30051</v>
      </c>
    </row>
    <row r="2663" spans="1:16" x14ac:dyDescent="0.2">
      <c r="A2663" s="1" t="s">
        <v>42</v>
      </c>
      <c r="B2663" s="1" t="s">
        <v>7411</v>
      </c>
      <c r="C2663" s="1" t="s">
        <v>9165</v>
      </c>
      <c r="D2663" s="1" t="s">
        <v>9166</v>
      </c>
      <c r="E2663" s="1"/>
      <c r="F2663" s="1" t="s">
        <v>10</v>
      </c>
      <c r="G2663" s="1" t="s">
        <v>10</v>
      </c>
      <c r="H2663" s="1" t="s">
        <v>10</v>
      </c>
      <c r="I2663" s="1" t="s">
        <v>9126</v>
      </c>
      <c r="J2663" s="1" t="s">
        <v>9167</v>
      </c>
      <c r="K2663" s="1" t="s">
        <v>27</v>
      </c>
      <c r="L2663" s="1" t="s">
        <v>9164</v>
      </c>
      <c r="M2663" s="1" t="s">
        <v>5</v>
      </c>
      <c r="N2663" s="1" t="s">
        <v>6</v>
      </c>
      <c r="O2663" s="1" t="s">
        <v>38</v>
      </c>
      <c r="P2663" s="5" t="s">
        <v>114</v>
      </c>
    </row>
    <row r="2664" spans="1:16" x14ac:dyDescent="0.2">
      <c r="A2664" s="1" t="s">
        <v>66</v>
      </c>
      <c r="B2664" s="1" t="s">
        <v>574</v>
      </c>
      <c r="C2664" s="1" t="s">
        <v>9169</v>
      </c>
      <c r="D2664" s="1" t="s">
        <v>9169</v>
      </c>
      <c r="E2664" s="1" t="s">
        <v>9171</v>
      </c>
      <c r="F2664" s="1" t="s">
        <v>10</v>
      </c>
      <c r="G2664" s="1" t="s">
        <v>10</v>
      </c>
      <c r="H2664" s="1" t="s">
        <v>10</v>
      </c>
      <c r="I2664" s="1" t="s">
        <v>9126</v>
      </c>
      <c r="J2664" s="1" t="s">
        <v>9170</v>
      </c>
      <c r="K2664" s="1" t="s">
        <v>27</v>
      </c>
      <c r="L2664" s="1" t="s">
        <v>9168</v>
      </c>
      <c r="M2664" s="1" t="s">
        <v>5</v>
      </c>
      <c r="N2664" s="1" t="s">
        <v>25</v>
      </c>
      <c r="O2664" s="1" t="s">
        <v>38</v>
      </c>
      <c r="P2664" s="5" t="s">
        <v>30052</v>
      </c>
    </row>
    <row r="2665" spans="1:16" x14ac:dyDescent="0.2">
      <c r="A2665" s="1" t="s">
        <v>66</v>
      </c>
      <c r="B2665" s="1" t="s">
        <v>674</v>
      </c>
      <c r="C2665" s="1" t="s">
        <v>9173</v>
      </c>
      <c r="D2665" s="1" t="s">
        <v>9174</v>
      </c>
      <c r="E2665" s="1" t="s">
        <v>9176</v>
      </c>
      <c r="F2665" s="1" t="s">
        <v>10</v>
      </c>
      <c r="G2665" s="1" t="s">
        <v>10</v>
      </c>
      <c r="H2665" s="1" t="s">
        <v>10</v>
      </c>
      <c r="I2665" s="1" t="s">
        <v>9126</v>
      </c>
      <c r="J2665" s="1" t="s">
        <v>9175</v>
      </c>
      <c r="K2665" s="1" t="s">
        <v>27</v>
      </c>
      <c r="L2665" s="1" t="s">
        <v>9172</v>
      </c>
      <c r="M2665" s="1" t="s">
        <v>5</v>
      </c>
      <c r="N2665" s="1" t="s">
        <v>6</v>
      </c>
      <c r="O2665" s="1" t="s">
        <v>38</v>
      </c>
      <c r="P2665" s="5" t="s">
        <v>31337</v>
      </c>
    </row>
    <row r="2666" spans="1:16" x14ac:dyDescent="0.2">
      <c r="A2666" s="1" t="s">
        <v>20</v>
      </c>
      <c r="B2666" s="1" t="s">
        <v>253</v>
      </c>
      <c r="C2666" s="1" t="s">
        <v>9178</v>
      </c>
      <c r="D2666" s="1" t="s">
        <v>9179</v>
      </c>
      <c r="E2666" s="1"/>
      <c r="F2666" s="1" t="s">
        <v>10</v>
      </c>
      <c r="G2666" s="1" t="s">
        <v>10</v>
      </c>
      <c r="H2666" s="1" t="s">
        <v>10</v>
      </c>
      <c r="I2666" s="1" t="s">
        <v>9126</v>
      </c>
      <c r="J2666" s="1" t="s">
        <v>9180</v>
      </c>
      <c r="K2666" s="1" t="s">
        <v>27</v>
      </c>
      <c r="L2666" s="1" t="s">
        <v>9177</v>
      </c>
      <c r="M2666" s="1" t="s">
        <v>5</v>
      </c>
      <c r="N2666" s="1" t="s">
        <v>25</v>
      </c>
      <c r="O2666" s="1" t="s">
        <v>38</v>
      </c>
      <c r="P2666" s="5" t="s">
        <v>30053</v>
      </c>
    </row>
    <row r="2667" spans="1:16" ht="63.75" x14ac:dyDescent="0.2">
      <c r="A2667" s="1" t="s">
        <v>20</v>
      </c>
      <c r="B2667" s="1" t="s">
        <v>172</v>
      </c>
      <c r="C2667" s="1" t="s">
        <v>9182</v>
      </c>
      <c r="D2667" s="1" t="s">
        <v>9183</v>
      </c>
      <c r="E2667" s="1"/>
      <c r="F2667" s="1" t="s">
        <v>10</v>
      </c>
      <c r="G2667" s="1" t="s">
        <v>10</v>
      </c>
      <c r="H2667" s="1" t="s">
        <v>10</v>
      </c>
      <c r="I2667" s="1" t="s">
        <v>9126</v>
      </c>
      <c r="J2667" s="1" t="s">
        <v>9180</v>
      </c>
      <c r="K2667" s="1" t="s">
        <v>27</v>
      </c>
      <c r="L2667" s="1" t="s">
        <v>9181</v>
      </c>
      <c r="M2667" s="1" t="s">
        <v>5</v>
      </c>
      <c r="N2667" s="1" t="s">
        <v>25</v>
      </c>
      <c r="O2667" s="1" t="s">
        <v>38</v>
      </c>
      <c r="P2667" s="9" t="s">
        <v>31338</v>
      </c>
    </row>
    <row r="2668" spans="1:16" x14ac:dyDescent="0.2">
      <c r="A2668" s="1" t="s">
        <v>66</v>
      </c>
      <c r="B2668" s="1" t="s">
        <v>574</v>
      </c>
      <c r="C2668" s="1" t="s">
        <v>9185</v>
      </c>
      <c r="D2668" s="1" t="s">
        <v>9186</v>
      </c>
      <c r="E2668" s="1"/>
      <c r="F2668" s="1" t="s">
        <v>10</v>
      </c>
      <c r="G2668" s="1" t="s">
        <v>10</v>
      </c>
      <c r="H2668" s="1" t="s">
        <v>10</v>
      </c>
      <c r="I2668" s="1" t="s">
        <v>9126</v>
      </c>
      <c r="J2668" s="1" t="s">
        <v>9167</v>
      </c>
      <c r="K2668" s="1" t="s">
        <v>27</v>
      </c>
      <c r="L2668" s="1" t="s">
        <v>9184</v>
      </c>
      <c r="M2668" s="1" t="s">
        <v>5</v>
      </c>
      <c r="N2668" s="1" t="s">
        <v>960</v>
      </c>
      <c r="O2668" s="1" t="s">
        <v>38</v>
      </c>
      <c r="P2668" s="5"/>
    </row>
    <row r="2669" spans="1:16" x14ac:dyDescent="0.2">
      <c r="A2669" s="1" t="s">
        <v>20</v>
      </c>
      <c r="B2669" s="1" t="s">
        <v>253</v>
      </c>
      <c r="C2669" s="1" t="s">
        <v>9188</v>
      </c>
      <c r="D2669" s="1" t="s">
        <v>9189</v>
      </c>
      <c r="E2669" s="1"/>
      <c r="F2669" s="1" t="s">
        <v>10</v>
      </c>
      <c r="G2669" s="1" t="s">
        <v>10</v>
      </c>
      <c r="H2669" s="1" t="s">
        <v>10</v>
      </c>
      <c r="I2669" s="1" t="s">
        <v>9126</v>
      </c>
      <c r="J2669" s="1" t="s">
        <v>9188</v>
      </c>
      <c r="K2669" s="1" t="s">
        <v>27</v>
      </c>
      <c r="L2669" s="1" t="s">
        <v>9187</v>
      </c>
      <c r="M2669" s="1" t="s">
        <v>5</v>
      </c>
      <c r="N2669" s="1" t="s">
        <v>960</v>
      </c>
      <c r="O2669" s="1" t="s">
        <v>38</v>
      </c>
      <c r="P2669" s="5" t="s">
        <v>30054</v>
      </c>
    </row>
    <row r="2670" spans="1:16" x14ac:dyDescent="0.2">
      <c r="A2670" s="1" t="s">
        <v>20</v>
      </c>
      <c r="B2670" s="1" t="s">
        <v>253</v>
      </c>
      <c r="C2670" s="1" t="s">
        <v>9191</v>
      </c>
      <c r="D2670" s="1" t="s">
        <v>9192</v>
      </c>
      <c r="E2670" s="1"/>
      <c r="F2670" s="1" t="s">
        <v>10</v>
      </c>
      <c r="G2670" s="1" t="s">
        <v>10</v>
      </c>
      <c r="H2670" s="1" t="s">
        <v>10</v>
      </c>
      <c r="I2670" s="1" t="s">
        <v>9126</v>
      </c>
      <c r="J2670" s="1" t="s">
        <v>9193</v>
      </c>
      <c r="K2670" s="1" t="s">
        <v>27</v>
      </c>
      <c r="L2670" s="1" t="s">
        <v>9190</v>
      </c>
      <c r="M2670" s="1" t="s">
        <v>5</v>
      </c>
      <c r="N2670" s="1" t="s">
        <v>6</v>
      </c>
      <c r="O2670" s="1" t="s">
        <v>38</v>
      </c>
      <c r="P2670" s="5" t="s">
        <v>30055</v>
      </c>
    </row>
    <row r="2671" spans="1:16" x14ac:dyDescent="0.2">
      <c r="A2671" s="1" t="s">
        <v>66</v>
      </c>
      <c r="B2671" s="1" t="s">
        <v>574</v>
      </c>
      <c r="C2671" s="1" t="s">
        <v>9195</v>
      </c>
      <c r="D2671" s="1" t="s">
        <v>9196</v>
      </c>
      <c r="E2671" s="1"/>
      <c r="F2671" s="1" t="s">
        <v>27</v>
      </c>
      <c r="G2671" s="1" t="s">
        <v>10</v>
      </c>
      <c r="H2671" s="1" t="s">
        <v>905</v>
      </c>
      <c r="I2671" s="1" t="s">
        <v>9126</v>
      </c>
      <c r="J2671" s="1" t="s">
        <v>64</v>
      </c>
      <c r="K2671" s="1" t="s">
        <v>64</v>
      </c>
      <c r="L2671" s="1" t="s">
        <v>9194</v>
      </c>
      <c r="M2671" s="1" t="s">
        <v>5</v>
      </c>
      <c r="N2671" s="1" t="s">
        <v>25</v>
      </c>
      <c r="O2671" s="1" t="s">
        <v>8</v>
      </c>
      <c r="P2671" s="5" t="s">
        <v>30056</v>
      </c>
    </row>
    <row r="2672" spans="1:16" x14ac:dyDescent="0.2">
      <c r="A2672" s="1" t="s">
        <v>66</v>
      </c>
      <c r="B2672" s="1" t="s">
        <v>67</v>
      </c>
      <c r="C2672" s="1" t="s">
        <v>9198</v>
      </c>
      <c r="D2672" s="1" t="s">
        <v>9199</v>
      </c>
      <c r="E2672" s="1" t="s">
        <v>9200</v>
      </c>
      <c r="F2672" s="1" t="s">
        <v>10</v>
      </c>
      <c r="G2672" s="1" t="s">
        <v>10</v>
      </c>
      <c r="H2672" s="1" t="s">
        <v>10</v>
      </c>
      <c r="I2672" s="1" t="s">
        <v>9126</v>
      </c>
      <c r="J2672" s="1" t="s">
        <v>9134</v>
      </c>
      <c r="K2672" s="1" t="s">
        <v>27</v>
      </c>
      <c r="L2672" s="1" t="s">
        <v>9197</v>
      </c>
      <c r="M2672" s="1" t="s">
        <v>5</v>
      </c>
      <c r="N2672" s="1" t="s">
        <v>25</v>
      </c>
      <c r="O2672" s="1" t="s">
        <v>38</v>
      </c>
      <c r="P2672" s="5" t="s">
        <v>30057</v>
      </c>
    </row>
    <row r="2673" spans="1:16" ht="63.75" x14ac:dyDescent="0.2">
      <c r="A2673" s="1" t="s">
        <v>20</v>
      </c>
      <c r="B2673" s="1" t="s">
        <v>1047</v>
      </c>
      <c r="C2673" s="1" t="s">
        <v>9202</v>
      </c>
      <c r="D2673" s="1" t="s">
        <v>9203</v>
      </c>
      <c r="E2673" s="1"/>
      <c r="F2673" s="1" t="s">
        <v>10</v>
      </c>
      <c r="G2673" s="1" t="s">
        <v>10</v>
      </c>
      <c r="H2673" s="1" t="s">
        <v>10</v>
      </c>
      <c r="I2673" s="1" t="s">
        <v>9126</v>
      </c>
      <c r="J2673" s="1" t="s">
        <v>9134</v>
      </c>
      <c r="K2673" s="1" t="s">
        <v>8442</v>
      </c>
      <c r="L2673" s="1" t="s">
        <v>9201</v>
      </c>
      <c r="M2673" s="1" t="s">
        <v>5</v>
      </c>
      <c r="N2673" s="1" t="s">
        <v>25</v>
      </c>
      <c r="O2673" s="1" t="s">
        <v>38</v>
      </c>
      <c r="P2673" s="9" t="s">
        <v>31339</v>
      </c>
    </row>
    <row r="2674" spans="1:16" x14ac:dyDescent="0.2">
      <c r="A2674" s="1" t="s">
        <v>10</v>
      </c>
      <c r="B2674" s="1" t="s">
        <v>10</v>
      </c>
      <c r="C2674" s="1" t="s">
        <v>9205</v>
      </c>
      <c r="D2674" s="1" t="s">
        <v>9206</v>
      </c>
      <c r="E2674" s="1"/>
      <c r="F2674" s="1" t="s">
        <v>10</v>
      </c>
      <c r="G2674" s="1" t="s">
        <v>10</v>
      </c>
      <c r="H2674" s="1" t="s">
        <v>10</v>
      </c>
      <c r="I2674" s="1" t="s">
        <v>9126</v>
      </c>
      <c r="J2674" s="1" t="s">
        <v>9134</v>
      </c>
      <c r="K2674" s="1" t="s">
        <v>27</v>
      </c>
      <c r="L2674" s="1" t="s">
        <v>9204</v>
      </c>
      <c r="M2674" s="1" t="s">
        <v>5</v>
      </c>
      <c r="N2674" s="1" t="s">
        <v>960</v>
      </c>
      <c r="O2674" s="1" t="s">
        <v>38</v>
      </c>
      <c r="P2674" s="5" t="s">
        <v>30045</v>
      </c>
    </row>
    <row r="2675" spans="1:16" x14ac:dyDescent="0.2">
      <c r="A2675" s="1" t="s">
        <v>10</v>
      </c>
      <c r="B2675" s="1" t="s">
        <v>10</v>
      </c>
      <c r="C2675" s="1" t="s">
        <v>9208</v>
      </c>
      <c r="D2675" s="1" t="s">
        <v>4886</v>
      </c>
      <c r="E2675" s="1" t="s">
        <v>9209</v>
      </c>
      <c r="F2675" s="1" t="s">
        <v>10</v>
      </c>
      <c r="G2675" s="1" t="s">
        <v>10</v>
      </c>
      <c r="H2675" s="1" t="s">
        <v>10</v>
      </c>
      <c r="I2675" s="1" t="s">
        <v>9126</v>
      </c>
      <c r="J2675" s="1" t="s">
        <v>9134</v>
      </c>
      <c r="K2675" s="1" t="s">
        <v>27</v>
      </c>
      <c r="L2675" s="1" t="s">
        <v>9207</v>
      </c>
      <c r="M2675" s="1" t="s">
        <v>5</v>
      </c>
      <c r="N2675" s="1" t="s">
        <v>960</v>
      </c>
      <c r="O2675" s="1" t="s">
        <v>38</v>
      </c>
      <c r="P2675" s="5" t="s">
        <v>30049</v>
      </c>
    </row>
    <row r="2676" spans="1:16" x14ac:dyDescent="0.2">
      <c r="A2676" s="1" t="s">
        <v>42</v>
      </c>
      <c r="B2676" s="1" t="s">
        <v>1341</v>
      </c>
      <c r="C2676" s="1" t="s">
        <v>9211</v>
      </c>
      <c r="D2676" s="1" t="s">
        <v>9212</v>
      </c>
      <c r="E2676" s="1" t="s">
        <v>9213</v>
      </c>
      <c r="F2676" s="1" t="s">
        <v>10</v>
      </c>
      <c r="G2676" s="1" t="s">
        <v>10</v>
      </c>
      <c r="H2676" s="1" t="s">
        <v>10</v>
      </c>
      <c r="I2676" s="1" t="s">
        <v>9126</v>
      </c>
      <c r="J2676" s="1" t="s">
        <v>9134</v>
      </c>
      <c r="K2676" s="1" t="s">
        <v>27</v>
      </c>
      <c r="L2676" s="1" t="s">
        <v>9210</v>
      </c>
      <c r="M2676" s="1" t="s">
        <v>5</v>
      </c>
      <c r="N2676" s="1" t="s">
        <v>25</v>
      </c>
      <c r="O2676" s="1" t="s">
        <v>38</v>
      </c>
      <c r="P2676" s="5" t="s">
        <v>30058</v>
      </c>
    </row>
    <row r="2677" spans="1:16" x14ac:dyDescent="0.2">
      <c r="A2677" s="1" t="s">
        <v>66</v>
      </c>
      <c r="B2677" s="1" t="s">
        <v>574</v>
      </c>
      <c r="C2677" s="1" t="s">
        <v>9215</v>
      </c>
      <c r="D2677" s="1" t="s">
        <v>9216</v>
      </c>
      <c r="E2677" s="1"/>
      <c r="F2677" s="1" t="s">
        <v>10</v>
      </c>
      <c r="G2677" s="1" t="s">
        <v>10</v>
      </c>
      <c r="H2677" s="1" t="s">
        <v>10</v>
      </c>
      <c r="I2677" s="1" t="s">
        <v>9126</v>
      </c>
      <c r="J2677" s="1" t="s">
        <v>9129</v>
      </c>
      <c r="K2677" s="1" t="s">
        <v>27</v>
      </c>
      <c r="L2677" s="1" t="s">
        <v>9214</v>
      </c>
      <c r="M2677" s="1" t="s">
        <v>5</v>
      </c>
      <c r="N2677" s="1" t="s">
        <v>960</v>
      </c>
      <c r="O2677" s="1" t="s">
        <v>38</v>
      </c>
      <c r="P2677" s="5" t="s">
        <v>30059</v>
      </c>
    </row>
    <row r="2678" spans="1:16" x14ac:dyDescent="0.2">
      <c r="A2678" s="1" t="s">
        <v>20</v>
      </c>
      <c r="B2678" s="1" t="s">
        <v>302</v>
      </c>
      <c r="C2678" s="1" t="s">
        <v>9218</v>
      </c>
      <c r="D2678" s="1" t="s">
        <v>9219</v>
      </c>
      <c r="E2678" s="1"/>
      <c r="F2678" s="1" t="s">
        <v>10</v>
      </c>
      <c r="G2678" s="1" t="s">
        <v>10</v>
      </c>
      <c r="H2678" s="1" t="s">
        <v>10</v>
      </c>
      <c r="I2678" s="1" t="s">
        <v>9126</v>
      </c>
      <c r="J2678" s="1" t="s">
        <v>9220</v>
      </c>
      <c r="K2678" s="1" t="s">
        <v>27</v>
      </c>
      <c r="L2678" s="1" t="s">
        <v>9217</v>
      </c>
      <c r="M2678" s="1" t="s">
        <v>5</v>
      </c>
      <c r="N2678" s="1" t="s">
        <v>6</v>
      </c>
      <c r="O2678" s="1" t="s">
        <v>38</v>
      </c>
      <c r="P2678" s="5" t="s">
        <v>31340</v>
      </c>
    </row>
    <row r="2679" spans="1:16" x14ac:dyDescent="0.2">
      <c r="A2679" s="1" t="s">
        <v>20</v>
      </c>
      <c r="B2679" s="1" t="s">
        <v>309</v>
      </c>
      <c r="C2679" s="1" t="s">
        <v>9222</v>
      </c>
      <c r="D2679" s="1" t="s">
        <v>9223</v>
      </c>
      <c r="E2679" s="1" t="s">
        <v>9225</v>
      </c>
      <c r="F2679" s="1" t="s">
        <v>105</v>
      </c>
      <c r="G2679" s="1" t="s">
        <v>108</v>
      </c>
      <c r="H2679" s="1" t="s">
        <v>10</v>
      </c>
      <c r="I2679" s="1" t="s">
        <v>9126</v>
      </c>
      <c r="J2679" s="1" t="s">
        <v>9224</v>
      </c>
      <c r="K2679" s="1" t="s">
        <v>27</v>
      </c>
      <c r="L2679" s="1" t="s">
        <v>9221</v>
      </c>
      <c r="M2679" s="1" t="s">
        <v>5</v>
      </c>
      <c r="N2679" s="1" t="s">
        <v>25</v>
      </c>
      <c r="O2679" s="1" t="s">
        <v>8</v>
      </c>
      <c r="P2679" s="5" t="s">
        <v>31341</v>
      </c>
    </row>
    <row r="2680" spans="1:16" x14ac:dyDescent="0.2">
      <c r="A2680" s="1" t="s">
        <v>20</v>
      </c>
      <c r="B2680" s="1" t="s">
        <v>172</v>
      </c>
      <c r="C2680" s="1" t="s">
        <v>9227</v>
      </c>
      <c r="D2680" s="1" t="s">
        <v>9228</v>
      </c>
      <c r="E2680" s="1"/>
      <c r="F2680" s="1" t="s">
        <v>10</v>
      </c>
      <c r="G2680" s="1" t="s">
        <v>10</v>
      </c>
      <c r="H2680" s="1" t="s">
        <v>10</v>
      </c>
      <c r="I2680" s="1" t="s">
        <v>9126</v>
      </c>
      <c r="J2680" s="1" t="s">
        <v>9134</v>
      </c>
      <c r="K2680" s="1" t="s">
        <v>27</v>
      </c>
      <c r="L2680" s="1" t="s">
        <v>9226</v>
      </c>
      <c r="M2680" s="1" t="s">
        <v>5</v>
      </c>
      <c r="N2680" s="1" t="s">
        <v>25</v>
      </c>
      <c r="O2680" s="1" t="s">
        <v>38</v>
      </c>
      <c r="P2680" s="5" t="s">
        <v>30060</v>
      </c>
    </row>
    <row r="2681" spans="1:16" x14ac:dyDescent="0.2">
      <c r="A2681" s="1" t="s">
        <v>66</v>
      </c>
      <c r="B2681" s="1" t="s">
        <v>1812</v>
      </c>
      <c r="C2681" s="1" t="s">
        <v>9230</v>
      </c>
      <c r="D2681" s="1" t="s">
        <v>9231</v>
      </c>
      <c r="E2681" s="1"/>
      <c r="F2681" s="1" t="s">
        <v>10</v>
      </c>
      <c r="G2681" s="1" t="s">
        <v>10</v>
      </c>
      <c r="H2681" s="1" t="s">
        <v>10</v>
      </c>
      <c r="I2681" s="1" t="s">
        <v>9126</v>
      </c>
      <c r="J2681" s="1" t="s">
        <v>9232</v>
      </c>
      <c r="K2681" s="1" t="s">
        <v>27</v>
      </c>
      <c r="L2681" s="1" t="s">
        <v>9229</v>
      </c>
      <c r="M2681" s="1" t="s">
        <v>5</v>
      </c>
      <c r="N2681" s="1" t="s">
        <v>25</v>
      </c>
      <c r="O2681" s="1" t="s">
        <v>38</v>
      </c>
      <c r="P2681" s="5" t="s">
        <v>30061</v>
      </c>
    </row>
    <row r="2682" spans="1:16" x14ac:dyDescent="0.2">
      <c r="A2682" s="1" t="s">
        <v>42</v>
      </c>
      <c r="B2682" s="1" t="s">
        <v>1664</v>
      </c>
      <c r="C2682" s="1" t="s">
        <v>9234</v>
      </c>
      <c r="D2682" s="1" t="s">
        <v>9235</v>
      </c>
      <c r="E2682" s="1"/>
      <c r="F2682" s="1" t="s">
        <v>10</v>
      </c>
      <c r="G2682" s="1" t="s">
        <v>10</v>
      </c>
      <c r="H2682" s="1" t="s">
        <v>10</v>
      </c>
      <c r="I2682" s="1" t="s">
        <v>9126</v>
      </c>
      <c r="J2682" s="1" t="s">
        <v>9129</v>
      </c>
      <c r="K2682" s="1" t="s">
        <v>27</v>
      </c>
      <c r="L2682" s="1" t="s">
        <v>9233</v>
      </c>
      <c r="M2682" s="1" t="s">
        <v>5</v>
      </c>
      <c r="N2682" s="1" t="s">
        <v>25</v>
      </c>
      <c r="O2682" s="1" t="s">
        <v>38</v>
      </c>
      <c r="P2682" s="5" t="s">
        <v>30062</v>
      </c>
    </row>
    <row r="2683" spans="1:16" x14ac:dyDescent="0.2">
      <c r="A2683" s="1" t="s">
        <v>20</v>
      </c>
      <c r="B2683" s="1" t="s">
        <v>445</v>
      </c>
      <c r="C2683" s="1" t="s">
        <v>9237</v>
      </c>
      <c r="D2683" s="1" t="s">
        <v>9238</v>
      </c>
      <c r="E2683" s="1"/>
      <c r="F2683" s="1" t="s">
        <v>10</v>
      </c>
      <c r="G2683" s="1" t="s">
        <v>10</v>
      </c>
      <c r="H2683" s="1" t="s">
        <v>10</v>
      </c>
      <c r="I2683" s="1" t="s">
        <v>9126</v>
      </c>
      <c r="J2683" s="1" t="s">
        <v>9134</v>
      </c>
      <c r="K2683" s="1" t="s">
        <v>7367</v>
      </c>
      <c r="L2683" s="1" t="s">
        <v>9236</v>
      </c>
      <c r="M2683" s="1" t="s">
        <v>5</v>
      </c>
      <c r="N2683" s="1" t="s">
        <v>960</v>
      </c>
      <c r="O2683" s="1" t="s">
        <v>38</v>
      </c>
      <c r="P2683" s="5" t="s">
        <v>10</v>
      </c>
    </row>
    <row r="2684" spans="1:16" x14ac:dyDescent="0.2">
      <c r="A2684" s="1" t="s">
        <v>20</v>
      </c>
      <c r="B2684" s="1" t="s">
        <v>253</v>
      </c>
      <c r="C2684" s="1" t="s">
        <v>9240</v>
      </c>
      <c r="D2684" s="1" t="s">
        <v>9241</v>
      </c>
      <c r="E2684" s="1"/>
      <c r="F2684" s="1" t="s">
        <v>10</v>
      </c>
      <c r="G2684" s="1" t="s">
        <v>10</v>
      </c>
      <c r="H2684" s="1" t="s">
        <v>10</v>
      </c>
      <c r="I2684" s="1" t="s">
        <v>9126</v>
      </c>
      <c r="J2684" s="1" t="s">
        <v>9180</v>
      </c>
      <c r="K2684" s="1" t="s">
        <v>27</v>
      </c>
      <c r="L2684" s="1" t="s">
        <v>9239</v>
      </c>
      <c r="M2684" s="1" t="s">
        <v>5</v>
      </c>
      <c r="N2684" s="1" t="s">
        <v>6</v>
      </c>
      <c r="O2684" s="1" t="s">
        <v>38</v>
      </c>
      <c r="P2684" s="5" t="s">
        <v>30063</v>
      </c>
    </row>
    <row r="2685" spans="1:16" x14ac:dyDescent="0.2">
      <c r="A2685" s="1" t="s">
        <v>66</v>
      </c>
      <c r="B2685" s="1" t="s">
        <v>1127</v>
      </c>
      <c r="C2685" s="1" t="s">
        <v>9243</v>
      </c>
      <c r="D2685" s="1" t="s">
        <v>9244</v>
      </c>
      <c r="E2685" s="1"/>
      <c r="F2685" s="1" t="s">
        <v>27</v>
      </c>
      <c r="G2685" s="1" t="s">
        <v>10</v>
      </c>
      <c r="H2685" s="1" t="s">
        <v>905</v>
      </c>
      <c r="I2685" s="1" t="s">
        <v>9126</v>
      </c>
      <c r="J2685" s="1" t="s">
        <v>9245</v>
      </c>
      <c r="K2685" s="1" t="s">
        <v>27</v>
      </c>
      <c r="L2685" s="1" t="s">
        <v>9242</v>
      </c>
      <c r="M2685" s="1" t="s">
        <v>5</v>
      </c>
      <c r="N2685" s="1" t="s">
        <v>25</v>
      </c>
      <c r="O2685" s="1" t="s">
        <v>8</v>
      </c>
      <c r="P2685" s="5" t="s">
        <v>30064</v>
      </c>
    </row>
    <row r="2686" spans="1:16" x14ac:dyDescent="0.2">
      <c r="A2686" s="1" t="s">
        <v>42</v>
      </c>
      <c r="B2686" s="1" t="s">
        <v>320</v>
      </c>
      <c r="C2686" s="1" t="s">
        <v>9247</v>
      </c>
      <c r="D2686" s="1" t="s">
        <v>388</v>
      </c>
      <c r="E2686" s="1"/>
      <c r="F2686" s="1" t="s">
        <v>10</v>
      </c>
      <c r="G2686" s="1" t="s">
        <v>10</v>
      </c>
      <c r="H2686" s="1" t="s">
        <v>10</v>
      </c>
      <c r="I2686" s="1" t="s">
        <v>9126</v>
      </c>
      <c r="J2686" s="1" t="s">
        <v>9134</v>
      </c>
      <c r="K2686" s="1" t="s">
        <v>27</v>
      </c>
      <c r="L2686" s="1" t="s">
        <v>9246</v>
      </c>
      <c r="M2686" s="1" t="s">
        <v>5</v>
      </c>
      <c r="N2686" s="1" t="s">
        <v>10</v>
      </c>
      <c r="O2686" s="1" t="s">
        <v>38</v>
      </c>
      <c r="P2686" s="5" t="s">
        <v>30065</v>
      </c>
    </row>
    <row r="2687" spans="1:16" x14ac:dyDescent="0.2">
      <c r="A2687" s="1" t="s">
        <v>20</v>
      </c>
      <c r="B2687" s="1" t="s">
        <v>99</v>
      </c>
      <c r="C2687" s="1" t="s">
        <v>9250</v>
      </c>
      <c r="D2687" s="1" t="s">
        <v>9251</v>
      </c>
      <c r="E2687" s="1" t="s">
        <v>9252</v>
      </c>
      <c r="F2687" s="1" t="s">
        <v>10</v>
      </c>
      <c r="G2687" s="1" t="s">
        <v>10</v>
      </c>
      <c r="H2687" s="1" t="s">
        <v>10</v>
      </c>
      <c r="I2687" s="1" t="s">
        <v>9126</v>
      </c>
      <c r="J2687" s="1" t="s">
        <v>9248</v>
      </c>
      <c r="K2687" s="1" t="s">
        <v>27</v>
      </c>
      <c r="L2687" s="1" t="s">
        <v>9249</v>
      </c>
      <c r="M2687" s="1" t="s">
        <v>5</v>
      </c>
      <c r="N2687" s="1" t="s">
        <v>25</v>
      </c>
      <c r="O2687" s="1" t="s">
        <v>38</v>
      </c>
      <c r="P2687" s="5" t="s">
        <v>31342</v>
      </c>
    </row>
    <row r="2688" spans="1:16" x14ac:dyDescent="0.2">
      <c r="A2688" s="1" t="s">
        <v>20</v>
      </c>
      <c r="B2688" s="1" t="s">
        <v>253</v>
      </c>
      <c r="C2688" s="1" t="s">
        <v>9254</v>
      </c>
      <c r="D2688" s="1" t="s">
        <v>9255</v>
      </c>
      <c r="E2688" s="1"/>
      <c r="F2688" s="1" t="s">
        <v>10</v>
      </c>
      <c r="G2688" s="1" t="s">
        <v>10</v>
      </c>
      <c r="H2688" s="1" t="s">
        <v>10</v>
      </c>
      <c r="I2688" s="1" t="s">
        <v>9126</v>
      </c>
      <c r="J2688" s="1" t="s">
        <v>9167</v>
      </c>
      <c r="K2688" s="1" t="s">
        <v>27</v>
      </c>
      <c r="L2688" s="1" t="s">
        <v>9253</v>
      </c>
      <c r="M2688" s="1" t="s">
        <v>5</v>
      </c>
      <c r="N2688" s="1" t="s">
        <v>6</v>
      </c>
      <c r="O2688" s="1" t="s">
        <v>38</v>
      </c>
      <c r="P2688" s="5" t="s">
        <v>114</v>
      </c>
    </row>
    <row r="2689" spans="1:16" x14ac:dyDescent="0.2">
      <c r="A2689" s="1" t="s">
        <v>20</v>
      </c>
      <c r="B2689" s="1" t="s">
        <v>93</v>
      </c>
      <c r="C2689" s="1" t="s">
        <v>9257</v>
      </c>
      <c r="D2689" s="1" t="s">
        <v>9258</v>
      </c>
      <c r="E2689" s="1"/>
      <c r="F2689" s="1" t="s">
        <v>10</v>
      </c>
      <c r="G2689" s="1" t="s">
        <v>10</v>
      </c>
      <c r="H2689" s="1" t="s">
        <v>10</v>
      </c>
      <c r="I2689" s="1" t="s">
        <v>9126</v>
      </c>
      <c r="J2689" s="1" t="s">
        <v>9134</v>
      </c>
      <c r="K2689" s="1" t="s">
        <v>27</v>
      </c>
      <c r="L2689" s="1" t="s">
        <v>9256</v>
      </c>
      <c r="M2689" s="1" t="s">
        <v>5</v>
      </c>
      <c r="N2689" s="1" t="s">
        <v>1009</v>
      </c>
      <c r="O2689" s="1" t="s">
        <v>38</v>
      </c>
      <c r="P2689" s="5" t="s">
        <v>31343</v>
      </c>
    </row>
    <row r="2690" spans="1:16" x14ac:dyDescent="0.2">
      <c r="A2690" s="1" t="s">
        <v>42</v>
      </c>
      <c r="B2690" s="1" t="s">
        <v>320</v>
      </c>
      <c r="C2690" s="1" t="s">
        <v>9260</v>
      </c>
      <c r="D2690" s="1" t="s">
        <v>9261</v>
      </c>
      <c r="E2690" s="1"/>
      <c r="F2690" s="1" t="s">
        <v>10</v>
      </c>
      <c r="G2690" s="1" t="s">
        <v>10</v>
      </c>
      <c r="H2690" s="1" t="s">
        <v>10</v>
      </c>
      <c r="I2690" s="1" t="s">
        <v>9126</v>
      </c>
      <c r="J2690" s="1" t="s">
        <v>9262</v>
      </c>
      <c r="K2690" s="1" t="s">
        <v>179</v>
      </c>
      <c r="L2690" s="1" t="s">
        <v>9259</v>
      </c>
      <c r="M2690" s="1" t="s">
        <v>5</v>
      </c>
      <c r="N2690" s="1" t="s">
        <v>25</v>
      </c>
      <c r="O2690" s="1" t="s">
        <v>38</v>
      </c>
      <c r="P2690" s="5" t="s">
        <v>30066</v>
      </c>
    </row>
    <row r="2691" spans="1:16" x14ac:dyDescent="0.2">
      <c r="A2691" s="1" t="s">
        <v>20</v>
      </c>
      <c r="B2691" s="1" t="s">
        <v>253</v>
      </c>
      <c r="C2691" s="1" t="s">
        <v>9264</v>
      </c>
      <c r="D2691" s="1" t="s">
        <v>9265</v>
      </c>
      <c r="E2691" s="1"/>
      <c r="F2691" s="1" t="s">
        <v>10</v>
      </c>
      <c r="G2691" s="1" t="s">
        <v>10</v>
      </c>
      <c r="H2691" s="1" t="s">
        <v>10</v>
      </c>
      <c r="I2691" s="1" t="s">
        <v>9126</v>
      </c>
      <c r="J2691" s="1" t="s">
        <v>9129</v>
      </c>
      <c r="K2691" s="1" t="s">
        <v>27</v>
      </c>
      <c r="L2691" s="1" t="s">
        <v>9263</v>
      </c>
      <c r="M2691" s="1" t="s">
        <v>5</v>
      </c>
      <c r="N2691" s="1" t="s">
        <v>10</v>
      </c>
      <c r="O2691" s="1" t="s">
        <v>38</v>
      </c>
      <c r="P2691" s="5" t="s">
        <v>30058</v>
      </c>
    </row>
    <row r="2692" spans="1:16" x14ac:dyDescent="0.2">
      <c r="A2692" s="1" t="s">
        <v>20</v>
      </c>
      <c r="B2692" s="1" t="s">
        <v>99</v>
      </c>
      <c r="C2692" s="1" t="s">
        <v>9267</v>
      </c>
      <c r="D2692" s="1" t="s">
        <v>9268</v>
      </c>
      <c r="E2692" s="1" t="s">
        <v>9269</v>
      </c>
      <c r="F2692" s="1" t="s">
        <v>10</v>
      </c>
      <c r="G2692" s="1" t="s">
        <v>10</v>
      </c>
      <c r="H2692" s="1" t="s">
        <v>10</v>
      </c>
      <c r="I2692" s="1" t="s">
        <v>9126</v>
      </c>
      <c r="J2692" s="1" t="s">
        <v>9129</v>
      </c>
      <c r="K2692" s="1" t="s">
        <v>27</v>
      </c>
      <c r="L2692" s="1" t="s">
        <v>9266</v>
      </c>
      <c r="M2692" s="1" t="s">
        <v>5</v>
      </c>
      <c r="N2692" s="1" t="s">
        <v>25</v>
      </c>
      <c r="O2692" s="1" t="s">
        <v>38</v>
      </c>
      <c r="P2692" s="5" t="s">
        <v>30067</v>
      </c>
    </row>
    <row r="2693" spans="1:16" x14ac:dyDescent="0.2">
      <c r="A2693" s="1" t="s">
        <v>42</v>
      </c>
      <c r="B2693" s="1" t="s">
        <v>43</v>
      </c>
      <c r="C2693" s="1" t="s">
        <v>9271</v>
      </c>
      <c r="D2693" s="1" t="s">
        <v>9272</v>
      </c>
      <c r="E2693" s="1"/>
      <c r="F2693" s="1" t="s">
        <v>10</v>
      </c>
      <c r="G2693" s="1" t="s">
        <v>10</v>
      </c>
      <c r="H2693" s="1" t="s">
        <v>10</v>
      </c>
      <c r="I2693" s="1" t="s">
        <v>9126</v>
      </c>
      <c r="J2693" s="1" t="s">
        <v>9134</v>
      </c>
      <c r="K2693" s="1" t="s">
        <v>27</v>
      </c>
      <c r="L2693" s="1" t="s">
        <v>9270</v>
      </c>
      <c r="M2693" s="1" t="s">
        <v>5</v>
      </c>
      <c r="N2693" s="1" t="s">
        <v>960</v>
      </c>
      <c r="O2693" s="1" t="s">
        <v>38</v>
      </c>
      <c r="P2693" s="5" t="s">
        <v>30045</v>
      </c>
    </row>
    <row r="2694" spans="1:16" x14ac:dyDescent="0.2">
      <c r="A2694" s="1" t="s">
        <v>66</v>
      </c>
      <c r="B2694" s="1" t="s">
        <v>67</v>
      </c>
      <c r="C2694" s="1" t="s">
        <v>9274</v>
      </c>
      <c r="D2694" s="1" t="s">
        <v>9275</v>
      </c>
      <c r="E2694" s="1"/>
      <c r="F2694" s="1" t="s">
        <v>10</v>
      </c>
      <c r="G2694" s="1" t="s">
        <v>10</v>
      </c>
      <c r="H2694" s="1" t="s">
        <v>10</v>
      </c>
      <c r="I2694" s="1" t="s">
        <v>9126</v>
      </c>
      <c r="J2694" s="1" t="s">
        <v>154</v>
      </c>
      <c r="K2694" s="1" t="s">
        <v>27</v>
      </c>
      <c r="L2694" s="1" t="s">
        <v>9273</v>
      </c>
      <c r="M2694" s="1" t="s">
        <v>5</v>
      </c>
      <c r="N2694" s="1" t="s">
        <v>6</v>
      </c>
      <c r="O2694" s="1" t="s">
        <v>38</v>
      </c>
      <c r="P2694" s="5" t="s">
        <v>30068</v>
      </c>
    </row>
    <row r="2695" spans="1:16" x14ac:dyDescent="0.2">
      <c r="A2695" s="1" t="s">
        <v>20</v>
      </c>
      <c r="B2695" s="1" t="s">
        <v>445</v>
      </c>
      <c r="C2695" s="1" t="s">
        <v>9277</v>
      </c>
      <c r="D2695" s="1" t="s">
        <v>9278</v>
      </c>
      <c r="E2695" s="1"/>
      <c r="F2695" s="1" t="s">
        <v>10</v>
      </c>
      <c r="G2695" s="1" t="s">
        <v>10</v>
      </c>
      <c r="H2695" s="1" t="s">
        <v>10</v>
      </c>
      <c r="I2695" s="1" t="s">
        <v>9126</v>
      </c>
      <c r="J2695" s="1" t="s">
        <v>9134</v>
      </c>
      <c r="K2695" s="1" t="s">
        <v>27</v>
      </c>
      <c r="L2695" s="1" t="s">
        <v>9276</v>
      </c>
      <c r="M2695" s="1" t="s">
        <v>5</v>
      </c>
      <c r="N2695" s="1" t="s">
        <v>25</v>
      </c>
      <c r="O2695" s="1" t="s">
        <v>38</v>
      </c>
      <c r="P2695" s="5"/>
    </row>
    <row r="2696" spans="1:16" x14ac:dyDescent="0.2">
      <c r="A2696" s="1" t="s">
        <v>42</v>
      </c>
      <c r="B2696" s="1" t="s">
        <v>1377</v>
      </c>
      <c r="C2696" s="1" t="s">
        <v>9281</v>
      </c>
      <c r="D2696" s="1" t="s">
        <v>9282</v>
      </c>
      <c r="E2696" s="1"/>
      <c r="F2696" s="1" t="s">
        <v>10</v>
      </c>
      <c r="G2696" s="1" t="s">
        <v>10</v>
      </c>
      <c r="H2696" s="1" t="s">
        <v>10</v>
      </c>
      <c r="I2696" s="1" t="s">
        <v>9126</v>
      </c>
      <c r="J2696" s="1" t="s">
        <v>9283</v>
      </c>
      <c r="K2696" s="1" t="s">
        <v>27</v>
      </c>
      <c r="L2696" s="1" t="s">
        <v>9280</v>
      </c>
      <c r="M2696" s="1" t="s">
        <v>5</v>
      </c>
      <c r="N2696" s="1" t="s">
        <v>25</v>
      </c>
      <c r="O2696" s="1" t="s">
        <v>38</v>
      </c>
      <c r="P2696" s="5" t="s">
        <v>31344</v>
      </c>
    </row>
    <row r="2697" spans="1:16" x14ac:dyDescent="0.2">
      <c r="A2697" s="1" t="s">
        <v>20</v>
      </c>
      <c r="B2697" s="1" t="s">
        <v>309</v>
      </c>
      <c r="C2697" s="1" t="s">
        <v>9285</v>
      </c>
      <c r="D2697" s="1" t="s">
        <v>2905</v>
      </c>
      <c r="E2697" s="1"/>
      <c r="F2697" s="1" t="s">
        <v>10</v>
      </c>
      <c r="G2697" s="1" t="s">
        <v>10</v>
      </c>
      <c r="H2697" s="1" t="s">
        <v>10</v>
      </c>
      <c r="I2697" s="1" t="s">
        <v>9126</v>
      </c>
      <c r="J2697" s="1" t="s">
        <v>9286</v>
      </c>
      <c r="K2697" s="1" t="s">
        <v>27</v>
      </c>
      <c r="L2697" s="1" t="s">
        <v>9284</v>
      </c>
      <c r="M2697" s="1" t="s">
        <v>5</v>
      </c>
      <c r="N2697" s="1" t="s">
        <v>6</v>
      </c>
      <c r="O2697" s="1" t="s">
        <v>38</v>
      </c>
      <c r="P2697" s="5" t="s">
        <v>114</v>
      </c>
    </row>
    <row r="2698" spans="1:16" x14ac:dyDescent="0.2">
      <c r="A2698" s="1" t="s">
        <v>42</v>
      </c>
      <c r="B2698" s="1" t="s">
        <v>1341</v>
      </c>
      <c r="C2698" s="1" t="s">
        <v>9288</v>
      </c>
      <c r="D2698" s="1" t="s">
        <v>9289</v>
      </c>
      <c r="E2698" s="1"/>
      <c r="F2698" s="1" t="s">
        <v>10</v>
      </c>
      <c r="G2698" s="1" t="s">
        <v>10</v>
      </c>
      <c r="H2698" s="1" t="s">
        <v>10</v>
      </c>
      <c r="I2698" s="1" t="s">
        <v>9126</v>
      </c>
      <c r="J2698" s="1" t="s">
        <v>9193</v>
      </c>
      <c r="K2698" s="1" t="s">
        <v>27</v>
      </c>
      <c r="L2698" s="1" t="s">
        <v>9287</v>
      </c>
      <c r="M2698" s="1" t="s">
        <v>5</v>
      </c>
      <c r="N2698" s="1" t="s">
        <v>6</v>
      </c>
      <c r="O2698" s="1" t="s">
        <v>38</v>
      </c>
      <c r="P2698" s="5" t="s">
        <v>30069</v>
      </c>
    </row>
    <row r="2699" spans="1:16" x14ac:dyDescent="0.2">
      <c r="A2699" s="1" t="s">
        <v>20</v>
      </c>
      <c r="B2699" s="1" t="s">
        <v>445</v>
      </c>
      <c r="C2699" s="1" t="s">
        <v>9291</v>
      </c>
      <c r="D2699" s="1" t="s">
        <v>9292</v>
      </c>
      <c r="E2699" s="1" t="s">
        <v>9294</v>
      </c>
      <c r="F2699" s="1" t="s">
        <v>10</v>
      </c>
      <c r="G2699" s="1" t="s">
        <v>10</v>
      </c>
      <c r="H2699" s="1" t="s">
        <v>10</v>
      </c>
      <c r="I2699" s="1" t="s">
        <v>9126</v>
      </c>
      <c r="J2699" s="1" t="s">
        <v>9293</v>
      </c>
      <c r="K2699" s="1" t="s">
        <v>27</v>
      </c>
      <c r="L2699" s="1" t="s">
        <v>9290</v>
      </c>
      <c r="M2699" s="1" t="s">
        <v>5</v>
      </c>
      <c r="N2699" s="1" t="s">
        <v>25</v>
      </c>
      <c r="O2699" s="1" t="s">
        <v>38</v>
      </c>
      <c r="P2699" s="5" t="s">
        <v>31345</v>
      </c>
    </row>
    <row r="2700" spans="1:16" x14ac:dyDescent="0.2">
      <c r="A2700" s="1" t="s">
        <v>20</v>
      </c>
      <c r="B2700" s="1" t="s">
        <v>21</v>
      </c>
      <c r="C2700" s="1" t="s">
        <v>9296</v>
      </c>
      <c r="D2700" s="1" t="s">
        <v>9297</v>
      </c>
      <c r="E2700" s="1"/>
      <c r="F2700" s="1" t="s">
        <v>10</v>
      </c>
      <c r="G2700" s="1" t="s">
        <v>10</v>
      </c>
      <c r="H2700" s="1" t="s">
        <v>10</v>
      </c>
      <c r="I2700" s="1" t="s">
        <v>9126</v>
      </c>
      <c r="J2700" s="1" t="s">
        <v>9134</v>
      </c>
      <c r="K2700" s="1" t="s">
        <v>27</v>
      </c>
      <c r="L2700" s="1" t="s">
        <v>9295</v>
      </c>
      <c r="M2700" s="1" t="s">
        <v>5</v>
      </c>
      <c r="N2700" s="1" t="s">
        <v>1009</v>
      </c>
      <c r="O2700" s="1" t="s">
        <v>38</v>
      </c>
      <c r="P2700" s="5" t="s">
        <v>30070</v>
      </c>
    </row>
    <row r="2701" spans="1:16" x14ac:dyDescent="0.2">
      <c r="A2701" s="1" t="s">
        <v>20</v>
      </c>
      <c r="B2701" s="1" t="s">
        <v>445</v>
      </c>
      <c r="C2701" s="1" t="s">
        <v>9299</v>
      </c>
      <c r="D2701" s="1" t="s">
        <v>9299</v>
      </c>
      <c r="E2701" s="1" t="s">
        <v>9300</v>
      </c>
      <c r="F2701" s="1" t="s">
        <v>10</v>
      </c>
      <c r="G2701" s="1" t="s">
        <v>10</v>
      </c>
      <c r="H2701" s="1" t="s">
        <v>10</v>
      </c>
      <c r="I2701" s="1" t="s">
        <v>9126</v>
      </c>
      <c r="J2701" s="1" t="s">
        <v>154</v>
      </c>
      <c r="K2701" s="1" t="s">
        <v>27</v>
      </c>
      <c r="L2701" s="1" t="s">
        <v>9298</v>
      </c>
      <c r="M2701" s="1" t="s">
        <v>5</v>
      </c>
      <c r="N2701" s="1" t="s">
        <v>25</v>
      </c>
      <c r="O2701" s="1" t="s">
        <v>38</v>
      </c>
      <c r="P2701" s="5" t="s">
        <v>31346</v>
      </c>
    </row>
    <row r="2702" spans="1:16" x14ac:dyDescent="0.2">
      <c r="A2702" s="1" t="s">
        <v>20</v>
      </c>
      <c r="B2702" s="1" t="s">
        <v>445</v>
      </c>
      <c r="C2702" s="1" t="s">
        <v>9302</v>
      </c>
      <c r="D2702" s="1" t="s">
        <v>9303</v>
      </c>
      <c r="E2702" s="1"/>
      <c r="F2702" s="1" t="s">
        <v>10</v>
      </c>
      <c r="G2702" s="1" t="s">
        <v>10</v>
      </c>
      <c r="H2702" s="1" t="s">
        <v>10</v>
      </c>
      <c r="I2702" s="1" t="s">
        <v>9126</v>
      </c>
      <c r="J2702" s="1" t="s">
        <v>9134</v>
      </c>
      <c r="K2702" s="1" t="s">
        <v>64</v>
      </c>
      <c r="L2702" s="1" t="s">
        <v>9301</v>
      </c>
      <c r="M2702" s="1" t="s">
        <v>5</v>
      </c>
      <c r="N2702" s="1" t="s">
        <v>960</v>
      </c>
      <c r="O2702" s="1" t="s">
        <v>38</v>
      </c>
      <c r="P2702" s="5" t="s">
        <v>10</v>
      </c>
    </row>
    <row r="2703" spans="1:16" x14ac:dyDescent="0.2">
      <c r="A2703" s="1" t="s">
        <v>20</v>
      </c>
      <c r="B2703" s="1" t="s">
        <v>253</v>
      </c>
      <c r="C2703" s="1" t="s">
        <v>9305</v>
      </c>
      <c r="D2703" s="1" t="s">
        <v>9306</v>
      </c>
      <c r="E2703" s="1"/>
      <c r="F2703" s="1" t="s">
        <v>10</v>
      </c>
      <c r="G2703" s="1" t="s">
        <v>10</v>
      </c>
      <c r="H2703" s="1" t="s">
        <v>10</v>
      </c>
      <c r="I2703" s="1" t="s">
        <v>9126</v>
      </c>
      <c r="J2703" s="1" t="s">
        <v>9134</v>
      </c>
      <c r="K2703" s="1" t="s">
        <v>27</v>
      </c>
      <c r="L2703" s="1" t="s">
        <v>9304</v>
      </c>
      <c r="M2703" s="1" t="s">
        <v>5</v>
      </c>
      <c r="N2703" s="1" t="s">
        <v>6</v>
      </c>
      <c r="O2703" s="1" t="s">
        <v>38</v>
      </c>
      <c r="P2703" s="5" t="s">
        <v>30071</v>
      </c>
    </row>
    <row r="2704" spans="1:16" x14ac:dyDescent="0.2">
      <c r="A2704" s="1" t="s">
        <v>20</v>
      </c>
      <c r="B2704" s="1" t="s">
        <v>445</v>
      </c>
      <c r="C2704" s="1" t="s">
        <v>9308</v>
      </c>
      <c r="D2704" s="1" t="s">
        <v>9309</v>
      </c>
      <c r="E2704" s="1"/>
      <c r="F2704" s="1" t="s">
        <v>10</v>
      </c>
      <c r="G2704" s="1" t="s">
        <v>10</v>
      </c>
      <c r="H2704" s="1" t="s">
        <v>10</v>
      </c>
      <c r="I2704" s="1" t="s">
        <v>9126</v>
      </c>
      <c r="J2704" s="1" t="s">
        <v>9134</v>
      </c>
      <c r="K2704" s="1" t="s">
        <v>27</v>
      </c>
      <c r="L2704" s="1" t="s">
        <v>9307</v>
      </c>
      <c r="M2704" s="1" t="s">
        <v>5</v>
      </c>
      <c r="N2704" s="1" t="s">
        <v>960</v>
      </c>
      <c r="O2704" s="1" t="s">
        <v>38</v>
      </c>
      <c r="P2704" s="5" t="s">
        <v>31347</v>
      </c>
    </row>
    <row r="2705" spans="1:16" x14ac:dyDescent="0.2">
      <c r="A2705" s="1" t="s">
        <v>329</v>
      </c>
      <c r="B2705" s="1" t="s">
        <v>1659</v>
      </c>
      <c r="C2705" s="1" t="s">
        <v>9311</v>
      </c>
      <c r="D2705" s="1" t="s">
        <v>9312</v>
      </c>
      <c r="E2705" s="1" t="s">
        <v>9313</v>
      </c>
      <c r="F2705" s="1" t="s">
        <v>10</v>
      </c>
      <c r="G2705" s="1" t="s">
        <v>10</v>
      </c>
      <c r="H2705" s="1" t="s">
        <v>10</v>
      </c>
      <c r="I2705" s="1" t="s">
        <v>9126</v>
      </c>
      <c r="J2705" s="1" t="s">
        <v>19</v>
      </c>
      <c r="K2705" s="1" t="s">
        <v>47</v>
      </c>
      <c r="L2705" s="1" t="s">
        <v>9310</v>
      </c>
      <c r="M2705" s="1" t="s">
        <v>5</v>
      </c>
      <c r="N2705" s="1" t="s">
        <v>25</v>
      </c>
      <c r="O2705" s="1" t="s">
        <v>38</v>
      </c>
      <c r="P2705" s="5" t="s">
        <v>30072</v>
      </c>
    </row>
    <row r="2706" spans="1:16" x14ac:dyDescent="0.2">
      <c r="A2706" s="1" t="s">
        <v>487</v>
      </c>
      <c r="B2706" s="1" t="s">
        <v>1651</v>
      </c>
      <c r="C2706" s="1" t="s">
        <v>9316</v>
      </c>
      <c r="D2706" s="1" t="s">
        <v>9317</v>
      </c>
      <c r="E2706" s="1" t="s">
        <v>9316</v>
      </c>
      <c r="F2706" s="1" t="s">
        <v>10</v>
      </c>
      <c r="G2706" s="1" t="s">
        <v>10</v>
      </c>
      <c r="H2706" s="1" t="s">
        <v>10</v>
      </c>
      <c r="I2706" s="1" t="s">
        <v>9126</v>
      </c>
      <c r="J2706" s="1" t="s">
        <v>100</v>
      </c>
      <c r="K2706" s="1" t="s">
        <v>100</v>
      </c>
      <c r="L2706" s="1" t="s">
        <v>9315</v>
      </c>
      <c r="M2706" s="1" t="s">
        <v>5</v>
      </c>
      <c r="N2706" s="1" t="s">
        <v>10</v>
      </c>
      <c r="O2706" s="1" t="s">
        <v>38</v>
      </c>
      <c r="P2706" s="5" t="s">
        <v>30072</v>
      </c>
    </row>
    <row r="2707" spans="1:16" x14ac:dyDescent="0.2">
      <c r="A2707" s="1" t="s">
        <v>194</v>
      </c>
      <c r="B2707" s="1" t="s">
        <v>396</v>
      </c>
      <c r="C2707" s="1" t="s">
        <v>9319</v>
      </c>
      <c r="D2707" s="1" t="s">
        <v>9320</v>
      </c>
      <c r="E2707" s="1"/>
      <c r="F2707" s="1" t="s">
        <v>10</v>
      </c>
      <c r="G2707" s="1" t="s">
        <v>10</v>
      </c>
      <c r="H2707" s="1" t="s">
        <v>10</v>
      </c>
      <c r="I2707" s="1" t="s">
        <v>9126</v>
      </c>
      <c r="J2707" s="1" t="s">
        <v>9129</v>
      </c>
      <c r="K2707" s="1" t="s">
        <v>27</v>
      </c>
      <c r="L2707" s="1" t="s">
        <v>9318</v>
      </c>
      <c r="M2707" s="1" t="s">
        <v>5</v>
      </c>
      <c r="N2707" s="1" t="s">
        <v>960</v>
      </c>
      <c r="O2707" s="1" t="s">
        <v>38</v>
      </c>
      <c r="P2707" s="5" t="s">
        <v>30059</v>
      </c>
    </row>
    <row r="2708" spans="1:16" x14ac:dyDescent="0.2">
      <c r="A2708" s="1" t="s">
        <v>10</v>
      </c>
      <c r="B2708" s="1" t="s">
        <v>10</v>
      </c>
      <c r="C2708" s="1" t="s">
        <v>9322</v>
      </c>
      <c r="D2708" s="1" t="s">
        <v>9323</v>
      </c>
      <c r="E2708" s="1"/>
      <c r="F2708" s="1" t="s">
        <v>10</v>
      </c>
      <c r="G2708" s="1" t="s">
        <v>10</v>
      </c>
      <c r="H2708" s="1" t="s">
        <v>10</v>
      </c>
      <c r="I2708" s="1" t="s">
        <v>9126</v>
      </c>
      <c r="J2708" s="1" t="s">
        <v>9324</v>
      </c>
      <c r="K2708" s="1" t="s">
        <v>27</v>
      </c>
      <c r="L2708" s="1" t="s">
        <v>9321</v>
      </c>
      <c r="M2708" s="1" t="s">
        <v>5</v>
      </c>
      <c r="N2708" s="1" t="s">
        <v>960</v>
      </c>
      <c r="O2708" s="1" t="s">
        <v>38</v>
      </c>
      <c r="P2708" s="5" t="s">
        <v>30059</v>
      </c>
    </row>
    <row r="2709" spans="1:16" x14ac:dyDescent="0.2">
      <c r="A2709" s="1" t="s">
        <v>10</v>
      </c>
      <c r="B2709" s="1" t="s">
        <v>10</v>
      </c>
      <c r="C2709" s="1" t="s">
        <v>9326</v>
      </c>
      <c r="D2709" s="1" t="s">
        <v>9327</v>
      </c>
      <c r="E2709" s="1"/>
      <c r="F2709" s="1" t="s">
        <v>10</v>
      </c>
      <c r="G2709" s="1" t="s">
        <v>10</v>
      </c>
      <c r="H2709" s="1" t="s">
        <v>10</v>
      </c>
      <c r="I2709" s="1" t="s">
        <v>9126</v>
      </c>
      <c r="J2709" s="1" t="s">
        <v>9134</v>
      </c>
      <c r="K2709" s="1" t="s">
        <v>27</v>
      </c>
      <c r="L2709" s="1" t="s">
        <v>9325</v>
      </c>
      <c r="M2709" s="1" t="s">
        <v>5</v>
      </c>
      <c r="N2709" s="1" t="s">
        <v>960</v>
      </c>
      <c r="O2709" s="1" t="s">
        <v>38</v>
      </c>
      <c r="P2709" s="5" t="s">
        <v>30073</v>
      </c>
    </row>
    <row r="2710" spans="1:16" x14ac:dyDescent="0.2">
      <c r="A2710" s="1" t="s">
        <v>10</v>
      </c>
      <c r="B2710" s="1" t="s">
        <v>10</v>
      </c>
      <c r="C2710" s="1" t="s">
        <v>9329</v>
      </c>
      <c r="D2710" s="1" t="s">
        <v>9330</v>
      </c>
      <c r="E2710" s="1"/>
      <c r="F2710" s="1" t="s">
        <v>10</v>
      </c>
      <c r="G2710" s="1" t="s">
        <v>10</v>
      </c>
      <c r="H2710" s="1" t="s">
        <v>10</v>
      </c>
      <c r="I2710" s="1" t="s">
        <v>9126</v>
      </c>
      <c r="J2710" s="1" t="s">
        <v>9134</v>
      </c>
      <c r="K2710" s="1" t="s">
        <v>27</v>
      </c>
      <c r="L2710" s="1" t="s">
        <v>9328</v>
      </c>
      <c r="M2710" s="1" t="s">
        <v>5</v>
      </c>
      <c r="N2710" s="1" t="s">
        <v>960</v>
      </c>
      <c r="O2710" s="1" t="s">
        <v>38</v>
      </c>
      <c r="P2710" s="5" t="s">
        <v>30074</v>
      </c>
    </row>
    <row r="2711" spans="1:16" x14ac:dyDescent="0.2">
      <c r="A2711" s="1" t="s">
        <v>20</v>
      </c>
      <c r="B2711" s="1" t="s">
        <v>172</v>
      </c>
      <c r="C2711" s="1" t="s">
        <v>9332</v>
      </c>
      <c r="D2711" s="1" t="s">
        <v>2981</v>
      </c>
      <c r="E2711" s="1" t="s">
        <v>9333</v>
      </c>
      <c r="F2711" s="1" t="s">
        <v>10</v>
      </c>
      <c r="G2711" s="1" t="s">
        <v>10</v>
      </c>
      <c r="H2711" s="1" t="s">
        <v>10</v>
      </c>
      <c r="I2711" s="1" t="s">
        <v>9126</v>
      </c>
      <c r="J2711" s="1" t="s">
        <v>9129</v>
      </c>
      <c r="K2711" s="1" t="s">
        <v>27</v>
      </c>
      <c r="L2711" s="1" t="s">
        <v>9331</v>
      </c>
      <c r="M2711" s="1" t="s">
        <v>5</v>
      </c>
      <c r="N2711" s="1" t="s">
        <v>960</v>
      </c>
      <c r="O2711" s="1" t="s">
        <v>38</v>
      </c>
      <c r="P2711" s="5" t="s">
        <v>30045</v>
      </c>
    </row>
    <row r="2712" spans="1:16" x14ac:dyDescent="0.2">
      <c r="A2712" s="1" t="s">
        <v>20</v>
      </c>
      <c r="B2712" s="1" t="s">
        <v>253</v>
      </c>
      <c r="C2712" s="1" t="s">
        <v>9336</v>
      </c>
      <c r="D2712" s="1" t="s">
        <v>9337</v>
      </c>
      <c r="E2712" s="1"/>
      <c r="F2712" s="1" t="s">
        <v>10</v>
      </c>
      <c r="G2712" s="1" t="s">
        <v>10</v>
      </c>
      <c r="H2712" s="1" t="s">
        <v>10</v>
      </c>
      <c r="I2712" s="1" t="s">
        <v>9126</v>
      </c>
      <c r="J2712" s="1" t="s">
        <v>9338</v>
      </c>
      <c r="K2712" s="1" t="s">
        <v>27</v>
      </c>
      <c r="L2712" s="1" t="s">
        <v>9335</v>
      </c>
      <c r="M2712" s="1" t="s">
        <v>5</v>
      </c>
      <c r="N2712" s="1" t="s">
        <v>25</v>
      </c>
      <c r="O2712" s="1" t="s">
        <v>38</v>
      </c>
      <c r="P2712" s="5" t="s">
        <v>31348</v>
      </c>
    </row>
    <row r="2713" spans="1:16" x14ac:dyDescent="0.2">
      <c r="A2713" s="1" t="s">
        <v>20</v>
      </c>
      <c r="B2713" s="1" t="s">
        <v>93</v>
      </c>
      <c r="C2713" s="1" t="s">
        <v>9340</v>
      </c>
      <c r="D2713" s="1" t="s">
        <v>2727</v>
      </c>
      <c r="E2713" s="1"/>
      <c r="F2713" s="1" t="s">
        <v>10</v>
      </c>
      <c r="G2713" s="1" t="s">
        <v>10</v>
      </c>
      <c r="H2713" s="1" t="s">
        <v>10</v>
      </c>
      <c r="I2713" s="1" t="s">
        <v>9126</v>
      </c>
      <c r="J2713" s="1" t="s">
        <v>9134</v>
      </c>
      <c r="K2713" s="1" t="s">
        <v>27</v>
      </c>
      <c r="L2713" s="1" t="s">
        <v>9339</v>
      </c>
      <c r="M2713" s="1" t="s">
        <v>5</v>
      </c>
      <c r="N2713" s="1" t="s">
        <v>1009</v>
      </c>
      <c r="O2713" s="1" t="s">
        <v>38</v>
      </c>
      <c r="P2713" s="5" t="s">
        <v>30075</v>
      </c>
    </row>
    <row r="2714" spans="1:16" x14ac:dyDescent="0.2">
      <c r="A2714" s="1" t="s">
        <v>66</v>
      </c>
      <c r="B2714" s="1" t="s">
        <v>212</v>
      </c>
      <c r="C2714" s="1" t="s">
        <v>9342</v>
      </c>
      <c r="D2714" s="1" t="s">
        <v>9343</v>
      </c>
      <c r="E2714" s="1"/>
      <c r="F2714" s="1" t="s">
        <v>10</v>
      </c>
      <c r="G2714" s="1" t="s">
        <v>10</v>
      </c>
      <c r="H2714" s="1" t="s">
        <v>10</v>
      </c>
      <c r="I2714" s="1" t="s">
        <v>9126</v>
      </c>
      <c r="J2714" s="1" t="s">
        <v>9134</v>
      </c>
      <c r="K2714" s="1" t="s">
        <v>27</v>
      </c>
      <c r="L2714" s="1" t="s">
        <v>9341</v>
      </c>
      <c r="M2714" s="1" t="s">
        <v>5</v>
      </c>
      <c r="N2714" s="1" t="s">
        <v>960</v>
      </c>
      <c r="O2714" s="1" t="s">
        <v>38</v>
      </c>
      <c r="P2714" s="5" t="s">
        <v>30076</v>
      </c>
    </row>
    <row r="2715" spans="1:16" x14ac:dyDescent="0.2">
      <c r="A2715" s="1" t="s">
        <v>66</v>
      </c>
      <c r="B2715" s="1" t="s">
        <v>1812</v>
      </c>
      <c r="C2715" s="1" t="s">
        <v>9345</v>
      </c>
      <c r="D2715" s="1" t="s">
        <v>9346</v>
      </c>
      <c r="E2715" s="1" t="s">
        <v>9347</v>
      </c>
      <c r="F2715" s="1" t="s">
        <v>10</v>
      </c>
      <c r="G2715" s="1" t="s">
        <v>10</v>
      </c>
      <c r="H2715" s="1" t="s">
        <v>10</v>
      </c>
      <c r="I2715" s="1" t="s">
        <v>9126</v>
      </c>
      <c r="J2715" s="1" t="s">
        <v>10</v>
      </c>
      <c r="K2715" s="1" t="s">
        <v>64</v>
      </c>
      <c r="L2715" s="1" t="s">
        <v>9344</v>
      </c>
      <c r="M2715" s="1" t="s">
        <v>5</v>
      </c>
      <c r="N2715" s="1" t="s">
        <v>25</v>
      </c>
      <c r="O2715" s="1" t="s">
        <v>38</v>
      </c>
      <c r="P2715" s="5" t="s">
        <v>30077</v>
      </c>
    </row>
    <row r="2716" spans="1:16" x14ac:dyDescent="0.2">
      <c r="A2716" s="1" t="s">
        <v>20</v>
      </c>
      <c r="B2716" s="1" t="s">
        <v>253</v>
      </c>
      <c r="C2716" s="1" t="s">
        <v>9349</v>
      </c>
      <c r="D2716" s="1" t="s">
        <v>4134</v>
      </c>
      <c r="E2716" s="1" t="s">
        <v>9350</v>
      </c>
      <c r="F2716" s="1" t="s">
        <v>10</v>
      </c>
      <c r="G2716" s="1" t="s">
        <v>10</v>
      </c>
      <c r="H2716" s="1" t="s">
        <v>10</v>
      </c>
      <c r="I2716" s="1" t="s">
        <v>9126</v>
      </c>
      <c r="J2716" s="1" t="s">
        <v>9134</v>
      </c>
      <c r="K2716" s="1" t="s">
        <v>130</v>
      </c>
      <c r="L2716" s="1" t="s">
        <v>9348</v>
      </c>
      <c r="M2716" s="1" t="s">
        <v>5</v>
      </c>
      <c r="N2716" s="1" t="s">
        <v>960</v>
      </c>
      <c r="O2716" s="1" t="s">
        <v>38</v>
      </c>
      <c r="P2716" s="5" t="s">
        <v>30078</v>
      </c>
    </row>
    <row r="2717" spans="1:16" x14ac:dyDescent="0.2">
      <c r="A2717" s="1" t="s">
        <v>20</v>
      </c>
      <c r="B2717" s="1" t="s">
        <v>445</v>
      </c>
      <c r="C2717" s="1" t="s">
        <v>9352</v>
      </c>
      <c r="D2717" s="1" t="s">
        <v>9353</v>
      </c>
      <c r="E2717" s="1"/>
      <c r="F2717" s="1" t="s">
        <v>10</v>
      </c>
      <c r="G2717" s="1" t="s">
        <v>10</v>
      </c>
      <c r="H2717" s="1" t="s">
        <v>10</v>
      </c>
      <c r="I2717" s="1" t="s">
        <v>9126</v>
      </c>
      <c r="J2717" s="1" t="s">
        <v>9134</v>
      </c>
      <c r="K2717" s="1" t="s">
        <v>27</v>
      </c>
      <c r="L2717" s="1" t="s">
        <v>9351</v>
      </c>
      <c r="M2717" s="1" t="s">
        <v>5</v>
      </c>
      <c r="N2717" s="1" t="s">
        <v>960</v>
      </c>
      <c r="O2717" s="1" t="s">
        <v>38</v>
      </c>
      <c r="P2717" s="5" t="s">
        <v>31349</v>
      </c>
    </row>
    <row r="2718" spans="1:16" x14ac:dyDescent="0.2">
      <c r="A2718" s="1" t="s">
        <v>20</v>
      </c>
      <c r="B2718" s="1" t="s">
        <v>172</v>
      </c>
      <c r="C2718" s="1" t="s">
        <v>9355</v>
      </c>
      <c r="D2718" s="1" t="s">
        <v>9356</v>
      </c>
      <c r="E2718" s="1"/>
      <c r="F2718" s="1" t="s">
        <v>10</v>
      </c>
      <c r="G2718" s="1" t="s">
        <v>10</v>
      </c>
      <c r="H2718" s="1" t="s">
        <v>10</v>
      </c>
      <c r="I2718" s="1" t="s">
        <v>9126</v>
      </c>
      <c r="J2718" s="1" t="s">
        <v>9180</v>
      </c>
      <c r="K2718" s="1" t="s">
        <v>27</v>
      </c>
      <c r="L2718" s="1" t="s">
        <v>9354</v>
      </c>
      <c r="M2718" s="1" t="s">
        <v>5</v>
      </c>
      <c r="N2718" s="1" t="s">
        <v>25</v>
      </c>
      <c r="O2718" s="1" t="s">
        <v>38</v>
      </c>
      <c r="P2718" s="5" t="s">
        <v>30079</v>
      </c>
    </row>
    <row r="2719" spans="1:16" x14ac:dyDescent="0.2">
      <c r="A2719" s="1" t="s">
        <v>20</v>
      </c>
      <c r="B2719" s="1" t="s">
        <v>172</v>
      </c>
      <c r="C2719" s="1" t="s">
        <v>9358</v>
      </c>
      <c r="D2719" s="1" t="s">
        <v>1074</v>
      </c>
      <c r="E2719" s="1"/>
      <c r="F2719" s="1" t="s">
        <v>10</v>
      </c>
      <c r="G2719" s="1" t="s">
        <v>10</v>
      </c>
      <c r="H2719" s="1" t="s">
        <v>10</v>
      </c>
      <c r="I2719" s="1" t="s">
        <v>9126</v>
      </c>
      <c r="J2719" s="1" t="s">
        <v>9134</v>
      </c>
      <c r="K2719" s="1" t="s">
        <v>27</v>
      </c>
      <c r="L2719" s="1" t="s">
        <v>9357</v>
      </c>
      <c r="M2719" s="1" t="s">
        <v>5</v>
      </c>
      <c r="N2719" s="1" t="s">
        <v>25</v>
      </c>
      <c r="O2719" s="1" t="s">
        <v>38</v>
      </c>
      <c r="P2719" s="5" t="s">
        <v>30080</v>
      </c>
    </row>
    <row r="2720" spans="1:16" x14ac:dyDescent="0.2">
      <c r="A2720" s="1" t="s">
        <v>20</v>
      </c>
      <c r="B2720" s="1" t="s">
        <v>172</v>
      </c>
      <c r="C2720" s="1" t="s">
        <v>9360</v>
      </c>
      <c r="D2720" s="1" t="s">
        <v>9361</v>
      </c>
      <c r="E2720" s="1"/>
      <c r="F2720" s="1" t="s">
        <v>10</v>
      </c>
      <c r="G2720" s="1" t="s">
        <v>10</v>
      </c>
      <c r="H2720" s="1" t="s">
        <v>10</v>
      </c>
      <c r="I2720" s="1" t="s">
        <v>9126</v>
      </c>
      <c r="J2720" s="1" t="s">
        <v>9134</v>
      </c>
      <c r="K2720" s="1" t="s">
        <v>27</v>
      </c>
      <c r="L2720" s="1" t="s">
        <v>9359</v>
      </c>
      <c r="M2720" s="1" t="s">
        <v>5</v>
      </c>
      <c r="N2720" s="1" t="s">
        <v>1009</v>
      </c>
      <c r="O2720" s="1" t="s">
        <v>38</v>
      </c>
      <c r="P2720" s="5" t="s">
        <v>30081</v>
      </c>
    </row>
    <row r="2721" spans="1:16" x14ac:dyDescent="0.2">
      <c r="A2721" s="1" t="s">
        <v>20</v>
      </c>
      <c r="B2721" s="1" t="s">
        <v>93</v>
      </c>
      <c r="C2721" s="1" t="s">
        <v>9363</v>
      </c>
      <c r="D2721" s="1" t="s">
        <v>9364</v>
      </c>
      <c r="E2721" s="1"/>
      <c r="F2721" s="1" t="s">
        <v>10</v>
      </c>
      <c r="G2721" s="1" t="s">
        <v>10</v>
      </c>
      <c r="H2721" s="1" t="s">
        <v>10</v>
      </c>
      <c r="I2721" s="1" t="s">
        <v>9126</v>
      </c>
      <c r="J2721" s="1" t="s">
        <v>9365</v>
      </c>
      <c r="K2721" s="1" t="s">
        <v>27</v>
      </c>
      <c r="L2721" s="1" t="s">
        <v>9362</v>
      </c>
      <c r="M2721" s="1" t="s">
        <v>5</v>
      </c>
      <c r="N2721" s="1" t="s">
        <v>25</v>
      </c>
      <c r="O2721" s="1" t="s">
        <v>38</v>
      </c>
      <c r="P2721" s="5" t="s">
        <v>30082</v>
      </c>
    </row>
    <row r="2722" spans="1:16" ht="63.75" x14ac:dyDescent="0.2">
      <c r="A2722" s="1" t="s">
        <v>423</v>
      </c>
      <c r="B2722" s="1" t="s">
        <v>424</v>
      </c>
      <c r="C2722" s="1" t="s">
        <v>9367</v>
      </c>
      <c r="D2722" s="1" t="s">
        <v>9368</v>
      </c>
      <c r="E2722" s="1"/>
      <c r="F2722" s="1" t="s">
        <v>10</v>
      </c>
      <c r="G2722" s="1" t="s">
        <v>10</v>
      </c>
      <c r="H2722" s="1" t="s">
        <v>10</v>
      </c>
      <c r="I2722" s="1" t="s">
        <v>9126</v>
      </c>
      <c r="J2722" s="1" t="s">
        <v>9134</v>
      </c>
      <c r="K2722" s="1" t="s">
        <v>27</v>
      </c>
      <c r="L2722" s="1" t="s">
        <v>9366</v>
      </c>
      <c r="M2722" s="1" t="s">
        <v>5</v>
      </c>
      <c r="N2722" s="1" t="s">
        <v>10</v>
      </c>
      <c r="O2722" s="1" t="s">
        <v>38</v>
      </c>
      <c r="P2722" s="9" t="s">
        <v>31350</v>
      </c>
    </row>
    <row r="2723" spans="1:16" x14ac:dyDescent="0.2">
      <c r="A2723" s="1" t="s">
        <v>1086</v>
      </c>
      <c r="B2723" s="1" t="s">
        <v>1400</v>
      </c>
      <c r="C2723" s="1" t="s">
        <v>9370</v>
      </c>
      <c r="D2723" s="1" t="s">
        <v>9371</v>
      </c>
      <c r="E2723" s="1"/>
      <c r="F2723" s="1" t="s">
        <v>10</v>
      </c>
      <c r="G2723" s="1" t="s">
        <v>10</v>
      </c>
      <c r="H2723" s="1" t="s">
        <v>10</v>
      </c>
      <c r="I2723" s="1" t="s">
        <v>9126</v>
      </c>
      <c r="J2723" s="1" t="s">
        <v>9283</v>
      </c>
      <c r="K2723" s="1" t="s">
        <v>27</v>
      </c>
      <c r="L2723" s="1" t="s">
        <v>9369</v>
      </c>
      <c r="M2723" s="1" t="s">
        <v>5</v>
      </c>
      <c r="N2723" s="1" t="s">
        <v>25</v>
      </c>
      <c r="O2723" s="1" t="s">
        <v>38</v>
      </c>
      <c r="P2723" s="5" t="s">
        <v>31351</v>
      </c>
    </row>
    <row r="2724" spans="1:16" x14ac:dyDescent="0.2">
      <c r="A2724" s="1" t="s">
        <v>66</v>
      </c>
      <c r="B2724" s="1" t="s">
        <v>574</v>
      </c>
      <c r="C2724" s="1" t="s">
        <v>9373</v>
      </c>
      <c r="D2724" s="1" t="s">
        <v>9374</v>
      </c>
      <c r="E2724" s="1" t="s">
        <v>9375</v>
      </c>
      <c r="F2724" s="1" t="s">
        <v>10</v>
      </c>
      <c r="G2724" s="1" t="s">
        <v>10</v>
      </c>
      <c r="H2724" s="1" t="s">
        <v>10</v>
      </c>
      <c r="I2724" s="1" t="s">
        <v>9126</v>
      </c>
      <c r="J2724" s="1" t="s">
        <v>9129</v>
      </c>
      <c r="K2724" s="1" t="s">
        <v>27</v>
      </c>
      <c r="L2724" s="1" t="s">
        <v>9372</v>
      </c>
      <c r="M2724" s="1" t="s">
        <v>5</v>
      </c>
      <c r="N2724" s="1" t="s">
        <v>25</v>
      </c>
      <c r="O2724" s="1" t="s">
        <v>38</v>
      </c>
      <c r="P2724" s="5" t="s">
        <v>30083</v>
      </c>
    </row>
    <row r="2725" spans="1:16" x14ac:dyDescent="0.2">
      <c r="A2725" s="1" t="s">
        <v>66</v>
      </c>
      <c r="B2725" s="1" t="s">
        <v>574</v>
      </c>
      <c r="C2725" s="1" t="s">
        <v>9377</v>
      </c>
      <c r="D2725" s="1" t="s">
        <v>9378</v>
      </c>
      <c r="E2725" s="1"/>
      <c r="F2725" s="1" t="s">
        <v>10</v>
      </c>
      <c r="G2725" s="1" t="s">
        <v>10</v>
      </c>
      <c r="H2725" s="1" t="s">
        <v>10</v>
      </c>
      <c r="I2725" s="1" t="s">
        <v>9126</v>
      </c>
      <c r="J2725" s="1" t="s">
        <v>9129</v>
      </c>
      <c r="K2725" s="1" t="s">
        <v>27</v>
      </c>
      <c r="L2725" s="1" t="s">
        <v>9376</v>
      </c>
      <c r="M2725" s="1" t="s">
        <v>5</v>
      </c>
      <c r="N2725" s="1" t="s">
        <v>960</v>
      </c>
      <c r="O2725" s="1" t="s">
        <v>38</v>
      </c>
      <c r="P2725" s="5" t="s">
        <v>30045</v>
      </c>
    </row>
    <row r="2726" spans="1:16" x14ac:dyDescent="0.2">
      <c r="A2726" s="1" t="s">
        <v>66</v>
      </c>
      <c r="B2726" s="1" t="s">
        <v>574</v>
      </c>
      <c r="C2726" s="1" t="s">
        <v>9380</v>
      </c>
      <c r="D2726" s="1" t="s">
        <v>9381</v>
      </c>
      <c r="E2726" s="1"/>
      <c r="F2726" s="1" t="s">
        <v>10</v>
      </c>
      <c r="G2726" s="1" t="s">
        <v>10</v>
      </c>
      <c r="H2726" s="1" t="s">
        <v>10</v>
      </c>
      <c r="I2726" s="1" t="s">
        <v>9126</v>
      </c>
      <c r="J2726" s="1" t="s">
        <v>9129</v>
      </c>
      <c r="K2726" s="1" t="s">
        <v>27</v>
      </c>
      <c r="L2726" s="1" t="s">
        <v>9379</v>
      </c>
      <c r="M2726" s="1" t="s">
        <v>5</v>
      </c>
      <c r="N2726" s="1" t="s">
        <v>960</v>
      </c>
      <c r="O2726" s="1" t="s">
        <v>38</v>
      </c>
      <c r="P2726" s="5" t="s">
        <v>30045</v>
      </c>
    </row>
    <row r="2727" spans="1:16" x14ac:dyDescent="0.2">
      <c r="A2727" s="1" t="s">
        <v>20</v>
      </c>
      <c r="B2727" s="1" t="s">
        <v>253</v>
      </c>
      <c r="C2727" s="1" t="s">
        <v>9383</v>
      </c>
      <c r="D2727" s="1" t="s">
        <v>9384</v>
      </c>
      <c r="E2727" s="1"/>
      <c r="F2727" s="1" t="s">
        <v>10</v>
      </c>
      <c r="G2727" s="1" t="s">
        <v>10</v>
      </c>
      <c r="H2727" s="1" t="s">
        <v>10</v>
      </c>
      <c r="I2727" s="1" t="s">
        <v>9126</v>
      </c>
      <c r="J2727" s="1" t="s">
        <v>9385</v>
      </c>
      <c r="K2727" s="1" t="s">
        <v>27</v>
      </c>
      <c r="L2727" s="1" t="s">
        <v>9382</v>
      </c>
      <c r="M2727" s="1" t="s">
        <v>5</v>
      </c>
      <c r="N2727" s="1" t="s">
        <v>10</v>
      </c>
      <c r="O2727" s="1" t="s">
        <v>38</v>
      </c>
      <c r="P2727" s="5" t="s">
        <v>30084</v>
      </c>
    </row>
    <row r="2728" spans="1:16" x14ac:dyDescent="0.2">
      <c r="A2728" s="1" t="s">
        <v>66</v>
      </c>
      <c r="B2728" s="1" t="s">
        <v>574</v>
      </c>
      <c r="C2728" s="1" t="s">
        <v>9387</v>
      </c>
      <c r="D2728" s="1" t="s">
        <v>9388</v>
      </c>
      <c r="E2728" s="1"/>
      <c r="F2728" s="1" t="s">
        <v>10</v>
      </c>
      <c r="G2728" s="1" t="s">
        <v>10</v>
      </c>
      <c r="H2728" s="1" t="s">
        <v>10</v>
      </c>
      <c r="I2728" s="1" t="s">
        <v>9126</v>
      </c>
      <c r="J2728" s="1" t="s">
        <v>9129</v>
      </c>
      <c r="K2728" s="1" t="s">
        <v>27</v>
      </c>
      <c r="L2728" s="1" t="s">
        <v>9386</v>
      </c>
      <c r="M2728" s="1" t="s">
        <v>5</v>
      </c>
      <c r="N2728" s="1" t="s">
        <v>960</v>
      </c>
      <c r="O2728" s="1" t="s">
        <v>38</v>
      </c>
      <c r="P2728" s="5" t="s">
        <v>30045</v>
      </c>
    </row>
    <row r="2729" spans="1:16" x14ac:dyDescent="0.2">
      <c r="A2729" s="1" t="s">
        <v>20</v>
      </c>
      <c r="B2729" s="1" t="s">
        <v>1047</v>
      </c>
      <c r="C2729" s="1" t="s">
        <v>9390</v>
      </c>
      <c r="D2729" s="1" t="s">
        <v>9391</v>
      </c>
      <c r="E2729" s="1" t="s">
        <v>9393</v>
      </c>
      <c r="F2729" s="1" t="s">
        <v>414</v>
      </c>
      <c r="G2729" s="1" t="s">
        <v>416</v>
      </c>
      <c r="H2729" s="1" t="s">
        <v>10</v>
      </c>
      <c r="I2729" s="1" t="s">
        <v>9126</v>
      </c>
      <c r="J2729" s="1" t="s">
        <v>9392</v>
      </c>
      <c r="K2729" s="1" t="s">
        <v>27</v>
      </c>
      <c r="L2729" s="1" t="s">
        <v>9389</v>
      </c>
      <c r="M2729" s="1" t="s">
        <v>5</v>
      </c>
      <c r="N2729" s="1" t="s">
        <v>25</v>
      </c>
      <c r="O2729" s="1" t="s">
        <v>8</v>
      </c>
      <c r="P2729" s="5" t="s">
        <v>30085</v>
      </c>
    </row>
    <row r="2730" spans="1:16" x14ac:dyDescent="0.2">
      <c r="A2730" s="1" t="s">
        <v>20</v>
      </c>
      <c r="B2730" s="1" t="s">
        <v>1047</v>
      </c>
      <c r="C2730" s="1" t="s">
        <v>9395</v>
      </c>
      <c r="D2730" s="1" t="s">
        <v>9396</v>
      </c>
      <c r="E2730" s="1" t="s">
        <v>9398</v>
      </c>
      <c r="F2730" s="1" t="s">
        <v>10</v>
      </c>
      <c r="G2730" s="1" t="s">
        <v>10</v>
      </c>
      <c r="H2730" s="1" t="s">
        <v>10</v>
      </c>
      <c r="I2730" s="1" t="s">
        <v>9126</v>
      </c>
      <c r="J2730" s="1" t="s">
        <v>9397</v>
      </c>
      <c r="K2730" s="1" t="s">
        <v>100</v>
      </c>
      <c r="L2730" s="1" t="s">
        <v>9394</v>
      </c>
      <c r="M2730" s="1" t="s">
        <v>5</v>
      </c>
      <c r="N2730" s="1" t="s">
        <v>25</v>
      </c>
      <c r="O2730" s="1" t="s">
        <v>38</v>
      </c>
      <c r="P2730" s="5" t="s">
        <v>10</v>
      </c>
    </row>
    <row r="2731" spans="1:16" x14ac:dyDescent="0.2">
      <c r="A2731" s="1" t="s">
        <v>66</v>
      </c>
      <c r="B2731" s="1" t="s">
        <v>67</v>
      </c>
      <c r="C2731" s="1" t="s">
        <v>9400</v>
      </c>
      <c r="D2731" s="1" t="s">
        <v>4968</v>
      </c>
      <c r="E2731" s="1"/>
      <c r="F2731" s="1" t="s">
        <v>10</v>
      </c>
      <c r="G2731" s="1" t="s">
        <v>10</v>
      </c>
      <c r="H2731" s="1" t="s">
        <v>10</v>
      </c>
      <c r="I2731" s="1" t="s">
        <v>9126</v>
      </c>
      <c r="J2731" s="1" t="s">
        <v>9401</v>
      </c>
      <c r="K2731" s="1" t="s">
        <v>27</v>
      </c>
      <c r="L2731" s="1" t="s">
        <v>9399</v>
      </c>
      <c r="M2731" s="1" t="s">
        <v>5</v>
      </c>
      <c r="N2731" s="1" t="s">
        <v>960</v>
      </c>
      <c r="O2731" s="1" t="s">
        <v>38</v>
      </c>
      <c r="P2731" s="5" t="s">
        <v>31352</v>
      </c>
    </row>
    <row r="2732" spans="1:16" x14ac:dyDescent="0.2">
      <c r="A2732" s="1" t="s">
        <v>20</v>
      </c>
      <c r="B2732" s="1" t="s">
        <v>172</v>
      </c>
      <c r="C2732" s="1" t="s">
        <v>9403</v>
      </c>
      <c r="D2732" s="1" t="s">
        <v>9404</v>
      </c>
      <c r="E2732" s="1"/>
      <c r="F2732" s="1" t="s">
        <v>10</v>
      </c>
      <c r="G2732" s="1" t="s">
        <v>10</v>
      </c>
      <c r="H2732" s="1" t="s">
        <v>10</v>
      </c>
      <c r="I2732" s="1" t="s">
        <v>9126</v>
      </c>
      <c r="J2732" s="1" t="s">
        <v>9134</v>
      </c>
      <c r="K2732" s="1" t="s">
        <v>27</v>
      </c>
      <c r="L2732" s="1" t="s">
        <v>9402</v>
      </c>
      <c r="M2732" s="1" t="s">
        <v>5</v>
      </c>
      <c r="N2732" s="1" t="s">
        <v>1009</v>
      </c>
      <c r="O2732" s="1" t="s">
        <v>38</v>
      </c>
      <c r="P2732" s="5" t="s">
        <v>30086</v>
      </c>
    </row>
    <row r="2733" spans="1:16" x14ac:dyDescent="0.2">
      <c r="A2733" s="1" t="s">
        <v>20</v>
      </c>
      <c r="B2733" s="1" t="s">
        <v>445</v>
      </c>
      <c r="C2733" s="1" t="s">
        <v>9406</v>
      </c>
      <c r="D2733" s="1" t="s">
        <v>9407</v>
      </c>
      <c r="E2733" s="1"/>
      <c r="F2733" s="1" t="s">
        <v>10</v>
      </c>
      <c r="G2733" s="1" t="s">
        <v>10</v>
      </c>
      <c r="H2733" s="1" t="s">
        <v>10</v>
      </c>
      <c r="I2733" s="1" t="s">
        <v>9126</v>
      </c>
      <c r="J2733" s="1" t="s">
        <v>9134</v>
      </c>
      <c r="K2733" s="1" t="s">
        <v>27</v>
      </c>
      <c r="L2733" s="1" t="s">
        <v>9405</v>
      </c>
      <c r="M2733" s="1" t="s">
        <v>5</v>
      </c>
      <c r="N2733" s="1" t="s">
        <v>6</v>
      </c>
      <c r="O2733" s="1" t="s">
        <v>38</v>
      </c>
      <c r="P2733" s="5" t="s">
        <v>30087</v>
      </c>
    </row>
    <row r="2734" spans="1:16" x14ac:dyDescent="0.2">
      <c r="A2734" s="1" t="s">
        <v>66</v>
      </c>
      <c r="B2734" s="1" t="s">
        <v>574</v>
      </c>
      <c r="C2734" s="1" t="s">
        <v>9409</v>
      </c>
      <c r="D2734" s="1" t="s">
        <v>9410</v>
      </c>
      <c r="E2734" s="1"/>
      <c r="F2734" s="1" t="s">
        <v>10</v>
      </c>
      <c r="G2734" s="1" t="s">
        <v>10</v>
      </c>
      <c r="H2734" s="1" t="s">
        <v>10</v>
      </c>
      <c r="I2734" s="1" t="s">
        <v>9126</v>
      </c>
      <c r="J2734" s="1" t="s">
        <v>9129</v>
      </c>
      <c r="K2734" s="1" t="s">
        <v>27</v>
      </c>
      <c r="L2734" s="1" t="s">
        <v>9408</v>
      </c>
      <c r="M2734" s="1" t="s">
        <v>5</v>
      </c>
      <c r="N2734" s="1" t="s">
        <v>960</v>
      </c>
      <c r="O2734" s="1" t="s">
        <v>38</v>
      </c>
      <c r="P2734" s="5" t="s">
        <v>30045</v>
      </c>
    </row>
    <row r="2735" spans="1:16" x14ac:dyDescent="0.2">
      <c r="A2735" s="1" t="s">
        <v>10</v>
      </c>
      <c r="B2735" s="1" t="s">
        <v>10</v>
      </c>
      <c r="C2735" s="1" t="s">
        <v>9412</v>
      </c>
      <c r="D2735" s="1" t="s">
        <v>9413</v>
      </c>
      <c r="E2735" s="1" t="s">
        <v>9414</v>
      </c>
      <c r="F2735" s="1" t="s">
        <v>10</v>
      </c>
      <c r="G2735" s="1" t="s">
        <v>10</v>
      </c>
      <c r="H2735" s="1" t="s">
        <v>10</v>
      </c>
      <c r="I2735" s="1" t="s">
        <v>9126</v>
      </c>
      <c r="J2735" s="1" t="s">
        <v>9134</v>
      </c>
      <c r="K2735" s="1" t="s">
        <v>27</v>
      </c>
      <c r="L2735" s="1" t="s">
        <v>9411</v>
      </c>
      <c r="M2735" s="1" t="s">
        <v>5</v>
      </c>
      <c r="N2735" s="1" t="s">
        <v>960</v>
      </c>
      <c r="O2735" s="1" t="s">
        <v>38</v>
      </c>
      <c r="P2735" s="5" t="s">
        <v>30088</v>
      </c>
    </row>
    <row r="2736" spans="1:16" ht="216.75" x14ac:dyDescent="0.2">
      <c r="A2736" s="1" t="s">
        <v>20</v>
      </c>
      <c r="B2736" s="1" t="s">
        <v>21</v>
      </c>
      <c r="C2736" s="1" t="s">
        <v>9416</v>
      </c>
      <c r="D2736" s="1" t="s">
        <v>9417</v>
      </c>
      <c r="E2736" s="1"/>
      <c r="F2736" s="1" t="s">
        <v>10</v>
      </c>
      <c r="G2736" s="1" t="s">
        <v>10</v>
      </c>
      <c r="H2736" s="1" t="s">
        <v>10</v>
      </c>
      <c r="I2736" s="1" t="s">
        <v>9126</v>
      </c>
      <c r="J2736" s="1" t="s">
        <v>9418</v>
      </c>
      <c r="K2736" s="1" t="s">
        <v>27</v>
      </c>
      <c r="L2736" s="1" t="s">
        <v>9415</v>
      </c>
      <c r="M2736" s="1" t="s">
        <v>5</v>
      </c>
      <c r="N2736" s="1" t="s">
        <v>25</v>
      </c>
      <c r="O2736" s="1" t="s">
        <v>38</v>
      </c>
      <c r="P2736" s="9" t="s">
        <v>31353</v>
      </c>
    </row>
    <row r="2737" spans="1:16" ht="63.75" x14ac:dyDescent="0.2">
      <c r="A2737" s="1" t="s">
        <v>20</v>
      </c>
      <c r="B2737" s="1" t="s">
        <v>445</v>
      </c>
      <c r="C2737" s="1" t="s">
        <v>9420</v>
      </c>
      <c r="D2737" s="1" t="s">
        <v>9421</v>
      </c>
      <c r="E2737" s="1"/>
      <c r="F2737" s="1" t="s">
        <v>10</v>
      </c>
      <c r="G2737" s="1" t="s">
        <v>10</v>
      </c>
      <c r="H2737" s="1" t="s">
        <v>10</v>
      </c>
      <c r="I2737" s="1" t="s">
        <v>9126</v>
      </c>
      <c r="J2737" s="1" t="s">
        <v>9167</v>
      </c>
      <c r="K2737" s="1" t="s">
        <v>27</v>
      </c>
      <c r="L2737" s="1" t="s">
        <v>9419</v>
      </c>
      <c r="M2737" s="1" t="s">
        <v>5</v>
      </c>
      <c r="N2737" s="1" t="s">
        <v>25</v>
      </c>
      <c r="O2737" s="1" t="s">
        <v>38</v>
      </c>
      <c r="P2737" s="9" t="s">
        <v>31354</v>
      </c>
    </row>
    <row r="2738" spans="1:16" x14ac:dyDescent="0.2">
      <c r="A2738" s="1" t="s">
        <v>20</v>
      </c>
      <c r="B2738" s="1" t="s">
        <v>309</v>
      </c>
      <c r="C2738" s="1" t="s">
        <v>9423</v>
      </c>
      <c r="D2738" s="1" t="s">
        <v>9424</v>
      </c>
      <c r="E2738" s="1"/>
      <c r="F2738" s="1" t="s">
        <v>10</v>
      </c>
      <c r="G2738" s="1" t="s">
        <v>10</v>
      </c>
      <c r="H2738" s="1" t="s">
        <v>10</v>
      </c>
      <c r="I2738" s="1" t="s">
        <v>9126</v>
      </c>
      <c r="J2738" s="1" t="s">
        <v>9167</v>
      </c>
      <c r="K2738" s="1" t="s">
        <v>27</v>
      </c>
      <c r="L2738" s="1" t="s">
        <v>9422</v>
      </c>
      <c r="M2738" s="1" t="s">
        <v>5</v>
      </c>
      <c r="N2738" s="1" t="s">
        <v>6</v>
      </c>
      <c r="O2738" s="1" t="s">
        <v>38</v>
      </c>
      <c r="P2738" s="5" t="s">
        <v>114</v>
      </c>
    </row>
    <row r="2739" spans="1:16" x14ac:dyDescent="0.2">
      <c r="A2739" s="1" t="s">
        <v>10</v>
      </c>
      <c r="B2739" s="1" t="s">
        <v>10</v>
      </c>
      <c r="C2739" s="1" t="s">
        <v>9426</v>
      </c>
      <c r="D2739" s="1" t="s">
        <v>9427</v>
      </c>
      <c r="E2739" s="1"/>
      <c r="F2739" s="1" t="s">
        <v>10</v>
      </c>
      <c r="G2739" s="1" t="s">
        <v>10</v>
      </c>
      <c r="H2739" s="1" t="s">
        <v>10</v>
      </c>
      <c r="I2739" s="1" t="s">
        <v>9126</v>
      </c>
      <c r="J2739" s="1" t="s">
        <v>9134</v>
      </c>
      <c r="K2739" s="1" t="s">
        <v>27</v>
      </c>
      <c r="L2739" s="1" t="s">
        <v>9425</v>
      </c>
      <c r="M2739" s="1" t="s">
        <v>5</v>
      </c>
      <c r="N2739" s="1" t="s">
        <v>25</v>
      </c>
      <c r="O2739" s="1" t="s">
        <v>38</v>
      </c>
      <c r="P2739" s="5" t="s">
        <v>30089</v>
      </c>
    </row>
    <row r="2740" spans="1:16" ht="140.25" x14ac:dyDescent="0.2">
      <c r="A2740" s="1" t="s">
        <v>20</v>
      </c>
      <c r="B2740" s="1" t="s">
        <v>253</v>
      </c>
      <c r="C2740" s="1" t="s">
        <v>9429</v>
      </c>
      <c r="D2740" s="1" t="s">
        <v>9430</v>
      </c>
      <c r="E2740" s="1"/>
      <c r="F2740" s="1" t="s">
        <v>10</v>
      </c>
      <c r="G2740" s="1" t="s">
        <v>10</v>
      </c>
      <c r="H2740" s="1" t="s">
        <v>10</v>
      </c>
      <c r="I2740" s="1" t="s">
        <v>9126</v>
      </c>
      <c r="J2740" s="1" t="s">
        <v>9167</v>
      </c>
      <c r="K2740" s="1" t="s">
        <v>27</v>
      </c>
      <c r="L2740" s="1" t="s">
        <v>9428</v>
      </c>
      <c r="M2740" s="1" t="s">
        <v>5</v>
      </c>
      <c r="N2740" s="1" t="s">
        <v>25</v>
      </c>
      <c r="O2740" s="1" t="s">
        <v>38</v>
      </c>
      <c r="P2740" s="9" t="s">
        <v>31355</v>
      </c>
    </row>
    <row r="2741" spans="1:16" x14ac:dyDescent="0.2">
      <c r="A2741" s="1" t="s">
        <v>20</v>
      </c>
      <c r="B2741" s="1" t="s">
        <v>172</v>
      </c>
      <c r="C2741" s="1" t="s">
        <v>9432</v>
      </c>
      <c r="D2741" s="1" t="s">
        <v>9433</v>
      </c>
      <c r="E2741" s="1" t="s">
        <v>9434</v>
      </c>
      <c r="F2741" s="1" t="s">
        <v>10</v>
      </c>
      <c r="G2741" s="1" t="s">
        <v>10</v>
      </c>
      <c r="H2741" s="1" t="s">
        <v>10</v>
      </c>
      <c r="I2741" s="1" t="s">
        <v>9126</v>
      </c>
      <c r="J2741" s="1" t="s">
        <v>9134</v>
      </c>
      <c r="K2741" s="1" t="s">
        <v>27</v>
      </c>
      <c r="L2741" s="1" t="s">
        <v>9431</v>
      </c>
      <c r="M2741" s="1" t="s">
        <v>5</v>
      </c>
      <c r="N2741" s="1" t="s">
        <v>960</v>
      </c>
      <c r="O2741" s="1" t="s">
        <v>38</v>
      </c>
      <c r="P2741" s="5" t="s">
        <v>30090</v>
      </c>
    </row>
    <row r="2742" spans="1:16" x14ac:dyDescent="0.2">
      <c r="A2742" s="1" t="s">
        <v>1385</v>
      </c>
      <c r="B2742" s="1" t="s">
        <v>1490</v>
      </c>
      <c r="C2742" s="1" t="s">
        <v>9436</v>
      </c>
      <c r="D2742" s="1" t="s">
        <v>269</v>
      </c>
      <c r="E2742" s="1" t="s">
        <v>9437</v>
      </c>
      <c r="F2742" s="1" t="s">
        <v>522</v>
      </c>
      <c r="G2742" s="1" t="s">
        <v>10</v>
      </c>
      <c r="H2742" s="1" t="s">
        <v>9438</v>
      </c>
      <c r="I2742" s="1" t="s">
        <v>9126</v>
      </c>
      <c r="J2742" s="1" t="s">
        <v>64</v>
      </c>
      <c r="K2742" s="1" t="s">
        <v>64</v>
      </c>
      <c r="L2742" s="1" t="s">
        <v>9435</v>
      </c>
      <c r="M2742" s="1" t="s">
        <v>5</v>
      </c>
      <c r="N2742" s="1" t="s">
        <v>25</v>
      </c>
      <c r="O2742" s="1" t="s">
        <v>8</v>
      </c>
      <c r="P2742" s="5" t="s">
        <v>30091</v>
      </c>
    </row>
    <row r="2743" spans="1:16" x14ac:dyDescent="0.2">
      <c r="A2743" s="1" t="s">
        <v>42</v>
      </c>
      <c r="B2743" s="1" t="s">
        <v>43</v>
      </c>
      <c r="C2743" s="1" t="s">
        <v>9440</v>
      </c>
      <c r="D2743" s="1" t="s">
        <v>9441</v>
      </c>
      <c r="E2743" s="1"/>
      <c r="F2743" s="1" t="s">
        <v>10</v>
      </c>
      <c r="G2743" s="1" t="s">
        <v>10</v>
      </c>
      <c r="H2743" s="1" t="s">
        <v>10</v>
      </c>
      <c r="I2743" s="1" t="s">
        <v>9126</v>
      </c>
      <c r="J2743" s="1" t="s">
        <v>9442</v>
      </c>
      <c r="K2743" s="1" t="s">
        <v>27</v>
      </c>
      <c r="L2743" s="1" t="s">
        <v>9439</v>
      </c>
      <c r="M2743" s="1" t="s">
        <v>5</v>
      </c>
      <c r="N2743" s="1" t="s">
        <v>25</v>
      </c>
      <c r="O2743" s="1" t="s">
        <v>38</v>
      </c>
      <c r="P2743" s="5" t="s">
        <v>30072</v>
      </c>
    </row>
    <row r="2744" spans="1:16" x14ac:dyDescent="0.2">
      <c r="A2744" s="1" t="s">
        <v>10</v>
      </c>
      <c r="B2744" s="1" t="s">
        <v>10</v>
      </c>
      <c r="C2744" s="1" t="s">
        <v>9444</v>
      </c>
      <c r="D2744" s="1" t="s">
        <v>9445</v>
      </c>
      <c r="E2744" s="1"/>
      <c r="F2744" s="1" t="s">
        <v>10</v>
      </c>
      <c r="G2744" s="1" t="s">
        <v>10</v>
      </c>
      <c r="H2744" s="1" t="s">
        <v>10</v>
      </c>
      <c r="I2744" s="1" t="s">
        <v>9126</v>
      </c>
      <c r="J2744" s="1" t="s">
        <v>9134</v>
      </c>
      <c r="K2744" s="1" t="s">
        <v>27</v>
      </c>
      <c r="L2744" s="1" t="s">
        <v>9443</v>
      </c>
      <c r="M2744" s="1" t="s">
        <v>5</v>
      </c>
      <c r="N2744" s="1" t="s">
        <v>960</v>
      </c>
      <c r="O2744" s="1" t="s">
        <v>38</v>
      </c>
      <c r="P2744" s="5" t="s">
        <v>30092</v>
      </c>
    </row>
    <row r="2745" spans="1:16" x14ac:dyDescent="0.2">
      <c r="A2745" s="1" t="s">
        <v>10</v>
      </c>
      <c r="B2745" s="1" t="s">
        <v>10</v>
      </c>
      <c r="C2745" s="1" t="s">
        <v>9447</v>
      </c>
      <c r="D2745" s="1" t="s">
        <v>9448</v>
      </c>
      <c r="E2745" s="1" t="s">
        <v>9449</v>
      </c>
      <c r="F2745" s="1" t="s">
        <v>10</v>
      </c>
      <c r="G2745" s="1" t="s">
        <v>10</v>
      </c>
      <c r="H2745" s="1" t="s">
        <v>10</v>
      </c>
      <c r="I2745" s="1" t="s">
        <v>9126</v>
      </c>
      <c r="J2745" s="1" t="s">
        <v>9134</v>
      </c>
      <c r="K2745" s="1" t="s">
        <v>27</v>
      </c>
      <c r="L2745" s="1" t="s">
        <v>9446</v>
      </c>
      <c r="M2745" s="1" t="s">
        <v>5</v>
      </c>
      <c r="N2745" s="1" t="s">
        <v>25</v>
      </c>
      <c r="O2745" s="1" t="s">
        <v>38</v>
      </c>
      <c r="P2745" s="5" t="s">
        <v>30093</v>
      </c>
    </row>
    <row r="2746" spans="1:16" x14ac:dyDescent="0.2">
      <c r="A2746" s="1" t="s">
        <v>20</v>
      </c>
      <c r="B2746" s="1" t="s">
        <v>172</v>
      </c>
      <c r="C2746" s="1" t="s">
        <v>9451</v>
      </c>
      <c r="D2746" s="1" t="s">
        <v>9452</v>
      </c>
      <c r="E2746" s="1"/>
      <c r="F2746" s="1" t="s">
        <v>1862</v>
      </c>
      <c r="G2746" s="1" t="s">
        <v>1863</v>
      </c>
      <c r="H2746" s="1" t="s">
        <v>10</v>
      </c>
      <c r="I2746" s="1" t="s">
        <v>9126</v>
      </c>
      <c r="J2746" s="1" t="s">
        <v>9453</v>
      </c>
      <c r="K2746" s="1" t="s">
        <v>130</v>
      </c>
      <c r="L2746" s="1" t="s">
        <v>9450</v>
      </c>
      <c r="M2746" s="1" t="s">
        <v>5</v>
      </c>
      <c r="N2746" s="1" t="s">
        <v>25</v>
      </c>
      <c r="O2746" s="1" t="s">
        <v>8</v>
      </c>
      <c r="P2746" s="5" t="s">
        <v>30094</v>
      </c>
    </row>
    <row r="2747" spans="1:16" x14ac:dyDescent="0.2">
      <c r="A2747" s="1" t="s">
        <v>20</v>
      </c>
      <c r="B2747" s="1" t="s">
        <v>21</v>
      </c>
      <c r="C2747" s="1" t="s">
        <v>9455</v>
      </c>
      <c r="D2747" s="1" t="s">
        <v>9456</v>
      </c>
      <c r="E2747" s="1"/>
      <c r="F2747" s="1" t="s">
        <v>10</v>
      </c>
      <c r="G2747" s="1" t="s">
        <v>10</v>
      </c>
      <c r="H2747" s="1" t="s">
        <v>10</v>
      </c>
      <c r="I2747" s="1" t="s">
        <v>9126</v>
      </c>
      <c r="J2747" s="1" t="s">
        <v>9167</v>
      </c>
      <c r="K2747" s="1" t="s">
        <v>27</v>
      </c>
      <c r="L2747" s="1" t="s">
        <v>9454</v>
      </c>
      <c r="M2747" s="1" t="s">
        <v>5</v>
      </c>
      <c r="N2747" s="1" t="s">
        <v>6</v>
      </c>
      <c r="O2747" s="1" t="s">
        <v>38</v>
      </c>
      <c r="P2747" s="5" t="s">
        <v>30095</v>
      </c>
    </row>
    <row r="2748" spans="1:16" x14ac:dyDescent="0.2">
      <c r="A2748" s="1" t="s">
        <v>66</v>
      </c>
      <c r="B2748" s="1" t="s">
        <v>574</v>
      </c>
      <c r="C2748" s="1" t="s">
        <v>9458</v>
      </c>
      <c r="D2748" s="1" t="s">
        <v>9459</v>
      </c>
      <c r="E2748" s="1"/>
      <c r="F2748" s="1" t="s">
        <v>10</v>
      </c>
      <c r="G2748" s="1" t="s">
        <v>10</v>
      </c>
      <c r="H2748" s="1" t="s">
        <v>10</v>
      </c>
      <c r="I2748" s="1" t="s">
        <v>9126</v>
      </c>
      <c r="J2748" s="1" t="s">
        <v>9129</v>
      </c>
      <c r="K2748" s="1" t="s">
        <v>27</v>
      </c>
      <c r="L2748" s="1" t="s">
        <v>9457</v>
      </c>
      <c r="M2748" s="1" t="s">
        <v>5</v>
      </c>
      <c r="N2748" s="1" t="s">
        <v>432</v>
      </c>
      <c r="O2748" s="1" t="s">
        <v>38</v>
      </c>
      <c r="P2748" s="5" t="s">
        <v>30045</v>
      </c>
    </row>
    <row r="2749" spans="1:16" x14ac:dyDescent="0.2">
      <c r="A2749" s="1" t="s">
        <v>20</v>
      </c>
      <c r="B2749" s="1" t="s">
        <v>172</v>
      </c>
      <c r="C2749" s="1" t="s">
        <v>9461</v>
      </c>
      <c r="D2749" s="1" t="s">
        <v>9462</v>
      </c>
      <c r="E2749" s="1"/>
      <c r="F2749" s="1" t="s">
        <v>10</v>
      </c>
      <c r="G2749" s="1" t="s">
        <v>10</v>
      </c>
      <c r="H2749" s="1" t="s">
        <v>10</v>
      </c>
      <c r="I2749" s="1" t="s">
        <v>9126</v>
      </c>
      <c r="J2749" s="1" t="s">
        <v>9134</v>
      </c>
      <c r="K2749" s="1" t="s">
        <v>27</v>
      </c>
      <c r="L2749" s="1" t="s">
        <v>9460</v>
      </c>
      <c r="M2749" s="1" t="s">
        <v>5</v>
      </c>
      <c r="N2749" s="1" t="s">
        <v>960</v>
      </c>
      <c r="O2749" s="1" t="s">
        <v>38</v>
      </c>
      <c r="P2749" s="5" t="s">
        <v>30045</v>
      </c>
    </row>
    <row r="2750" spans="1:16" x14ac:dyDescent="0.2">
      <c r="A2750" s="1" t="s">
        <v>20</v>
      </c>
      <c r="B2750" s="1" t="s">
        <v>253</v>
      </c>
      <c r="C2750" s="1" t="s">
        <v>9464</v>
      </c>
      <c r="D2750" s="1" t="s">
        <v>9465</v>
      </c>
      <c r="E2750" s="1"/>
      <c r="F2750" s="1" t="s">
        <v>10</v>
      </c>
      <c r="G2750" s="1" t="s">
        <v>10</v>
      </c>
      <c r="H2750" s="1" t="s">
        <v>10</v>
      </c>
      <c r="I2750" s="1" t="s">
        <v>9126</v>
      </c>
      <c r="J2750" s="1" t="s">
        <v>9466</v>
      </c>
      <c r="K2750" s="1" t="s">
        <v>27</v>
      </c>
      <c r="L2750" s="1" t="s">
        <v>9463</v>
      </c>
      <c r="M2750" s="1" t="s">
        <v>5</v>
      </c>
      <c r="N2750" s="1" t="s">
        <v>25</v>
      </c>
      <c r="O2750" s="1" t="s">
        <v>38</v>
      </c>
      <c r="P2750" s="5" t="s">
        <v>30096</v>
      </c>
    </row>
    <row r="2751" spans="1:16" x14ac:dyDescent="0.2">
      <c r="A2751" s="1" t="s">
        <v>20</v>
      </c>
      <c r="B2751" s="1" t="s">
        <v>445</v>
      </c>
      <c r="C2751" s="1" t="s">
        <v>9468</v>
      </c>
      <c r="D2751" s="1" t="s">
        <v>1058</v>
      </c>
      <c r="E2751" s="1"/>
      <c r="F2751" s="1" t="s">
        <v>10</v>
      </c>
      <c r="G2751" s="1" t="s">
        <v>10</v>
      </c>
      <c r="H2751" s="1" t="s">
        <v>10</v>
      </c>
      <c r="I2751" s="1" t="s">
        <v>9126</v>
      </c>
      <c r="J2751" s="1" t="s">
        <v>9134</v>
      </c>
      <c r="K2751" s="1" t="s">
        <v>27</v>
      </c>
      <c r="L2751" s="1" t="s">
        <v>9467</v>
      </c>
      <c r="M2751" s="1" t="s">
        <v>5</v>
      </c>
      <c r="N2751" s="1" t="s">
        <v>1009</v>
      </c>
      <c r="O2751" s="1" t="s">
        <v>38</v>
      </c>
      <c r="P2751" s="5" t="s">
        <v>30097</v>
      </c>
    </row>
    <row r="2752" spans="1:16" x14ac:dyDescent="0.2">
      <c r="A2752" s="1" t="s">
        <v>20</v>
      </c>
      <c r="B2752" s="1" t="s">
        <v>253</v>
      </c>
      <c r="C2752" s="1" t="s">
        <v>9470</v>
      </c>
      <c r="D2752" s="1" t="s">
        <v>9471</v>
      </c>
      <c r="E2752" s="1"/>
      <c r="F2752" s="1" t="s">
        <v>10</v>
      </c>
      <c r="G2752" s="1" t="s">
        <v>10</v>
      </c>
      <c r="H2752" s="1" t="s">
        <v>10</v>
      </c>
      <c r="I2752" s="1" t="s">
        <v>9126</v>
      </c>
      <c r="J2752" s="1" t="s">
        <v>9472</v>
      </c>
      <c r="K2752" s="1" t="s">
        <v>130</v>
      </c>
      <c r="L2752" s="1" t="s">
        <v>9469</v>
      </c>
      <c r="M2752" s="1" t="s">
        <v>5</v>
      </c>
      <c r="N2752" s="1" t="s">
        <v>6</v>
      </c>
      <c r="O2752" s="1" t="s">
        <v>38</v>
      </c>
      <c r="P2752" s="5" t="s">
        <v>30098</v>
      </c>
    </row>
    <row r="2753" spans="1:16" x14ac:dyDescent="0.2">
      <c r="A2753" s="1" t="s">
        <v>66</v>
      </c>
      <c r="B2753" s="1" t="s">
        <v>1117</v>
      </c>
      <c r="C2753" s="1" t="s">
        <v>9474</v>
      </c>
      <c r="D2753" s="1" t="s">
        <v>2621</v>
      </c>
      <c r="E2753" s="1"/>
      <c r="F2753" s="1" t="s">
        <v>10</v>
      </c>
      <c r="G2753" s="1" t="s">
        <v>10</v>
      </c>
      <c r="H2753" s="1" t="s">
        <v>10</v>
      </c>
      <c r="I2753" s="1" t="s">
        <v>9126</v>
      </c>
      <c r="J2753" s="1" t="s">
        <v>9248</v>
      </c>
      <c r="K2753" s="1" t="s">
        <v>27</v>
      </c>
      <c r="L2753" s="1" t="s">
        <v>9473</v>
      </c>
      <c r="M2753" s="1" t="s">
        <v>5</v>
      </c>
      <c r="N2753" s="1" t="s">
        <v>25</v>
      </c>
      <c r="O2753" s="1" t="s">
        <v>38</v>
      </c>
      <c r="P2753" s="5" t="s">
        <v>30899</v>
      </c>
    </row>
    <row r="2754" spans="1:16" x14ac:dyDescent="0.2">
      <c r="A2754" s="1" t="s">
        <v>20</v>
      </c>
      <c r="B2754" s="1" t="s">
        <v>1047</v>
      </c>
      <c r="C2754" s="1" t="s">
        <v>9476</v>
      </c>
      <c r="D2754" s="1" t="s">
        <v>9476</v>
      </c>
      <c r="E2754" s="1" t="s">
        <v>9478</v>
      </c>
      <c r="F2754" s="1" t="s">
        <v>10</v>
      </c>
      <c r="G2754" s="1" t="s">
        <v>10</v>
      </c>
      <c r="H2754" s="1" t="s">
        <v>10</v>
      </c>
      <c r="I2754" s="1" t="s">
        <v>9126</v>
      </c>
      <c r="J2754" s="1" t="s">
        <v>9477</v>
      </c>
      <c r="K2754" s="1" t="s">
        <v>27</v>
      </c>
      <c r="L2754" s="1" t="s">
        <v>9475</v>
      </c>
      <c r="M2754" s="1" t="s">
        <v>5</v>
      </c>
      <c r="N2754" s="1" t="s">
        <v>25</v>
      </c>
      <c r="O2754" s="1" t="s">
        <v>38</v>
      </c>
      <c r="P2754" s="5" t="s">
        <v>30099</v>
      </c>
    </row>
    <row r="2755" spans="1:16" x14ac:dyDescent="0.2">
      <c r="A2755" s="1" t="s">
        <v>20</v>
      </c>
      <c r="B2755" s="1" t="s">
        <v>132</v>
      </c>
      <c r="C2755" s="1" t="s">
        <v>9480</v>
      </c>
      <c r="D2755" s="1" t="s">
        <v>9481</v>
      </c>
      <c r="E2755" s="1" t="s">
        <v>9482</v>
      </c>
      <c r="F2755" s="1" t="s">
        <v>10</v>
      </c>
      <c r="G2755" s="1" t="s">
        <v>10</v>
      </c>
      <c r="H2755" s="1" t="s">
        <v>10</v>
      </c>
      <c r="I2755" s="1" t="s">
        <v>9126</v>
      </c>
      <c r="J2755" s="1" t="s">
        <v>9248</v>
      </c>
      <c r="K2755" s="1" t="s">
        <v>27</v>
      </c>
      <c r="L2755" s="1" t="s">
        <v>9479</v>
      </c>
      <c r="M2755" s="1" t="s">
        <v>5</v>
      </c>
      <c r="N2755" s="1" t="s">
        <v>25</v>
      </c>
      <c r="O2755" s="1" t="s">
        <v>38</v>
      </c>
      <c r="P2755" s="5" t="s">
        <v>30100</v>
      </c>
    </row>
    <row r="2756" spans="1:16" x14ac:dyDescent="0.2">
      <c r="A2756" s="1" t="s">
        <v>66</v>
      </c>
      <c r="B2756" s="1" t="s">
        <v>674</v>
      </c>
      <c r="C2756" s="1" t="s">
        <v>9484</v>
      </c>
      <c r="D2756" s="1" t="s">
        <v>9485</v>
      </c>
      <c r="E2756" s="1"/>
      <c r="F2756" s="1" t="s">
        <v>27</v>
      </c>
      <c r="G2756" s="1" t="s">
        <v>10</v>
      </c>
      <c r="H2756" s="1" t="s">
        <v>9487</v>
      </c>
      <c r="I2756" s="1" t="s">
        <v>9126</v>
      </c>
      <c r="J2756" s="1" t="s">
        <v>9486</v>
      </c>
      <c r="K2756" s="1" t="s">
        <v>9056</v>
      </c>
      <c r="L2756" s="1" t="s">
        <v>9483</v>
      </c>
      <c r="M2756" s="1" t="s">
        <v>5</v>
      </c>
      <c r="N2756" s="1" t="s">
        <v>6</v>
      </c>
      <c r="O2756" s="1" t="s">
        <v>8</v>
      </c>
      <c r="P2756" s="5" t="s">
        <v>30101</v>
      </c>
    </row>
    <row r="2757" spans="1:16" x14ac:dyDescent="0.2">
      <c r="A2757" s="1" t="s">
        <v>66</v>
      </c>
      <c r="B2757" s="1" t="s">
        <v>1127</v>
      </c>
      <c r="C2757" s="1" t="s">
        <v>9489</v>
      </c>
      <c r="D2757" s="1" t="s">
        <v>4886</v>
      </c>
      <c r="E2757" s="1"/>
      <c r="F2757" s="1" t="s">
        <v>27</v>
      </c>
      <c r="G2757" s="1" t="s">
        <v>10</v>
      </c>
      <c r="H2757" s="1" t="s">
        <v>9487</v>
      </c>
      <c r="I2757" s="1" t="s">
        <v>9126</v>
      </c>
      <c r="J2757" s="1" t="s">
        <v>9490</v>
      </c>
      <c r="K2757" s="1" t="s">
        <v>9056</v>
      </c>
      <c r="L2757" s="1" t="s">
        <v>9488</v>
      </c>
      <c r="M2757" s="1" t="s">
        <v>5</v>
      </c>
      <c r="N2757" s="1" t="s">
        <v>6</v>
      </c>
      <c r="O2757" s="1" t="s">
        <v>8</v>
      </c>
      <c r="P2757" s="5" t="s">
        <v>30102</v>
      </c>
    </row>
    <row r="2758" spans="1:16" x14ac:dyDescent="0.2">
      <c r="A2758" s="1" t="s">
        <v>42</v>
      </c>
      <c r="B2758" s="1" t="s">
        <v>43</v>
      </c>
      <c r="C2758" s="1" t="s">
        <v>9492</v>
      </c>
      <c r="D2758" s="1" t="s">
        <v>3953</v>
      </c>
      <c r="E2758" s="1"/>
      <c r="F2758" s="1" t="s">
        <v>10</v>
      </c>
      <c r="G2758" s="1" t="s">
        <v>10</v>
      </c>
      <c r="H2758" s="1" t="s">
        <v>10</v>
      </c>
      <c r="I2758" s="1" t="s">
        <v>9126</v>
      </c>
      <c r="J2758" s="1" t="s">
        <v>19</v>
      </c>
      <c r="K2758" s="1" t="s">
        <v>37</v>
      </c>
      <c r="L2758" s="1" t="s">
        <v>9491</v>
      </c>
      <c r="M2758" s="1" t="s">
        <v>5</v>
      </c>
      <c r="N2758" s="1" t="s">
        <v>960</v>
      </c>
      <c r="O2758" s="1" t="s">
        <v>38</v>
      </c>
      <c r="P2758" s="5" t="s">
        <v>30103</v>
      </c>
    </row>
    <row r="2759" spans="1:16" x14ac:dyDescent="0.2">
      <c r="A2759" s="1" t="s">
        <v>66</v>
      </c>
      <c r="B2759" s="1" t="s">
        <v>1117</v>
      </c>
      <c r="C2759" s="1" t="s">
        <v>9494</v>
      </c>
      <c r="D2759" s="1" t="s">
        <v>1038</v>
      </c>
      <c r="E2759" s="1"/>
      <c r="F2759" s="1" t="s">
        <v>10</v>
      </c>
      <c r="G2759" s="1" t="s">
        <v>10</v>
      </c>
      <c r="H2759" s="1" t="s">
        <v>10</v>
      </c>
      <c r="I2759" s="1" t="s">
        <v>9126</v>
      </c>
      <c r="J2759" s="1" t="s">
        <v>9495</v>
      </c>
      <c r="K2759" s="1" t="s">
        <v>27</v>
      </c>
      <c r="L2759" s="1" t="s">
        <v>9493</v>
      </c>
      <c r="M2759" s="1" t="s">
        <v>5</v>
      </c>
      <c r="N2759" s="1" t="s">
        <v>25</v>
      </c>
      <c r="O2759" s="1" t="s">
        <v>38</v>
      </c>
      <c r="P2759" s="5" t="s">
        <v>30104</v>
      </c>
    </row>
    <row r="2760" spans="1:16" x14ac:dyDescent="0.2">
      <c r="A2760" s="1" t="s">
        <v>194</v>
      </c>
      <c r="B2760" s="1" t="s">
        <v>6479</v>
      </c>
      <c r="C2760" s="1" t="s">
        <v>3926</v>
      </c>
      <c r="D2760" s="1" t="s">
        <v>9497</v>
      </c>
      <c r="E2760" s="1"/>
      <c r="F2760" s="1" t="s">
        <v>10</v>
      </c>
      <c r="G2760" s="1" t="s">
        <v>10</v>
      </c>
      <c r="H2760" s="1" t="s">
        <v>10</v>
      </c>
      <c r="I2760" s="1" t="s">
        <v>9126</v>
      </c>
      <c r="J2760" s="1" t="s">
        <v>9193</v>
      </c>
      <c r="K2760" s="1" t="s">
        <v>27</v>
      </c>
      <c r="L2760" s="1" t="s">
        <v>9496</v>
      </c>
      <c r="M2760" s="1" t="s">
        <v>5</v>
      </c>
      <c r="N2760" s="1" t="s">
        <v>25</v>
      </c>
      <c r="O2760" s="1" t="s">
        <v>38</v>
      </c>
      <c r="P2760" s="5" t="s">
        <v>30899</v>
      </c>
    </row>
    <row r="2761" spans="1:16" x14ac:dyDescent="0.2">
      <c r="A2761" s="1" t="s">
        <v>66</v>
      </c>
      <c r="B2761" s="1" t="s">
        <v>498</v>
      </c>
      <c r="C2761" s="1" t="s">
        <v>9499</v>
      </c>
      <c r="D2761" s="1" t="s">
        <v>9500</v>
      </c>
      <c r="E2761" s="1"/>
      <c r="F2761" s="1" t="s">
        <v>10</v>
      </c>
      <c r="G2761" s="1" t="s">
        <v>10</v>
      </c>
      <c r="H2761" s="1" t="s">
        <v>10</v>
      </c>
      <c r="I2761" s="1" t="s">
        <v>9126</v>
      </c>
      <c r="J2761" s="1" t="s">
        <v>9134</v>
      </c>
      <c r="K2761" s="1" t="s">
        <v>27</v>
      </c>
      <c r="L2761" s="1" t="s">
        <v>9498</v>
      </c>
      <c r="M2761" s="1" t="s">
        <v>5</v>
      </c>
      <c r="N2761" s="1" t="s">
        <v>960</v>
      </c>
      <c r="O2761" s="1" t="s">
        <v>38</v>
      </c>
      <c r="P2761" s="5" t="s">
        <v>30059</v>
      </c>
    </row>
    <row r="2762" spans="1:16" x14ac:dyDescent="0.2">
      <c r="A2762" s="1" t="s">
        <v>66</v>
      </c>
      <c r="B2762" s="1" t="s">
        <v>1117</v>
      </c>
      <c r="C2762" s="1" t="s">
        <v>9502</v>
      </c>
      <c r="D2762" s="1" t="s">
        <v>9503</v>
      </c>
      <c r="E2762" s="1" t="s">
        <v>9505</v>
      </c>
      <c r="F2762" s="1" t="s">
        <v>10</v>
      </c>
      <c r="G2762" s="1" t="s">
        <v>10</v>
      </c>
      <c r="H2762" s="1" t="s">
        <v>10</v>
      </c>
      <c r="I2762" s="1" t="s">
        <v>9126</v>
      </c>
      <c r="J2762" s="1" t="s">
        <v>9504</v>
      </c>
      <c r="K2762" s="1" t="s">
        <v>27</v>
      </c>
      <c r="L2762" s="1" t="s">
        <v>9501</v>
      </c>
      <c r="M2762" s="1" t="s">
        <v>5</v>
      </c>
      <c r="N2762" s="1" t="s">
        <v>25</v>
      </c>
      <c r="O2762" s="1" t="s">
        <v>38</v>
      </c>
      <c r="P2762" s="5" t="s">
        <v>30899</v>
      </c>
    </row>
    <row r="2763" spans="1:16" x14ac:dyDescent="0.2">
      <c r="A2763" s="1" t="s">
        <v>20</v>
      </c>
      <c r="B2763" s="1" t="s">
        <v>445</v>
      </c>
      <c r="C2763" s="1" t="s">
        <v>9507</v>
      </c>
      <c r="D2763" s="1" t="s">
        <v>9508</v>
      </c>
      <c r="E2763" s="1" t="s">
        <v>9509</v>
      </c>
      <c r="F2763" s="1" t="s">
        <v>10</v>
      </c>
      <c r="G2763" s="1" t="s">
        <v>10</v>
      </c>
      <c r="H2763" s="1" t="s">
        <v>10</v>
      </c>
      <c r="I2763" s="1" t="s">
        <v>9126</v>
      </c>
      <c r="J2763" s="1" t="s">
        <v>19</v>
      </c>
      <c r="K2763" s="1" t="s">
        <v>7367</v>
      </c>
      <c r="L2763" s="1" t="s">
        <v>9506</v>
      </c>
      <c r="M2763" s="1" t="s">
        <v>5</v>
      </c>
      <c r="N2763" s="1" t="s">
        <v>25</v>
      </c>
      <c r="O2763" s="1" t="s">
        <v>38</v>
      </c>
      <c r="P2763" s="5" t="s">
        <v>30899</v>
      </c>
    </row>
    <row r="2764" spans="1:16" x14ac:dyDescent="0.2">
      <c r="A2764" s="1" t="s">
        <v>20</v>
      </c>
      <c r="B2764" s="1" t="s">
        <v>172</v>
      </c>
      <c r="C2764" s="1" t="s">
        <v>9511</v>
      </c>
      <c r="D2764" s="1" t="s">
        <v>9512</v>
      </c>
      <c r="E2764" s="1"/>
      <c r="F2764" s="1" t="s">
        <v>10</v>
      </c>
      <c r="G2764" s="1" t="s">
        <v>10</v>
      </c>
      <c r="H2764" s="1" t="s">
        <v>10</v>
      </c>
      <c r="I2764" s="1" t="s">
        <v>9126</v>
      </c>
      <c r="J2764" s="1" t="s">
        <v>9513</v>
      </c>
      <c r="K2764" s="1" t="s">
        <v>27</v>
      </c>
      <c r="L2764" s="1" t="s">
        <v>9510</v>
      </c>
      <c r="M2764" s="1" t="s">
        <v>5</v>
      </c>
      <c r="N2764" s="1" t="s">
        <v>10</v>
      </c>
      <c r="O2764" s="1" t="s">
        <v>38</v>
      </c>
      <c r="P2764" s="5" t="s">
        <v>10</v>
      </c>
    </row>
    <row r="2765" spans="1:16" x14ac:dyDescent="0.2">
      <c r="A2765" s="1" t="s">
        <v>66</v>
      </c>
      <c r="B2765" s="1" t="s">
        <v>498</v>
      </c>
      <c r="C2765" s="1" t="s">
        <v>9515</v>
      </c>
      <c r="D2765" s="1" t="s">
        <v>9516</v>
      </c>
      <c r="E2765" s="1"/>
      <c r="F2765" s="1" t="s">
        <v>10</v>
      </c>
      <c r="G2765" s="1" t="s">
        <v>10</v>
      </c>
      <c r="H2765" s="1" t="s">
        <v>10</v>
      </c>
      <c r="I2765" s="1" t="s">
        <v>9126</v>
      </c>
      <c r="J2765" s="1" t="s">
        <v>9513</v>
      </c>
      <c r="K2765" s="1" t="s">
        <v>27</v>
      </c>
      <c r="L2765" s="1" t="s">
        <v>9514</v>
      </c>
      <c r="M2765" s="1" t="s">
        <v>5</v>
      </c>
      <c r="N2765" s="1" t="s">
        <v>25</v>
      </c>
      <c r="O2765" s="1" t="s">
        <v>38</v>
      </c>
      <c r="P2765" s="5" t="s">
        <v>30900</v>
      </c>
    </row>
    <row r="2766" spans="1:16" x14ac:dyDescent="0.2">
      <c r="A2766" s="1" t="s">
        <v>42</v>
      </c>
      <c r="B2766" s="1" t="s">
        <v>966</v>
      </c>
      <c r="C2766" s="1" t="s">
        <v>9518</v>
      </c>
      <c r="D2766" s="1" t="s">
        <v>9519</v>
      </c>
      <c r="E2766" s="1"/>
      <c r="F2766" s="1" t="s">
        <v>10</v>
      </c>
      <c r="G2766" s="1" t="s">
        <v>10</v>
      </c>
      <c r="H2766" s="1" t="s">
        <v>10</v>
      </c>
      <c r="I2766" s="1" t="s">
        <v>9126</v>
      </c>
      <c r="J2766" s="1" t="s">
        <v>9520</v>
      </c>
      <c r="K2766" s="1" t="s">
        <v>2591</v>
      </c>
      <c r="L2766" s="1" t="s">
        <v>9517</v>
      </c>
      <c r="M2766" s="1" t="s">
        <v>5</v>
      </c>
      <c r="N2766" s="1" t="s">
        <v>25</v>
      </c>
      <c r="O2766" s="1" t="s">
        <v>38</v>
      </c>
      <c r="P2766" s="5" t="s">
        <v>30899</v>
      </c>
    </row>
    <row r="2767" spans="1:16" x14ac:dyDescent="0.2">
      <c r="A2767" s="1" t="s">
        <v>20</v>
      </c>
      <c r="B2767" s="1" t="s">
        <v>101</v>
      </c>
      <c r="C2767" s="1" t="s">
        <v>9522</v>
      </c>
      <c r="D2767" s="1" t="s">
        <v>9523</v>
      </c>
      <c r="E2767" s="1" t="s">
        <v>9524</v>
      </c>
      <c r="F2767" s="1" t="s">
        <v>10</v>
      </c>
      <c r="G2767" s="1" t="s">
        <v>10</v>
      </c>
      <c r="H2767" s="1" t="s">
        <v>10</v>
      </c>
      <c r="I2767" s="1" t="s">
        <v>9126</v>
      </c>
      <c r="J2767" s="1" t="s">
        <v>7</v>
      </c>
      <c r="K2767" s="1" t="s">
        <v>7</v>
      </c>
      <c r="L2767" s="1" t="s">
        <v>9521</v>
      </c>
      <c r="M2767" s="1" t="s">
        <v>5</v>
      </c>
      <c r="N2767" s="1" t="s">
        <v>25</v>
      </c>
      <c r="O2767" s="1" t="s">
        <v>38</v>
      </c>
      <c r="P2767" s="5" t="s">
        <v>30899</v>
      </c>
    </row>
    <row r="2768" spans="1:16" x14ac:dyDescent="0.2">
      <c r="A2768" s="1" t="s">
        <v>66</v>
      </c>
      <c r="B2768" s="1" t="s">
        <v>212</v>
      </c>
      <c r="C2768" s="1" t="s">
        <v>9526</v>
      </c>
      <c r="D2768" s="1" t="s">
        <v>9527</v>
      </c>
      <c r="E2768" s="1" t="s">
        <v>9529</v>
      </c>
      <c r="F2768" s="1" t="s">
        <v>10</v>
      </c>
      <c r="G2768" s="1" t="s">
        <v>10</v>
      </c>
      <c r="H2768" s="1" t="s">
        <v>10</v>
      </c>
      <c r="I2768" s="1" t="s">
        <v>9126</v>
      </c>
      <c r="J2768" s="1" t="s">
        <v>9528</v>
      </c>
      <c r="K2768" s="1" t="s">
        <v>27</v>
      </c>
      <c r="L2768" s="1" t="s">
        <v>9525</v>
      </c>
      <c r="M2768" s="1" t="s">
        <v>5</v>
      </c>
      <c r="N2768" s="1" t="s">
        <v>25</v>
      </c>
      <c r="O2768" s="1" t="s">
        <v>38</v>
      </c>
      <c r="P2768" s="5" t="s">
        <v>30899</v>
      </c>
    </row>
    <row r="2769" spans="1:16" x14ac:dyDescent="0.2">
      <c r="A2769" s="1" t="s">
        <v>66</v>
      </c>
      <c r="B2769" s="1" t="s">
        <v>498</v>
      </c>
      <c r="C2769" s="1" t="s">
        <v>1054</v>
      </c>
      <c r="D2769" s="1" t="s">
        <v>9531</v>
      </c>
      <c r="E2769" s="1" t="s">
        <v>9533</v>
      </c>
      <c r="F2769" s="1" t="s">
        <v>10</v>
      </c>
      <c r="G2769" s="1" t="s">
        <v>10</v>
      </c>
      <c r="H2769" s="1" t="s">
        <v>10</v>
      </c>
      <c r="I2769" s="1" t="s">
        <v>9126</v>
      </c>
      <c r="J2769" s="1" t="s">
        <v>9532</v>
      </c>
      <c r="K2769" s="1" t="s">
        <v>27</v>
      </c>
      <c r="L2769" s="1" t="s">
        <v>9530</v>
      </c>
      <c r="M2769" s="1" t="s">
        <v>5</v>
      </c>
      <c r="N2769" s="1" t="s">
        <v>25</v>
      </c>
      <c r="O2769" s="1" t="s">
        <v>38</v>
      </c>
      <c r="P2769" s="5" t="s">
        <v>30105</v>
      </c>
    </row>
    <row r="2770" spans="1:16" x14ac:dyDescent="0.2">
      <c r="A2770" s="1" t="s">
        <v>20</v>
      </c>
      <c r="B2770" s="1" t="s">
        <v>99</v>
      </c>
      <c r="C2770" s="1" t="s">
        <v>9535</v>
      </c>
      <c r="D2770" s="1" t="s">
        <v>2997</v>
      </c>
      <c r="E2770" s="1" t="s">
        <v>9537</v>
      </c>
      <c r="F2770" s="1" t="s">
        <v>10</v>
      </c>
      <c r="G2770" s="1" t="s">
        <v>10</v>
      </c>
      <c r="H2770" s="1" t="s">
        <v>10</v>
      </c>
      <c r="I2770" s="1" t="s">
        <v>9126</v>
      </c>
      <c r="J2770" s="1" t="s">
        <v>9536</v>
      </c>
      <c r="K2770" s="1" t="s">
        <v>100</v>
      </c>
      <c r="L2770" s="1" t="s">
        <v>9534</v>
      </c>
      <c r="M2770" s="1" t="s">
        <v>5</v>
      </c>
      <c r="N2770" s="1" t="s">
        <v>25</v>
      </c>
      <c r="O2770" s="1" t="s">
        <v>38</v>
      </c>
      <c r="P2770" s="5" t="s">
        <v>30899</v>
      </c>
    </row>
    <row r="2771" spans="1:16" x14ac:dyDescent="0.2">
      <c r="A2771" s="1" t="s">
        <v>20</v>
      </c>
      <c r="B2771" s="1" t="s">
        <v>132</v>
      </c>
      <c r="C2771" s="1" t="s">
        <v>9539</v>
      </c>
      <c r="D2771" s="1" t="s">
        <v>5317</v>
      </c>
      <c r="E2771" s="1" t="s">
        <v>9540</v>
      </c>
      <c r="F2771" s="1" t="s">
        <v>10</v>
      </c>
      <c r="G2771" s="1" t="s">
        <v>10</v>
      </c>
      <c r="H2771" s="1" t="s">
        <v>10</v>
      </c>
      <c r="I2771" s="1" t="s">
        <v>9126</v>
      </c>
      <c r="J2771" s="1" t="s">
        <v>130</v>
      </c>
      <c r="K2771" s="1" t="s">
        <v>27</v>
      </c>
      <c r="L2771" s="1" t="s">
        <v>9538</v>
      </c>
      <c r="M2771" s="1" t="s">
        <v>5</v>
      </c>
      <c r="N2771" s="1" t="s">
        <v>25</v>
      </c>
      <c r="O2771" s="1" t="s">
        <v>38</v>
      </c>
      <c r="P2771" s="5" t="s">
        <v>30106</v>
      </c>
    </row>
    <row r="2772" spans="1:16" x14ac:dyDescent="0.2">
      <c r="A2772" s="1" t="s">
        <v>42</v>
      </c>
      <c r="B2772" s="1" t="s">
        <v>109</v>
      </c>
      <c r="C2772" s="1" t="s">
        <v>9543</v>
      </c>
      <c r="D2772" s="1" t="s">
        <v>9544</v>
      </c>
      <c r="E2772" s="1" t="s">
        <v>9545</v>
      </c>
      <c r="F2772" s="1" t="s">
        <v>10</v>
      </c>
      <c r="G2772" s="1" t="s">
        <v>10</v>
      </c>
      <c r="H2772" s="1" t="s">
        <v>10</v>
      </c>
      <c r="I2772" s="1" t="s">
        <v>9126</v>
      </c>
      <c r="J2772" s="1" t="s">
        <v>9513</v>
      </c>
      <c r="K2772" s="1" t="s">
        <v>27</v>
      </c>
      <c r="L2772" s="1" t="s">
        <v>9542</v>
      </c>
      <c r="M2772" s="1" t="s">
        <v>5</v>
      </c>
      <c r="N2772" s="1" t="s">
        <v>25</v>
      </c>
      <c r="O2772" s="1" t="s">
        <v>38</v>
      </c>
      <c r="P2772" s="5" t="s">
        <v>30900</v>
      </c>
    </row>
    <row r="2773" spans="1:16" x14ac:dyDescent="0.2">
      <c r="A2773" s="1" t="s">
        <v>20</v>
      </c>
      <c r="B2773" s="1" t="s">
        <v>99</v>
      </c>
      <c r="C2773" s="1" t="s">
        <v>9547</v>
      </c>
      <c r="D2773" s="1" t="s">
        <v>9547</v>
      </c>
      <c r="E2773" s="1" t="s">
        <v>9548</v>
      </c>
      <c r="F2773" s="1" t="s">
        <v>10</v>
      </c>
      <c r="G2773" s="1" t="s">
        <v>10</v>
      </c>
      <c r="H2773" s="1" t="s">
        <v>10</v>
      </c>
      <c r="I2773" s="1" t="s">
        <v>9126</v>
      </c>
      <c r="J2773" s="1" t="s">
        <v>9477</v>
      </c>
      <c r="K2773" s="1" t="s">
        <v>7</v>
      </c>
      <c r="L2773" s="1" t="s">
        <v>9546</v>
      </c>
      <c r="M2773" s="1" t="s">
        <v>5</v>
      </c>
      <c r="N2773" s="1" t="s">
        <v>25</v>
      </c>
      <c r="O2773" s="1" t="s">
        <v>38</v>
      </c>
      <c r="P2773" s="5" t="s">
        <v>30107</v>
      </c>
    </row>
    <row r="2774" spans="1:16" x14ac:dyDescent="0.2">
      <c r="A2774" s="1" t="s">
        <v>66</v>
      </c>
      <c r="B2774" s="1" t="s">
        <v>498</v>
      </c>
      <c r="C2774" s="1" t="s">
        <v>9550</v>
      </c>
      <c r="D2774" s="1" t="s">
        <v>9551</v>
      </c>
      <c r="E2774" s="1"/>
      <c r="F2774" s="1" t="s">
        <v>10</v>
      </c>
      <c r="G2774" s="1" t="s">
        <v>10</v>
      </c>
      <c r="H2774" s="1" t="s">
        <v>10</v>
      </c>
      <c r="I2774" s="1" t="s">
        <v>9126</v>
      </c>
      <c r="J2774" s="1" t="s">
        <v>9552</v>
      </c>
      <c r="K2774" s="1" t="s">
        <v>27</v>
      </c>
      <c r="L2774" s="1" t="s">
        <v>9549</v>
      </c>
      <c r="M2774" s="1" t="s">
        <v>5</v>
      </c>
      <c r="N2774" s="1" t="s">
        <v>25</v>
      </c>
      <c r="O2774" s="1" t="s">
        <v>38</v>
      </c>
      <c r="P2774" s="5" t="s">
        <v>30900</v>
      </c>
    </row>
    <row r="2775" spans="1:16" x14ac:dyDescent="0.2">
      <c r="A2775" s="1" t="s">
        <v>66</v>
      </c>
      <c r="B2775" s="1" t="s">
        <v>67</v>
      </c>
      <c r="C2775" s="1" t="s">
        <v>9554</v>
      </c>
      <c r="D2775" s="1" t="s">
        <v>9555</v>
      </c>
      <c r="E2775" s="1"/>
      <c r="F2775" s="1" t="s">
        <v>10</v>
      </c>
      <c r="G2775" s="1" t="s">
        <v>10</v>
      </c>
      <c r="H2775" s="1" t="s">
        <v>10</v>
      </c>
      <c r="I2775" s="1" t="s">
        <v>9126</v>
      </c>
      <c r="J2775" s="1" t="s">
        <v>9556</v>
      </c>
      <c r="K2775" s="1" t="s">
        <v>27</v>
      </c>
      <c r="L2775" s="1" t="s">
        <v>9553</v>
      </c>
      <c r="M2775" s="1" t="s">
        <v>5</v>
      </c>
      <c r="N2775" s="1" t="s">
        <v>25</v>
      </c>
      <c r="O2775" s="1" t="s">
        <v>38</v>
      </c>
      <c r="P2775" s="5" t="s">
        <v>30900</v>
      </c>
    </row>
    <row r="2776" spans="1:16" ht="38.25" x14ac:dyDescent="0.2">
      <c r="A2776" s="1" t="s">
        <v>66</v>
      </c>
      <c r="B2776" s="1" t="s">
        <v>67</v>
      </c>
      <c r="C2776" s="1" t="s">
        <v>9558</v>
      </c>
      <c r="D2776" s="1" t="s">
        <v>9559</v>
      </c>
      <c r="E2776" s="1"/>
      <c r="F2776" s="1" t="s">
        <v>10</v>
      </c>
      <c r="G2776" s="1" t="s">
        <v>10</v>
      </c>
      <c r="H2776" s="1" t="s">
        <v>10</v>
      </c>
      <c r="I2776" s="1" t="s">
        <v>9126</v>
      </c>
      <c r="J2776" s="1" t="s">
        <v>9193</v>
      </c>
      <c r="K2776" s="1" t="s">
        <v>27</v>
      </c>
      <c r="L2776" s="1" t="s">
        <v>9557</v>
      </c>
      <c r="M2776" s="1" t="s">
        <v>5</v>
      </c>
      <c r="N2776" s="1" t="s">
        <v>25</v>
      </c>
      <c r="O2776" s="1" t="s">
        <v>38</v>
      </c>
      <c r="P2776" s="9" t="s">
        <v>31356</v>
      </c>
    </row>
    <row r="2777" spans="1:16" x14ac:dyDescent="0.2">
      <c r="A2777" s="1" t="s">
        <v>66</v>
      </c>
      <c r="B2777" s="1" t="s">
        <v>574</v>
      </c>
      <c r="C2777" s="1" t="s">
        <v>9561</v>
      </c>
      <c r="D2777" s="1" t="s">
        <v>9562</v>
      </c>
      <c r="E2777" s="1"/>
      <c r="F2777" s="1" t="s">
        <v>10</v>
      </c>
      <c r="G2777" s="1" t="s">
        <v>10</v>
      </c>
      <c r="H2777" s="1" t="s">
        <v>10</v>
      </c>
      <c r="I2777" s="1" t="s">
        <v>9126</v>
      </c>
      <c r="J2777" s="1" t="s">
        <v>9129</v>
      </c>
      <c r="K2777" s="1" t="s">
        <v>27</v>
      </c>
      <c r="L2777" s="1" t="s">
        <v>9560</v>
      </c>
      <c r="M2777" s="1" t="s">
        <v>5</v>
      </c>
      <c r="N2777" s="1" t="s">
        <v>960</v>
      </c>
      <c r="O2777" s="1" t="s">
        <v>38</v>
      </c>
      <c r="P2777" s="5" t="s">
        <v>30059</v>
      </c>
    </row>
    <row r="2778" spans="1:16" x14ac:dyDescent="0.2">
      <c r="A2778" s="1" t="s">
        <v>66</v>
      </c>
      <c r="B2778" s="1" t="s">
        <v>574</v>
      </c>
      <c r="C2778" s="1" t="s">
        <v>9564</v>
      </c>
      <c r="D2778" s="1" t="s">
        <v>9565</v>
      </c>
      <c r="E2778" s="1"/>
      <c r="F2778" s="1" t="s">
        <v>27</v>
      </c>
      <c r="G2778" s="1" t="s">
        <v>10</v>
      </c>
      <c r="H2778" s="1" t="s">
        <v>905</v>
      </c>
      <c r="I2778" s="1" t="s">
        <v>9126</v>
      </c>
      <c r="J2778" s="1" t="s">
        <v>9466</v>
      </c>
      <c r="K2778" s="1" t="s">
        <v>27</v>
      </c>
      <c r="L2778" s="1" t="s">
        <v>9563</v>
      </c>
      <c r="M2778" s="1" t="s">
        <v>5</v>
      </c>
      <c r="N2778" s="1" t="s">
        <v>25</v>
      </c>
      <c r="O2778" s="1" t="s">
        <v>8</v>
      </c>
      <c r="P2778" s="5" t="s">
        <v>31357</v>
      </c>
    </row>
    <row r="2779" spans="1:16" x14ac:dyDescent="0.2">
      <c r="A2779" s="1" t="s">
        <v>66</v>
      </c>
      <c r="B2779" s="1" t="s">
        <v>67</v>
      </c>
      <c r="C2779" s="1" t="s">
        <v>9567</v>
      </c>
      <c r="D2779" s="1" t="s">
        <v>9568</v>
      </c>
      <c r="E2779" s="1"/>
      <c r="F2779" s="1" t="s">
        <v>27</v>
      </c>
      <c r="G2779" s="1" t="s">
        <v>10</v>
      </c>
      <c r="H2779" s="1" t="s">
        <v>905</v>
      </c>
      <c r="I2779" s="1" t="s">
        <v>9126</v>
      </c>
      <c r="J2779" s="1" t="s">
        <v>9569</v>
      </c>
      <c r="K2779" s="1" t="s">
        <v>27</v>
      </c>
      <c r="L2779" s="1" t="s">
        <v>9566</v>
      </c>
      <c r="M2779" s="1" t="s">
        <v>5</v>
      </c>
      <c r="N2779" s="1" t="s">
        <v>25</v>
      </c>
      <c r="O2779" s="1" t="s">
        <v>8</v>
      </c>
      <c r="P2779" s="5" t="s">
        <v>31358</v>
      </c>
    </row>
    <row r="2780" spans="1:16" x14ac:dyDescent="0.2">
      <c r="A2780" s="1" t="s">
        <v>10</v>
      </c>
      <c r="B2780" s="1" t="s">
        <v>10</v>
      </c>
      <c r="C2780" s="1" t="s">
        <v>9571</v>
      </c>
      <c r="D2780" s="1" t="s">
        <v>9572</v>
      </c>
      <c r="E2780" s="1"/>
      <c r="F2780" s="1" t="s">
        <v>10</v>
      </c>
      <c r="G2780" s="1" t="s">
        <v>10</v>
      </c>
      <c r="H2780" s="1" t="s">
        <v>10</v>
      </c>
      <c r="I2780" s="1" t="s">
        <v>9126</v>
      </c>
      <c r="J2780" s="1" t="s">
        <v>9573</v>
      </c>
      <c r="K2780" s="1" t="s">
        <v>443</v>
      </c>
      <c r="L2780" s="1" t="s">
        <v>9570</v>
      </c>
      <c r="M2780" s="1" t="s">
        <v>5</v>
      </c>
      <c r="N2780" s="1" t="s">
        <v>25</v>
      </c>
      <c r="O2780" s="1" t="s">
        <v>38</v>
      </c>
      <c r="P2780" s="5" t="s">
        <v>30108</v>
      </c>
    </row>
    <row r="2781" spans="1:16" x14ac:dyDescent="0.2">
      <c r="A2781" s="1" t="s">
        <v>10</v>
      </c>
      <c r="B2781" s="1" t="s">
        <v>10</v>
      </c>
      <c r="C2781" s="1" t="s">
        <v>9575</v>
      </c>
      <c r="D2781" s="1" t="s">
        <v>9576</v>
      </c>
      <c r="E2781" s="1"/>
      <c r="F2781" s="1" t="s">
        <v>10</v>
      </c>
      <c r="G2781" s="1" t="s">
        <v>10</v>
      </c>
      <c r="H2781" s="1" t="s">
        <v>10</v>
      </c>
      <c r="I2781" s="1" t="s">
        <v>9126</v>
      </c>
      <c r="J2781" s="1" t="s">
        <v>9577</v>
      </c>
      <c r="K2781" s="1" t="s">
        <v>64</v>
      </c>
      <c r="L2781" s="1" t="s">
        <v>9574</v>
      </c>
      <c r="M2781" s="1" t="s">
        <v>5</v>
      </c>
      <c r="N2781" s="1" t="s">
        <v>25</v>
      </c>
      <c r="O2781" s="1" t="s">
        <v>38</v>
      </c>
      <c r="P2781" s="5" t="s">
        <v>30109</v>
      </c>
    </row>
    <row r="2782" spans="1:16" x14ac:dyDescent="0.2">
      <c r="A2782" s="1" t="s">
        <v>10</v>
      </c>
      <c r="B2782" s="1" t="s">
        <v>10</v>
      </c>
      <c r="C2782" s="1" t="s">
        <v>9579</v>
      </c>
      <c r="D2782" s="1" t="s">
        <v>9150</v>
      </c>
      <c r="E2782" s="1"/>
      <c r="F2782" s="1" t="s">
        <v>10</v>
      </c>
      <c r="G2782" s="1" t="s">
        <v>10</v>
      </c>
      <c r="H2782" s="1" t="s">
        <v>10</v>
      </c>
      <c r="I2782" s="1" t="s">
        <v>9126</v>
      </c>
      <c r="J2782" s="1" t="s">
        <v>9580</v>
      </c>
      <c r="K2782" s="1" t="s">
        <v>64</v>
      </c>
      <c r="L2782" s="1" t="s">
        <v>9578</v>
      </c>
      <c r="M2782" s="1" t="s">
        <v>5</v>
      </c>
      <c r="N2782" s="1" t="s">
        <v>25</v>
      </c>
      <c r="O2782" s="1" t="s">
        <v>38</v>
      </c>
      <c r="P2782" s="5" t="s">
        <v>30110</v>
      </c>
    </row>
    <row r="2783" spans="1:16" x14ac:dyDescent="0.2">
      <c r="A2783" s="1" t="s">
        <v>10</v>
      </c>
      <c r="B2783" s="1" t="s">
        <v>10</v>
      </c>
      <c r="C2783" s="1" t="s">
        <v>9582</v>
      </c>
      <c r="D2783" s="1" t="s">
        <v>9583</v>
      </c>
      <c r="E2783" s="1"/>
      <c r="F2783" s="1" t="s">
        <v>10</v>
      </c>
      <c r="G2783" s="1" t="s">
        <v>10</v>
      </c>
      <c r="H2783" s="1" t="s">
        <v>10</v>
      </c>
      <c r="I2783" s="1" t="s">
        <v>9126</v>
      </c>
      <c r="J2783" s="1" t="s">
        <v>9584</v>
      </c>
      <c r="K2783" s="1" t="s">
        <v>64</v>
      </c>
      <c r="L2783" s="1" t="s">
        <v>9581</v>
      </c>
      <c r="M2783" s="1" t="s">
        <v>5</v>
      </c>
      <c r="N2783" s="1" t="s">
        <v>25</v>
      </c>
      <c r="O2783" s="1" t="s">
        <v>38</v>
      </c>
      <c r="P2783" s="5" t="s">
        <v>30111</v>
      </c>
    </row>
    <row r="2784" spans="1:16" x14ac:dyDescent="0.2">
      <c r="A2784" s="1" t="s">
        <v>20</v>
      </c>
      <c r="B2784" s="1" t="s">
        <v>253</v>
      </c>
      <c r="C2784" s="1" t="s">
        <v>9586</v>
      </c>
      <c r="D2784" s="1" t="s">
        <v>9586</v>
      </c>
      <c r="E2784" s="1"/>
      <c r="F2784" s="1" t="s">
        <v>10</v>
      </c>
      <c r="G2784" s="1" t="s">
        <v>10</v>
      </c>
      <c r="H2784" s="1" t="s">
        <v>10</v>
      </c>
      <c r="I2784" s="1" t="s">
        <v>9126</v>
      </c>
      <c r="J2784" s="1" t="s">
        <v>9587</v>
      </c>
      <c r="K2784" s="1" t="s">
        <v>27</v>
      </c>
      <c r="L2784" s="1" t="s">
        <v>9585</v>
      </c>
      <c r="M2784" s="1" t="s">
        <v>5</v>
      </c>
      <c r="N2784" s="1" t="s">
        <v>6</v>
      </c>
      <c r="O2784" s="1" t="s">
        <v>38</v>
      </c>
      <c r="P2784" s="5" t="s">
        <v>10</v>
      </c>
    </row>
    <row r="2785" spans="1:16" x14ac:dyDescent="0.2">
      <c r="A2785" s="1" t="s">
        <v>10</v>
      </c>
      <c r="B2785" s="1" t="s">
        <v>10</v>
      </c>
      <c r="C2785" s="1" t="s">
        <v>9589</v>
      </c>
      <c r="D2785" s="1" t="s">
        <v>9590</v>
      </c>
      <c r="E2785" s="1"/>
      <c r="F2785" s="1" t="s">
        <v>10</v>
      </c>
      <c r="G2785" s="1" t="s">
        <v>10</v>
      </c>
      <c r="H2785" s="1" t="s">
        <v>10</v>
      </c>
      <c r="I2785" s="1" t="s">
        <v>9126</v>
      </c>
      <c r="J2785" s="1" t="s">
        <v>9134</v>
      </c>
      <c r="K2785" s="1" t="s">
        <v>27</v>
      </c>
      <c r="L2785" s="1" t="s">
        <v>9588</v>
      </c>
      <c r="M2785" s="1" t="s">
        <v>5</v>
      </c>
      <c r="N2785" s="1" t="s">
        <v>960</v>
      </c>
      <c r="O2785" s="1" t="s">
        <v>38</v>
      </c>
      <c r="P2785" s="5" t="s">
        <v>30076</v>
      </c>
    </row>
    <row r="2786" spans="1:16" ht="114.75" x14ac:dyDescent="0.2">
      <c r="A2786" s="1" t="s">
        <v>10</v>
      </c>
      <c r="B2786" s="1" t="s">
        <v>10</v>
      </c>
      <c r="C2786" s="1" t="s">
        <v>9592</v>
      </c>
      <c r="D2786" s="1" t="s">
        <v>9593</v>
      </c>
      <c r="E2786" s="1"/>
      <c r="F2786" s="1" t="s">
        <v>10</v>
      </c>
      <c r="G2786" s="1" t="s">
        <v>10</v>
      </c>
      <c r="H2786" s="1" t="s">
        <v>10</v>
      </c>
      <c r="I2786" s="1" t="s">
        <v>9126</v>
      </c>
      <c r="J2786" s="1" t="s">
        <v>9134</v>
      </c>
      <c r="K2786" s="1" t="s">
        <v>27</v>
      </c>
      <c r="L2786" s="1" t="s">
        <v>9591</v>
      </c>
      <c r="M2786" s="1" t="s">
        <v>5</v>
      </c>
      <c r="N2786" s="1" t="s">
        <v>25</v>
      </c>
      <c r="O2786" s="1" t="s">
        <v>38</v>
      </c>
      <c r="P2786" s="9" t="s">
        <v>31359</v>
      </c>
    </row>
    <row r="2787" spans="1:16" x14ac:dyDescent="0.2">
      <c r="A2787" s="1" t="s">
        <v>66</v>
      </c>
      <c r="B2787" s="1" t="s">
        <v>574</v>
      </c>
      <c r="C2787" s="1" t="s">
        <v>9595</v>
      </c>
      <c r="D2787" s="1" t="s">
        <v>9596</v>
      </c>
      <c r="E2787" s="1" t="s">
        <v>9597</v>
      </c>
      <c r="F2787" s="1" t="s">
        <v>27</v>
      </c>
      <c r="G2787" s="1" t="s">
        <v>10</v>
      </c>
      <c r="H2787" s="1" t="s">
        <v>905</v>
      </c>
      <c r="I2787" s="1" t="s">
        <v>9126</v>
      </c>
      <c r="J2787" s="1" t="s">
        <v>9248</v>
      </c>
      <c r="K2787" s="1" t="s">
        <v>27</v>
      </c>
      <c r="L2787" s="1" t="s">
        <v>9594</v>
      </c>
      <c r="M2787" s="1" t="s">
        <v>5</v>
      </c>
      <c r="N2787" s="1" t="s">
        <v>25</v>
      </c>
      <c r="O2787" s="1" t="s">
        <v>8</v>
      </c>
      <c r="P2787" s="5" t="s">
        <v>31358</v>
      </c>
    </row>
    <row r="2788" spans="1:16" x14ac:dyDescent="0.2">
      <c r="A2788" s="1" t="s">
        <v>20</v>
      </c>
      <c r="B2788" s="1" t="s">
        <v>132</v>
      </c>
      <c r="C2788" s="1" t="s">
        <v>9599</v>
      </c>
      <c r="D2788" s="1" t="s">
        <v>9599</v>
      </c>
      <c r="E2788" s="1" t="s">
        <v>9601</v>
      </c>
      <c r="F2788" s="1" t="s">
        <v>27</v>
      </c>
      <c r="G2788" s="1" t="s">
        <v>10</v>
      </c>
      <c r="H2788" s="1" t="s">
        <v>905</v>
      </c>
      <c r="I2788" s="1" t="s">
        <v>9126</v>
      </c>
      <c r="J2788" s="1" t="s">
        <v>9600</v>
      </c>
      <c r="K2788" s="1" t="s">
        <v>27</v>
      </c>
      <c r="L2788" s="1" t="s">
        <v>9598</v>
      </c>
      <c r="M2788" s="1" t="s">
        <v>5</v>
      </c>
      <c r="N2788" s="1" t="s">
        <v>25</v>
      </c>
      <c r="O2788" s="1" t="s">
        <v>8</v>
      </c>
      <c r="P2788" s="5" t="s">
        <v>31358</v>
      </c>
    </row>
    <row r="2789" spans="1:16" x14ac:dyDescent="0.2">
      <c r="A2789" s="1" t="s">
        <v>66</v>
      </c>
      <c r="B2789" s="1" t="s">
        <v>67</v>
      </c>
      <c r="C2789" s="1" t="s">
        <v>9603</v>
      </c>
      <c r="D2789" s="1" t="s">
        <v>9604</v>
      </c>
      <c r="E2789" s="1"/>
      <c r="F2789" s="1" t="s">
        <v>27</v>
      </c>
      <c r="G2789" s="1" t="s">
        <v>10</v>
      </c>
      <c r="H2789" s="1" t="s">
        <v>905</v>
      </c>
      <c r="I2789" s="1" t="s">
        <v>9126</v>
      </c>
      <c r="J2789" s="1" t="s">
        <v>9180</v>
      </c>
      <c r="K2789" s="1" t="s">
        <v>27</v>
      </c>
      <c r="L2789" s="1" t="s">
        <v>9602</v>
      </c>
      <c r="M2789" s="1" t="s">
        <v>5</v>
      </c>
      <c r="N2789" s="1" t="s">
        <v>25</v>
      </c>
      <c r="O2789" s="1" t="s">
        <v>8</v>
      </c>
      <c r="P2789" s="5" t="s">
        <v>30112</v>
      </c>
    </row>
    <row r="2790" spans="1:16" x14ac:dyDescent="0.2">
      <c r="A2790" s="1" t="s">
        <v>66</v>
      </c>
      <c r="B2790" s="1" t="s">
        <v>67</v>
      </c>
      <c r="C2790" s="1" t="s">
        <v>9606</v>
      </c>
      <c r="D2790" s="1" t="s">
        <v>9607</v>
      </c>
      <c r="E2790" s="1"/>
      <c r="F2790" s="1" t="s">
        <v>27</v>
      </c>
      <c r="G2790" s="1" t="s">
        <v>10</v>
      </c>
      <c r="H2790" s="1" t="s">
        <v>905</v>
      </c>
      <c r="I2790" s="1" t="s">
        <v>9126</v>
      </c>
      <c r="J2790" s="1" t="s">
        <v>9608</v>
      </c>
      <c r="K2790" s="1" t="s">
        <v>27</v>
      </c>
      <c r="L2790" s="1" t="s">
        <v>9605</v>
      </c>
      <c r="M2790" s="1" t="s">
        <v>5</v>
      </c>
      <c r="N2790" s="1" t="s">
        <v>25</v>
      </c>
      <c r="O2790" s="1" t="s">
        <v>8</v>
      </c>
      <c r="P2790" s="5" t="s">
        <v>30113</v>
      </c>
    </row>
    <row r="2791" spans="1:16" x14ac:dyDescent="0.2">
      <c r="A2791" s="1" t="s">
        <v>20</v>
      </c>
      <c r="B2791" s="1" t="s">
        <v>445</v>
      </c>
      <c r="C2791" s="1" t="s">
        <v>9610</v>
      </c>
      <c r="D2791" s="1" t="s">
        <v>9611</v>
      </c>
      <c r="E2791" s="1"/>
      <c r="F2791" s="1" t="s">
        <v>10</v>
      </c>
      <c r="G2791" s="1" t="s">
        <v>10</v>
      </c>
      <c r="H2791" s="1" t="s">
        <v>10</v>
      </c>
      <c r="I2791" s="1" t="s">
        <v>9126</v>
      </c>
      <c r="J2791" s="1" t="s">
        <v>9612</v>
      </c>
      <c r="K2791" s="1" t="s">
        <v>27</v>
      </c>
      <c r="L2791" s="1" t="s">
        <v>9609</v>
      </c>
      <c r="M2791" s="1" t="s">
        <v>5</v>
      </c>
      <c r="N2791" s="1" t="s">
        <v>1009</v>
      </c>
      <c r="O2791" s="1" t="s">
        <v>38</v>
      </c>
      <c r="P2791" s="5" t="s">
        <v>30114</v>
      </c>
    </row>
    <row r="2792" spans="1:16" x14ac:dyDescent="0.2">
      <c r="A2792" s="1" t="s">
        <v>20</v>
      </c>
      <c r="B2792" s="1" t="s">
        <v>21</v>
      </c>
      <c r="C2792" s="1" t="s">
        <v>9614</v>
      </c>
      <c r="D2792" s="1" t="s">
        <v>9615</v>
      </c>
      <c r="E2792" s="1" t="s">
        <v>9616</v>
      </c>
      <c r="F2792" s="1" t="s">
        <v>10</v>
      </c>
      <c r="G2792" s="1" t="s">
        <v>10</v>
      </c>
      <c r="H2792" s="1" t="s">
        <v>10</v>
      </c>
      <c r="I2792" s="1" t="s">
        <v>9126</v>
      </c>
      <c r="J2792" s="1" t="s">
        <v>64</v>
      </c>
      <c r="K2792" s="1" t="s">
        <v>64</v>
      </c>
      <c r="L2792" s="1" t="s">
        <v>9613</v>
      </c>
      <c r="M2792" s="1" t="s">
        <v>5</v>
      </c>
      <c r="N2792" s="1" t="s">
        <v>25</v>
      </c>
      <c r="O2792" s="1" t="s">
        <v>38</v>
      </c>
      <c r="P2792" s="5" t="s">
        <v>31360</v>
      </c>
    </row>
    <row r="2793" spans="1:16" x14ac:dyDescent="0.2">
      <c r="A2793" s="1" t="s">
        <v>10</v>
      </c>
      <c r="B2793" s="1" t="s">
        <v>10</v>
      </c>
      <c r="C2793" s="1" t="s">
        <v>9618</v>
      </c>
      <c r="D2793" s="1" t="s">
        <v>17</v>
      </c>
      <c r="E2793" s="1"/>
      <c r="F2793" s="1" t="s">
        <v>10</v>
      </c>
      <c r="G2793" s="1" t="s">
        <v>10</v>
      </c>
      <c r="H2793" s="1" t="s">
        <v>10</v>
      </c>
      <c r="I2793" s="1" t="s">
        <v>9126</v>
      </c>
      <c r="J2793" s="1" t="s">
        <v>9134</v>
      </c>
      <c r="K2793" s="1" t="s">
        <v>27</v>
      </c>
      <c r="L2793" s="1" t="s">
        <v>9617</v>
      </c>
      <c r="M2793" s="1" t="s">
        <v>5</v>
      </c>
      <c r="N2793" s="1" t="s">
        <v>960</v>
      </c>
      <c r="O2793" s="1" t="s">
        <v>38</v>
      </c>
      <c r="P2793" s="5" t="s">
        <v>30045</v>
      </c>
    </row>
    <row r="2794" spans="1:16" x14ac:dyDescent="0.2">
      <c r="A2794" s="1" t="s">
        <v>10</v>
      </c>
      <c r="B2794" s="1" t="s">
        <v>10</v>
      </c>
      <c r="C2794" s="1" t="s">
        <v>9620</v>
      </c>
      <c r="D2794" s="1" t="s">
        <v>9621</v>
      </c>
      <c r="E2794" s="1" t="s">
        <v>9622</v>
      </c>
      <c r="F2794" s="1" t="s">
        <v>10</v>
      </c>
      <c r="G2794" s="1" t="s">
        <v>10</v>
      </c>
      <c r="H2794" s="1" t="s">
        <v>10</v>
      </c>
      <c r="I2794" s="1" t="s">
        <v>9126</v>
      </c>
      <c r="J2794" s="1" t="s">
        <v>9134</v>
      </c>
      <c r="K2794" s="1" t="s">
        <v>27</v>
      </c>
      <c r="L2794" s="1" t="s">
        <v>9619</v>
      </c>
      <c r="M2794" s="1" t="s">
        <v>5</v>
      </c>
      <c r="N2794" s="1" t="s">
        <v>960</v>
      </c>
      <c r="O2794" s="1" t="s">
        <v>38</v>
      </c>
      <c r="P2794" s="5" t="s">
        <v>30078</v>
      </c>
    </row>
    <row r="2795" spans="1:16" x14ac:dyDescent="0.2">
      <c r="A2795" s="1" t="s">
        <v>10</v>
      </c>
      <c r="B2795" s="1" t="s">
        <v>10</v>
      </c>
      <c r="C2795" s="1" t="s">
        <v>9624</v>
      </c>
      <c r="D2795" s="1" t="s">
        <v>17</v>
      </c>
      <c r="E2795" s="1"/>
      <c r="F2795" s="1" t="s">
        <v>10</v>
      </c>
      <c r="G2795" s="1" t="s">
        <v>10</v>
      </c>
      <c r="H2795" s="1" t="s">
        <v>10</v>
      </c>
      <c r="I2795" s="1" t="s">
        <v>9126</v>
      </c>
      <c r="J2795" s="1" t="s">
        <v>9134</v>
      </c>
      <c r="K2795" s="1" t="s">
        <v>27</v>
      </c>
      <c r="L2795" s="1" t="s">
        <v>9623</v>
      </c>
      <c r="M2795" s="1" t="s">
        <v>5</v>
      </c>
      <c r="N2795" s="1" t="s">
        <v>960</v>
      </c>
      <c r="O2795" s="1" t="s">
        <v>38</v>
      </c>
      <c r="P2795" s="5" t="s">
        <v>30045</v>
      </c>
    </row>
    <row r="2796" spans="1:16" x14ac:dyDescent="0.2">
      <c r="A2796" s="1" t="s">
        <v>10</v>
      </c>
      <c r="B2796" s="1" t="s">
        <v>10</v>
      </c>
      <c r="C2796" s="1" t="s">
        <v>9626</v>
      </c>
      <c r="D2796" s="1" t="s">
        <v>9627</v>
      </c>
      <c r="E2796" s="1"/>
      <c r="F2796" s="1" t="s">
        <v>10</v>
      </c>
      <c r="G2796" s="1" t="s">
        <v>10</v>
      </c>
      <c r="H2796" s="1" t="s">
        <v>10</v>
      </c>
      <c r="I2796" s="1" t="s">
        <v>9126</v>
      </c>
      <c r="J2796" s="1" t="s">
        <v>9134</v>
      </c>
      <c r="K2796" s="1" t="s">
        <v>27</v>
      </c>
      <c r="L2796" s="1" t="s">
        <v>9625</v>
      </c>
      <c r="M2796" s="1" t="s">
        <v>5</v>
      </c>
      <c r="N2796" s="1" t="s">
        <v>960</v>
      </c>
      <c r="O2796" s="1" t="s">
        <v>38</v>
      </c>
      <c r="P2796" s="5" t="s">
        <v>30115</v>
      </c>
    </row>
    <row r="2797" spans="1:16" x14ac:dyDescent="0.2">
      <c r="A2797" s="1" t="s">
        <v>10</v>
      </c>
      <c r="B2797" s="1" t="s">
        <v>10</v>
      </c>
      <c r="C2797" s="1" t="s">
        <v>9629</v>
      </c>
      <c r="D2797" s="1" t="s">
        <v>9630</v>
      </c>
      <c r="E2797" s="1"/>
      <c r="F2797" s="1" t="s">
        <v>10</v>
      </c>
      <c r="G2797" s="1" t="s">
        <v>10</v>
      </c>
      <c r="H2797" s="1" t="s">
        <v>10</v>
      </c>
      <c r="I2797" s="1" t="s">
        <v>9126</v>
      </c>
      <c r="J2797" s="1" t="s">
        <v>9134</v>
      </c>
      <c r="K2797" s="1" t="s">
        <v>27</v>
      </c>
      <c r="L2797" s="1" t="s">
        <v>9628</v>
      </c>
      <c r="M2797" s="1" t="s">
        <v>5</v>
      </c>
      <c r="N2797" s="1" t="s">
        <v>960</v>
      </c>
      <c r="O2797" s="1" t="s">
        <v>38</v>
      </c>
      <c r="P2797" s="5" t="s">
        <v>10</v>
      </c>
    </row>
    <row r="2798" spans="1:16" x14ac:dyDescent="0.2">
      <c r="A2798" s="1" t="s">
        <v>20</v>
      </c>
      <c r="B2798" s="1" t="s">
        <v>445</v>
      </c>
      <c r="C2798" s="1" t="s">
        <v>9632</v>
      </c>
      <c r="D2798" s="1" t="s">
        <v>9633</v>
      </c>
      <c r="E2798" s="1"/>
      <c r="F2798" s="1" t="s">
        <v>10</v>
      </c>
      <c r="G2798" s="1" t="s">
        <v>10</v>
      </c>
      <c r="H2798" s="1" t="s">
        <v>10</v>
      </c>
      <c r="I2798" s="1" t="s">
        <v>9126</v>
      </c>
      <c r="J2798" s="1" t="s">
        <v>9134</v>
      </c>
      <c r="K2798" s="1" t="s">
        <v>27</v>
      </c>
      <c r="L2798" s="1" t="s">
        <v>9631</v>
      </c>
      <c r="M2798" s="1" t="s">
        <v>5</v>
      </c>
      <c r="N2798" s="1" t="s">
        <v>960</v>
      </c>
      <c r="O2798" s="1" t="s">
        <v>38</v>
      </c>
      <c r="P2798" s="5" t="s">
        <v>30116</v>
      </c>
    </row>
    <row r="2799" spans="1:16" ht="38.25" x14ac:dyDescent="0.2">
      <c r="A2799" s="1" t="s">
        <v>66</v>
      </c>
      <c r="B2799" s="1" t="s">
        <v>67</v>
      </c>
      <c r="C2799" s="1" t="s">
        <v>9635</v>
      </c>
      <c r="D2799" s="1" t="s">
        <v>9636</v>
      </c>
      <c r="E2799" s="1" t="s">
        <v>9638</v>
      </c>
      <c r="F2799" s="1" t="s">
        <v>10</v>
      </c>
      <c r="G2799" s="1" t="s">
        <v>10</v>
      </c>
      <c r="H2799" s="1" t="s">
        <v>10</v>
      </c>
      <c r="I2799" s="1" t="s">
        <v>9126</v>
      </c>
      <c r="J2799" s="1" t="s">
        <v>9637</v>
      </c>
      <c r="K2799" s="1" t="s">
        <v>27</v>
      </c>
      <c r="L2799" s="1" t="s">
        <v>9634</v>
      </c>
      <c r="M2799" s="1" t="s">
        <v>5</v>
      </c>
      <c r="N2799" s="1" t="s">
        <v>25</v>
      </c>
      <c r="O2799" s="1" t="s">
        <v>38</v>
      </c>
      <c r="P2799" s="9" t="s">
        <v>31361</v>
      </c>
    </row>
    <row r="2800" spans="1:16" x14ac:dyDescent="0.2">
      <c r="A2800" s="1" t="s">
        <v>20</v>
      </c>
      <c r="B2800" s="1" t="s">
        <v>253</v>
      </c>
      <c r="C2800" s="1" t="s">
        <v>9640</v>
      </c>
      <c r="D2800" s="1" t="s">
        <v>9641</v>
      </c>
      <c r="E2800" s="1"/>
      <c r="F2800" s="1" t="s">
        <v>10</v>
      </c>
      <c r="G2800" s="1" t="s">
        <v>10</v>
      </c>
      <c r="H2800" s="1" t="s">
        <v>10</v>
      </c>
      <c r="I2800" s="1" t="s">
        <v>9126</v>
      </c>
      <c r="J2800" s="1" t="s">
        <v>9642</v>
      </c>
      <c r="K2800" s="1" t="s">
        <v>27</v>
      </c>
      <c r="L2800" s="1" t="s">
        <v>9639</v>
      </c>
      <c r="M2800" s="1" t="s">
        <v>5</v>
      </c>
      <c r="N2800" s="1" t="s">
        <v>25</v>
      </c>
      <c r="O2800" s="1" t="s">
        <v>38</v>
      </c>
      <c r="P2800" s="5" t="s">
        <v>30117</v>
      </c>
    </row>
    <row r="2801" spans="1:16" x14ac:dyDescent="0.2">
      <c r="A2801" s="1" t="s">
        <v>66</v>
      </c>
      <c r="B2801" s="1" t="s">
        <v>1127</v>
      </c>
      <c r="C2801" s="1" t="s">
        <v>9644</v>
      </c>
      <c r="D2801" s="1" t="s">
        <v>9645</v>
      </c>
      <c r="E2801" s="1" t="s">
        <v>9646</v>
      </c>
      <c r="F2801" s="1" t="s">
        <v>10</v>
      </c>
      <c r="G2801" s="1" t="s">
        <v>10</v>
      </c>
      <c r="H2801" s="1" t="s">
        <v>10</v>
      </c>
      <c r="I2801" s="1" t="s">
        <v>9126</v>
      </c>
      <c r="J2801" s="1" t="s">
        <v>154</v>
      </c>
      <c r="K2801" s="1" t="s">
        <v>27</v>
      </c>
      <c r="L2801" s="1" t="s">
        <v>9643</v>
      </c>
      <c r="M2801" s="1" t="s">
        <v>5</v>
      </c>
      <c r="N2801" s="1" t="s">
        <v>6</v>
      </c>
      <c r="O2801" s="1" t="s">
        <v>38</v>
      </c>
      <c r="P2801" s="5" t="s">
        <v>30118</v>
      </c>
    </row>
    <row r="2802" spans="1:16" x14ac:dyDescent="0.2">
      <c r="A2802" s="1" t="s">
        <v>20</v>
      </c>
      <c r="B2802" s="1" t="s">
        <v>1047</v>
      </c>
      <c r="C2802" s="1" t="s">
        <v>9648</v>
      </c>
      <c r="D2802" s="1" t="s">
        <v>9649</v>
      </c>
      <c r="E2802" s="1" t="s">
        <v>9650</v>
      </c>
      <c r="F2802" s="1" t="s">
        <v>10</v>
      </c>
      <c r="G2802" s="1" t="s">
        <v>10</v>
      </c>
      <c r="H2802" s="1" t="s">
        <v>10</v>
      </c>
      <c r="I2802" s="1" t="s">
        <v>9126</v>
      </c>
      <c r="J2802" s="1" t="s">
        <v>9495</v>
      </c>
      <c r="K2802" s="1" t="s">
        <v>27</v>
      </c>
      <c r="L2802" s="1" t="s">
        <v>9647</v>
      </c>
      <c r="M2802" s="1" t="s">
        <v>5</v>
      </c>
      <c r="N2802" s="1" t="s">
        <v>25</v>
      </c>
      <c r="O2802" s="1" t="s">
        <v>38</v>
      </c>
      <c r="P2802" s="5" t="s">
        <v>30119</v>
      </c>
    </row>
    <row r="2803" spans="1:16" x14ac:dyDescent="0.2">
      <c r="A2803" s="1" t="s">
        <v>20</v>
      </c>
      <c r="B2803" s="1" t="s">
        <v>445</v>
      </c>
      <c r="C2803" s="1" t="s">
        <v>9654</v>
      </c>
      <c r="D2803" s="1" t="s">
        <v>9655</v>
      </c>
      <c r="E2803" s="1"/>
      <c r="F2803" s="1" t="s">
        <v>10</v>
      </c>
      <c r="G2803" s="1" t="s">
        <v>10</v>
      </c>
      <c r="H2803" s="1" t="s">
        <v>10</v>
      </c>
      <c r="I2803" s="1" t="s">
        <v>9126</v>
      </c>
      <c r="J2803" s="1" t="s">
        <v>9656</v>
      </c>
      <c r="K2803" s="1" t="s">
        <v>27</v>
      </c>
      <c r="L2803" s="1" t="s">
        <v>9653</v>
      </c>
      <c r="M2803" s="1" t="s">
        <v>5</v>
      </c>
      <c r="N2803" s="1" t="s">
        <v>25</v>
      </c>
      <c r="O2803" s="1" t="s">
        <v>38</v>
      </c>
      <c r="P2803" s="5" t="s">
        <v>30120</v>
      </c>
    </row>
    <row r="2804" spans="1:16" x14ac:dyDescent="0.2">
      <c r="A2804" s="1" t="s">
        <v>42</v>
      </c>
      <c r="B2804" s="1" t="s">
        <v>118</v>
      </c>
      <c r="C2804" s="1" t="s">
        <v>9658</v>
      </c>
      <c r="D2804" s="1" t="s">
        <v>9659</v>
      </c>
      <c r="E2804" s="1" t="s">
        <v>9662</v>
      </c>
      <c r="F2804" s="1" t="s">
        <v>10</v>
      </c>
      <c r="G2804" s="1" t="s">
        <v>10</v>
      </c>
      <c r="H2804" s="1" t="s">
        <v>10</v>
      </c>
      <c r="I2804" s="1" t="s">
        <v>9126</v>
      </c>
      <c r="J2804" s="1" t="s">
        <v>9661</v>
      </c>
      <c r="K2804" s="1" t="s">
        <v>9660</v>
      </c>
      <c r="L2804" s="1" t="s">
        <v>9657</v>
      </c>
      <c r="M2804" s="1" t="s">
        <v>5</v>
      </c>
      <c r="N2804" s="1" t="s">
        <v>25</v>
      </c>
      <c r="O2804" s="1" t="s">
        <v>38</v>
      </c>
      <c r="P2804" s="5" t="s">
        <v>30121</v>
      </c>
    </row>
    <row r="2805" spans="1:16" x14ac:dyDescent="0.2">
      <c r="A2805" s="1" t="s">
        <v>1385</v>
      </c>
      <c r="B2805" s="1" t="s">
        <v>1490</v>
      </c>
      <c r="C2805" s="1" t="s">
        <v>9666</v>
      </c>
      <c r="D2805" s="1" t="s">
        <v>9667</v>
      </c>
      <c r="E2805" s="1"/>
      <c r="F2805" s="1" t="s">
        <v>10</v>
      </c>
      <c r="G2805" s="1" t="s">
        <v>10</v>
      </c>
      <c r="H2805" s="1" t="s">
        <v>10</v>
      </c>
      <c r="I2805" s="1" t="s">
        <v>9126</v>
      </c>
      <c r="J2805" s="1" t="s">
        <v>9668</v>
      </c>
      <c r="K2805" s="1" t="s">
        <v>64</v>
      </c>
      <c r="L2805" s="1" t="s">
        <v>9665</v>
      </c>
      <c r="M2805" s="1" t="s">
        <v>5</v>
      </c>
      <c r="N2805" s="1" t="s">
        <v>25</v>
      </c>
      <c r="O2805" s="1" t="s">
        <v>38</v>
      </c>
      <c r="P2805" s="5" t="s">
        <v>30122</v>
      </c>
    </row>
    <row r="2806" spans="1:16" x14ac:dyDescent="0.2">
      <c r="A2806" s="1" t="s">
        <v>66</v>
      </c>
      <c r="B2806" s="1" t="s">
        <v>574</v>
      </c>
      <c r="C2806" s="1" t="s">
        <v>9670</v>
      </c>
      <c r="D2806" s="1" t="s">
        <v>9671</v>
      </c>
      <c r="E2806" s="1" t="s">
        <v>9673</v>
      </c>
      <c r="F2806" s="1" t="s">
        <v>27</v>
      </c>
      <c r="G2806" s="1" t="s">
        <v>10</v>
      </c>
      <c r="H2806" s="1" t="s">
        <v>905</v>
      </c>
      <c r="I2806" s="1" t="s">
        <v>9126</v>
      </c>
      <c r="J2806" s="1" t="s">
        <v>9672</v>
      </c>
      <c r="K2806" s="1" t="s">
        <v>27</v>
      </c>
      <c r="L2806" s="1" t="s">
        <v>9669</v>
      </c>
      <c r="M2806" s="1" t="s">
        <v>5</v>
      </c>
      <c r="N2806" s="1" t="s">
        <v>25</v>
      </c>
      <c r="O2806" s="1" t="s">
        <v>8</v>
      </c>
      <c r="P2806" s="5" t="s">
        <v>30123</v>
      </c>
    </row>
    <row r="2807" spans="1:16" x14ac:dyDescent="0.2">
      <c r="A2807" s="1" t="s">
        <v>66</v>
      </c>
      <c r="B2807" s="1" t="s">
        <v>1117</v>
      </c>
      <c r="C2807" s="1" t="s">
        <v>9675</v>
      </c>
      <c r="D2807" s="1" t="s">
        <v>9676</v>
      </c>
      <c r="E2807" s="1"/>
      <c r="F2807" s="1" t="s">
        <v>27</v>
      </c>
      <c r="G2807" s="1" t="s">
        <v>10</v>
      </c>
      <c r="H2807" s="1" t="s">
        <v>905</v>
      </c>
      <c r="I2807" s="1" t="s">
        <v>9126</v>
      </c>
      <c r="J2807" s="1" t="s">
        <v>9677</v>
      </c>
      <c r="K2807" s="1" t="s">
        <v>27</v>
      </c>
      <c r="L2807" s="1" t="s">
        <v>9674</v>
      </c>
      <c r="M2807" s="1" t="s">
        <v>5</v>
      </c>
      <c r="N2807" s="1" t="s">
        <v>25</v>
      </c>
      <c r="O2807" s="1" t="s">
        <v>8</v>
      </c>
      <c r="P2807" s="5" t="s">
        <v>31358</v>
      </c>
    </row>
    <row r="2808" spans="1:16" x14ac:dyDescent="0.2">
      <c r="A2808" s="1" t="s">
        <v>66</v>
      </c>
      <c r="B2808" s="1" t="s">
        <v>1117</v>
      </c>
      <c r="C2808" s="1" t="s">
        <v>9679</v>
      </c>
      <c r="D2808" s="1" t="s">
        <v>9680</v>
      </c>
      <c r="E2808" s="1" t="s">
        <v>9681</v>
      </c>
      <c r="F2808" s="1" t="s">
        <v>10</v>
      </c>
      <c r="G2808" s="1" t="s">
        <v>10</v>
      </c>
      <c r="H2808" s="1" t="s">
        <v>10</v>
      </c>
      <c r="I2808" s="1" t="s">
        <v>9126</v>
      </c>
      <c r="J2808" s="1" t="s">
        <v>9642</v>
      </c>
      <c r="K2808" s="1" t="s">
        <v>27</v>
      </c>
      <c r="L2808" s="1" t="s">
        <v>9678</v>
      </c>
      <c r="M2808" s="1" t="s">
        <v>5</v>
      </c>
      <c r="N2808" s="1" t="s">
        <v>25</v>
      </c>
      <c r="O2808" s="1" t="s">
        <v>38</v>
      </c>
      <c r="P2808" s="5" t="s">
        <v>30124</v>
      </c>
    </row>
    <row r="2809" spans="1:16" x14ac:dyDescent="0.2">
      <c r="A2809" s="1" t="s">
        <v>66</v>
      </c>
      <c r="B2809" s="1" t="s">
        <v>574</v>
      </c>
      <c r="C2809" s="1" t="s">
        <v>9683</v>
      </c>
      <c r="D2809" s="1" t="s">
        <v>9684</v>
      </c>
      <c r="E2809" s="1" t="s">
        <v>9685</v>
      </c>
      <c r="F2809" s="1" t="s">
        <v>10</v>
      </c>
      <c r="G2809" s="1" t="s">
        <v>10</v>
      </c>
      <c r="H2809" s="1" t="s">
        <v>10</v>
      </c>
      <c r="I2809" s="1" t="s">
        <v>9126</v>
      </c>
      <c r="J2809" s="1" t="s">
        <v>9129</v>
      </c>
      <c r="K2809" s="1" t="s">
        <v>27</v>
      </c>
      <c r="L2809" s="1" t="s">
        <v>9682</v>
      </c>
      <c r="M2809" s="1" t="s">
        <v>5</v>
      </c>
      <c r="N2809" s="1" t="s">
        <v>10</v>
      </c>
      <c r="O2809" s="1" t="s">
        <v>38</v>
      </c>
      <c r="P2809" s="5" t="s">
        <v>31362</v>
      </c>
    </row>
    <row r="2810" spans="1:16" x14ac:dyDescent="0.2">
      <c r="A2810" s="1" t="s">
        <v>20</v>
      </c>
      <c r="B2810" s="1" t="s">
        <v>253</v>
      </c>
      <c r="C2810" s="1" t="s">
        <v>9687</v>
      </c>
      <c r="D2810" s="1" t="s">
        <v>1040</v>
      </c>
      <c r="E2810" s="1"/>
      <c r="F2810" s="1" t="s">
        <v>27</v>
      </c>
      <c r="G2810" s="1" t="s">
        <v>10</v>
      </c>
      <c r="H2810" s="1" t="s">
        <v>9688</v>
      </c>
      <c r="I2810" s="1" t="s">
        <v>9126</v>
      </c>
      <c r="J2810" s="1" t="s">
        <v>130</v>
      </c>
      <c r="K2810" s="1" t="s">
        <v>27</v>
      </c>
      <c r="L2810" s="1" t="s">
        <v>9686</v>
      </c>
      <c r="M2810" s="1" t="s">
        <v>5</v>
      </c>
      <c r="N2810" s="1" t="s">
        <v>1009</v>
      </c>
      <c r="O2810" s="1" t="s">
        <v>8</v>
      </c>
      <c r="P2810" s="5" t="s">
        <v>30125</v>
      </c>
    </row>
    <row r="2811" spans="1:16" ht="63.75" x14ac:dyDescent="0.2">
      <c r="A2811" s="1" t="s">
        <v>20</v>
      </c>
      <c r="B2811" s="1" t="s">
        <v>253</v>
      </c>
      <c r="C2811" s="1" t="s">
        <v>9690</v>
      </c>
      <c r="D2811" s="1" t="s">
        <v>9691</v>
      </c>
      <c r="E2811" s="1"/>
      <c r="F2811" s="1" t="s">
        <v>10</v>
      </c>
      <c r="G2811" s="1" t="s">
        <v>10</v>
      </c>
      <c r="H2811" s="1" t="s">
        <v>10</v>
      </c>
      <c r="I2811" s="1" t="s">
        <v>9126</v>
      </c>
      <c r="J2811" s="1" t="s">
        <v>9692</v>
      </c>
      <c r="K2811" s="1" t="s">
        <v>27</v>
      </c>
      <c r="L2811" s="1" t="s">
        <v>9689</v>
      </c>
      <c r="M2811" s="1" t="s">
        <v>5</v>
      </c>
      <c r="N2811" s="1" t="s">
        <v>25</v>
      </c>
      <c r="O2811" s="1" t="s">
        <v>38</v>
      </c>
      <c r="P2811" s="9" t="s">
        <v>31363</v>
      </c>
    </row>
    <row r="2812" spans="1:16" x14ac:dyDescent="0.2">
      <c r="A2812" s="1" t="s">
        <v>32</v>
      </c>
      <c r="B2812" s="1" t="s">
        <v>1163</v>
      </c>
      <c r="C2812" s="1" t="s">
        <v>9694</v>
      </c>
      <c r="D2812" s="1" t="s">
        <v>9694</v>
      </c>
      <c r="E2812" s="1" t="s">
        <v>9695</v>
      </c>
      <c r="F2812" s="1" t="s">
        <v>10</v>
      </c>
      <c r="G2812" s="1" t="s">
        <v>10</v>
      </c>
      <c r="H2812" s="1" t="s">
        <v>10</v>
      </c>
      <c r="I2812" s="1" t="s">
        <v>9126</v>
      </c>
      <c r="J2812" s="1" t="s">
        <v>64</v>
      </c>
      <c r="K2812" s="1" t="s">
        <v>64</v>
      </c>
      <c r="L2812" s="1" t="s">
        <v>9693</v>
      </c>
      <c r="M2812" s="1" t="s">
        <v>5</v>
      </c>
      <c r="N2812" s="1" t="s">
        <v>6</v>
      </c>
      <c r="O2812" s="1" t="s">
        <v>38</v>
      </c>
      <c r="P2812" s="5" t="s">
        <v>31364</v>
      </c>
    </row>
    <row r="2813" spans="1:16" ht="216.75" x14ac:dyDescent="0.2">
      <c r="A2813" s="1" t="s">
        <v>20</v>
      </c>
      <c r="B2813" s="1" t="s">
        <v>445</v>
      </c>
      <c r="C2813" s="1" t="s">
        <v>9697</v>
      </c>
      <c r="D2813" s="1" t="s">
        <v>9698</v>
      </c>
      <c r="E2813" s="1"/>
      <c r="F2813" s="1" t="s">
        <v>10</v>
      </c>
      <c r="G2813" s="1" t="s">
        <v>10</v>
      </c>
      <c r="H2813" s="1" t="s">
        <v>10</v>
      </c>
      <c r="I2813" s="1" t="s">
        <v>9126</v>
      </c>
      <c r="J2813" s="1" t="s">
        <v>9245</v>
      </c>
      <c r="K2813" s="1" t="s">
        <v>27</v>
      </c>
      <c r="L2813" s="1" t="s">
        <v>9696</v>
      </c>
      <c r="M2813" s="1" t="s">
        <v>5</v>
      </c>
      <c r="N2813" s="1" t="s">
        <v>25</v>
      </c>
      <c r="O2813" s="1" t="s">
        <v>38</v>
      </c>
      <c r="P2813" s="9" t="s">
        <v>31365</v>
      </c>
    </row>
    <row r="2814" spans="1:16" x14ac:dyDescent="0.2">
      <c r="A2814" s="1" t="s">
        <v>20</v>
      </c>
      <c r="B2814" s="1" t="s">
        <v>253</v>
      </c>
      <c r="C2814" s="1" t="s">
        <v>9700</v>
      </c>
      <c r="D2814" s="1" t="s">
        <v>9701</v>
      </c>
      <c r="E2814" s="1"/>
      <c r="F2814" s="1" t="s">
        <v>10</v>
      </c>
      <c r="G2814" s="1" t="s">
        <v>10</v>
      </c>
      <c r="H2814" s="1" t="s">
        <v>10</v>
      </c>
      <c r="I2814" s="1" t="s">
        <v>9126</v>
      </c>
      <c r="J2814" s="1" t="s">
        <v>9180</v>
      </c>
      <c r="K2814" s="1" t="s">
        <v>27</v>
      </c>
      <c r="L2814" s="1" t="s">
        <v>9699</v>
      </c>
      <c r="M2814" s="1" t="s">
        <v>5</v>
      </c>
      <c r="N2814" s="1" t="s">
        <v>25</v>
      </c>
      <c r="O2814" s="1" t="s">
        <v>38</v>
      </c>
      <c r="P2814" s="5" t="s">
        <v>30126</v>
      </c>
    </row>
    <row r="2815" spans="1:16" x14ac:dyDescent="0.2">
      <c r="A2815" s="1" t="s">
        <v>20</v>
      </c>
      <c r="B2815" s="1" t="s">
        <v>445</v>
      </c>
      <c r="C2815" s="1" t="s">
        <v>9703</v>
      </c>
      <c r="D2815" s="1" t="s">
        <v>9704</v>
      </c>
      <c r="E2815" s="1" t="s">
        <v>9706</v>
      </c>
      <c r="F2815" s="1" t="s">
        <v>10</v>
      </c>
      <c r="G2815" s="1" t="s">
        <v>10</v>
      </c>
      <c r="H2815" s="1" t="s">
        <v>10</v>
      </c>
      <c r="I2815" s="1" t="s">
        <v>9126</v>
      </c>
      <c r="J2815" s="1" t="s">
        <v>9705</v>
      </c>
      <c r="K2815" s="1" t="s">
        <v>27</v>
      </c>
      <c r="L2815" s="1" t="s">
        <v>9702</v>
      </c>
      <c r="M2815" s="1" t="s">
        <v>5</v>
      </c>
      <c r="N2815" s="1" t="s">
        <v>25</v>
      </c>
      <c r="O2815" s="1" t="s">
        <v>38</v>
      </c>
      <c r="P2815" s="5" t="s">
        <v>30127</v>
      </c>
    </row>
    <row r="2816" spans="1:16" x14ac:dyDescent="0.2">
      <c r="A2816" s="1" t="s">
        <v>10</v>
      </c>
      <c r="B2816" s="1" t="s">
        <v>10</v>
      </c>
      <c r="C2816" s="1" t="s">
        <v>9708</v>
      </c>
      <c r="D2816" s="1" t="s">
        <v>9709</v>
      </c>
      <c r="E2816" s="1"/>
      <c r="F2816" s="1" t="s">
        <v>10</v>
      </c>
      <c r="G2816" s="1" t="s">
        <v>10</v>
      </c>
      <c r="H2816" s="1" t="s">
        <v>10</v>
      </c>
      <c r="I2816" s="1" t="s">
        <v>9126</v>
      </c>
      <c r="J2816" s="1" t="s">
        <v>9134</v>
      </c>
      <c r="K2816" s="1" t="s">
        <v>27</v>
      </c>
      <c r="L2816" s="1" t="s">
        <v>9707</v>
      </c>
      <c r="M2816" s="1" t="s">
        <v>5</v>
      </c>
      <c r="N2816" s="1" t="s">
        <v>960</v>
      </c>
      <c r="O2816" s="1" t="s">
        <v>38</v>
      </c>
      <c r="P2816" s="5" t="s">
        <v>30128</v>
      </c>
    </row>
    <row r="2817" spans="1:16" x14ac:dyDescent="0.2">
      <c r="A2817" s="1" t="s">
        <v>20</v>
      </c>
      <c r="B2817" s="1" t="s">
        <v>253</v>
      </c>
      <c r="C2817" s="1" t="s">
        <v>9711</v>
      </c>
      <c r="D2817" s="1" t="s">
        <v>9712</v>
      </c>
      <c r="E2817" s="1"/>
      <c r="F2817" s="1" t="s">
        <v>10</v>
      </c>
      <c r="G2817" s="1" t="s">
        <v>10</v>
      </c>
      <c r="H2817" s="1" t="s">
        <v>10</v>
      </c>
      <c r="I2817" s="1" t="s">
        <v>9126</v>
      </c>
      <c r="J2817" s="1" t="s">
        <v>9504</v>
      </c>
      <c r="K2817" s="1" t="s">
        <v>27</v>
      </c>
      <c r="L2817" s="1" t="s">
        <v>9710</v>
      </c>
      <c r="M2817" s="1" t="s">
        <v>5</v>
      </c>
      <c r="N2817" s="1" t="s">
        <v>1009</v>
      </c>
      <c r="O2817" s="1" t="s">
        <v>38</v>
      </c>
      <c r="P2817" s="5" t="s">
        <v>30129</v>
      </c>
    </row>
    <row r="2818" spans="1:16" x14ac:dyDescent="0.2">
      <c r="A2818" s="1" t="s">
        <v>42</v>
      </c>
      <c r="B2818" s="1" t="s">
        <v>966</v>
      </c>
      <c r="C2818" s="1" t="s">
        <v>968</v>
      </c>
      <c r="D2818" s="1" t="s">
        <v>968</v>
      </c>
      <c r="E2818" s="1"/>
      <c r="F2818" s="1" t="s">
        <v>27</v>
      </c>
      <c r="G2818" s="1" t="s">
        <v>10</v>
      </c>
      <c r="H2818" s="1" t="s">
        <v>968</v>
      </c>
      <c r="I2818" s="1" t="s">
        <v>9126</v>
      </c>
      <c r="J2818" s="1" t="s">
        <v>9714</v>
      </c>
      <c r="K2818" s="1" t="s">
        <v>27</v>
      </c>
      <c r="L2818" s="1" t="s">
        <v>9713</v>
      </c>
      <c r="M2818" s="1" t="s">
        <v>5</v>
      </c>
      <c r="N2818" s="1" t="s">
        <v>25</v>
      </c>
      <c r="O2818" s="1" t="s">
        <v>8</v>
      </c>
      <c r="P2818" s="5" t="s">
        <v>30130</v>
      </c>
    </row>
    <row r="2819" spans="1:16" x14ac:dyDescent="0.2">
      <c r="A2819" s="1" t="s">
        <v>42</v>
      </c>
      <c r="B2819" s="1" t="s">
        <v>50</v>
      </c>
      <c r="C2819" s="1" t="s">
        <v>9716</v>
      </c>
      <c r="D2819" s="1" t="s">
        <v>9717</v>
      </c>
      <c r="E2819" s="1"/>
      <c r="F2819" s="1" t="s">
        <v>414</v>
      </c>
      <c r="G2819" s="1" t="s">
        <v>991</v>
      </c>
      <c r="H2819" s="1" t="s">
        <v>9438</v>
      </c>
      <c r="I2819" s="1" t="s">
        <v>9126</v>
      </c>
      <c r="J2819" s="1" t="s">
        <v>47</v>
      </c>
      <c r="K2819" s="1" t="s">
        <v>7902</v>
      </c>
      <c r="L2819" s="1" t="s">
        <v>9715</v>
      </c>
      <c r="M2819" s="1" t="s">
        <v>5</v>
      </c>
      <c r="N2819" s="1" t="s">
        <v>25</v>
      </c>
      <c r="O2819" s="1" t="s">
        <v>8</v>
      </c>
      <c r="P2819" s="5" t="s">
        <v>30131</v>
      </c>
    </row>
    <row r="2820" spans="1:16" x14ac:dyDescent="0.2">
      <c r="A2820" s="1" t="s">
        <v>66</v>
      </c>
      <c r="B2820" s="1" t="s">
        <v>574</v>
      </c>
      <c r="C2820" s="1" t="s">
        <v>9719</v>
      </c>
      <c r="D2820" s="1" t="s">
        <v>3059</v>
      </c>
      <c r="E2820" s="1"/>
      <c r="F2820" s="1" t="s">
        <v>10</v>
      </c>
      <c r="G2820" s="1" t="s">
        <v>10</v>
      </c>
      <c r="H2820" s="1" t="s">
        <v>10</v>
      </c>
      <c r="I2820" s="1" t="s">
        <v>9126</v>
      </c>
      <c r="J2820" s="1" t="s">
        <v>9134</v>
      </c>
      <c r="K2820" s="1" t="s">
        <v>27</v>
      </c>
      <c r="L2820" s="1" t="s">
        <v>9718</v>
      </c>
      <c r="M2820" s="1" t="s">
        <v>5</v>
      </c>
      <c r="N2820" s="1" t="s">
        <v>960</v>
      </c>
      <c r="O2820" s="1" t="s">
        <v>38</v>
      </c>
      <c r="P2820" s="5" t="s">
        <v>30132</v>
      </c>
    </row>
    <row r="2821" spans="1:16" x14ac:dyDescent="0.2">
      <c r="A2821" s="1" t="s">
        <v>66</v>
      </c>
      <c r="B2821" s="1" t="s">
        <v>574</v>
      </c>
      <c r="C2821" s="1" t="s">
        <v>9721</v>
      </c>
      <c r="D2821" s="1" t="s">
        <v>1784</v>
      </c>
      <c r="E2821" s="1" t="s">
        <v>9723</v>
      </c>
      <c r="F2821" s="1" t="s">
        <v>10</v>
      </c>
      <c r="G2821" s="1" t="s">
        <v>10</v>
      </c>
      <c r="H2821" s="1" t="s">
        <v>10</v>
      </c>
      <c r="I2821" s="1" t="s">
        <v>9126</v>
      </c>
      <c r="J2821" s="1" t="s">
        <v>9722</v>
      </c>
      <c r="K2821" s="1" t="s">
        <v>27</v>
      </c>
      <c r="L2821" s="1" t="s">
        <v>9720</v>
      </c>
      <c r="M2821" s="1" t="s">
        <v>5</v>
      </c>
      <c r="N2821" s="1" t="s">
        <v>25</v>
      </c>
      <c r="O2821" s="1" t="s">
        <v>38</v>
      </c>
      <c r="P2821" s="5" t="s">
        <v>30066</v>
      </c>
    </row>
    <row r="2822" spans="1:16" x14ac:dyDescent="0.2">
      <c r="A2822" s="1" t="s">
        <v>20</v>
      </c>
      <c r="B2822" s="1" t="s">
        <v>253</v>
      </c>
      <c r="C2822" s="1" t="s">
        <v>9725</v>
      </c>
      <c r="D2822" s="1" t="s">
        <v>9726</v>
      </c>
      <c r="E2822" s="1"/>
      <c r="F2822" s="1" t="s">
        <v>10</v>
      </c>
      <c r="G2822" s="1" t="s">
        <v>10</v>
      </c>
      <c r="H2822" s="1" t="s">
        <v>10</v>
      </c>
      <c r="I2822" s="1" t="s">
        <v>9126</v>
      </c>
      <c r="J2822" s="1" t="s">
        <v>9642</v>
      </c>
      <c r="K2822" s="1" t="s">
        <v>27</v>
      </c>
      <c r="L2822" s="1" t="s">
        <v>9724</v>
      </c>
      <c r="M2822" s="1" t="s">
        <v>5</v>
      </c>
      <c r="N2822" s="1" t="s">
        <v>6</v>
      </c>
      <c r="O2822" s="1" t="s">
        <v>38</v>
      </c>
      <c r="P2822" s="5" t="s">
        <v>30133</v>
      </c>
    </row>
    <row r="2823" spans="1:16" x14ac:dyDescent="0.2">
      <c r="A2823" s="1" t="s">
        <v>66</v>
      </c>
      <c r="B2823" s="1" t="s">
        <v>1127</v>
      </c>
      <c r="C2823" s="1" t="s">
        <v>9728</v>
      </c>
      <c r="D2823" s="1" t="s">
        <v>9729</v>
      </c>
      <c r="E2823" s="1"/>
      <c r="F2823" s="1" t="s">
        <v>10</v>
      </c>
      <c r="G2823" s="1" t="s">
        <v>10</v>
      </c>
      <c r="H2823" s="1" t="s">
        <v>10</v>
      </c>
      <c r="I2823" s="1" t="s">
        <v>9126</v>
      </c>
      <c r="J2823" s="1" t="s">
        <v>9504</v>
      </c>
      <c r="K2823" s="1" t="s">
        <v>27</v>
      </c>
      <c r="L2823" s="1" t="s">
        <v>9727</v>
      </c>
      <c r="M2823" s="1" t="s">
        <v>5</v>
      </c>
      <c r="N2823" s="1" t="s">
        <v>25</v>
      </c>
      <c r="O2823" s="1" t="s">
        <v>38</v>
      </c>
      <c r="P2823" s="5" t="s">
        <v>30134</v>
      </c>
    </row>
    <row r="2824" spans="1:16" x14ac:dyDescent="0.2">
      <c r="A2824" s="1" t="s">
        <v>20</v>
      </c>
      <c r="B2824" s="1" t="s">
        <v>1047</v>
      </c>
      <c r="C2824" s="1" t="s">
        <v>9731</v>
      </c>
      <c r="D2824" s="1" t="s">
        <v>9651</v>
      </c>
      <c r="E2824" s="1"/>
      <c r="F2824" s="1" t="s">
        <v>1640</v>
      </c>
      <c r="G2824" s="1" t="s">
        <v>10</v>
      </c>
      <c r="H2824" s="1" t="s">
        <v>10</v>
      </c>
      <c r="I2824" s="1" t="s">
        <v>9126</v>
      </c>
      <c r="J2824" s="1" t="s">
        <v>9732</v>
      </c>
      <c r="K2824" s="1" t="s">
        <v>27</v>
      </c>
      <c r="L2824" s="1" t="s">
        <v>9730</v>
      </c>
      <c r="M2824" s="1" t="s">
        <v>5</v>
      </c>
      <c r="N2824" s="1" t="s">
        <v>25</v>
      </c>
      <c r="O2824" s="1" t="s">
        <v>8</v>
      </c>
      <c r="P2824" s="5" t="s">
        <v>30135</v>
      </c>
    </row>
    <row r="2825" spans="1:16" x14ac:dyDescent="0.2">
      <c r="A2825" s="1" t="s">
        <v>66</v>
      </c>
      <c r="B2825" s="1" t="s">
        <v>574</v>
      </c>
      <c r="C2825" s="1" t="s">
        <v>9734</v>
      </c>
      <c r="D2825" s="1" t="s">
        <v>9735</v>
      </c>
      <c r="E2825" s="1"/>
      <c r="F2825" s="1" t="s">
        <v>27</v>
      </c>
      <c r="G2825" s="1" t="s">
        <v>10</v>
      </c>
      <c r="H2825" s="1" t="s">
        <v>9487</v>
      </c>
      <c r="I2825" s="1" t="s">
        <v>9126</v>
      </c>
      <c r="J2825" s="1" t="s">
        <v>9736</v>
      </c>
      <c r="K2825" s="1" t="s">
        <v>64</v>
      </c>
      <c r="L2825" s="1" t="s">
        <v>9733</v>
      </c>
      <c r="M2825" s="1" t="s">
        <v>5</v>
      </c>
      <c r="N2825" s="1" t="s">
        <v>6</v>
      </c>
      <c r="O2825" s="1" t="s">
        <v>8</v>
      </c>
      <c r="P2825" s="5" t="s">
        <v>30136</v>
      </c>
    </row>
    <row r="2826" spans="1:16" x14ac:dyDescent="0.2">
      <c r="A2826" s="1" t="s">
        <v>20</v>
      </c>
      <c r="B2826" s="1" t="s">
        <v>172</v>
      </c>
      <c r="C2826" s="1" t="s">
        <v>9738</v>
      </c>
      <c r="D2826" s="1" t="s">
        <v>9739</v>
      </c>
      <c r="E2826" s="1" t="s">
        <v>9740</v>
      </c>
      <c r="F2826" s="1" t="s">
        <v>10</v>
      </c>
      <c r="G2826" s="1" t="s">
        <v>10</v>
      </c>
      <c r="H2826" s="1" t="s">
        <v>10</v>
      </c>
      <c r="I2826" s="1" t="s">
        <v>9126</v>
      </c>
      <c r="J2826" s="1" t="s">
        <v>9334</v>
      </c>
      <c r="K2826" s="1" t="s">
        <v>113</v>
      </c>
      <c r="L2826" s="1" t="s">
        <v>9737</v>
      </c>
      <c r="M2826" s="1" t="s">
        <v>5</v>
      </c>
      <c r="N2826" s="1" t="s">
        <v>6</v>
      </c>
      <c r="O2826" s="1" t="s">
        <v>38</v>
      </c>
      <c r="P2826" s="5" t="s">
        <v>30137</v>
      </c>
    </row>
    <row r="2827" spans="1:16" x14ac:dyDescent="0.2">
      <c r="A2827" s="1" t="s">
        <v>20</v>
      </c>
      <c r="B2827" s="1" t="s">
        <v>101</v>
      </c>
      <c r="C2827" s="1" t="s">
        <v>9742</v>
      </c>
      <c r="D2827" s="1" t="s">
        <v>9743</v>
      </c>
      <c r="E2827" s="1"/>
      <c r="F2827" s="1" t="s">
        <v>10</v>
      </c>
      <c r="G2827" s="1" t="s">
        <v>10</v>
      </c>
      <c r="H2827" s="1" t="s">
        <v>10</v>
      </c>
      <c r="I2827" s="1" t="s">
        <v>9126</v>
      </c>
      <c r="J2827" s="1" t="s">
        <v>9744</v>
      </c>
      <c r="K2827" s="1" t="s">
        <v>27</v>
      </c>
      <c r="L2827" s="1" t="s">
        <v>9741</v>
      </c>
      <c r="M2827" s="1" t="s">
        <v>5</v>
      </c>
      <c r="N2827" s="1" t="s">
        <v>25</v>
      </c>
      <c r="O2827" s="1" t="s">
        <v>38</v>
      </c>
      <c r="P2827" s="5" t="s">
        <v>30138</v>
      </c>
    </row>
    <row r="2828" spans="1:16" x14ac:dyDescent="0.2">
      <c r="A2828" s="1" t="s">
        <v>20</v>
      </c>
      <c r="B2828" s="1" t="s">
        <v>132</v>
      </c>
      <c r="C2828" s="1" t="s">
        <v>9746</v>
      </c>
      <c r="D2828" s="1" t="s">
        <v>9747</v>
      </c>
      <c r="E2828" s="1" t="s">
        <v>9748</v>
      </c>
      <c r="F2828" s="1" t="s">
        <v>10</v>
      </c>
      <c r="G2828" s="1" t="s">
        <v>10</v>
      </c>
      <c r="H2828" s="1" t="s">
        <v>10</v>
      </c>
      <c r="I2828" s="1" t="s">
        <v>9126</v>
      </c>
      <c r="J2828" s="1" t="s">
        <v>9167</v>
      </c>
      <c r="K2828" s="1" t="s">
        <v>27</v>
      </c>
      <c r="L2828" s="1" t="s">
        <v>9745</v>
      </c>
      <c r="M2828" s="1" t="s">
        <v>5</v>
      </c>
      <c r="N2828" s="1" t="s">
        <v>25</v>
      </c>
      <c r="O2828" s="1" t="s">
        <v>38</v>
      </c>
      <c r="P2828" s="5" t="s">
        <v>30139</v>
      </c>
    </row>
    <row r="2829" spans="1:16" ht="63.75" x14ac:dyDescent="0.2">
      <c r="A2829" s="1" t="s">
        <v>20</v>
      </c>
      <c r="B2829" s="1" t="s">
        <v>1047</v>
      </c>
      <c r="C2829" s="1" t="s">
        <v>9750</v>
      </c>
      <c r="D2829" s="1" t="s">
        <v>9751</v>
      </c>
      <c r="E2829" s="1"/>
      <c r="F2829" s="1" t="s">
        <v>10</v>
      </c>
      <c r="G2829" s="1" t="s">
        <v>10</v>
      </c>
      <c r="H2829" s="1" t="s">
        <v>10</v>
      </c>
      <c r="I2829" s="1" t="s">
        <v>9126</v>
      </c>
      <c r="J2829" s="1" t="s">
        <v>9752</v>
      </c>
      <c r="K2829" s="1" t="s">
        <v>27</v>
      </c>
      <c r="L2829" s="1" t="s">
        <v>9749</v>
      </c>
      <c r="M2829" s="1" t="s">
        <v>5</v>
      </c>
      <c r="N2829" s="1" t="s">
        <v>25</v>
      </c>
      <c r="O2829" s="1" t="s">
        <v>38</v>
      </c>
      <c r="P2829" s="9" t="s">
        <v>31366</v>
      </c>
    </row>
    <row r="2830" spans="1:16" x14ac:dyDescent="0.2">
      <c r="A2830" s="1" t="s">
        <v>20</v>
      </c>
      <c r="B2830" s="1" t="s">
        <v>132</v>
      </c>
      <c r="C2830" s="1" t="s">
        <v>9754</v>
      </c>
      <c r="D2830" s="1" t="s">
        <v>9755</v>
      </c>
      <c r="E2830" s="1" t="s">
        <v>9756</v>
      </c>
      <c r="F2830" s="1" t="s">
        <v>10</v>
      </c>
      <c r="G2830" s="1" t="s">
        <v>10</v>
      </c>
      <c r="H2830" s="1" t="s">
        <v>10</v>
      </c>
      <c r="I2830" s="1" t="s">
        <v>9126</v>
      </c>
      <c r="J2830" s="1" t="s">
        <v>9232</v>
      </c>
      <c r="K2830" s="1" t="s">
        <v>27</v>
      </c>
      <c r="L2830" s="1" t="s">
        <v>9753</v>
      </c>
      <c r="M2830" s="1" t="s">
        <v>5</v>
      </c>
      <c r="N2830" s="1" t="s">
        <v>6</v>
      </c>
      <c r="O2830" s="1" t="s">
        <v>38</v>
      </c>
      <c r="P2830" s="5" t="s">
        <v>30140</v>
      </c>
    </row>
    <row r="2831" spans="1:16" x14ac:dyDescent="0.2">
      <c r="A2831" s="1" t="s">
        <v>329</v>
      </c>
      <c r="B2831" s="1" t="s">
        <v>1659</v>
      </c>
      <c r="C2831" s="1" t="s">
        <v>7180</v>
      </c>
      <c r="D2831" s="1" t="s">
        <v>188</v>
      </c>
      <c r="E2831" s="1"/>
      <c r="F2831" s="1" t="s">
        <v>10</v>
      </c>
      <c r="G2831" s="1" t="s">
        <v>10</v>
      </c>
      <c r="H2831" s="1" t="s">
        <v>10</v>
      </c>
      <c r="I2831" s="1" t="s">
        <v>9126</v>
      </c>
      <c r="J2831" s="1" t="s">
        <v>9759</v>
      </c>
      <c r="K2831" s="1" t="s">
        <v>9758</v>
      </c>
      <c r="L2831" s="1" t="s">
        <v>9757</v>
      </c>
      <c r="M2831" s="1" t="s">
        <v>5</v>
      </c>
      <c r="N2831" s="1" t="s">
        <v>25</v>
      </c>
      <c r="O2831" s="1" t="s">
        <v>38</v>
      </c>
      <c r="P2831" s="5" t="s">
        <v>30141</v>
      </c>
    </row>
    <row r="2832" spans="1:16" x14ac:dyDescent="0.2">
      <c r="A2832" s="1" t="s">
        <v>20</v>
      </c>
      <c r="B2832" s="1" t="s">
        <v>21</v>
      </c>
      <c r="C2832" s="1" t="s">
        <v>9762</v>
      </c>
      <c r="D2832" s="1" t="s">
        <v>9763</v>
      </c>
      <c r="E2832" s="1" t="s">
        <v>9764</v>
      </c>
      <c r="F2832" s="1" t="s">
        <v>10</v>
      </c>
      <c r="G2832" s="1" t="s">
        <v>10</v>
      </c>
      <c r="H2832" s="1" t="s">
        <v>10</v>
      </c>
      <c r="I2832" s="1" t="s">
        <v>9126</v>
      </c>
      <c r="J2832" s="1" t="s">
        <v>19</v>
      </c>
      <c r="K2832" s="1" t="s">
        <v>100</v>
      </c>
      <c r="L2832" s="1" t="s">
        <v>9761</v>
      </c>
      <c r="M2832" s="1" t="s">
        <v>5</v>
      </c>
      <c r="N2832" s="1" t="s">
        <v>25</v>
      </c>
      <c r="O2832" s="1" t="s">
        <v>38</v>
      </c>
      <c r="P2832" s="5" t="s">
        <v>10</v>
      </c>
    </row>
    <row r="2833" spans="1:16" x14ac:dyDescent="0.2">
      <c r="A2833" s="1" t="s">
        <v>20</v>
      </c>
      <c r="B2833" s="1" t="s">
        <v>445</v>
      </c>
      <c r="C2833" s="1" t="s">
        <v>9766</v>
      </c>
      <c r="D2833" s="1" t="s">
        <v>9767</v>
      </c>
      <c r="E2833" s="1"/>
      <c r="F2833" s="1" t="s">
        <v>10</v>
      </c>
      <c r="G2833" s="1" t="s">
        <v>10</v>
      </c>
      <c r="H2833" s="1" t="s">
        <v>10</v>
      </c>
      <c r="I2833" s="1" t="s">
        <v>9126</v>
      </c>
      <c r="J2833" s="1" t="s">
        <v>9768</v>
      </c>
      <c r="K2833" s="1" t="s">
        <v>27</v>
      </c>
      <c r="L2833" s="1" t="s">
        <v>9765</v>
      </c>
      <c r="M2833" s="1" t="s">
        <v>5</v>
      </c>
      <c r="N2833" s="1" t="s">
        <v>6</v>
      </c>
      <c r="O2833" s="1" t="s">
        <v>38</v>
      </c>
      <c r="P2833" s="5" t="s">
        <v>30068</v>
      </c>
    </row>
    <row r="2834" spans="1:16" x14ac:dyDescent="0.2">
      <c r="A2834" s="1" t="s">
        <v>66</v>
      </c>
      <c r="B2834" s="1" t="s">
        <v>574</v>
      </c>
      <c r="C2834" s="1" t="s">
        <v>9770</v>
      </c>
      <c r="D2834" s="1" t="s">
        <v>9771</v>
      </c>
      <c r="E2834" s="1"/>
      <c r="F2834" s="1" t="s">
        <v>27</v>
      </c>
      <c r="G2834" s="1" t="s">
        <v>10</v>
      </c>
      <c r="H2834" s="1" t="s">
        <v>905</v>
      </c>
      <c r="I2834" s="1" t="s">
        <v>9126</v>
      </c>
      <c r="J2834" s="1" t="s">
        <v>9772</v>
      </c>
      <c r="K2834" s="1" t="s">
        <v>27</v>
      </c>
      <c r="L2834" s="1" t="s">
        <v>9769</v>
      </c>
      <c r="M2834" s="1" t="s">
        <v>5</v>
      </c>
      <c r="N2834" s="1" t="s">
        <v>25</v>
      </c>
      <c r="O2834" s="1" t="s">
        <v>8</v>
      </c>
      <c r="P2834" s="5" t="s">
        <v>31358</v>
      </c>
    </row>
    <row r="2835" spans="1:16" ht="114.75" x14ac:dyDescent="0.2">
      <c r="A2835" s="1" t="s">
        <v>20</v>
      </c>
      <c r="B2835" s="1" t="s">
        <v>101</v>
      </c>
      <c r="C2835" s="1" t="s">
        <v>9774</v>
      </c>
      <c r="D2835" s="1" t="s">
        <v>9775</v>
      </c>
      <c r="E2835" s="1" t="s">
        <v>9776</v>
      </c>
      <c r="F2835" s="1" t="s">
        <v>10</v>
      </c>
      <c r="G2835" s="1" t="s">
        <v>10</v>
      </c>
      <c r="H2835" s="1" t="s">
        <v>10</v>
      </c>
      <c r="I2835" s="1" t="s">
        <v>9126</v>
      </c>
      <c r="J2835" s="1" t="s">
        <v>9677</v>
      </c>
      <c r="K2835" s="1" t="s">
        <v>7</v>
      </c>
      <c r="L2835" s="1" t="s">
        <v>9773</v>
      </c>
      <c r="M2835" s="1" t="s">
        <v>5</v>
      </c>
      <c r="N2835" s="1" t="s">
        <v>25</v>
      </c>
      <c r="O2835" s="1" t="s">
        <v>38</v>
      </c>
      <c r="P2835" s="9" t="s">
        <v>31367</v>
      </c>
    </row>
    <row r="2836" spans="1:16" x14ac:dyDescent="0.2">
      <c r="A2836" s="1" t="s">
        <v>10</v>
      </c>
      <c r="B2836" s="1" t="s">
        <v>10</v>
      </c>
      <c r="C2836" s="1" t="s">
        <v>9778</v>
      </c>
      <c r="D2836" s="1" t="s">
        <v>1573</v>
      </c>
      <c r="E2836" s="1"/>
      <c r="F2836" s="1" t="s">
        <v>10</v>
      </c>
      <c r="G2836" s="1" t="s">
        <v>10</v>
      </c>
      <c r="H2836" s="1" t="s">
        <v>10</v>
      </c>
      <c r="I2836" s="1" t="s">
        <v>9126</v>
      </c>
      <c r="J2836" s="1" t="s">
        <v>9134</v>
      </c>
      <c r="K2836" s="1" t="s">
        <v>27</v>
      </c>
      <c r="L2836" s="1" t="s">
        <v>9777</v>
      </c>
      <c r="M2836" s="1" t="s">
        <v>5</v>
      </c>
      <c r="N2836" s="1" t="s">
        <v>960</v>
      </c>
      <c r="O2836" s="1" t="s">
        <v>38</v>
      </c>
      <c r="P2836" s="5" t="s">
        <v>30045</v>
      </c>
    </row>
    <row r="2837" spans="1:16" x14ac:dyDescent="0.2">
      <c r="A2837" s="1" t="s">
        <v>66</v>
      </c>
      <c r="B2837" s="1" t="s">
        <v>67</v>
      </c>
      <c r="C2837" s="1" t="s">
        <v>9780</v>
      </c>
      <c r="D2837" s="1" t="s">
        <v>9781</v>
      </c>
      <c r="E2837" s="1"/>
      <c r="F2837" s="1" t="s">
        <v>27</v>
      </c>
      <c r="G2837" s="1" t="s">
        <v>10</v>
      </c>
      <c r="H2837" s="1" t="s">
        <v>905</v>
      </c>
      <c r="I2837" s="1" t="s">
        <v>9126</v>
      </c>
      <c r="J2837" s="1" t="s">
        <v>47</v>
      </c>
      <c r="K2837" s="1" t="s">
        <v>47</v>
      </c>
      <c r="L2837" s="1" t="s">
        <v>9779</v>
      </c>
      <c r="M2837" s="1" t="s">
        <v>5</v>
      </c>
      <c r="N2837" s="1" t="s">
        <v>25</v>
      </c>
      <c r="O2837" s="1" t="s">
        <v>8</v>
      </c>
      <c r="P2837" s="5" t="s">
        <v>31358</v>
      </c>
    </row>
    <row r="2838" spans="1:16" x14ac:dyDescent="0.2">
      <c r="A2838" s="1" t="s">
        <v>66</v>
      </c>
      <c r="B2838" s="1" t="s">
        <v>574</v>
      </c>
      <c r="C2838" s="1" t="s">
        <v>9783</v>
      </c>
      <c r="D2838" s="1" t="s">
        <v>9784</v>
      </c>
      <c r="E2838" s="1"/>
      <c r="F2838" s="1" t="s">
        <v>27</v>
      </c>
      <c r="G2838" s="1" t="s">
        <v>10</v>
      </c>
      <c r="H2838" s="1" t="s">
        <v>905</v>
      </c>
      <c r="I2838" s="1" t="s">
        <v>9126</v>
      </c>
      <c r="J2838" s="1" t="s">
        <v>9785</v>
      </c>
      <c r="K2838" s="1" t="s">
        <v>27</v>
      </c>
      <c r="L2838" s="1" t="s">
        <v>9782</v>
      </c>
      <c r="M2838" s="1" t="s">
        <v>5</v>
      </c>
      <c r="N2838" s="1" t="s">
        <v>25</v>
      </c>
      <c r="O2838" s="1" t="s">
        <v>8</v>
      </c>
      <c r="P2838" s="5" t="s">
        <v>31368</v>
      </c>
    </row>
    <row r="2839" spans="1:16" x14ac:dyDescent="0.2">
      <c r="A2839" s="1" t="s">
        <v>20</v>
      </c>
      <c r="B2839" s="1" t="s">
        <v>445</v>
      </c>
      <c r="C2839" s="1" t="s">
        <v>9787</v>
      </c>
      <c r="D2839" s="1" t="s">
        <v>7699</v>
      </c>
      <c r="E2839" s="1"/>
      <c r="F2839" s="1" t="s">
        <v>10</v>
      </c>
      <c r="G2839" s="1" t="s">
        <v>10</v>
      </c>
      <c r="H2839" s="1" t="s">
        <v>10</v>
      </c>
      <c r="I2839" s="1" t="s">
        <v>9126</v>
      </c>
      <c r="J2839" s="1" t="s">
        <v>47</v>
      </c>
      <c r="K2839" s="1" t="s">
        <v>47</v>
      </c>
      <c r="L2839" s="1" t="s">
        <v>9786</v>
      </c>
      <c r="M2839" s="1" t="s">
        <v>5</v>
      </c>
      <c r="N2839" s="1" t="s">
        <v>25</v>
      </c>
      <c r="O2839" s="1" t="s">
        <v>38</v>
      </c>
      <c r="P2839" s="5" t="s">
        <v>30142</v>
      </c>
    </row>
    <row r="2840" spans="1:16" x14ac:dyDescent="0.2">
      <c r="A2840" s="1" t="s">
        <v>10</v>
      </c>
      <c r="B2840" s="1" t="s">
        <v>10</v>
      </c>
      <c r="C2840" s="1" t="s">
        <v>9789</v>
      </c>
      <c r="D2840" s="1" t="s">
        <v>10</v>
      </c>
      <c r="E2840" s="1" t="s">
        <v>10</v>
      </c>
      <c r="F2840" s="1" t="s">
        <v>10</v>
      </c>
      <c r="G2840" s="1" t="s">
        <v>10</v>
      </c>
      <c r="H2840" s="1" t="s">
        <v>10</v>
      </c>
      <c r="I2840" s="1" t="s">
        <v>9126</v>
      </c>
      <c r="J2840" s="1" t="s">
        <v>10</v>
      </c>
      <c r="K2840" s="1" t="s">
        <v>10</v>
      </c>
      <c r="L2840" s="1" t="s">
        <v>9788</v>
      </c>
      <c r="M2840" s="1" t="s">
        <v>5</v>
      </c>
      <c r="N2840" s="1" t="s">
        <v>10</v>
      </c>
      <c r="O2840" s="1" t="s">
        <v>38</v>
      </c>
      <c r="P2840" s="5"/>
    </row>
    <row r="2841" spans="1:16" x14ac:dyDescent="0.2">
      <c r="A2841" s="1" t="s">
        <v>20</v>
      </c>
      <c r="B2841" s="1" t="s">
        <v>93</v>
      </c>
      <c r="C2841" s="1" t="s">
        <v>9791</v>
      </c>
      <c r="D2841" s="1" t="s">
        <v>9792</v>
      </c>
      <c r="E2841" s="1"/>
      <c r="F2841" s="1" t="s">
        <v>10</v>
      </c>
      <c r="G2841" s="1" t="s">
        <v>10</v>
      </c>
      <c r="H2841" s="1" t="s">
        <v>10</v>
      </c>
      <c r="I2841" s="1" t="s">
        <v>9126</v>
      </c>
      <c r="J2841" s="1" t="s">
        <v>37</v>
      </c>
      <c r="K2841" s="1" t="s">
        <v>130</v>
      </c>
      <c r="L2841" s="1" t="s">
        <v>9790</v>
      </c>
      <c r="M2841" s="1" t="s">
        <v>5</v>
      </c>
      <c r="N2841" s="1" t="s">
        <v>432</v>
      </c>
      <c r="O2841" s="1" t="s">
        <v>38</v>
      </c>
      <c r="P2841" s="5" t="s">
        <v>10</v>
      </c>
    </row>
    <row r="2842" spans="1:16" x14ac:dyDescent="0.2">
      <c r="A2842" s="1" t="s">
        <v>66</v>
      </c>
      <c r="B2842" s="1" t="s">
        <v>1812</v>
      </c>
      <c r="C2842" s="1" t="s">
        <v>9794</v>
      </c>
      <c r="D2842" s="1" t="s">
        <v>9795</v>
      </c>
      <c r="E2842" s="1" t="s">
        <v>9796</v>
      </c>
      <c r="F2842" s="1" t="s">
        <v>10</v>
      </c>
      <c r="G2842" s="1" t="s">
        <v>10</v>
      </c>
      <c r="H2842" s="1" t="s">
        <v>10</v>
      </c>
      <c r="I2842" s="1" t="s">
        <v>9126</v>
      </c>
      <c r="J2842" s="1" t="s">
        <v>9134</v>
      </c>
      <c r="K2842" s="1" t="s">
        <v>27</v>
      </c>
      <c r="L2842" s="1" t="s">
        <v>9793</v>
      </c>
      <c r="M2842" s="1" t="s">
        <v>5</v>
      </c>
      <c r="N2842" s="1" t="s">
        <v>25</v>
      </c>
      <c r="O2842" s="1" t="s">
        <v>38</v>
      </c>
      <c r="P2842" s="5" t="s">
        <v>30143</v>
      </c>
    </row>
    <row r="2843" spans="1:16" x14ac:dyDescent="0.2">
      <c r="A2843" s="1" t="s">
        <v>20</v>
      </c>
      <c r="B2843" s="1" t="s">
        <v>21</v>
      </c>
      <c r="C2843" s="1" t="s">
        <v>9798</v>
      </c>
      <c r="D2843" s="1" t="s">
        <v>9799</v>
      </c>
      <c r="E2843" s="1"/>
      <c r="F2843" s="1" t="s">
        <v>522</v>
      </c>
      <c r="G2843" s="1" t="s">
        <v>668</v>
      </c>
      <c r="H2843" s="1" t="s">
        <v>10</v>
      </c>
      <c r="I2843" s="1" t="s">
        <v>9126</v>
      </c>
      <c r="J2843" s="1" t="s">
        <v>9800</v>
      </c>
      <c r="K2843" s="1" t="s">
        <v>443</v>
      </c>
      <c r="L2843" s="1" t="s">
        <v>9797</v>
      </c>
      <c r="M2843" s="1" t="s">
        <v>5</v>
      </c>
      <c r="N2843" s="1" t="s">
        <v>25</v>
      </c>
      <c r="O2843" s="1" t="s">
        <v>8</v>
      </c>
      <c r="P2843" s="5" t="s">
        <v>30144</v>
      </c>
    </row>
    <row r="2844" spans="1:16" x14ac:dyDescent="0.2">
      <c r="A2844" s="1" t="s">
        <v>10</v>
      </c>
      <c r="B2844" s="1" t="s">
        <v>10</v>
      </c>
      <c r="C2844" s="1" t="s">
        <v>9803</v>
      </c>
      <c r="D2844" s="1" t="s">
        <v>9804</v>
      </c>
      <c r="E2844" s="1" t="s">
        <v>9664</v>
      </c>
      <c r="F2844" s="1" t="s">
        <v>27</v>
      </c>
      <c r="G2844" s="1" t="s">
        <v>10</v>
      </c>
      <c r="H2844" s="1" t="s">
        <v>9438</v>
      </c>
      <c r="I2844" s="1" t="s">
        <v>9126</v>
      </c>
      <c r="J2844" s="1" t="s">
        <v>376</v>
      </c>
      <c r="K2844" s="1" t="s">
        <v>27</v>
      </c>
      <c r="L2844" s="1" t="s">
        <v>9802</v>
      </c>
      <c r="M2844" s="1" t="s">
        <v>5</v>
      </c>
      <c r="N2844" s="1" t="s">
        <v>10</v>
      </c>
      <c r="O2844" s="1" t="s">
        <v>8</v>
      </c>
      <c r="P2844" s="5" t="s">
        <v>10</v>
      </c>
    </row>
    <row r="2845" spans="1:16" x14ac:dyDescent="0.2">
      <c r="A2845" s="1" t="s">
        <v>10</v>
      </c>
      <c r="B2845" s="1" t="s">
        <v>10</v>
      </c>
      <c r="C2845" s="1" t="s">
        <v>9806</v>
      </c>
      <c r="D2845" s="1" t="s">
        <v>9804</v>
      </c>
      <c r="E2845" s="1" t="s">
        <v>9664</v>
      </c>
      <c r="F2845" s="1" t="s">
        <v>27</v>
      </c>
      <c r="G2845" s="1" t="s">
        <v>10</v>
      </c>
      <c r="H2845" s="1" t="s">
        <v>9438</v>
      </c>
      <c r="I2845" s="1" t="s">
        <v>9126</v>
      </c>
      <c r="J2845" s="1" t="s">
        <v>376</v>
      </c>
      <c r="K2845" s="1" t="s">
        <v>27</v>
      </c>
      <c r="L2845" s="1" t="s">
        <v>9805</v>
      </c>
      <c r="M2845" s="1" t="s">
        <v>5</v>
      </c>
      <c r="N2845" s="1" t="s">
        <v>10</v>
      </c>
      <c r="O2845" s="1" t="s">
        <v>8</v>
      </c>
      <c r="P2845" s="5" t="s">
        <v>10</v>
      </c>
    </row>
    <row r="2846" spans="1:16" x14ac:dyDescent="0.2">
      <c r="A2846" s="1" t="s">
        <v>20</v>
      </c>
      <c r="B2846" s="1" t="s">
        <v>101</v>
      </c>
      <c r="C2846" s="1" t="s">
        <v>9808</v>
      </c>
      <c r="D2846" s="1" t="s">
        <v>9809</v>
      </c>
      <c r="E2846" s="1" t="s">
        <v>9810</v>
      </c>
      <c r="F2846" s="1" t="s">
        <v>10</v>
      </c>
      <c r="G2846" s="1" t="s">
        <v>10</v>
      </c>
      <c r="H2846" s="1" t="s">
        <v>10</v>
      </c>
      <c r="I2846" s="1" t="s">
        <v>9126</v>
      </c>
      <c r="J2846" s="1" t="s">
        <v>9722</v>
      </c>
      <c r="K2846" s="1" t="s">
        <v>27</v>
      </c>
      <c r="L2846" s="1" t="s">
        <v>9807</v>
      </c>
      <c r="M2846" s="1" t="s">
        <v>5</v>
      </c>
      <c r="N2846" s="1" t="s">
        <v>6</v>
      </c>
      <c r="O2846" s="1" t="s">
        <v>38</v>
      </c>
      <c r="P2846" s="5" t="s">
        <v>30145</v>
      </c>
    </row>
    <row r="2847" spans="1:16" ht="89.25" x14ac:dyDescent="0.2">
      <c r="A2847" s="1" t="s">
        <v>66</v>
      </c>
      <c r="B2847" s="1" t="s">
        <v>574</v>
      </c>
      <c r="C2847" s="1" t="s">
        <v>9812</v>
      </c>
      <c r="D2847" s="1" t="s">
        <v>9813</v>
      </c>
      <c r="E2847" s="1"/>
      <c r="F2847" s="1" t="s">
        <v>10</v>
      </c>
      <c r="G2847" s="1" t="s">
        <v>10</v>
      </c>
      <c r="H2847" s="1" t="s">
        <v>10</v>
      </c>
      <c r="I2847" s="1" t="s">
        <v>9126</v>
      </c>
      <c r="J2847" s="1" t="s">
        <v>9134</v>
      </c>
      <c r="K2847" s="1" t="s">
        <v>27</v>
      </c>
      <c r="L2847" s="1" t="s">
        <v>9811</v>
      </c>
      <c r="M2847" s="1" t="s">
        <v>5</v>
      </c>
      <c r="N2847" s="1" t="s">
        <v>25</v>
      </c>
      <c r="O2847" s="1" t="s">
        <v>38</v>
      </c>
      <c r="P2847" s="9" t="s">
        <v>31369</v>
      </c>
    </row>
    <row r="2848" spans="1:16" x14ac:dyDescent="0.2">
      <c r="A2848" s="1" t="s">
        <v>20</v>
      </c>
      <c r="B2848" s="1" t="s">
        <v>101</v>
      </c>
      <c r="C2848" s="1" t="s">
        <v>9815</v>
      </c>
      <c r="D2848" s="1" t="s">
        <v>9815</v>
      </c>
      <c r="E2848" s="1"/>
      <c r="F2848" s="1" t="s">
        <v>10</v>
      </c>
      <c r="G2848" s="1" t="s">
        <v>10</v>
      </c>
      <c r="H2848" s="1" t="s">
        <v>10</v>
      </c>
      <c r="I2848" s="1" t="s">
        <v>9126</v>
      </c>
      <c r="J2848" s="1" t="s">
        <v>9677</v>
      </c>
      <c r="K2848" s="1" t="s">
        <v>27</v>
      </c>
      <c r="L2848" s="1" t="s">
        <v>9814</v>
      </c>
      <c r="M2848" s="1" t="s">
        <v>5</v>
      </c>
      <c r="N2848" s="1" t="s">
        <v>25</v>
      </c>
      <c r="O2848" s="1" t="s">
        <v>38</v>
      </c>
      <c r="P2848" s="5" t="s">
        <v>30146</v>
      </c>
    </row>
    <row r="2849" spans="1:16" x14ac:dyDescent="0.2">
      <c r="A2849" s="1" t="s">
        <v>42</v>
      </c>
      <c r="B2849" s="1" t="s">
        <v>50</v>
      </c>
      <c r="C2849" s="1" t="s">
        <v>9817</v>
      </c>
      <c r="D2849" s="1" t="s">
        <v>9652</v>
      </c>
      <c r="E2849" s="1"/>
      <c r="F2849" s="1" t="s">
        <v>10</v>
      </c>
      <c r="G2849" s="1" t="s">
        <v>10</v>
      </c>
      <c r="H2849" s="1" t="s">
        <v>10</v>
      </c>
      <c r="I2849" s="1" t="s">
        <v>9126</v>
      </c>
      <c r="J2849" s="1" t="s">
        <v>47</v>
      </c>
      <c r="K2849" s="1" t="s">
        <v>47</v>
      </c>
      <c r="L2849" s="1" t="s">
        <v>9816</v>
      </c>
      <c r="M2849" s="1" t="s">
        <v>5</v>
      </c>
      <c r="N2849" s="1" t="s">
        <v>25</v>
      </c>
      <c r="O2849" s="1" t="s">
        <v>38</v>
      </c>
      <c r="P2849" s="5" t="s">
        <v>30147</v>
      </c>
    </row>
    <row r="2850" spans="1:16" x14ac:dyDescent="0.2">
      <c r="A2850" s="1" t="s">
        <v>20</v>
      </c>
      <c r="B2850" s="1" t="s">
        <v>445</v>
      </c>
      <c r="C2850" s="1" t="s">
        <v>7772</v>
      </c>
      <c r="D2850" s="1" t="s">
        <v>9819</v>
      </c>
      <c r="E2850" s="1"/>
      <c r="F2850" s="1" t="s">
        <v>10</v>
      </c>
      <c r="G2850" s="1" t="s">
        <v>10</v>
      </c>
      <c r="H2850" s="1" t="s">
        <v>10</v>
      </c>
      <c r="I2850" s="1" t="s">
        <v>9126</v>
      </c>
      <c r="J2850" s="1" t="s">
        <v>9193</v>
      </c>
      <c r="K2850" s="1" t="s">
        <v>27</v>
      </c>
      <c r="L2850" s="1" t="s">
        <v>9818</v>
      </c>
      <c r="M2850" s="1" t="s">
        <v>5</v>
      </c>
      <c r="N2850" s="1" t="s">
        <v>25</v>
      </c>
      <c r="O2850" s="1" t="s">
        <v>38</v>
      </c>
      <c r="P2850" s="5" t="s">
        <v>30148</v>
      </c>
    </row>
    <row r="2851" spans="1:16" x14ac:dyDescent="0.2">
      <c r="A2851" s="1" t="s">
        <v>10</v>
      </c>
      <c r="B2851" s="1" t="s">
        <v>10</v>
      </c>
      <c r="C2851" s="1" t="s">
        <v>9821</v>
      </c>
      <c r="D2851" s="1" t="s">
        <v>17</v>
      </c>
      <c r="E2851" s="1"/>
      <c r="F2851" s="1" t="s">
        <v>10</v>
      </c>
      <c r="G2851" s="1" t="s">
        <v>10</v>
      </c>
      <c r="H2851" s="1" t="s">
        <v>10</v>
      </c>
      <c r="I2851" s="1" t="s">
        <v>9126</v>
      </c>
      <c r="J2851" s="1" t="s">
        <v>9134</v>
      </c>
      <c r="K2851" s="1" t="s">
        <v>27</v>
      </c>
      <c r="L2851" s="1" t="s">
        <v>9820</v>
      </c>
      <c r="M2851" s="1" t="s">
        <v>5</v>
      </c>
      <c r="N2851" s="1" t="s">
        <v>25</v>
      </c>
      <c r="O2851" s="1" t="s">
        <v>38</v>
      </c>
      <c r="P2851" s="5" t="s">
        <v>30149</v>
      </c>
    </row>
    <row r="2852" spans="1:16" x14ac:dyDescent="0.2">
      <c r="A2852" s="1" t="s">
        <v>66</v>
      </c>
      <c r="B2852" s="1" t="s">
        <v>574</v>
      </c>
      <c r="C2852" s="1" t="s">
        <v>9823</v>
      </c>
      <c r="D2852" s="1" t="s">
        <v>9824</v>
      </c>
      <c r="E2852" s="1"/>
      <c r="F2852" s="1" t="s">
        <v>27</v>
      </c>
      <c r="G2852" s="1" t="s">
        <v>10</v>
      </c>
      <c r="H2852" s="1" t="s">
        <v>905</v>
      </c>
      <c r="I2852" s="1" t="s">
        <v>9126</v>
      </c>
      <c r="J2852" s="1" t="s">
        <v>9825</v>
      </c>
      <c r="K2852" s="1" t="s">
        <v>27</v>
      </c>
      <c r="L2852" s="1" t="s">
        <v>9822</v>
      </c>
      <c r="M2852" s="1" t="s">
        <v>5</v>
      </c>
      <c r="N2852" s="1" t="s">
        <v>25</v>
      </c>
      <c r="O2852" s="1" t="s">
        <v>8</v>
      </c>
      <c r="P2852" s="5" t="s">
        <v>30150</v>
      </c>
    </row>
    <row r="2853" spans="1:16" x14ac:dyDescent="0.2">
      <c r="A2853" s="1" t="s">
        <v>66</v>
      </c>
      <c r="B2853" s="1" t="s">
        <v>67</v>
      </c>
      <c r="C2853" s="1" t="s">
        <v>9827</v>
      </c>
      <c r="D2853" s="1" t="s">
        <v>17</v>
      </c>
      <c r="E2853" s="1"/>
      <c r="F2853" s="1" t="s">
        <v>10</v>
      </c>
      <c r="G2853" s="1" t="s">
        <v>10</v>
      </c>
      <c r="H2853" s="1" t="s">
        <v>10</v>
      </c>
      <c r="I2853" s="1" t="s">
        <v>9126</v>
      </c>
      <c r="J2853" s="1" t="s">
        <v>9677</v>
      </c>
      <c r="K2853" s="1" t="s">
        <v>27</v>
      </c>
      <c r="L2853" s="1" t="s">
        <v>9826</v>
      </c>
      <c r="M2853" s="1" t="s">
        <v>5</v>
      </c>
      <c r="N2853" s="1" t="s">
        <v>25</v>
      </c>
      <c r="O2853" s="1" t="s">
        <v>38</v>
      </c>
      <c r="P2853" s="5" t="s">
        <v>30151</v>
      </c>
    </row>
    <row r="2854" spans="1:16" x14ac:dyDescent="0.2">
      <c r="A2854" s="1" t="s">
        <v>1385</v>
      </c>
      <c r="B2854" s="1" t="s">
        <v>1490</v>
      </c>
      <c r="C2854" s="1" t="s">
        <v>9829</v>
      </c>
      <c r="D2854" s="1" t="s">
        <v>9830</v>
      </c>
      <c r="E2854" s="1"/>
      <c r="F2854" s="1" t="s">
        <v>522</v>
      </c>
      <c r="G2854" s="1" t="s">
        <v>10</v>
      </c>
      <c r="H2854" s="1" t="s">
        <v>9438</v>
      </c>
      <c r="I2854" s="1" t="s">
        <v>9126</v>
      </c>
      <c r="J2854" s="1" t="s">
        <v>9134</v>
      </c>
      <c r="K2854" s="1" t="s">
        <v>27</v>
      </c>
      <c r="L2854" s="1" t="s">
        <v>9828</v>
      </c>
      <c r="M2854" s="1" t="s">
        <v>5</v>
      </c>
      <c r="N2854" s="1" t="s">
        <v>25</v>
      </c>
      <c r="O2854" s="1" t="s">
        <v>8</v>
      </c>
      <c r="P2854" s="5" t="s">
        <v>30152</v>
      </c>
    </row>
    <row r="2855" spans="1:16" x14ac:dyDescent="0.2">
      <c r="A2855" s="1" t="s">
        <v>42</v>
      </c>
      <c r="B2855" s="1" t="s">
        <v>1664</v>
      </c>
      <c r="C2855" s="1" t="s">
        <v>9832</v>
      </c>
      <c r="D2855" s="1" t="s">
        <v>9833</v>
      </c>
      <c r="E2855" s="1" t="s">
        <v>9834</v>
      </c>
      <c r="F2855" s="1" t="s">
        <v>10</v>
      </c>
      <c r="G2855" s="1" t="s">
        <v>10</v>
      </c>
      <c r="H2855" s="1" t="s">
        <v>10</v>
      </c>
      <c r="I2855" s="1" t="s">
        <v>9126</v>
      </c>
      <c r="J2855" s="1" t="s">
        <v>9134</v>
      </c>
      <c r="K2855" s="1" t="s">
        <v>7902</v>
      </c>
      <c r="L2855" s="1" t="s">
        <v>9831</v>
      </c>
      <c r="M2855" s="1" t="s">
        <v>5</v>
      </c>
      <c r="N2855" s="1" t="s">
        <v>25</v>
      </c>
      <c r="O2855" s="1" t="s">
        <v>38</v>
      </c>
      <c r="P2855" s="5" t="s">
        <v>30153</v>
      </c>
    </row>
    <row r="2856" spans="1:16" x14ac:dyDescent="0.2">
      <c r="A2856" s="1" t="s">
        <v>10</v>
      </c>
      <c r="B2856" s="1" t="s">
        <v>10</v>
      </c>
      <c r="C2856" s="1" t="s">
        <v>9836</v>
      </c>
      <c r="D2856" s="1" t="s">
        <v>17</v>
      </c>
      <c r="E2856" s="1" t="s">
        <v>9837</v>
      </c>
      <c r="F2856" s="1" t="s">
        <v>10</v>
      </c>
      <c r="G2856" s="1" t="s">
        <v>10</v>
      </c>
      <c r="H2856" s="1" t="s">
        <v>10</v>
      </c>
      <c r="I2856" s="1" t="s">
        <v>9126</v>
      </c>
      <c r="J2856" s="1" t="s">
        <v>9134</v>
      </c>
      <c r="K2856" s="1" t="s">
        <v>27</v>
      </c>
      <c r="L2856" s="1" t="s">
        <v>9835</v>
      </c>
      <c r="M2856" s="1" t="s">
        <v>5</v>
      </c>
      <c r="N2856" s="1" t="s">
        <v>960</v>
      </c>
      <c r="O2856" s="1" t="s">
        <v>38</v>
      </c>
      <c r="P2856" s="5" t="s">
        <v>30045</v>
      </c>
    </row>
    <row r="2857" spans="1:16" x14ac:dyDescent="0.2">
      <c r="A2857" s="1" t="s">
        <v>10</v>
      </c>
      <c r="B2857" s="1" t="s">
        <v>10</v>
      </c>
      <c r="C2857" s="1" t="s">
        <v>9840</v>
      </c>
      <c r="D2857" s="1" t="s">
        <v>9841</v>
      </c>
      <c r="E2857" s="1" t="s">
        <v>9842</v>
      </c>
      <c r="F2857" s="1" t="s">
        <v>10</v>
      </c>
      <c r="G2857" s="1" t="s">
        <v>10</v>
      </c>
      <c r="H2857" s="1" t="s">
        <v>10</v>
      </c>
      <c r="I2857" s="1" t="s">
        <v>9126</v>
      </c>
      <c r="J2857" s="1" t="s">
        <v>376</v>
      </c>
      <c r="K2857" s="1" t="s">
        <v>27</v>
      </c>
      <c r="L2857" s="1" t="s">
        <v>9839</v>
      </c>
      <c r="M2857" s="1" t="s">
        <v>5</v>
      </c>
      <c r="N2857" s="1" t="s">
        <v>960</v>
      </c>
      <c r="O2857" s="1" t="s">
        <v>38</v>
      </c>
      <c r="P2857" s="5" t="s">
        <v>30045</v>
      </c>
    </row>
    <row r="2858" spans="1:16" x14ac:dyDescent="0.2">
      <c r="A2858" s="1" t="s">
        <v>1385</v>
      </c>
      <c r="B2858" s="1" t="s">
        <v>1386</v>
      </c>
      <c r="C2858" s="1" t="s">
        <v>9844</v>
      </c>
      <c r="D2858" s="1" t="s">
        <v>9845</v>
      </c>
      <c r="E2858" s="1"/>
      <c r="F2858" s="1" t="s">
        <v>10</v>
      </c>
      <c r="G2858" s="1" t="s">
        <v>10</v>
      </c>
      <c r="H2858" s="1" t="s">
        <v>10</v>
      </c>
      <c r="I2858" s="1" t="s">
        <v>9126</v>
      </c>
      <c r="J2858" s="1" t="s">
        <v>9846</v>
      </c>
      <c r="K2858" s="1" t="s">
        <v>27</v>
      </c>
      <c r="L2858" s="1" t="s">
        <v>9843</v>
      </c>
      <c r="M2858" s="1" t="s">
        <v>5</v>
      </c>
      <c r="N2858" s="1" t="s">
        <v>25</v>
      </c>
      <c r="O2858" s="1" t="s">
        <v>38</v>
      </c>
      <c r="P2858" s="5" t="s">
        <v>30154</v>
      </c>
    </row>
    <row r="2859" spans="1:16" x14ac:dyDescent="0.2">
      <c r="A2859" s="1" t="s">
        <v>66</v>
      </c>
      <c r="B2859" s="1" t="s">
        <v>574</v>
      </c>
      <c r="C2859" s="1" t="s">
        <v>9848</v>
      </c>
      <c r="D2859" s="1" t="s">
        <v>9849</v>
      </c>
      <c r="E2859" s="1"/>
      <c r="F2859" s="1" t="s">
        <v>27</v>
      </c>
      <c r="G2859" s="1" t="s">
        <v>10</v>
      </c>
      <c r="H2859" s="1" t="s">
        <v>905</v>
      </c>
      <c r="I2859" s="1" t="s">
        <v>9126</v>
      </c>
      <c r="J2859" s="1" t="s">
        <v>9193</v>
      </c>
      <c r="K2859" s="1" t="s">
        <v>7</v>
      </c>
      <c r="L2859" s="1" t="s">
        <v>9847</v>
      </c>
      <c r="M2859" s="1" t="s">
        <v>5</v>
      </c>
      <c r="N2859" s="1" t="s">
        <v>25</v>
      </c>
      <c r="O2859" s="1" t="s">
        <v>8</v>
      </c>
      <c r="P2859" s="5" t="s">
        <v>31358</v>
      </c>
    </row>
    <row r="2860" spans="1:16" x14ac:dyDescent="0.2">
      <c r="A2860" s="1" t="s">
        <v>20</v>
      </c>
      <c r="B2860" s="1" t="s">
        <v>253</v>
      </c>
      <c r="C2860" s="1" t="s">
        <v>9851</v>
      </c>
      <c r="D2860" s="1" t="s">
        <v>9852</v>
      </c>
      <c r="E2860" s="1"/>
      <c r="F2860" s="1" t="s">
        <v>10</v>
      </c>
      <c r="G2860" s="1" t="s">
        <v>10</v>
      </c>
      <c r="H2860" s="1" t="s">
        <v>10</v>
      </c>
      <c r="I2860" s="1" t="s">
        <v>9126</v>
      </c>
      <c r="J2860" s="1" t="s">
        <v>9134</v>
      </c>
      <c r="K2860" s="1" t="s">
        <v>130</v>
      </c>
      <c r="L2860" s="1" t="s">
        <v>9850</v>
      </c>
      <c r="M2860" s="1" t="s">
        <v>5</v>
      </c>
      <c r="N2860" s="1" t="s">
        <v>25</v>
      </c>
      <c r="O2860" s="1" t="s">
        <v>38</v>
      </c>
      <c r="P2860" s="5" t="s">
        <v>31370</v>
      </c>
    </row>
    <row r="2861" spans="1:16" x14ac:dyDescent="0.2">
      <c r="A2861" s="1" t="s">
        <v>20</v>
      </c>
      <c r="B2861" s="1" t="s">
        <v>253</v>
      </c>
      <c r="C2861" s="1" t="s">
        <v>9854</v>
      </c>
      <c r="D2861" s="1" t="s">
        <v>9855</v>
      </c>
      <c r="E2861" s="1"/>
      <c r="F2861" s="1" t="s">
        <v>10</v>
      </c>
      <c r="G2861" s="1" t="s">
        <v>10</v>
      </c>
      <c r="H2861" s="1" t="s">
        <v>10</v>
      </c>
      <c r="I2861" s="1" t="s">
        <v>9126</v>
      </c>
      <c r="J2861" s="1" t="s">
        <v>9856</v>
      </c>
      <c r="K2861" s="1" t="s">
        <v>27</v>
      </c>
      <c r="L2861" s="1" t="s">
        <v>9853</v>
      </c>
      <c r="M2861" s="1" t="s">
        <v>5</v>
      </c>
      <c r="N2861" s="1" t="s">
        <v>6</v>
      </c>
      <c r="O2861" s="1" t="s">
        <v>38</v>
      </c>
      <c r="P2861" s="5" t="s">
        <v>30155</v>
      </c>
    </row>
    <row r="2862" spans="1:16" x14ac:dyDescent="0.2">
      <c r="A2862" s="1" t="s">
        <v>20</v>
      </c>
      <c r="B2862" s="1" t="s">
        <v>445</v>
      </c>
      <c r="C2862" s="1" t="s">
        <v>9858</v>
      </c>
      <c r="D2862" s="1" t="s">
        <v>9859</v>
      </c>
      <c r="E2862" s="1" t="s">
        <v>9860</v>
      </c>
      <c r="F2862" s="1" t="s">
        <v>10</v>
      </c>
      <c r="G2862" s="1" t="s">
        <v>10</v>
      </c>
      <c r="H2862" s="1" t="s">
        <v>10</v>
      </c>
      <c r="I2862" s="1" t="s">
        <v>9126</v>
      </c>
      <c r="J2862" s="1" t="s">
        <v>47</v>
      </c>
      <c r="K2862" s="1" t="s">
        <v>47</v>
      </c>
      <c r="L2862" s="1" t="s">
        <v>9857</v>
      </c>
      <c r="M2862" s="1" t="s">
        <v>5</v>
      </c>
      <c r="N2862" s="1" t="s">
        <v>25</v>
      </c>
      <c r="O2862" s="1" t="s">
        <v>38</v>
      </c>
      <c r="P2862" s="5" t="s">
        <v>30156</v>
      </c>
    </row>
    <row r="2863" spans="1:16" x14ac:dyDescent="0.2">
      <c r="A2863" s="1" t="s">
        <v>20</v>
      </c>
      <c r="B2863" s="1" t="s">
        <v>172</v>
      </c>
      <c r="C2863" s="1" t="s">
        <v>9862</v>
      </c>
      <c r="D2863" s="1" t="s">
        <v>9863</v>
      </c>
      <c r="E2863" s="1" t="s">
        <v>9864</v>
      </c>
      <c r="F2863" s="1" t="s">
        <v>27</v>
      </c>
      <c r="G2863" s="1" t="s">
        <v>10</v>
      </c>
      <c r="H2863" s="1" t="s">
        <v>905</v>
      </c>
      <c r="I2863" s="1" t="s">
        <v>9126</v>
      </c>
      <c r="J2863" s="1" t="s">
        <v>9134</v>
      </c>
      <c r="K2863" s="1" t="s">
        <v>27</v>
      </c>
      <c r="L2863" s="1" t="s">
        <v>9861</v>
      </c>
      <c r="M2863" s="1" t="s">
        <v>5</v>
      </c>
      <c r="N2863" s="1" t="s">
        <v>25</v>
      </c>
      <c r="O2863" s="1" t="s">
        <v>8</v>
      </c>
      <c r="P2863" s="5" t="s">
        <v>30064</v>
      </c>
    </row>
    <row r="2864" spans="1:16" x14ac:dyDescent="0.2">
      <c r="A2864" s="1" t="s">
        <v>20</v>
      </c>
      <c r="B2864" s="1" t="s">
        <v>172</v>
      </c>
      <c r="C2864" s="1" t="s">
        <v>9866</v>
      </c>
      <c r="D2864" s="1" t="s">
        <v>9867</v>
      </c>
      <c r="E2864" s="1"/>
      <c r="F2864" s="1" t="s">
        <v>10</v>
      </c>
      <c r="G2864" s="1" t="s">
        <v>10</v>
      </c>
      <c r="H2864" s="1" t="s">
        <v>10</v>
      </c>
      <c r="I2864" s="1" t="s">
        <v>9126</v>
      </c>
      <c r="J2864" s="1" t="s">
        <v>154</v>
      </c>
      <c r="K2864" s="1" t="s">
        <v>27</v>
      </c>
      <c r="L2864" s="1" t="s">
        <v>9865</v>
      </c>
      <c r="M2864" s="1" t="s">
        <v>5</v>
      </c>
      <c r="N2864" s="1" t="s">
        <v>6</v>
      </c>
      <c r="O2864" s="1" t="s">
        <v>38</v>
      </c>
      <c r="P2864" s="5" t="s">
        <v>30072</v>
      </c>
    </row>
    <row r="2865" spans="1:16" x14ac:dyDescent="0.2">
      <c r="A2865" s="1" t="s">
        <v>66</v>
      </c>
      <c r="B2865" s="1" t="s">
        <v>67</v>
      </c>
      <c r="C2865" s="1" t="s">
        <v>9869</v>
      </c>
      <c r="D2865" s="1" t="s">
        <v>9870</v>
      </c>
      <c r="E2865" s="1" t="s">
        <v>9871</v>
      </c>
      <c r="F2865" s="1" t="s">
        <v>27</v>
      </c>
      <c r="G2865" s="1" t="s">
        <v>10</v>
      </c>
      <c r="H2865" s="1" t="s">
        <v>905</v>
      </c>
      <c r="I2865" s="1" t="s">
        <v>9126</v>
      </c>
      <c r="J2865" s="1" t="s">
        <v>9134</v>
      </c>
      <c r="K2865" s="1" t="s">
        <v>27</v>
      </c>
      <c r="L2865" s="1" t="s">
        <v>9868</v>
      </c>
      <c r="M2865" s="1" t="s">
        <v>5</v>
      </c>
      <c r="N2865" s="1" t="s">
        <v>25</v>
      </c>
      <c r="O2865" s="1" t="s">
        <v>8</v>
      </c>
      <c r="P2865" s="5" t="s">
        <v>30157</v>
      </c>
    </row>
    <row r="2866" spans="1:16" x14ac:dyDescent="0.2">
      <c r="A2866" s="1" t="s">
        <v>66</v>
      </c>
      <c r="B2866" s="1" t="s">
        <v>574</v>
      </c>
      <c r="C2866" s="1" t="s">
        <v>9873</v>
      </c>
      <c r="D2866" s="1" t="s">
        <v>1621</v>
      </c>
      <c r="E2866" s="1"/>
      <c r="F2866" s="1" t="s">
        <v>10</v>
      </c>
      <c r="G2866" s="1" t="s">
        <v>10</v>
      </c>
      <c r="H2866" s="1" t="s">
        <v>10</v>
      </c>
      <c r="I2866" s="1" t="s">
        <v>9126</v>
      </c>
      <c r="J2866" s="1" t="s">
        <v>9874</v>
      </c>
      <c r="K2866" s="1" t="s">
        <v>37</v>
      </c>
      <c r="L2866" s="1" t="s">
        <v>9872</v>
      </c>
      <c r="M2866" s="1" t="s">
        <v>5</v>
      </c>
      <c r="N2866" s="1" t="s">
        <v>6</v>
      </c>
      <c r="O2866" s="1" t="s">
        <v>38</v>
      </c>
      <c r="P2866" s="5" t="s">
        <v>30158</v>
      </c>
    </row>
    <row r="2867" spans="1:16" ht="89.25" x14ac:dyDescent="0.2">
      <c r="A2867" s="1" t="s">
        <v>66</v>
      </c>
      <c r="B2867" s="1" t="s">
        <v>1127</v>
      </c>
      <c r="C2867" s="1" t="s">
        <v>9876</v>
      </c>
      <c r="D2867" s="1" t="s">
        <v>9877</v>
      </c>
      <c r="E2867" s="1"/>
      <c r="F2867" s="1" t="s">
        <v>27</v>
      </c>
      <c r="G2867" s="1" t="s">
        <v>10</v>
      </c>
      <c r="H2867" s="1" t="s">
        <v>905</v>
      </c>
      <c r="I2867" s="1" t="s">
        <v>9126</v>
      </c>
      <c r="J2867" s="1" t="s">
        <v>9878</v>
      </c>
      <c r="K2867" s="1" t="s">
        <v>27</v>
      </c>
      <c r="L2867" s="1" t="s">
        <v>9875</v>
      </c>
      <c r="M2867" s="1" t="s">
        <v>5</v>
      </c>
      <c r="N2867" s="1" t="s">
        <v>25</v>
      </c>
      <c r="O2867" s="1" t="s">
        <v>8</v>
      </c>
      <c r="P2867" s="9" t="s">
        <v>30157</v>
      </c>
    </row>
    <row r="2868" spans="1:16" x14ac:dyDescent="0.2">
      <c r="A2868" s="1" t="s">
        <v>10</v>
      </c>
      <c r="B2868" s="1" t="s">
        <v>10</v>
      </c>
      <c r="C2868" s="1" t="s">
        <v>9880</v>
      </c>
      <c r="D2868" s="1" t="s">
        <v>8457</v>
      </c>
      <c r="E2868" s="1" t="s">
        <v>9881</v>
      </c>
      <c r="F2868" s="1" t="s">
        <v>10</v>
      </c>
      <c r="G2868" s="1" t="s">
        <v>10</v>
      </c>
      <c r="H2868" s="1" t="s">
        <v>10</v>
      </c>
      <c r="I2868" s="1" t="s">
        <v>9126</v>
      </c>
      <c r="J2868" s="1" t="s">
        <v>9134</v>
      </c>
      <c r="K2868" s="1" t="s">
        <v>27</v>
      </c>
      <c r="L2868" s="1" t="s">
        <v>9879</v>
      </c>
      <c r="M2868" s="1" t="s">
        <v>5</v>
      </c>
      <c r="N2868" s="1" t="s">
        <v>960</v>
      </c>
      <c r="O2868" s="1" t="s">
        <v>38</v>
      </c>
      <c r="P2868" s="5" t="s">
        <v>30045</v>
      </c>
    </row>
    <row r="2869" spans="1:16" x14ac:dyDescent="0.2">
      <c r="A2869" s="1" t="s">
        <v>66</v>
      </c>
      <c r="B2869" s="1" t="s">
        <v>574</v>
      </c>
      <c r="C2869" s="1" t="s">
        <v>9883</v>
      </c>
      <c r="D2869" s="1" t="s">
        <v>9884</v>
      </c>
      <c r="E2869" s="1"/>
      <c r="F2869" s="1" t="s">
        <v>10</v>
      </c>
      <c r="G2869" s="1" t="s">
        <v>10</v>
      </c>
      <c r="H2869" s="1" t="s">
        <v>10</v>
      </c>
      <c r="I2869" s="1" t="s">
        <v>9126</v>
      </c>
      <c r="J2869" s="1" t="s">
        <v>9129</v>
      </c>
      <c r="K2869" s="1" t="s">
        <v>27</v>
      </c>
      <c r="L2869" s="1" t="s">
        <v>9882</v>
      </c>
      <c r="M2869" s="1" t="s">
        <v>5</v>
      </c>
      <c r="N2869" s="1" t="s">
        <v>960</v>
      </c>
      <c r="O2869" s="1" t="s">
        <v>38</v>
      </c>
      <c r="P2869" s="5" t="s">
        <v>30045</v>
      </c>
    </row>
    <row r="2870" spans="1:16" x14ac:dyDescent="0.2">
      <c r="A2870" s="1" t="s">
        <v>194</v>
      </c>
      <c r="B2870" s="1" t="s">
        <v>396</v>
      </c>
      <c r="C2870" s="1" t="s">
        <v>9886</v>
      </c>
      <c r="D2870" s="1" t="s">
        <v>17</v>
      </c>
      <c r="E2870" s="1"/>
      <c r="F2870" s="1" t="s">
        <v>10</v>
      </c>
      <c r="G2870" s="1" t="s">
        <v>10</v>
      </c>
      <c r="H2870" s="1" t="s">
        <v>10</v>
      </c>
      <c r="I2870" s="1" t="s">
        <v>9126</v>
      </c>
      <c r="J2870" s="1" t="s">
        <v>9887</v>
      </c>
      <c r="K2870" s="1" t="s">
        <v>37</v>
      </c>
      <c r="L2870" s="1" t="s">
        <v>9885</v>
      </c>
      <c r="M2870" s="1" t="s">
        <v>5</v>
      </c>
      <c r="N2870" s="1" t="s">
        <v>10</v>
      </c>
      <c r="O2870" s="1" t="s">
        <v>38</v>
      </c>
      <c r="P2870" s="5"/>
    </row>
    <row r="2871" spans="1:16" x14ac:dyDescent="0.2">
      <c r="A2871" s="1" t="s">
        <v>42</v>
      </c>
      <c r="B2871" s="1" t="s">
        <v>118</v>
      </c>
      <c r="C2871" s="1" t="s">
        <v>9889</v>
      </c>
      <c r="D2871" s="1" t="s">
        <v>10</v>
      </c>
      <c r="E2871" s="1" t="s">
        <v>9891</v>
      </c>
      <c r="F2871" s="1" t="s">
        <v>10</v>
      </c>
      <c r="G2871" s="1" t="s">
        <v>10</v>
      </c>
      <c r="H2871" s="1" t="s">
        <v>10</v>
      </c>
      <c r="I2871" s="1" t="s">
        <v>9126</v>
      </c>
      <c r="J2871" s="1" t="s">
        <v>9890</v>
      </c>
      <c r="K2871" s="1" t="s">
        <v>6674</v>
      </c>
      <c r="L2871" s="1" t="s">
        <v>9888</v>
      </c>
      <c r="M2871" s="1" t="s">
        <v>5</v>
      </c>
      <c r="N2871" s="1" t="s">
        <v>10</v>
      </c>
      <c r="O2871" s="1" t="s">
        <v>38</v>
      </c>
      <c r="P2871" s="5"/>
    </row>
    <row r="2872" spans="1:16" ht="38.25" x14ac:dyDescent="0.2">
      <c r="A2872" s="1" t="s">
        <v>32</v>
      </c>
      <c r="B2872" s="1" t="s">
        <v>140</v>
      </c>
      <c r="C2872" s="1" t="s">
        <v>9893</v>
      </c>
      <c r="D2872" s="1" t="s">
        <v>9894</v>
      </c>
      <c r="E2872" s="1" t="s">
        <v>9895</v>
      </c>
      <c r="F2872" s="1" t="s">
        <v>10</v>
      </c>
      <c r="G2872" s="1" t="s">
        <v>10</v>
      </c>
      <c r="H2872" s="1" t="s">
        <v>10</v>
      </c>
      <c r="I2872" s="1" t="s">
        <v>9126</v>
      </c>
      <c r="J2872" s="1" t="s">
        <v>9392</v>
      </c>
      <c r="K2872" s="1" t="s">
        <v>27</v>
      </c>
      <c r="L2872" s="1" t="s">
        <v>9892</v>
      </c>
      <c r="M2872" s="1" t="s">
        <v>5</v>
      </c>
      <c r="N2872" s="1" t="s">
        <v>432</v>
      </c>
      <c r="O2872" s="1" t="s">
        <v>38</v>
      </c>
      <c r="P2872" s="9" t="s">
        <v>30159</v>
      </c>
    </row>
    <row r="2873" spans="1:16" x14ac:dyDescent="0.2">
      <c r="A2873" s="1" t="s">
        <v>32</v>
      </c>
      <c r="B2873" s="1" t="s">
        <v>140</v>
      </c>
      <c r="C2873" s="1" t="s">
        <v>9897</v>
      </c>
      <c r="D2873" s="1" t="s">
        <v>9898</v>
      </c>
      <c r="E2873" s="1" t="s">
        <v>9899</v>
      </c>
      <c r="F2873" s="1" t="s">
        <v>10</v>
      </c>
      <c r="G2873" s="1" t="s">
        <v>10</v>
      </c>
      <c r="H2873" s="1" t="s">
        <v>10</v>
      </c>
      <c r="I2873" s="1" t="s">
        <v>9126</v>
      </c>
      <c r="J2873" s="1" t="s">
        <v>9248</v>
      </c>
      <c r="K2873" s="1" t="s">
        <v>27</v>
      </c>
      <c r="L2873" s="1" t="s">
        <v>9896</v>
      </c>
      <c r="M2873" s="1" t="s">
        <v>5</v>
      </c>
      <c r="N2873" s="1" t="s">
        <v>432</v>
      </c>
      <c r="O2873" s="1" t="s">
        <v>38</v>
      </c>
      <c r="P2873" s="5" t="s">
        <v>30159</v>
      </c>
    </row>
    <row r="2874" spans="1:16" ht="38.25" x14ac:dyDescent="0.2">
      <c r="A2874" s="1" t="s">
        <v>32</v>
      </c>
      <c r="B2874" s="1" t="s">
        <v>140</v>
      </c>
      <c r="C2874" s="1" t="s">
        <v>9901</v>
      </c>
      <c r="D2874" s="1" t="s">
        <v>9902</v>
      </c>
      <c r="E2874" s="1" t="s">
        <v>9903</v>
      </c>
      <c r="F2874" s="1" t="s">
        <v>10</v>
      </c>
      <c r="G2874" s="1" t="s">
        <v>10</v>
      </c>
      <c r="H2874" s="1" t="s">
        <v>10</v>
      </c>
      <c r="I2874" s="1" t="s">
        <v>9126</v>
      </c>
      <c r="J2874" s="1" t="s">
        <v>9587</v>
      </c>
      <c r="K2874" s="1" t="s">
        <v>27</v>
      </c>
      <c r="L2874" s="1" t="s">
        <v>9900</v>
      </c>
      <c r="M2874" s="1" t="s">
        <v>5</v>
      </c>
      <c r="N2874" s="1" t="s">
        <v>432</v>
      </c>
      <c r="O2874" s="1" t="s">
        <v>38</v>
      </c>
      <c r="P2874" s="9" t="s">
        <v>30159</v>
      </c>
    </row>
    <row r="2875" spans="1:16" x14ac:dyDescent="0.2">
      <c r="A2875" s="1" t="s">
        <v>32</v>
      </c>
      <c r="B2875" s="1" t="s">
        <v>140</v>
      </c>
      <c r="C2875" s="1" t="s">
        <v>9905</v>
      </c>
      <c r="D2875" s="1" t="s">
        <v>9906</v>
      </c>
      <c r="E2875" s="1" t="s">
        <v>9907</v>
      </c>
      <c r="F2875" s="1" t="s">
        <v>10</v>
      </c>
      <c r="G2875" s="1" t="s">
        <v>10</v>
      </c>
      <c r="H2875" s="1" t="s">
        <v>10</v>
      </c>
      <c r="I2875" s="1" t="s">
        <v>9126</v>
      </c>
      <c r="J2875" s="1" t="s">
        <v>64</v>
      </c>
      <c r="K2875" s="1" t="s">
        <v>130</v>
      </c>
      <c r="L2875" s="1" t="s">
        <v>9904</v>
      </c>
      <c r="M2875" s="1" t="s">
        <v>5</v>
      </c>
      <c r="N2875" s="1" t="s">
        <v>432</v>
      </c>
      <c r="O2875" s="1" t="s">
        <v>38</v>
      </c>
      <c r="P2875" s="5" t="s">
        <v>30159</v>
      </c>
    </row>
    <row r="2876" spans="1:16" ht="63.75" x14ac:dyDescent="0.2">
      <c r="A2876" s="1" t="s">
        <v>32</v>
      </c>
      <c r="B2876" s="1" t="s">
        <v>140</v>
      </c>
      <c r="C2876" s="1" t="s">
        <v>9909</v>
      </c>
      <c r="D2876" s="1" t="s">
        <v>9910</v>
      </c>
      <c r="E2876" s="1" t="s">
        <v>9912</v>
      </c>
      <c r="F2876" s="1" t="s">
        <v>10</v>
      </c>
      <c r="G2876" s="1" t="s">
        <v>10</v>
      </c>
      <c r="H2876" s="1" t="s">
        <v>10</v>
      </c>
      <c r="I2876" s="1" t="s">
        <v>9126</v>
      </c>
      <c r="J2876" s="1" t="s">
        <v>9911</v>
      </c>
      <c r="K2876" s="1" t="s">
        <v>27</v>
      </c>
      <c r="L2876" s="1" t="s">
        <v>9908</v>
      </c>
      <c r="M2876" s="1" t="s">
        <v>5</v>
      </c>
      <c r="N2876" s="1" t="s">
        <v>432</v>
      </c>
      <c r="O2876" s="1" t="s">
        <v>38</v>
      </c>
      <c r="P2876" s="9" t="s">
        <v>31371</v>
      </c>
    </row>
    <row r="2877" spans="1:16" ht="38.25" x14ac:dyDescent="0.2">
      <c r="A2877" s="1" t="s">
        <v>32</v>
      </c>
      <c r="B2877" s="1" t="s">
        <v>140</v>
      </c>
      <c r="C2877" s="1" t="s">
        <v>9914</v>
      </c>
      <c r="D2877" s="1" t="s">
        <v>9915</v>
      </c>
      <c r="E2877" s="1" t="s">
        <v>9917</v>
      </c>
      <c r="F2877" s="1" t="s">
        <v>10</v>
      </c>
      <c r="G2877" s="1" t="s">
        <v>10</v>
      </c>
      <c r="H2877" s="1" t="s">
        <v>10</v>
      </c>
      <c r="I2877" s="1" t="s">
        <v>9126</v>
      </c>
      <c r="J2877" s="1" t="s">
        <v>9916</v>
      </c>
      <c r="K2877" s="1" t="s">
        <v>27</v>
      </c>
      <c r="L2877" s="1" t="s">
        <v>9913</v>
      </c>
      <c r="M2877" s="1" t="s">
        <v>5</v>
      </c>
      <c r="N2877" s="1" t="s">
        <v>432</v>
      </c>
      <c r="O2877" s="1" t="s">
        <v>38</v>
      </c>
      <c r="P2877" s="9" t="s">
        <v>31372</v>
      </c>
    </row>
    <row r="2878" spans="1:16" x14ac:dyDescent="0.2">
      <c r="A2878" s="1" t="s">
        <v>42</v>
      </c>
      <c r="B2878" s="1" t="s">
        <v>1377</v>
      </c>
      <c r="C2878" s="1" t="s">
        <v>9919</v>
      </c>
      <c r="D2878" s="1" t="s">
        <v>9920</v>
      </c>
      <c r="E2878" s="1"/>
      <c r="F2878" s="1" t="s">
        <v>414</v>
      </c>
      <c r="G2878" s="1" t="s">
        <v>9921</v>
      </c>
      <c r="H2878" s="1" t="s">
        <v>9438</v>
      </c>
      <c r="I2878" s="1" t="s">
        <v>9126</v>
      </c>
      <c r="J2878" s="1" t="s">
        <v>9874</v>
      </c>
      <c r="K2878" s="1" t="s">
        <v>27</v>
      </c>
      <c r="L2878" s="1" t="s">
        <v>9918</v>
      </c>
      <c r="M2878" s="1" t="s">
        <v>5</v>
      </c>
      <c r="N2878" s="1" t="s">
        <v>25</v>
      </c>
      <c r="O2878" s="1" t="s">
        <v>8</v>
      </c>
      <c r="P2878" s="5" t="s">
        <v>30160</v>
      </c>
    </row>
    <row r="2879" spans="1:16" x14ac:dyDescent="0.2">
      <c r="A2879" s="1" t="s">
        <v>20</v>
      </c>
      <c r="B2879" s="1" t="s">
        <v>253</v>
      </c>
      <c r="C2879" s="1" t="s">
        <v>9923</v>
      </c>
      <c r="D2879" s="1" t="s">
        <v>9924</v>
      </c>
      <c r="E2879" s="1" t="s">
        <v>9925</v>
      </c>
      <c r="F2879" s="1" t="s">
        <v>10</v>
      </c>
      <c r="G2879" s="1" t="s">
        <v>10</v>
      </c>
      <c r="H2879" s="1" t="s">
        <v>10</v>
      </c>
      <c r="I2879" s="1" t="s">
        <v>9126</v>
      </c>
      <c r="J2879" s="1" t="s">
        <v>9134</v>
      </c>
      <c r="K2879" s="1" t="s">
        <v>27</v>
      </c>
      <c r="L2879" s="1" t="s">
        <v>9922</v>
      </c>
      <c r="M2879" s="1" t="s">
        <v>5</v>
      </c>
      <c r="N2879" s="1" t="s">
        <v>25</v>
      </c>
      <c r="O2879" s="1" t="s">
        <v>38</v>
      </c>
      <c r="P2879" s="5" t="s">
        <v>30161</v>
      </c>
    </row>
    <row r="2880" spans="1:16" ht="140.25" x14ac:dyDescent="0.2">
      <c r="A2880" s="1" t="s">
        <v>42</v>
      </c>
      <c r="B2880" s="1" t="s">
        <v>1377</v>
      </c>
      <c r="C2880" s="1" t="s">
        <v>9927</v>
      </c>
      <c r="D2880" s="1" t="s">
        <v>9927</v>
      </c>
      <c r="E2880" s="1"/>
      <c r="F2880" s="1" t="s">
        <v>10</v>
      </c>
      <c r="G2880" s="1" t="s">
        <v>10</v>
      </c>
      <c r="H2880" s="1" t="s">
        <v>10</v>
      </c>
      <c r="I2880" s="1" t="s">
        <v>9126</v>
      </c>
      <c r="J2880" s="1" t="s">
        <v>9874</v>
      </c>
      <c r="K2880" s="1" t="s">
        <v>27</v>
      </c>
      <c r="L2880" s="1" t="s">
        <v>9926</v>
      </c>
      <c r="M2880" s="1" t="s">
        <v>5</v>
      </c>
      <c r="N2880" s="1" t="s">
        <v>25</v>
      </c>
      <c r="O2880" s="1" t="s">
        <v>38</v>
      </c>
      <c r="P2880" s="9" t="s">
        <v>31373</v>
      </c>
    </row>
    <row r="2881" spans="1:16" x14ac:dyDescent="0.2">
      <c r="A2881" s="1" t="s">
        <v>20</v>
      </c>
      <c r="B2881" s="1" t="s">
        <v>132</v>
      </c>
      <c r="C2881" s="1" t="s">
        <v>9929</v>
      </c>
      <c r="D2881" s="1" t="s">
        <v>9930</v>
      </c>
      <c r="E2881" s="1" t="s">
        <v>9932</v>
      </c>
      <c r="F2881" s="1" t="s">
        <v>10</v>
      </c>
      <c r="G2881" s="1" t="s">
        <v>10</v>
      </c>
      <c r="H2881" s="1" t="s">
        <v>10</v>
      </c>
      <c r="I2881" s="1" t="s">
        <v>9126</v>
      </c>
      <c r="J2881" s="1" t="s">
        <v>9931</v>
      </c>
      <c r="K2881" s="1" t="s">
        <v>27</v>
      </c>
      <c r="L2881" s="1" t="s">
        <v>9928</v>
      </c>
      <c r="M2881" s="1" t="s">
        <v>5</v>
      </c>
      <c r="N2881" s="1" t="s">
        <v>25</v>
      </c>
      <c r="O2881" s="1" t="s">
        <v>38</v>
      </c>
      <c r="P2881" s="5" t="s">
        <v>30162</v>
      </c>
    </row>
    <row r="2882" spans="1:16" x14ac:dyDescent="0.2">
      <c r="A2882" s="1" t="s">
        <v>42</v>
      </c>
      <c r="B2882" s="1" t="s">
        <v>50</v>
      </c>
      <c r="C2882" s="1" t="s">
        <v>9934</v>
      </c>
      <c r="D2882" s="1" t="s">
        <v>9935</v>
      </c>
      <c r="E2882" s="1"/>
      <c r="F2882" s="1" t="s">
        <v>10</v>
      </c>
      <c r="G2882" s="1" t="s">
        <v>10</v>
      </c>
      <c r="H2882" s="1" t="s">
        <v>10</v>
      </c>
      <c r="I2882" s="1" t="s">
        <v>9126</v>
      </c>
      <c r="J2882" s="1" t="s">
        <v>9936</v>
      </c>
      <c r="K2882" s="1" t="s">
        <v>47</v>
      </c>
      <c r="L2882" s="1" t="s">
        <v>9933</v>
      </c>
      <c r="M2882" s="1" t="s">
        <v>5</v>
      </c>
      <c r="N2882" s="1" t="s">
        <v>960</v>
      </c>
      <c r="O2882" s="1" t="s">
        <v>38</v>
      </c>
      <c r="P2882" s="5" t="s">
        <v>10</v>
      </c>
    </row>
    <row r="2883" spans="1:16" x14ac:dyDescent="0.2">
      <c r="A2883" s="1" t="s">
        <v>42</v>
      </c>
      <c r="B2883" s="1" t="s">
        <v>109</v>
      </c>
      <c r="C2883" s="1" t="s">
        <v>9938</v>
      </c>
      <c r="D2883" s="1" t="s">
        <v>9939</v>
      </c>
      <c r="E2883" s="1"/>
      <c r="F2883" s="1" t="s">
        <v>10</v>
      </c>
      <c r="G2883" s="1" t="s">
        <v>10</v>
      </c>
      <c r="H2883" s="1" t="s">
        <v>10</v>
      </c>
      <c r="I2883" s="1" t="s">
        <v>9126</v>
      </c>
      <c r="J2883" s="1" t="s">
        <v>9940</v>
      </c>
      <c r="K2883" s="1" t="s">
        <v>27</v>
      </c>
      <c r="L2883" s="1" t="s">
        <v>9937</v>
      </c>
      <c r="M2883" s="1" t="s">
        <v>5</v>
      </c>
      <c r="N2883" s="1" t="s">
        <v>25</v>
      </c>
      <c r="O2883" s="1" t="s">
        <v>38</v>
      </c>
      <c r="P2883" s="5" t="s">
        <v>30163</v>
      </c>
    </row>
    <row r="2884" spans="1:16" x14ac:dyDescent="0.2">
      <c r="A2884" s="1" t="s">
        <v>42</v>
      </c>
      <c r="B2884" s="1" t="s">
        <v>43</v>
      </c>
      <c r="C2884" s="1" t="s">
        <v>9942</v>
      </c>
      <c r="D2884" s="1" t="s">
        <v>9943</v>
      </c>
      <c r="E2884" s="1" t="s">
        <v>9944</v>
      </c>
      <c r="F2884" s="1" t="s">
        <v>10</v>
      </c>
      <c r="G2884" s="1" t="s">
        <v>10</v>
      </c>
      <c r="H2884" s="1" t="s">
        <v>10</v>
      </c>
      <c r="I2884" s="1" t="s">
        <v>9126</v>
      </c>
      <c r="J2884" s="1" t="s">
        <v>9936</v>
      </c>
      <c r="K2884" s="1" t="s">
        <v>3004</v>
      </c>
      <c r="L2884" s="1" t="s">
        <v>9941</v>
      </c>
      <c r="M2884" s="1" t="s">
        <v>5</v>
      </c>
      <c r="N2884" s="1" t="s">
        <v>960</v>
      </c>
      <c r="O2884" s="1" t="s">
        <v>38</v>
      </c>
      <c r="P2884" s="5" t="s">
        <v>10</v>
      </c>
    </row>
    <row r="2885" spans="1:16" x14ac:dyDescent="0.2">
      <c r="A2885" s="1" t="s">
        <v>42</v>
      </c>
      <c r="B2885" s="1" t="s">
        <v>43</v>
      </c>
      <c r="C2885" s="1" t="s">
        <v>9946</v>
      </c>
      <c r="D2885" s="1" t="s">
        <v>17</v>
      </c>
      <c r="E2885" s="1"/>
      <c r="F2885" s="1" t="s">
        <v>10</v>
      </c>
      <c r="G2885" s="1" t="s">
        <v>10</v>
      </c>
      <c r="H2885" s="1" t="s">
        <v>10</v>
      </c>
      <c r="I2885" s="1" t="s">
        <v>9126</v>
      </c>
      <c r="J2885" s="1" t="s">
        <v>37</v>
      </c>
      <c r="K2885" s="1" t="s">
        <v>37</v>
      </c>
      <c r="L2885" s="1" t="s">
        <v>9945</v>
      </c>
      <c r="M2885" s="1" t="s">
        <v>5</v>
      </c>
      <c r="N2885" s="1" t="s">
        <v>10</v>
      </c>
      <c r="O2885" s="1" t="s">
        <v>38</v>
      </c>
      <c r="P2885" s="5" t="s">
        <v>30072</v>
      </c>
    </row>
    <row r="2886" spans="1:16" x14ac:dyDescent="0.2">
      <c r="A2886" s="1" t="s">
        <v>329</v>
      </c>
      <c r="B2886" s="1" t="s">
        <v>439</v>
      </c>
      <c r="C2886" s="1" t="s">
        <v>9948</v>
      </c>
      <c r="D2886" s="1" t="s">
        <v>9949</v>
      </c>
      <c r="E2886" s="1"/>
      <c r="F2886" s="1" t="s">
        <v>10</v>
      </c>
      <c r="G2886" s="1" t="s">
        <v>10</v>
      </c>
      <c r="H2886" s="1" t="s">
        <v>10</v>
      </c>
      <c r="I2886" s="1" t="s">
        <v>9126</v>
      </c>
      <c r="J2886" s="1" t="s">
        <v>9134</v>
      </c>
      <c r="K2886" s="1" t="s">
        <v>27</v>
      </c>
      <c r="L2886" s="1" t="s">
        <v>9947</v>
      </c>
      <c r="M2886" s="1" t="s">
        <v>5</v>
      </c>
      <c r="N2886" s="1" t="s">
        <v>960</v>
      </c>
      <c r="O2886" s="1" t="s">
        <v>38</v>
      </c>
      <c r="P2886" s="5" t="s">
        <v>30164</v>
      </c>
    </row>
    <row r="2887" spans="1:16" x14ac:dyDescent="0.2">
      <c r="A2887" s="1" t="s">
        <v>329</v>
      </c>
      <c r="B2887" s="1" t="s">
        <v>1659</v>
      </c>
      <c r="C2887" s="1" t="s">
        <v>9951</v>
      </c>
      <c r="D2887" s="1" t="s">
        <v>9952</v>
      </c>
      <c r="E2887" s="1" t="s">
        <v>9664</v>
      </c>
      <c r="F2887" s="1" t="s">
        <v>27</v>
      </c>
      <c r="G2887" s="1" t="s">
        <v>10</v>
      </c>
      <c r="H2887" s="1" t="s">
        <v>9664</v>
      </c>
      <c r="I2887" s="1" t="s">
        <v>9126</v>
      </c>
      <c r="J2887" s="1" t="s">
        <v>19</v>
      </c>
      <c r="K2887" s="1" t="s">
        <v>47</v>
      </c>
      <c r="L2887" s="1" t="s">
        <v>9950</v>
      </c>
      <c r="M2887" s="1" t="s">
        <v>3905</v>
      </c>
      <c r="N2887" s="1" t="s">
        <v>10</v>
      </c>
      <c r="O2887" s="1" t="s">
        <v>8</v>
      </c>
      <c r="P2887" s="5" t="s">
        <v>10</v>
      </c>
    </row>
    <row r="2888" spans="1:16" x14ac:dyDescent="0.2">
      <c r="A2888" s="1" t="s">
        <v>42</v>
      </c>
      <c r="B2888" s="1" t="s">
        <v>1341</v>
      </c>
      <c r="C2888" s="1" t="s">
        <v>9955</v>
      </c>
      <c r="D2888" s="1" t="s">
        <v>9956</v>
      </c>
      <c r="E2888" s="1"/>
      <c r="F2888" s="1" t="s">
        <v>10</v>
      </c>
      <c r="G2888" s="1" t="s">
        <v>10</v>
      </c>
      <c r="H2888" s="1" t="s">
        <v>10</v>
      </c>
      <c r="I2888" s="1" t="s">
        <v>9126</v>
      </c>
      <c r="J2888" s="1" t="s">
        <v>9134</v>
      </c>
      <c r="K2888" s="1" t="s">
        <v>37</v>
      </c>
      <c r="L2888" s="1" t="s">
        <v>9954</v>
      </c>
      <c r="M2888" s="1" t="s">
        <v>5</v>
      </c>
      <c r="N2888" s="1" t="s">
        <v>25</v>
      </c>
      <c r="O2888" s="1" t="s">
        <v>38</v>
      </c>
      <c r="P2888" s="5" t="s">
        <v>30165</v>
      </c>
    </row>
    <row r="2889" spans="1:16" x14ac:dyDescent="0.2">
      <c r="A2889" s="1" t="s">
        <v>20</v>
      </c>
      <c r="B2889" s="1" t="s">
        <v>132</v>
      </c>
      <c r="C2889" s="1" t="s">
        <v>9958</v>
      </c>
      <c r="D2889" s="1" t="s">
        <v>2727</v>
      </c>
      <c r="E2889" s="1" t="s">
        <v>9959</v>
      </c>
      <c r="F2889" s="1" t="s">
        <v>10</v>
      </c>
      <c r="G2889" s="1" t="s">
        <v>10</v>
      </c>
      <c r="H2889" s="1" t="s">
        <v>10</v>
      </c>
      <c r="I2889" s="1" t="s">
        <v>9126</v>
      </c>
      <c r="J2889" s="1" t="s">
        <v>130</v>
      </c>
      <c r="K2889" s="1" t="s">
        <v>27</v>
      </c>
      <c r="L2889" s="1" t="s">
        <v>9957</v>
      </c>
      <c r="M2889" s="1" t="s">
        <v>5</v>
      </c>
      <c r="N2889" s="1" t="s">
        <v>25</v>
      </c>
      <c r="O2889" s="1" t="s">
        <v>38</v>
      </c>
      <c r="P2889" s="5" t="s">
        <v>30899</v>
      </c>
    </row>
    <row r="2890" spans="1:16" x14ac:dyDescent="0.2">
      <c r="A2890" s="1" t="s">
        <v>10</v>
      </c>
      <c r="B2890" s="1" t="s">
        <v>10</v>
      </c>
      <c r="C2890" s="1" t="s">
        <v>9961</v>
      </c>
      <c r="D2890" s="1" t="s">
        <v>9962</v>
      </c>
      <c r="E2890" s="1"/>
      <c r="F2890" s="1" t="s">
        <v>10</v>
      </c>
      <c r="G2890" s="1" t="s">
        <v>10</v>
      </c>
      <c r="H2890" s="1" t="s">
        <v>10</v>
      </c>
      <c r="I2890" s="1" t="s">
        <v>9126</v>
      </c>
      <c r="J2890" s="1" t="s">
        <v>9134</v>
      </c>
      <c r="K2890" s="1" t="s">
        <v>27</v>
      </c>
      <c r="L2890" s="1" t="s">
        <v>9960</v>
      </c>
      <c r="M2890" s="1" t="s">
        <v>5</v>
      </c>
      <c r="N2890" s="1" t="s">
        <v>960</v>
      </c>
      <c r="O2890" s="1" t="s">
        <v>38</v>
      </c>
      <c r="P2890" s="5" t="s">
        <v>10</v>
      </c>
    </row>
    <row r="2891" spans="1:16" ht="63.75" x14ac:dyDescent="0.2">
      <c r="A2891" s="1" t="s">
        <v>66</v>
      </c>
      <c r="B2891" s="1" t="s">
        <v>574</v>
      </c>
      <c r="C2891" s="1" t="s">
        <v>9964</v>
      </c>
      <c r="D2891" s="1" t="s">
        <v>9965</v>
      </c>
      <c r="E2891" s="1"/>
      <c r="F2891" s="1" t="s">
        <v>10</v>
      </c>
      <c r="G2891" s="1" t="s">
        <v>10</v>
      </c>
      <c r="H2891" s="1" t="s">
        <v>10</v>
      </c>
      <c r="I2891" s="1" t="s">
        <v>9126</v>
      </c>
      <c r="J2891" s="1" t="s">
        <v>9134</v>
      </c>
      <c r="K2891" s="1" t="s">
        <v>130</v>
      </c>
      <c r="L2891" s="1" t="s">
        <v>9963</v>
      </c>
      <c r="M2891" s="1" t="s">
        <v>5</v>
      </c>
      <c r="N2891" s="1" t="s">
        <v>25</v>
      </c>
      <c r="O2891" s="1" t="s">
        <v>38</v>
      </c>
      <c r="P2891" s="9" t="s">
        <v>31374</v>
      </c>
    </row>
    <row r="2892" spans="1:16" x14ac:dyDescent="0.2">
      <c r="A2892" s="1" t="s">
        <v>20</v>
      </c>
      <c r="B2892" s="1" t="s">
        <v>253</v>
      </c>
      <c r="C2892" s="1" t="s">
        <v>9967</v>
      </c>
      <c r="D2892" s="1" t="s">
        <v>9968</v>
      </c>
      <c r="E2892" s="1" t="s">
        <v>9969</v>
      </c>
      <c r="F2892" s="1" t="s">
        <v>10</v>
      </c>
      <c r="G2892" s="1" t="s">
        <v>10</v>
      </c>
      <c r="H2892" s="1" t="s">
        <v>10</v>
      </c>
      <c r="I2892" s="1" t="s">
        <v>9126</v>
      </c>
      <c r="J2892" s="1" t="s">
        <v>9134</v>
      </c>
      <c r="K2892" s="1" t="s">
        <v>130</v>
      </c>
      <c r="L2892" s="1" t="s">
        <v>9966</v>
      </c>
      <c r="M2892" s="1" t="s">
        <v>5</v>
      </c>
      <c r="N2892" s="1" t="s">
        <v>25</v>
      </c>
      <c r="O2892" s="1" t="s">
        <v>38</v>
      </c>
      <c r="P2892" s="5" t="s">
        <v>30166</v>
      </c>
    </row>
    <row r="2893" spans="1:16" x14ac:dyDescent="0.2">
      <c r="A2893" s="1" t="s">
        <v>32</v>
      </c>
      <c r="B2893" s="1" t="s">
        <v>1163</v>
      </c>
      <c r="C2893" s="1" t="s">
        <v>9971</v>
      </c>
      <c r="D2893" s="1" t="s">
        <v>9972</v>
      </c>
      <c r="E2893" s="1" t="s">
        <v>9973</v>
      </c>
      <c r="F2893" s="1" t="s">
        <v>10</v>
      </c>
      <c r="G2893" s="1" t="s">
        <v>10</v>
      </c>
      <c r="H2893" s="1" t="s">
        <v>10</v>
      </c>
      <c r="I2893" s="1" t="s">
        <v>9126</v>
      </c>
      <c r="J2893" s="1" t="s">
        <v>64</v>
      </c>
      <c r="K2893" s="1" t="s">
        <v>64</v>
      </c>
      <c r="L2893" s="1" t="s">
        <v>9970</v>
      </c>
      <c r="M2893" s="1" t="s">
        <v>5</v>
      </c>
      <c r="N2893" s="1" t="s">
        <v>25</v>
      </c>
      <c r="O2893" s="1" t="s">
        <v>38</v>
      </c>
      <c r="P2893" s="5" t="s">
        <v>30167</v>
      </c>
    </row>
    <row r="2894" spans="1:16" x14ac:dyDescent="0.2">
      <c r="A2894" s="1" t="s">
        <v>10</v>
      </c>
      <c r="B2894" s="1" t="s">
        <v>10</v>
      </c>
      <c r="C2894" s="1" t="s">
        <v>9975</v>
      </c>
      <c r="D2894" s="1" t="s">
        <v>17</v>
      </c>
      <c r="E2894" s="1"/>
      <c r="F2894" s="1" t="s">
        <v>10</v>
      </c>
      <c r="G2894" s="1" t="s">
        <v>10</v>
      </c>
      <c r="H2894" s="1" t="s">
        <v>10</v>
      </c>
      <c r="I2894" s="1" t="s">
        <v>9126</v>
      </c>
      <c r="J2894" s="1" t="s">
        <v>9245</v>
      </c>
      <c r="K2894" s="1" t="s">
        <v>27</v>
      </c>
      <c r="L2894" s="1" t="s">
        <v>9974</v>
      </c>
      <c r="M2894" s="1" t="s">
        <v>5</v>
      </c>
      <c r="N2894" s="1" t="s">
        <v>10</v>
      </c>
      <c r="O2894" s="1" t="s">
        <v>38</v>
      </c>
      <c r="P2894" s="5" t="s">
        <v>30072</v>
      </c>
    </row>
    <row r="2895" spans="1:16" x14ac:dyDescent="0.2">
      <c r="A2895" s="1" t="s">
        <v>20</v>
      </c>
      <c r="B2895" s="1" t="s">
        <v>93</v>
      </c>
      <c r="C2895" s="1" t="s">
        <v>9977</v>
      </c>
      <c r="D2895" s="1" t="s">
        <v>9978</v>
      </c>
      <c r="E2895" s="1"/>
      <c r="F2895" s="1" t="s">
        <v>27</v>
      </c>
      <c r="G2895" s="1" t="s">
        <v>10</v>
      </c>
      <c r="H2895" s="1" t="s">
        <v>9980</v>
      </c>
      <c r="I2895" s="1" t="s">
        <v>9126</v>
      </c>
      <c r="J2895" s="1" t="s">
        <v>9979</v>
      </c>
      <c r="K2895" s="1" t="s">
        <v>27</v>
      </c>
      <c r="L2895" s="1" t="s">
        <v>9976</v>
      </c>
      <c r="M2895" s="1" t="s">
        <v>5</v>
      </c>
      <c r="N2895" s="1" t="s">
        <v>25</v>
      </c>
      <c r="O2895" s="1" t="s">
        <v>8</v>
      </c>
      <c r="P2895" s="5" t="s">
        <v>30168</v>
      </c>
    </row>
    <row r="2896" spans="1:16" x14ac:dyDescent="0.2">
      <c r="A2896" s="1" t="s">
        <v>194</v>
      </c>
      <c r="B2896" s="1" t="s">
        <v>396</v>
      </c>
      <c r="C2896" s="1" t="s">
        <v>8609</v>
      </c>
      <c r="D2896" s="1" t="s">
        <v>8612</v>
      </c>
      <c r="E2896" s="1" t="s">
        <v>9982</v>
      </c>
      <c r="F2896" s="1" t="s">
        <v>27</v>
      </c>
      <c r="G2896" s="1" t="s">
        <v>10</v>
      </c>
      <c r="H2896" s="1" t="s">
        <v>8613</v>
      </c>
      <c r="I2896" s="1" t="s">
        <v>9126</v>
      </c>
      <c r="J2896" s="1" t="s">
        <v>9248</v>
      </c>
      <c r="K2896" s="1" t="s">
        <v>27</v>
      </c>
      <c r="L2896" s="1" t="s">
        <v>9981</v>
      </c>
      <c r="M2896" s="1" t="s">
        <v>5</v>
      </c>
      <c r="N2896" s="1" t="s">
        <v>6</v>
      </c>
      <c r="O2896" s="1" t="s">
        <v>8</v>
      </c>
      <c r="P2896" s="5"/>
    </row>
    <row r="2897" spans="1:16" x14ac:dyDescent="0.2">
      <c r="A2897" s="1" t="s">
        <v>194</v>
      </c>
      <c r="B2897" s="1" t="s">
        <v>396</v>
      </c>
      <c r="C2897" s="1" t="s">
        <v>9984</v>
      </c>
      <c r="D2897" s="1" t="s">
        <v>9985</v>
      </c>
      <c r="E2897" s="1" t="s">
        <v>9986</v>
      </c>
      <c r="F2897" s="1" t="s">
        <v>27</v>
      </c>
      <c r="G2897" s="1" t="s">
        <v>10</v>
      </c>
      <c r="H2897" s="1" t="s">
        <v>1813</v>
      </c>
      <c r="I2897" s="1" t="s">
        <v>9126</v>
      </c>
      <c r="J2897" s="1" t="s">
        <v>10</v>
      </c>
      <c r="K2897" s="1" t="s">
        <v>27</v>
      </c>
      <c r="L2897" s="1" t="s">
        <v>9983</v>
      </c>
      <c r="M2897" s="1" t="s">
        <v>5</v>
      </c>
      <c r="N2897" s="1" t="s">
        <v>6</v>
      </c>
      <c r="O2897" s="1" t="s">
        <v>8</v>
      </c>
      <c r="P2897" s="5" t="s">
        <v>30169</v>
      </c>
    </row>
    <row r="2898" spans="1:16" x14ac:dyDescent="0.2">
      <c r="A2898" s="1" t="s">
        <v>194</v>
      </c>
      <c r="B2898" s="1" t="s">
        <v>6481</v>
      </c>
      <c r="C2898" s="1" t="s">
        <v>6708</v>
      </c>
      <c r="D2898" s="1" t="s">
        <v>6708</v>
      </c>
      <c r="E2898" s="1" t="s">
        <v>9664</v>
      </c>
      <c r="F2898" s="1" t="s">
        <v>27</v>
      </c>
      <c r="G2898" s="1" t="s">
        <v>10</v>
      </c>
      <c r="H2898" s="1" t="s">
        <v>9988</v>
      </c>
      <c r="I2898" s="1" t="s">
        <v>9126</v>
      </c>
      <c r="J2898" s="1" t="s">
        <v>9134</v>
      </c>
      <c r="K2898" s="1" t="s">
        <v>27</v>
      </c>
      <c r="L2898" s="1" t="s">
        <v>9987</v>
      </c>
      <c r="M2898" s="1" t="s">
        <v>5</v>
      </c>
      <c r="N2898" s="1" t="s">
        <v>6</v>
      </c>
      <c r="O2898" s="1" t="s">
        <v>8</v>
      </c>
      <c r="P2898" s="5" t="s">
        <v>10</v>
      </c>
    </row>
    <row r="2899" spans="1:16" x14ac:dyDescent="0.2">
      <c r="A2899" s="1" t="s">
        <v>329</v>
      </c>
      <c r="B2899" s="1" t="s">
        <v>439</v>
      </c>
      <c r="C2899" s="1" t="s">
        <v>2330</v>
      </c>
      <c r="D2899" s="1" t="s">
        <v>825</v>
      </c>
      <c r="E2899" s="1"/>
      <c r="F2899" s="1" t="s">
        <v>437</v>
      </c>
      <c r="G2899" s="1" t="s">
        <v>9990</v>
      </c>
      <c r="H2899" s="1" t="s">
        <v>9438</v>
      </c>
      <c r="I2899" s="1" t="s">
        <v>9126</v>
      </c>
      <c r="J2899" s="1" t="s">
        <v>9248</v>
      </c>
      <c r="K2899" s="1" t="s">
        <v>27</v>
      </c>
      <c r="L2899" s="1" t="s">
        <v>9989</v>
      </c>
      <c r="M2899" s="1" t="s">
        <v>5</v>
      </c>
      <c r="N2899" s="1" t="s">
        <v>6</v>
      </c>
      <c r="O2899" s="1" t="s">
        <v>8</v>
      </c>
      <c r="P2899" s="5" t="s">
        <v>30170</v>
      </c>
    </row>
    <row r="2900" spans="1:16" x14ac:dyDescent="0.2">
      <c r="A2900" s="1" t="s">
        <v>42</v>
      </c>
      <c r="B2900" s="1" t="s">
        <v>43</v>
      </c>
      <c r="C2900" s="1" t="s">
        <v>9992</v>
      </c>
      <c r="D2900" s="1" t="s">
        <v>9993</v>
      </c>
      <c r="E2900" s="1" t="s">
        <v>9995</v>
      </c>
      <c r="F2900" s="1" t="s">
        <v>27</v>
      </c>
      <c r="G2900" s="1" t="s">
        <v>10</v>
      </c>
      <c r="H2900" s="1" t="s">
        <v>905</v>
      </c>
      <c r="I2900" s="1" t="s">
        <v>9126</v>
      </c>
      <c r="J2900" s="1" t="s">
        <v>9994</v>
      </c>
      <c r="K2900" s="1" t="s">
        <v>37</v>
      </c>
      <c r="L2900" s="1" t="s">
        <v>9991</v>
      </c>
      <c r="M2900" s="1" t="s">
        <v>5</v>
      </c>
      <c r="N2900" s="1" t="s">
        <v>25</v>
      </c>
      <c r="O2900" s="1" t="s">
        <v>8</v>
      </c>
      <c r="P2900" s="5" t="s">
        <v>30171</v>
      </c>
    </row>
    <row r="2901" spans="1:16" x14ac:dyDescent="0.2">
      <c r="A2901" s="1" t="s">
        <v>20</v>
      </c>
      <c r="B2901" s="1" t="s">
        <v>253</v>
      </c>
      <c r="C2901" s="1" t="s">
        <v>9997</v>
      </c>
      <c r="D2901" s="1" t="s">
        <v>9998</v>
      </c>
      <c r="E2901" s="1"/>
      <c r="F2901" s="1" t="s">
        <v>10</v>
      </c>
      <c r="G2901" s="1" t="s">
        <v>10</v>
      </c>
      <c r="H2901" s="1" t="s">
        <v>10</v>
      </c>
      <c r="I2901" s="1" t="s">
        <v>9126</v>
      </c>
      <c r="J2901" s="1" t="s">
        <v>9418</v>
      </c>
      <c r="K2901" s="1" t="s">
        <v>27</v>
      </c>
      <c r="L2901" s="1" t="s">
        <v>9996</v>
      </c>
      <c r="M2901" s="1" t="s">
        <v>5</v>
      </c>
      <c r="N2901" s="1" t="s">
        <v>25</v>
      </c>
      <c r="O2901" s="1" t="s">
        <v>38</v>
      </c>
      <c r="P2901" s="5" t="s">
        <v>30172</v>
      </c>
    </row>
    <row r="2902" spans="1:16" x14ac:dyDescent="0.2">
      <c r="A2902" s="1" t="s">
        <v>66</v>
      </c>
      <c r="B2902" s="1" t="s">
        <v>67</v>
      </c>
      <c r="C2902" s="1" t="s">
        <v>10000</v>
      </c>
      <c r="D2902" s="1" t="s">
        <v>10000</v>
      </c>
      <c r="E2902" s="1" t="s">
        <v>10001</v>
      </c>
      <c r="F2902" s="1" t="s">
        <v>27</v>
      </c>
      <c r="G2902" s="1" t="s">
        <v>10</v>
      </c>
      <c r="H2902" s="1" t="s">
        <v>10000</v>
      </c>
      <c r="I2902" s="1" t="s">
        <v>9126</v>
      </c>
      <c r="J2902" s="1" t="s">
        <v>9418</v>
      </c>
      <c r="K2902" s="1" t="s">
        <v>27</v>
      </c>
      <c r="L2902" s="1" t="s">
        <v>9999</v>
      </c>
      <c r="M2902" s="1" t="s">
        <v>5</v>
      </c>
      <c r="N2902" s="1" t="s">
        <v>25</v>
      </c>
      <c r="O2902" s="1" t="s">
        <v>8</v>
      </c>
      <c r="P2902" s="5" t="s">
        <v>30173</v>
      </c>
    </row>
    <row r="2903" spans="1:16" x14ac:dyDescent="0.2">
      <c r="A2903" s="1" t="s">
        <v>1385</v>
      </c>
      <c r="B2903" s="1" t="s">
        <v>1687</v>
      </c>
      <c r="C2903" s="1" t="s">
        <v>10003</v>
      </c>
      <c r="D2903" s="1" t="s">
        <v>10004</v>
      </c>
      <c r="E2903" s="1" t="s">
        <v>10005</v>
      </c>
      <c r="F2903" s="1" t="s">
        <v>414</v>
      </c>
      <c r="G2903" s="1" t="s">
        <v>10006</v>
      </c>
      <c r="H2903" s="1" t="s">
        <v>10</v>
      </c>
      <c r="I2903" s="1" t="s">
        <v>9126</v>
      </c>
      <c r="J2903" s="1" t="s">
        <v>9188</v>
      </c>
      <c r="K2903" s="1" t="s">
        <v>27</v>
      </c>
      <c r="L2903" s="1" t="s">
        <v>10002</v>
      </c>
      <c r="M2903" s="1" t="s">
        <v>5</v>
      </c>
      <c r="N2903" s="1" t="s">
        <v>10</v>
      </c>
      <c r="O2903" s="1" t="s">
        <v>8</v>
      </c>
      <c r="P2903" s="5" t="s">
        <v>30174</v>
      </c>
    </row>
    <row r="2904" spans="1:16" ht="63.75" x14ac:dyDescent="0.2">
      <c r="A2904" s="1" t="s">
        <v>42</v>
      </c>
      <c r="B2904" s="1" t="s">
        <v>356</v>
      </c>
      <c r="C2904" s="1" t="s">
        <v>10008</v>
      </c>
      <c r="D2904" s="1" t="s">
        <v>825</v>
      </c>
      <c r="E2904" s="1" t="s">
        <v>10009</v>
      </c>
      <c r="F2904" s="1" t="s">
        <v>27</v>
      </c>
      <c r="G2904" s="1" t="s">
        <v>10</v>
      </c>
      <c r="H2904" s="1" t="s">
        <v>9664</v>
      </c>
      <c r="I2904" s="1" t="s">
        <v>9126</v>
      </c>
      <c r="J2904" s="1" t="s">
        <v>19</v>
      </c>
      <c r="K2904" s="1" t="s">
        <v>1027</v>
      </c>
      <c r="L2904" s="1" t="s">
        <v>10007</v>
      </c>
      <c r="M2904" s="1" t="s">
        <v>5</v>
      </c>
      <c r="N2904" s="1" t="s">
        <v>6</v>
      </c>
      <c r="O2904" s="1" t="s">
        <v>8</v>
      </c>
      <c r="P2904" s="9" t="s">
        <v>31375</v>
      </c>
    </row>
    <row r="2905" spans="1:16" x14ac:dyDescent="0.2">
      <c r="A2905" s="1" t="s">
        <v>42</v>
      </c>
      <c r="B2905" s="1" t="s">
        <v>43</v>
      </c>
      <c r="C2905" s="1" t="s">
        <v>10011</v>
      </c>
      <c r="D2905" s="1" t="s">
        <v>10012</v>
      </c>
      <c r="E2905" s="1"/>
      <c r="F2905" s="1" t="s">
        <v>10</v>
      </c>
      <c r="G2905" s="1" t="s">
        <v>10</v>
      </c>
      <c r="H2905" s="1" t="s">
        <v>10</v>
      </c>
      <c r="I2905" s="1" t="s">
        <v>9126</v>
      </c>
      <c r="J2905" s="1" t="s">
        <v>9134</v>
      </c>
      <c r="K2905" s="1" t="s">
        <v>27</v>
      </c>
      <c r="L2905" s="1" t="s">
        <v>10010</v>
      </c>
      <c r="M2905" s="1" t="s">
        <v>5</v>
      </c>
      <c r="N2905" s="1" t="s">
        <v>960</v>
      </c>
      <c r="O2905" s="1" t="s">
        <v>38</v>
      </c>
      <c r="P2905" s="5" t="s">
        <v>32738</v>
      </c>
    </row>
    <row r="2906" spans="1:16" x14ac:dyDescent="0.2">
      <c r="A2906" s="1" t="s">
        <v>10</v>
      </c>
      <c r="B2906" s="1" t="s">
        <v>10</v>
      </c>
      <c r="C2906" s="1" t="s">
        <v>10014</v>
      </c>
      <c r="D2906" s="1" t="s">
        <v>10</v>
      </c>
      <c r="E2906" s="1" t="s">
        <v>10015</v>
      </c>
      <c r="F2906" s="1" t="s">
        <v>10</v>
      </c>
      <c r="G2906" s="1" t="s">
        <v>10</v>
      </c>
      <c r="H2906" s="1" t="s">
        <v>10</v>
      </c>
      <c r="I2906" s="1" t="s">
        <v>9126</v>
      </c>
      <c r="J2906" s="1" t="s">
        <v>10</v>
      </c>
      <c r="K2906" s="1" t="s">
        <v>27</v>
      </c>
      <c r="L2906" s="1" t="s">
        <v>10013</v>
      </c>
      <c r="M2906" s="1" t="s">
        <v>5</v>
      </c>
      <c r="N2906" s="1" t="s">
        <v>6</v>
      </c>
      <c r="O2906" s="1" t="s">
        <v>38</v>
      </c>
      <c r="P2906" s="5" t="s">
        <v>30175</v>
      </c>
    </row>
    <row r="2907" spans="1:16" x14ac:dyDescent="0.2">
      <c r="A2907" s="1" t="s">
        <v>66</v>
      </c>
      <c r="B2907" s="1" t="s">
        <v>574</v>
      </c>
      <c r="C2907" s="1" t="s">
        <v>10017</v>
      </c>
      <c r="D2907" s="1" t="s">
        <v>10018</v>
      </c>
      <c r="E2907" s="1"/>
      <c r="F2907" s="1" t="s">
        <v>10</v>
      </c>
      <c r="G2907" s="1" t="s">
        <v>10</v>
      </c>
      <c r="H2907" s="1" t="s">
        <v>10</v>
      </c>
      <c r="I2907" s="1" t="s">
        <v>9126</v>
      </c>
      <c r="J2907" s="1" t="s">
        <v>9134</v>
      </c>
      <c r="K2907" s="1" t="s">
        <v>27</v>
      </c>
      <c r="L2907" s="1" t="s">
        <v>10016</v>
      </c>
      <c r="M2907" s="1" t="s">
        <v>5</v>
      </c>
      <c r="N2907" s="1" t="s">
        <v>960</v>
      </c>
      <c r="O2907" s="1" t="s">
        <v>38</v>
      </c>
      <c r="P2907" s="5" t="s">
        <v>31376</v>
      </c>
    </row>
    <row r="2908" spans="1:16" x14ac:dyDescent="0.2">
      <c r="A2908" s="1" t="s">
        <v>20</v>
      </c>
      <c r="B2908" s="1" t="s">
        <v>1047</v>
      </c>
      <c r="C2908" s="1" t="s">
        <v>10020</v>
      </c>
      <c r="D2908" s="1" t="s">
        <v>10021</v>
      </c>
      <c r="E2908" s="1" t="s">
        <v>10022</v>
      </c>
      <c r="F2908" s="1" t="s">
        <v>10</v>
      </c>
      <c r="G2908" s="1" t="s">
        <v>10</v>
      </c>
      <c r="H2908" s="1" t="s">
        <v>10</v>
      </c>
      <c r="I2908" s="1" t="s">
        <v>9126</v>
      </c>
      <c r="J2908" s="1" t="s">
        <v>9248</v>
      </c>
      <c r="K2908" s="1" t="s">
        <v>27</v>
      </c>
      <c r="L2908" s="1" t="s">
        <v>10019</v>
      </c>
      <c r="M2908" s="1" t="s">
        <v>5</v>
      </c>
      <c r="N2908" s="1" t="s">
        <v>432</v>
      </c>
      <c r="O2908" s="1" t="s">
        <v>38</v>
      </c>
      <c r="P2908" s="5" t="s">
        <v>30176</v>
      </c>
    </row>
    <row r="2909" spans="1:16" x14ac:dyDescent="0.2">
      <c r="A2909" s="1" t="s">
        <v>66</v>
      </c>
      <c r="B2909" s="1" t="s">
        <v>574</v>
      </c>
      <c r="C2909" s="1" t="s">
        <v>10024</v>
      </c>
      <c r="D2909" s="1" t="s">
        <v>10025</v>
      </c>
      <c r="E2909" s="1"/>
      <c r="F2909" s="1" t="s">
        <v>10</v>
      </c>
      <c r="G2909" s="1" t="s">
        <v>10</v>
      </c>
      <c r="H2909" s="1" t="s">
        <v>10</v>
      </c>
      <c r="I2909" s="1" t="s">
        <v>9126</v>
      </c>
      <c r="J2909" s="1" t="s">
        <v>9134</v>
      </c>
      <c r="K2909" s="1" t="s">
        <v>27</v>
      </c>
      <c r="L2909" s="1" t="s">
        <v>10023</v>
      </c>
      <c r="M2909" s="1" t="s">
        <v>5</v>
      </c>
      <c r="N2909" s="1" t="s">
        <v>960</v>
      </c>
      <c r="O2909" s="1" t="s">
        <v>38</v>
      </c>
      <c r="P2909" s="5" t="s">
        <v>30059</v>
      </c>
    </row>
    <row r="2910" spans="1:16" x14ac:dyDescent="0.2">
      <c r="A2910" s="1" t="s">
        <v>20</v>
      </c>
      <c r="B2910" s="1" t="s">
        <v>445</v>
      </c>
      <c r="C2910" s="1" t="s">
        <v>10027</v>
      </c>
      <c r="D2910" s="1" t="s">
        <v>10028</v>
      </c>
      <c r="E2910" s="1" t="s">
        <v>10030</v>
      </c>
      <c r="F2910" s="1" t="s">
        <v>10</v>
      </c>
      <c r="G2910" s="1" t="s">
        <v>10</v>
      </c>
      <c r="H2910" s="1" t="s">
        <v>10</v>
      </c>
      <c r="I2910" s="1" t="s">
        <v>9126</v>
      </c>
      <c r="J2910" s="1" t="s">
        <v>10029</v>
      </c>
      <c r="K2910" s="1" t="s">
        <v>27</v>
      </c>
      <c r="L2910" s="1" t="s">
        <v>10026</v>
      </c>
      <c r="M2910" s="1" t="s">
        <v>5</v>
      </c>
      <c r="N2910" s="1" t="s">
        <v>25</v>
      </c>
      <c r="O2910" s="1" t="s">
        <v>38</v>
      </c>
      <c r="P2910" s="5" t="s">
        <v>30177</v>
      </c>
    </row>
    <row r="2911" spans="1:16" ht="38.25" x14ac:dyDescent="0.2">
      <c r="A2911" s="1" t="s">
        <v>66</v>
      </c>
      <c r="B2911" s="1" t="s">
        <v>574</v>
      </c>
      <c r="C2911" s="1" t="s">
        <v>10032</v>
      </c>
      <c r="D2911" s="1" t="s">
        <v>10033</v>
      </c>
      <c r="E2911" s="1"/>
      <c r="F2911" s="1" t="s">
        <v>10</v>
      </c>
      <c r="G2911" s="1" t="s">
        <v>10</v>
      </c>
      <c r="H2911" s="1" t="s">
        <v>10</v>
      </c>
      <c r="I2911" s="1" t="s">
        <v>9126</v>
      </c>
      <c r="J2911" s="1" t="s">
        <v>9134</v>
      </c>
      <c r="K2911" s="1" t="s">
        <v>130</v>
      </c>
      <c r="L2911" s="1" t="s">
        <v>10031</v>
      </c>
      <c r="M2911" s="1" t="s">
        <v>5</v>
      </c>
      <c r="N2911" s="1" t="s">
        <v>25</v>
      </c>
      <c r="O2911" s="1" t="s">
        <v>38</v>
      </c>
      <c r="P2911" s="9" t="s">
        <v>31377</v>
      </c>
    </row>
    <row r="2912" spans="1:16" x14ac:dyDescent="0.2">
      <c r="A2912" s="1" t="s">
        <v>42</v>
      </c>
      <c r="B2912" s="1" t="s">
        <v>43</v>
      </c>
      <c r="C2912" s="1" t="s">
        <v>10035</v>
      </c>
      <c r="D2912" s="1" t="s">
        <v>10036</v>
      </c>
      <c r="E2912" s="1"/>
      <c r="F2912" s="1" t="s">
        <v>10</v>
      </c>
      <c r="G2912" s="1" t="s">
        <v>10</v>
      </c>
      <c r="H2912" s="1" t="s">
        <v>10</v>
      </c>
      <c r="I2912" s="1" t="s">
        <v>9126</v>
      </c>
      <c r="J2912" s="1" t="s">
        <v>10037</v>
      </c>
      <c r="K2912" s="1" t="s">
        <v>37</v>
      </c>
      <c r="L2912" s="1" t="s">
        <v>10034</v>
      </c>
      <c r="M2912" s="1" t="s">
        <v>5</v>
      </c>
      <c r="N2912" s="1" t="s">
        <v>6</v>
      </c>
      <c r="O2912" s="1" t="s">
        <v>38</v>
      </c>
      <c r="P2912" s="5" t="s">
        <v>30178</v>
      </c>
    </row>
    <row r="2913" spans="1:16" x14ac:dyDescent="0.2">
      <c r="A2913" s="1" t="s">
        <v>20</v>
      </c>
      <c r="B2913" s="1" t="s">
        <v>99</v>
      </c>
      <c r="C2913" s="1" t="s">
        <v>10039</v>
      </c>
      <c r="D2913" s="1" t="s">
        <v>10040</v>
      </c>
      <c r="E2913" s="1"/>
      <c r="F2913" s="1" t="s">
        <v>10</v>
      </c>
      <c r="G2913" s="1" t="s">
        <v>10</v>
      </c>
      <c r="H2913" s="1" t="s">
        <v>10</v>
      </c>
      <c r="I2913" s="1" t="s">
        <v>9126</v>
      </c>
      <c r="J2913" s="1" t="s">
        <v>9286</v>
      </c>
      <c r="K2913" s="1" t="s">
        <v>27</v>
      </c>
      <c r="L2913" s="1" t="s">
        <v>10038</v>
      </c>
      <c r="M2913" s="1" t="s">
        <v>5</v>
      </c>
      <c r="N2913" s="1" t="s">
        <v>960</v>
      </c>
      <c r="O2913" s="1" t="s">
        <v>38</v>
      </c>
      <c r="P2913" s="5" t="s">
        <v>31378</v>
      </c>
    </row>
    <row r="2914" spans="1:16" x14ac:dyDescent="0.2">
      <c r="A2914" s="1" t="s">
        <v>20</v>
      </c>
      <c r="B2914" s="1" t="s">
        <v>172</v>
      </c>
      <c r="C2914" s="1" t="s">
        <v>10042</v>
      </c>
      <c r="D2914" s="1" t="s">
        <v>10043</v>
      </c>
      <c r="E2914" s="1"/>
      <c r="F2914" s="1" t="s">
        <v>10</v>
      </c>
      <c r="G2914" s="1" t="s">
        <v>10</v>
      </c>
      <c r="H2914" s="1" t="s">
        <v>10</v>
      </c>
      <c r="I2914" s="1" t="s">
        <v>9126</v>
      </c>
      <c r="J2914" s="1" t="s">
        <v>9472</v>
      </c>
      <c r="K2914" s="1" t="s">
        <v>27</v>
      </c>
      <c r="L2914" s="1" t="s">
        <v>10041</v>
      </c>
      <c r="M2914" s="1" t="s">
        <v>5</v>
      </c>
      <c r="N2914" s="1" t="s">
        <v>25</v>
      </c>
      <c r="O2914" s="1" t="s">
        <v>38</v>
      </c>
      <c r="P2914" s="5" t="s">
        <v>30176</v>
      </c>
    </row>
    <row r="2915" spans="1:16" x14ac:dyDescent="0.2">
      <c r="A2915" s="1" t="s">
        <v>1385</v>
      </c>
      <c r="B2915" s="1" t="s">
        <v>2317</v>
      </c>
      <c r="C2915" s="1" t="s">
        <v>10045</v>
      </c>
      <c r="D2915" s="1" t="s">
        <v>10046</v>
      </c>
      <c r="E2915" s="1"/>
      <c r="F2915" s="1" t="s">
        <v>414</v>
      </c>
      <c r="G2915" s="1" t="s">
        <v>416</v>
      </c>
      <c r="H2915" s="1" t="s">
        <v>9664</v>
      </c>
      <c r="I2915" s="1" t="s">
        <v>9126</v>
      </c>
      <c r="J2915" s="1" t="s">
        <v>10047</v>
      </c>
      <c r="K2915" s="1" t="s">
        <v>64</v>
      </c>
      <c r="L2915" s="1" t="s">
        <v>10044</v>
      </c>
      <c r="M2915" s="1" t="s">
        <v>5</v>
      </c>
      <c r="N2915" s="1" t="s">
        <v>10</v>
      </c>
      <c r="O2915" s="1" t="s">
        <v>8</v>
      </c>
      <c r="P2915" s="5" t="s">
        <v>30179</v>
      </c>
    </row>
    <row r="2916" spans="1:16" x14ac:dyDescent="0.2">
      <c r="A2916" s="1" t="s">
        <v>20</v>
      </c>
      <c r="B2916" s="1" t="s">
        <v>253</v>
      </c>
      <c r="C2916" s="1" t="s">
        <v>10049</v>
      </c>
      <c r="D2916" s="1" t="s">
        <v>10050</v>
      </c>
      <c r="E2916" s="1"/>
      <c r="F2916" s="1" t="s">
        <v>10</v>
      </c>
      <c r="G2916" s="1" t="s">
        <v>10</v>
      </c>
      <c r="H2916" s="1" t="s">
        <v>10</v>
      </c>
      <c r="I2916" s="1" t="s">
        <v>9126</v>
      </c>
      <c r="J2916" s="1" t="s">
        <v>9180</v>
      </c>
      <c r="K2916" s="1" t="s">
        <v>27</v>
      </c>
      <c r="L2916" s="1" t="s">
        <v>10048</v>
      </c>
      <c r="M2916" s="1" t="s">
        <v>5</v>
      </c>
      <c r="N2916" s="1" t="s">
        <v>25</v>
      </c>
      <c r="O2916" s="1" t="s">
        <v>38</v>
      </c>
      <c r="P2916" s="5" t="s">
        <v>30180</v>
      </c>
    </row>
    <row r="2917" spans="1:16" x14ac:dyDescent="0.2">
      <c r="A2917" s="1" t="s">
        <v>42</v>
      </c>
      <c r="B2917" s="1" t="s">
        <v>351</v>
      </c>
      <c r="C2917" s="1" t="s">
        <v>10052</v>
      </c>
      <c r="D2917" s="1" t="s">
        <v>10053</v>
      </c>
      <c r="E2917" s="1"/>
      <c r="F2917" s="1" t="s">
        <v>27</v>
      </c>
      <c r="G2917" s="1" t="s">
        <v>10</v>
      </c>
      <c r="H2917" s="1" t="s">
        <v>1544</v>
      </c>
      <c r="I2917" s="1" t="s">
        <v>9126</v>
      </c>
      <c r="J2917" s="1" t="s">
        <v>130</v>
      </c>
      <c r="K2917" s="1" t="s">
        <v>130</v>
      </c>
      <c r="L2917" s="1" t="s">
        <v>10051</v>
      </c>
      <c r="M2917" s="1" t="s">
        <v>5</v>
      </c>
      <c r="N2917" s="1" t="s">
        <v>1009</v>
      </c>
      <c r="O2917" s="1" t="s">
        <v>8</v>
      </c>
      <c r="P2917" s="5" t="s">
        <v>30181</v>
      </c>
    </row>
    <row r="2918" spans="1:16" x14ac:dyDescent="0.2">
      <c r="A2918" s="1" t="s">
        <v>10</v>
      </c>
      <c r="B2918" s="1" t="s">
        <v>10</v>
      </c>
      <c r="C2918" s="1" t="s">
        <v>10055</v>
      </c>
      <c r="D2918" s="1" t="s">
        <v>17</v>
      </c>
      <c r="E2918" s="1"/>
      <c r="F2918" s="1" t="s">
        <v>10</v>
      </c>
      <c r="G2918" s="1" t="s">
        <v>10</v>
      </c>
      <c r="H2918" s="1" t="s">
        <v>10</v>
      </c>
      <c r="I2918" s="1" t="s">
        <v>9126</v>
      </c>
      <c r="J2918" s="1" t="s">
        <v>9134</v>
      </c>
      <c r="K2918" s="1" t="s">
        <v>27</v>
      </c>
      <c r="L2918" s="1" t="s">
        <v>10054</v>
      </c>
      <c r="M2918" s="1" t="s">
        <v>5</v>
      </c>
      <c r="N2918" s="1" t="s">
        <v>960</v>
      </c>
      <c r="O2918" s="1" t="s">
        <v>38</v>
      </c>
      <c r="P2918" s="5" t="s">
        <v>30045</v>
      </c>
    </row>
    <row r="2919" spans="1:16" x14ac:dyDescent="0.2">
      <c r="A2919" s="1" t="s">
        <v>1385</v>
      </c>
      <c r="B2919" s="1" t="s">
        <v>1687</v>
      </c>
      <c r="C2919" s="1" t="s">
        <v>10057</v>
      </c>
      <c r="D2919" s="1" t="s">
        <v>10058</v>
      </c>
      <c r="E2919" s="1" t="s">
        <v>10059</v>
      </c>
      <c r="F2919" s="1" t="s">
        <v>27</v>
      </c>
      <c r="G2919" s="1" t="s">
        <v>10</v>
      </c>
      <c r="H2919" s="1" t="s">
        <v>10060</v>
      </c>
      <c r="I2919" s="1" t="s">
        <v>9126</v>
      </c>
      <c r="J2919" s="1" t="s">
        <v>130</v>
      </c>
      <c r="K2919" s="1" t="s">
        <v>130</v>
      </c>
      <c r="L2919" s="1" t="s">
        <v>10056</v>
      </c>
      <c r="M2919" s="1" t="s">
        <v>5</v>
      </c>
      <c r="N2919" s="1" t="s">
        <v>6</v>
      </c>
      <c r="O2919" s="1" t="s">
        <v>8</v>
      </c>
      <c r="P2919" s="5" t="s">
        <v>30182</v>
      </c>
    </row>
    <row r="2920" spans="1:16" x14ac:dyDescent="0.2">
      <c r="A2920" s="1" t="s">
        <v>20</v>
      </c>
      <c r="B2920" s="1" t="s">
        <v>253</v>
      </c>
      <c r="C2920" s="1" t="s">
        <v>10062</v>
      </c>
      <c r="D2920" s="1" t="s">
        <v>10063</v>
      </c>
      <c r="E2920" s="1"/>
      <c r="F2920" s="1" t="s">
        <v>10</v>
      </c>
      <c r="G2920" s="1" t="s">
        <v>10</v>
      </c>
      <c r="H2920" s="1" t="s">
        <v>10</v>
      </c>
      <c r="I2920" s="1" t="s">
        <v>9126</v>
      </c>
      <c r="J2920" s="1" t="s">
        <v>9286</v>
      </c>
      <c r="K2920" s="1" t="s">
        <v>27</v>
      </c>
      <c r="L2920" s="1" t="s">
        <v>10061</v>
      </c>
      <c r="M2920" s="1" t="s">
        <v>5</v>
      </c>
      <c r="N2920" s="1" t="s">
        <v>25</v>
      </c>
      <c r="O2920" s="1" t="s">
        <v>38</v>
      </c>
      <c r="P2920" s="5" t="s">
        <v>30183</v>
      </c>
    </row>
    <row r="2921" spans="1:16" x14ac:dyDescent="0.2">
      <c r="A2921" s="1" t="s">
        <v>32</v>
      </c>
      <c r="B2921" s="1" t="s">
        <v>33</v>
      </c>
      <c r="C2921" s="1" t="s">
        <v>10065</v>
      </c>
      <c r="D2921" s="1" t="s">
        <v>10066</v>
      </c>
      <c r="E2921" s="1" t="s">
        <v>10067</v>
      </c>
      <c r="F2921" s="1" t="s">
        <v>10</v>
      </c>
      <c r="G2921" s="1" t="s">
        <v>10</v>
      </c>
      <c r="H2921" s="1" t="s">
        <v>10</v>
      </c>
      <c r="I2921" s="1" t="s">
        <v>9126</v>
      </c>
      <c r="J2921" s="1" t="s">
        <v>64</v>
      </c>
      <c r="K2921" s="1" t="s">
        <v>64</v>
      </c>
      <c r="L2921" s="1" t="s">
        <v>10064</v>
      </c>
      <c r="M2921" s="1" t="s">
        <v>5</v>
      </c>
      <c r="N2921" s="1" t="s">
        <v>6</v>
      </c>
      <c r="O2921" s="1" t="s">
        <v>38</v>
      </c>
      <c r="P2921" s="5" t="s">
        <v>30184</v>
      </c>
    </row>
    <row r="2922" spans="1:16" x14ac:dyDescent="0.2">
      <c r="A2922" s="1" t="s">
        <v>32</v>
      </c>
      <c r="B2922" s="1" t="s">
        <v>7383</v>
      </c>
      <c r="C2922" s="1" t="s">
        <v>10069</v>
      </c>
      <c r="D2922" s="1" t="s">
        <v>9590</v>
      </c>
      <c r="E2922" s="1" t="s">
        <v>10071</v>
      </c>
      <c r="F2922" s="1" t="s">
        <v>10</v>
      </c>
      <c r="G2922" s="1" t="s">
        <v>10</v>
      </c>
      <c r="H2922" s="1" t="s">
        <v>10</v>
      </c>
      <c r="I2922" s="1" t="s">
        <v>9126</v>
      </c>
      <c r="J2922" s="1" t="s">
        <v>10070</v>
      </c>
      <c r="K2922" s="1" t="s">
        <v>27</v>
      </c>
      <c r="L2922" s="1" t="s">
        <v>10068</v>
      </c>
      <c r="M2922" s="1" t="s">
        <v>5</v>
      </c>
      <c r="N2922" s="1" t="s">
        <v>6</v>
      </c>
      <c r="O2922" s="1" t="s">
        <v>38</v>
      </c>
      <c r="P2922" s="5" t="s">
        <v>30185</v>
      </c>
    </row>
    <row r="2923" spans="1:16" x14ac:dyDescent="0.2">
      <c r="A2923" s="1" t="s">
        <v>20</v>
      </c>
      <c r="B2923" s="1" t="s">
        <v>445</v>
      </c>
      <c r="C2923" s="1" t="s">
        <v>10073</v>
      </c>
      <c r="D2923" s="1" t="s">
        <v>10074</v>
      </c>
      <c r="E2923" s="1" t="s">
        <v>10075</v>
      </c>
      <c r="F2923" s="1" t="s">
        <v>10</v>
      </c>
      <c r="G2923" s="1" t="s">
        <v>10</v>
      </c>
      <c r="H2923" s="1" t="s">
        <v>10</v>
      </c>
      <c r="I2923" s="1" t="s">
        <v>9126</v>
      </c>
      <c r="J2923" s="1" t="s">
        <v>9672</v>
      </c>
      <c r="K2923" s="1" t="s">
        <v>27</v>
      </c>
      <c r="L2923" s="1" t="s">
        <v>10072</v>
      </c>
      <c r="M2923" s="1" t="s">
        <v>5</v>
      </c>
      <c r="N2923" s="1" t="s">
        <v>25</v>
      </c>
      <c r="O2923" s="1" t="s">
        <v>38</v>
      </c>
      <c r="P2923" s="5" t="s">
        <v>30186</v>
      </c>
    </row>
    <row r="2924" spans="1:16" x14ac:dyDescent="0.2">
      <c r="A2924" s="1" t="s">
        <v>42</v>
      </c>
      <c r="B2924" s="1" t="s">
        <v>7648</v>
      </c>
      <c r="C2924" s="1" t="s">
        <v>10077</v>
      </c>
      <c r="D2924" s="1" t="s">
        <v>6663</v>
      </c>
      <c r="E2924" s="1" t="s">
        <v>10078</v>
      </c>
      <c r="F2924" s="1" t="s">
        <v>10</v>
      </c>
      <c r="G2924" s="1" t="s">
        <v>10</v>
      </c>
      <c r="H2924" s="1" t="s">
        <v>10</v>
      </c>
      <c r="I2924" s="1" t="s">
        <v>9126</v>
      </c>
      <c r="J2924" s="1" t="s">
        <v>10070</v>
      </c>
      <c r="K2924" s="1" t="s">
        <v>27</v>
      </c>
      <c r="L2924" s="1" t="s">
        <v>10076</v>
      </c>
      <c r="M2924" s="1" t="s">
        <v>5</v>
      </c>
      <c r="N2924" s="1" t="s">
        <v>6</v>
      </c>
      <c r="O2924" s="1" t="s">
        <v>38</v>
      </c>
      <c r="P2924" s="5" t="s">
        <v>10</v>
      </c>
    </row>
    <row r="2925" spans="1:16" x14ac:dyDescent="0.2">
      <c r="A2925" s="1" t="s">
        <v>32</v>
      </c>
      <c r="B2925" s="1" t="s">
        <v>140</v>
      </c>
      <c r="C2925" s="1" t="s">
        <v>10080</v>
      </c>
      <c r="D2925" s="1" t="s">
        <v>10081</v>
      </c>
      <c r="E2925" s="1" t="s">
        <v>10082</v>
      </c>
      <c r="F2925" s="1" t="s">
        <v>10</v>
      </c>
      <c r="G2925" s="1" t="s">
        <v>10</v>
      </c>
      <c r="H2925" s="1" t="s">
        <v>10</v>
      </c>
      <c r="I2925" s="1" t="s">
        <v>9126</v>
      </c>
      <c r="J2925" s="1" t="s">
        <v>9768</v>
      </c>
      <c r="K2925" s="1" t="s">
        <v>27</v>
      </c>
      <c r="L2925" s="1" t="s">
        <v>10079</v>
      </c>
      <c r="M2925" s="1" t="s">
        <v>5</v>
      </c>
      <c r="N2925" s="1" t="s">
        <v>25</v>
      </c>
      <c r="O2925" s="1" t="s">
        <v>38</v>
      </c>
      <c r="P2925" s="5" t="s">
        <v>30187</v>
      </c>
    </row>
    <row r="2926" spans="1:16" x14ac:dyDescent="0.2">
      <c r="A2926" s="1" t="s">
        <v>66</v>
      </c>
      <c r="B2926" s="1" t="s">
        <v>574</v>
      </c>
      <c r="C2926" s="1" t="s">
        <v>10084</v>
      </c>
      <c r="D2926" s="1" t="s">
        <v>10085</v>
      </c>
      <c r="E2926" s="1" t="s">
        <v>10086</v>
      </c>
      <c r="F2926" s="1" t="s">
        <v>10</v>
      </c>
      <c r="G2926" s="1" t="s">
        <v>10</v>
      </c>
      <c r="H2926" s="1" t="s">
        <v>10</v>
      </c>
      <c r="I2926" s="1" t="s">
        <v>9126</v>
      </c>
      <c r="J2926" s="1" t="s">
        <v>9134</v>
      </c>
      <c r="K2926" s="1" t="s">
        <v>47</v>
      </c>
      <c r="L2926" s="1" t="s">
        <v>10083</v>
      </c>
      <c r="M2926" s="1" t="s">
        <v>5</v>
      </c>
      <c r="N2926" s="1" t="s">
        <v>25</v>
      </c>
      <c r="O2926" s="1" t="s">
        <v>38</v>
      </c>
      <c r="P2926" s="5" t="s">
        <v>30188</v>
      </c>
    </row>
    <row r="2927" spans="1:16" x14ac:dyDescent="0.2">
      <c r="A2927" s="1" t="s">
        <v>66</v>
      </c>
      <c r="B2927" s="1" t="s">
        <v>1127</v>
      </c>
      <c r="C2927" s="1" t="s">
        <v>10088</v>
      </c>
      <c r="D2927" s="1" t="s">
        <v>10089</v>
      </c>
      <c r="E2927" s="1"/>
      <c r="F2927" s="1" t="s">
        <v>27</v>
      </c>
      <c r="G2927" s="1" t="s">
        <v>10</v>
      </c>
      <c r="H2927" s="1" t="s">
        <v>905</v>
      </c>
      <c r="I2927" s="1" t="s">
        <v>9126</v>
      </c>
      <c r="J2927" s="1" t="s">
        <v>9180</v>
      </c>
      <c r="K2927" s="1" t="s">
        <v>27</v>
      </c>
      <c r="L2927" s="1" t="s">
        <v>10087</v>
      </c>
      <c r="M2927" s="1" t="s">
        <v>5</v>
      </c>
      <c r="N2927" s="1" t="s">
        <v>25</v>
      </c>
      <c r="O2927" s="1" t="s">
        <v>8</v>
      </c>
      <c r="P2927" s="5" t="s">
        <v>30150</v>
      </c>
    </row>
    <row r="2928" spans="1:16" x14ac:dyDescent="0.2">
      <c r="A2928" s="1" t="s">
        <v>66</v>
      </c>
      <c r="B2928" s="1" t="s">
        <v>574</v>
      </c>
      <c r="C2928" s="1" t="s">
        <v>10091</v>
      </c>
      <c r="D2928" s="1" t="s">
        <v>10092</v>
      </c>
      <c r="E2928" s="1" t="s">
        <v>10093</v>
      </c>
      <c r="F2928" s="1" t="s">
        <v>27</v>
      </c>
      <c r="G2928" s="1" t="s">
        <v>10</v>
      </c>
      <c r="H2928" s="1" t="s">
        <v>905</v>
      </c>
      <c r="I2928" s="1" t="s">
        <v>9126</v>
      </c>
      <c r="J2928" s="1" t="s">
        <v>154</v>
      </c>
      <c r="K2928" s="1" t="s">
        <v>7367</v>
      </c>
      <c r="L2928" s="1" t="s">
        <v>10090</v>
      </c>
      <c r="M2928" s="1" t="s">
        <v>5</v>
      </c>
      <c r="N2928" s="1" t="s">
        <v>25</v>
      </c>
      <c r="O2928" s="1" t="s">
        <v>8</v>
      </c>
      <c r="P2928" s="5" t="s">
        <v>30189</v>
      </c>
    </row>
    <row r="2929" spans="1:16" x14ac:dyDescent="0.2">
      <c r="A2929" s="1" t="s">
        <v>20</v>
      </c>
      <c r="B2929" s="1" t="s">
        <v>302</v>
      </c>
      <c r="C2929" s="1" t="s">
        <v>10095</v>
      </c>
      <c r="D2929" s="1" t="s">
        <v>10096</v>
      </c>
      <c r="E2929" s="1"/>
      <c r="F2929" s="1" t="s">
        <v>10</v>
      </c>
      <c r="G2929" s="1" t="s">
        <v>10</v>
      </c>
      <c r="H2929" s="1" t="s">
        <v>10</v>
      </c>
      <c r="I2929" s="1" t="s">
        <v>9126</v>
      </c>
      <c r="J2929" s="1" t="s">
        <v>9134</v>
      </c>
      <c r="K2929" s="1" t="s">
        <v>27</v>
      </c>
      <c r="L2929" s="1" t="s">
        <v>10094</v>
      </c>
      <c r="M2929" s="1" t="s">
        <v>5</v>
      </c>
      <c r="N2929" s="1" t="s">
        <v>6</v>
      </c>
      <c r="O2929" s="1" t="s">
        <v>38</v>
      </c>
      <c r="P2929" s="5" t="s">
        <v>30234</v>
      </c>
    </row>
    <row r="2930" spans="1:16" x14ac:dyDescent="0.2">
      <c r="A2930" s="1" t="s">
        <v>66</v>
      </c>
      <c r="B2930" s="1" t="s">
        <v>574</v>
      </c>
      <c r="C2930" s="1" t="s">
        <v>10098</v>
      </c>
      <c r="D2930" s="1" t="s">
        <v>10099</v>
      </c>
      <c r="E2930" s="1"/>
      <c r="F2930" s="1" t="s">
        <v>27</v>
      </c>
      <c r="G2930" s="1" t="s">
        <v>10</v>
      </c>
      <c r="H2930" s="1" t="s">
        <v>905</v>
      </c>
      <c r="I2930" s="1" t="s">
        <v>9126</v>
      </c>
      <c r="J2930" s="1" t="s">
        <v>9418</v>
      </c>
      <c r="K2930" s="1" t="s">
        <v>27</v>
      </c>
      <c r="L2930" s="1" t="s">
        <v>10097</v>
      </c>
      <c r="M2930" s="1" t="s">
        <v>5</v>
      </c>
      <c r="N2930" s="1" t="s">
        <v>25</v>
      </c>
      <c r="O2930" s="1" t="s">
        <v>8</v>
      </c>
      <c r="P2930" s="5" t="s">
        <v>30190</v>
      </c>
    </row>
    <row r="2931" spans="1:16" x14ac:dyDescent="0.2">
      <c r="A2931" s="1" t="s">
        <v>20</v>
      </c>
      <c r="B2931" s="1" t="s">
        <v>253</v>
      </c>
      <c r="C2931" s="1" t="s">
        <v>10101</v>
      </c>
      <c r="D2931" s="1" t="s">
        <v>10102</v>
      </c>
      <c r="E2931" s="1"/>
      <c r="F2931" s="1" t="s">
        <v>10</v>
      </c>
      <c r="G2931" s="1" t="s">
        <v>10</v>
      </c>
      <c r="H2931" s="1" t="s">
        <v>10</v>
      </c>
      <c r="I2931" s="1" t="s">
        <v>9126</v>
      </c>
      <c r="J2931" s="1" t="s">
        <v>9245</v>
      </c>
      <c r="K2931" s="1" t="s">
        <v>244</v>
      </c>
      <c r="L2931" s="1" t="s">
        <v>10100</v>
      </c>
      <c r="M2931" s="1" t="s">
        <v>5</v>
      </c>
      <c r="N2931" s="1" t="s">
        <v>25</v>
      </c>
      <c r="O2931" s="1" t="s">
        <v>38</v>
      </c>
      <c r="P2931" s="5" t="s">
        <v>30191</v>
      </c>
    </row>
    <row r="2932" spans="1:16" x14ac:dyDescent="0.2">
      <c r="A2932" s="1" t="s">
        <v>194</v>
      </c>
      <c r="B2932" s="1" t="s">
        <v>6481</v>
      </c>
      <c r="C2932" s="1" t="s">
        <v>10104</v>
      </c>
      <c r="D2932" s="1" t="s">
        <v>3466</v>
      </c>
      <c r="E2932" s="1" t="s">
        <v>10105</v>
      </c>
      <c r="F2932" s="1" t="s">
        <v>10</v>
      </c>
      <c r="G2932" s="1" t="s">
        <v>10</v>
      </c>
      <c r="H2932" s="1" t="s">
        <v>10</v>
      </c>
      <c r="I2932" s="1" t="s">
        <v>9126</v>
      </c>
      <c r="J2932" s="1" t="s">
        <v>9612</v>
      </c>
      <c r="K2932" s="1" t="s">
        <v>27</v>
      </c>
      <c r="L2932" s="1" t="s">
        <v>10103</v>
      </c>
      <c r="M2932" s="1" t="s">
        <v>5</v>
      </c>
      <c r="N2932" s="1" t="s">
        <v>25</v>
      </c>
      <c r="O2932" s="1" t="s">
        <v>38</v>
      </c>
      <c r="P2932" s="5" t="s">
        <v>30192</v>
      </c>
    </row>
    <row r="2933" spans="1:16" x14ac:dyDescent="0.2">
      <c r="A2933" s="1" t="s">
        <v>20</v>
      </c>
      <c r="B2933" s="1" t="s">
        <v>445</v>
      </c>
      <c r="C2933" s="1" t="s">
        <v>10107</v>
      </c>
      <c r="D2933" s="1" t="s">
        <v>9590</v>
      </c>
      <c r="E2933" s="1"/>
      <c r="F2933" s="1" t="s">
        <v>10</v>
      </c>
      <c r="G2933" s="1" t="s">
        <v>10</v>
      </c>
      <c r="H2933" s="1" t="s">
        <v>10</v>
      </c>
      <c r="I2933" s="1" t="s">
        <v>9126</v>
      </c>
      <c r="J2933" s="1" t="s">
        <v>10070</v>
      </c>
      <c r="K2933" s="1" t="s">
        <v>27</v>
      </c>
      <c r="L2933" s="1" t="s">
        <v>10106</v>
      </c>
      <c r="M2933" s="1" t="s">
        <v>5</v>
      </c>
      <c r="N2933" s="1" t="s">
        <v>6</v>
      </c>
      <c r="O2933" s="1" t="s">
        <v>38</v>
      </c>
      <c r="P2933" s="5" t="s">
        <v>30193</v>
      </c>
    </row>
    <row r="2934" spans="1:16" x14ac:dyDescent="0.2">
      <c r="A2934" s="1" t="s">
        <v>20</v>
      </c>
      <c r="B2934" s="1" t="s">
        <v>445</v>
      </c>
      <c r="C2934" s="1" t="s">
        <v>10109</v>
      </c>
      <c r="D2934" s="1" t="s">
        <v>9590</v>
      </c>
      <c r="E2934" s="1" t="s">
        <v>10110</v>
      </c>
      <c r="F2934" s="1" t="s">
        <v>10</v>
      </c>
      <c r="G2934" s="1" t="s">
        <v>10</v>
      </c>
      <c r="H2934" s="1" t="s">
        <v>10</v>
      </c>
      <c r="I2934" s="1" t="s">
        <v>9126</v>
      </c>
      <c r="J2934" s="1" t="s">
        <v>10070</v>
      </c>
      <c r="K2934" s="1" t="s">
        <v>27</v>
      </c>
      <c r="L2934" s="1" t="s">
        <v>10108</v>
      </c>
      <c r="M2934" s="1" t="s">
        <v>5</v>
      </c>
      <c r="N2934" s="1" t="s">
        <v>25</v>
      </c>
      <c r="O2934" s="1" t="s">
        <v>38</v>
      </c>
      <c r="P2934" s="5" t="s">
        <v>30194</v>
      </c>
    </row>
    <row r="2935" spans="1:16" x14ac:dyDescent="0.2">
      <c r="A2935" s="1" t="s">
        <v>42</v>
      </c>
      <c r="B2935" s="1" t="s">
        <v>1664</v>
      </c>
      <c r="C2935" s="1" t="s">
        <v>10112</v>
      </c>
      <c r="D2935" s="1" t="s">
        <v>10113</v>
      </c>
      <c r="E2935" s="1" t="s">
        <v>10115</v>
      </c>
      <c r="F2935" s="1" t="s">
        <v>10</v>
      </c>
      <c r="G2935" s="1" t="s">
        <v>10</v>
      </c>
      <c r="H2935" s="1" t="s">
        <v>10</v>
      </c>
      <c r="I2935" s="1" t="s">
        <v>9126</v>
      </c>
      <c r="J2935" s="1" t="s">
        <v>10114</v>
      </c>
      <c r="K2935" s="1" t="s">
        <v>27</v>
      </c>
      <c r="L2935" s="1" t="s">
        <v>10111</v>
      </c>
      <c r="M2935" s="1" t="s">
        <v>5</v>
      </c>
      <c r="N2935" s="1" t="s">
        <v>25</v>
      </c>
      <c r="O2935" s="1" t="s">
        <v>38</v>
      </c>
      <c r="P2935" s="5" t="s">
        <v>30195</v>
      </c>
    </row>
    <row r="2936" spans="1:16" x14ac:dyDescent="0.2">
      <c r="A2936" s="1" t="s">
        <v>42</v>
      </c>
      <c r="B2936" s="1" t="s">
        <v>1664</v>
      </c>
      <c r="C2936" s="1" t="s">
        <v>10117</v>
      </c>
      <c r="D2936" s="1" t="s">
        <v>10118</v>
      </c>
      <c r="E2936" s="1" t="s">
        <v>10119</v>
      </c>
      <c r="F2936" s="1" t="s">
        <v>10</v>
      </c>
      <c r="G2936" s="1" t="s">
        <v>10</v>
      </c>
      <c r="H2936" s="1" t="s">
        <v>10</v>
      </c>
      <c r="I2936" s="1" t="s">
        <v>9126</v>
      </c>
      <c r="J2936" s="1" t="s">
        <v>10070</v>
      </c>
      <c r="K2936" s="1" t="s">
        <v>27</v>
      </c>
      <c r="L2936" s="1" t="s">
        <v>10116</v>
      </c>
      <c r="M2936" s="1" t="s">
        <v>5</v>
      </c>
      <c r="N2936" s="1" t="s">
        <v>25</v>
      </c>
      <c r="O2936" s="1" t="s">
        <v>38</v>
      </c>
      <c r="P2936" s="5" t="s">
        <v>30196</v>
      </c>
    </row>
    <row r="2937" spans="1:16" x14ac:dyDescent="0.2">
      <c r="A2937" s="1" t="s">
        <v>20</v>
      </c>
      <c r="B2937" s="1" t="s">
        <v>93</v>
      </c>
      <c r="C2937" s="1" t="s">
        <v>10121</v>
      </c>
      <c r="D2937" s="1" t="s">
        <v>10122</v>
      </c>
      <c r="E2937" s="1" t="s">
        <v>10124</v>
      </c>
      <c r="F2937" s="1" t="s">
        <v>10</v>
      </c>
      <c r="G2937" s="1" t="s">
        <v>10</v>
      </c>
      <c r="H2937" s="1" t="s">
        <v>10</v>
      </c>
      <c r="I2937" s="1" t="s">
        <v>9126</v>
      </c>
      <c r="J2937" s="1" t="s">
        <v>10123</v>
      </c>
      <c r="K2937" s="1" t="s">
        <v>27</v>
      </c>
      <c r="L2937" s="1" t="s">
        <v>10120</v>
      </c>
      <c r="M2937" s="1" t="s">
        <v>5</v>
      </c>
      <c r="N2937" s="1" t="s">
        <v>25</v>
      </c>
      <c r="O2937" s="1" t="s">
        <v>38</v>
      </c>
      <c r="P2937" s="5" t="s">
        <v>30197</v>
      </c>
    </row>
    <row r="2938" spans="1:16" x14ac:dyDescent="0.2">
      <c r="A2938" s="1" t="s">
        <v>20</v>
      </c>
      <c r="B2938" s="1" t="s">
        <v>132</v>
      </c>
      <c r="C2938" s="1" t="s">
        <v>10126</v>
      </c>
      <c r="D2938" s="1" t="s">
        <v>1230</v>
      </c>
      <c r="E2938" s="1" t="s">
        <v>10127</v>
      </c>
      <c r="F2938" s="1" t="s">
        <v>10</v>
      </c>
      <c r="G2938" s="1" t="s">
        <v>10</v>
      </c>
      <c r="H2938" s="1" t="s">
        <v>10</v>
      </c>
      <c r="I2938" s="1" t="s">
        <v>9126</v>
      </c>
      <c r="J2938" s="1" t="s">
        <v>10123</v>
      </c>
      <c r="K2938" s="1" t="s">
        <v>27</v>
      </c>
      <c r="L2938" s="1" t="s">
        <v>10125</v>
      </c>
      <c r="M2938" s="1" t="s">
        <v>5</v>
      </c>
      <c r="N2938" s="1" t="s">
        <v>6</v>
      </c>
      <c r="O2938" s="1" t="s">
        <v>38</v>
      </c>
      <c r="P2938" s="5" t="s">
        <v>30193</v>
      </c>
    </row>
    <row r="2939" spans="1:16" x14ac:dyDescent="0.2">
      <c r="A2939" s="1" t="s">
        <v>20</v>
      </c>
      <c r="B2939" s="1" t="s">
        <v>1047</v>
      </c>
      <c r="C2939" s="1" t="s">
        <v>10129</v>
      </c>
      <c r="D2939" s="1" t="s">
        <v>10130</v>
      </c>
      <c r="E2939" s="1" t="s">
        <v>10132</v>
      </c>
      <c r="F2939" s="1" t="s">
        <v>10</v>
      </c>
      <c r="G2939" s="1" t="s">
        <v>10</v>
      </c>
      <c r="H2939" s="1" t="s">
        <v>10</v>
      </c>
      <c r="I2939" s="1" t="s">
        <v>9126</v>
      </c>
      <c r="J2939" s="1" t="s">
        <v>10131</v>
      </c>
      <c r="K2939" s="1" t="s">
        <v>27</v>
      </c>
      <c r="L2939" s="1" t="s">
        <v>10128</v>
      </c>
      <c r="M2939" s="1" t="s">
        <v>5</v>
      </c>
      <c r="N2939" s="1" t="s">
        <v>25</v>
      </c>
      <c r="O2939" s="1" t="s">
        <v>38</v>
      </c>
      <c r="P2939" s="5" t="s">
        <v>30187</v>
      </c>
    </row>
    <row r="2940" spans="1:16" x14ac:dyDescent="0.2">
      <c r="A2940" s="1" t="s">
        <v>20</v>
      </c>
      <c r="B2940" s="1" t="s">
        <v>1804</v>
      </c>
      <c r="C2940" s="1" t="s">
        <v>10134</v>
      </c>
      <c r="D2940" s="1" t="s">
        <v>10135</v>
      </c>
      <c r="E2940" s="1"/>
      <c r="F2940" s="1" t="s">
        <v>10</v>
      </c>
      <c r="G2940" s="1" t="s">
        <v>10</v>
      </c>
      <c r="H2940" s="1" t="s">
        <v>10</v>
      </c>
      <c r="I2940" s="1" t="s">
        <v>9126</v>
      </c>
      <c r="J2940" s="1" t="s">
        <v>10070</v>
      </c>
      <c r="K2940" s="1" t="s">
        <v>27</v>
      </c>
      <c r="L2940" s="1" t="s">
        <v>10133</v>
      </c>
      <c r="M2940" s="1" t="s">
        <v>5</v>
      </c>
      <c r="N2940" s="1" t="s">
        <v>25</v>
      </c>
      <c r="O2940" s="1" t="s">
        <v>38</v>
      </c>
      <c r="P2940" s="5" t="s">
        <v>30198</v>
      </c>
    </row>
    <row r="2941" spans="1:16" x14ac:dyDescent="0.2">
      <c r="A2941" s="1" t="s">
        <v>20</v>
      </c>
      <c r="B2941" s="1" t="s">
        <v>93</v>
      </c>
      <c r="C2941" s="1" t="s">
        <v>10137</v>
      </c>
      <c r="D2941" s="1" t="s">
        <v>10138</v>
      </c>
      <c r="E2941" s="1" t="s">
        <v>10139</v>
      </c>
      <c r="F2941" s="1" t="s">
        <v>10</v>
      </c>
      <c r="G2941" s="1" t="s">
        <v>10</v>
      </c>
      <c r="H2941" s="1" t="s">
        <v>10</v>
      </c>
      <c r="I2941" s="1" t="s">
        <v>9126</v>
      </c>
      <c r="J2941" s="1" t="s">
        <v>10131</v>
      </c>
      <c r="K2941" s="1" t="s">
        <v>27</v>
      </c>
      <c r="L2941" s="1" t="s">
        <v>10136</v>
      </c>
      <c r="M2941" s="1" t="s">
        <v>5</v>
      </c>
      <c r="N2941" s="1" t="s">
        <v>25</v>
      </c>
      <c r="O2941" s="1" t="s">
        <v>38</v>
      </c>
      <c r="P2941" s="5" t="s">
        <v>30199</v>
      </c>
    </row>
    <row r="2942" spans="1:16" x14ac:dyDescent="0.2">
      <c r="A2942" s="1" t="s">
        <v>20</v>
      </c>
      <c r="B2942" s="1" t="s">
        <v>93</v>
      </c>
      <c r="C2942" s="1" t="s">
        <v>10141</v>
      </c>
      <c r="D2942" s="1" t="s">
        <v>9590</v>
      </c>
      <c r="E2942" s="1" t="s">
        <v>10142</v>
      </c>
      <c r="F2942" s="1" t="s">
        <v>10</v>
      </c>
      <c r="G2942" s="1" t="s">
        <v>10</v>
      </c>
      <c r="H2942" s="1" t="s">
        <v>10</v>
      </c>
      <c r="I2942" s="1" t="s">
        <v>9126</v>
      </c>
      <c r="J2942" s="1" t="s">
        <v>10131</v>
      </c>
      <c r="K2942" s="1" t="s">
        <v>27</v>
      </c>
      <c r="L2942" s="1" t="s">
        <v>10140</v>
      </c>
      <c r="M2942" s="1" t="s">
        <v>5</v>
      </c>
      <c r="N2942" s="1" t="s">
        <v>6</v>
      </c>
      <c r="O2942" s="1" t="s">
        <v>38</v>
      </c>
      <c r="P2942" s="5" t="s">
        <v>10</v>
      </c>
    </row>
    <row r="2943" spans="1:16" x14ac:dyDescent="0.2">
      <c r="A2943" s="1" t="s">
        <v>32</v>
      </c>
      <c r="B2943" s="1" t="s">
        <v>140</v>
      </c>
      <c r="C2943" s="1" t="s">
        <v>10144</v>
      </c>
      <c r="D2943" s="1" t="s">
        <v>10145</v>
      </c>
      <c r="E2943" s="1" t="s">
        <v>10146</v>
      </c>
      <c r="F2943" s="1" t="s">
        <v>10</v>
      </c>
      <c r="G2943" s="1" t="s">
        <v>10</v>
      </c>
      <c r="H2943" s="1" t="s">
        <v>10</v>
      </c>
      <c r="I2943" s="1" t="s">
        <v>9126</v>
      </c>
      <c r="J2943" s="1" t="s">
        <v>9768</v>
      </c>
      <c r="K2943" s="1" t="s">
        <v>27</v>
      </c>
      <c r="L2943" s="1" t="s">
        <v>10143</v>
      </c>
      <c r="M2943" s="1" t="s">
        <v>5</v>
      </c>
      <c r="N2943" s="1" t="s">
        <v>6</v>
      </c>
      <c r="O2943" s="1" t="s">
        <v>38</v>
      </c>
      <c r="P2943" s="5" t="s">
        <v>30200</v>
      </c>
    </row>
    <row r="2944" spans="1:16" x14ac:dyDescent="0.2">
      <c r="A2944" s="1" t="s">
        <v>66</v>
      </c>
      <c r="B2944" s="1" t="s">
        <v>574</v>
      </c>
      <c r="C2944" s="1" t="s">
        <v>10148</v>
      </c>
      <c r="D2944" s="1" t="s">
        <v>10149</v>
      </c>
      <c r="E2944" s="1" t="s">
        <v>10151</v>
      </c>
      <c r="F2944" s="1" t="s">
        <v>10</v>
      </c>
      <c r="G2944" s="1" t="s">
        <v>10</v>
      </c>
      <c r="H2944" s="1" t="s">
        <v>10</v>
      </c>
      <c r="I2944" s="1" t="s">
        <v>9126</v>
      </c>
      <c r="J2944" s="1" t="s">
        <v>10150</v>
      </c>
      <c r="K2944" s="1" t="s">
        <v>7</v>
      </c>
      <c r="L2944" s="1" t="s">
        <v>10147</v>
      </c>
      <c r="M2944" s="1" t="s">
        <v>5</v>
      </c>
      <c r="N2944" s="1" t="s">
        <v>25</v>
      </c>
      <c r="O2944" s="1" t="s">
        <v>38</v>
      </c>
      <c r="P2944" s="5" t="s">
        <v>30199</v>
      </c>
    </row>
    <row r="2945" spans="1:16" x14ac:dyDescent="0.2">
      <c r="A2945" s="1" t="s">
        <v>42</v>
      </c>
      <c r="B2945" s="1" t="s">
        <v>50</v>
      </c>
      <c r="C2945" s="1" t="s">
        <v>10153</v>
      </c>
      <c r="D2945" s="1" t="s">
        <v>10154</v>
      </c>
      <c r="E2945" s="1"/>
      <c r="F2945" s="1" t="s">
        <v>27</v>
      </c>
      <c r="G2945" s="1" t="s">
        <v>10</v>
      </c>
      <c r="H2945" s="1" t="s">
        <v>905</v>
      </c>
      <c r="I2945" s="1" t="s">
        <v>9126</v>
      </c>
      <c r="J2945" s="1" t="s">
        <v>47</v>
      </c>
      <c r="K2945" s="1" t="s">
        <v>47</v>
      </c>
      <c r="L2945" s="1" t="s">
        <v>10152</v>
      </c>
      <c r="M2945" s="1" t="s">
        <v>5</v>
      </c>
      <c r="N2945" s="1" t="s">
        <v>25</v>
      </c>
      <c r="O2945" s="1" t="s">
        <v>8</v>
      </c>
      <c r="P2945" s="5" t="s">
        <v>30201</v>
      </c>
    </row>
    <row r="2946" spans="1:16" x14ac:dyDescent="0.2">
      <c r="A2946" s="1" t="s">
        <v>66</v>
      </c>
      <c r="B2946" s="1" t="s">
        <v>574</v>
      </c>
      <c r="C2946" s="1" t="s">
        <v>10156</v>
      </c>
      <c r="D2946" s="1" t="s">
        <v>10157</v>
      </c>
      <c r="E2946" s="1" t="s">
        <v>10158</v>
      </c>
      <c r="F2946" s="1" t="s">
        <v>27</v>
      </c>
      <c r="G2946" s="1" t="s">
        <v>10</v>
      </c>
      <c r="H2946" s="1" t="s">
        <v>9664</v>
      </c>
      <c r="I2946" s="1" t="s">
        <v>9126</v>
      </c>
      <c r="J2946" s="1" t="s">
        <v>10070</v>
      </c>
      <c r="K2946" s="1" t="s">
        <v>27</v>
      </c>
      <c r="L2946" s="1" t="s">
        <v>10155</v>
      </c>
      <c r="M2946" s="1" t="s">
        <v>5</v>
      </c>
      <c r="N2946" s="1" t="s">
        <v>1009</v>
      </c>
      <c r="O2946" s="1" t="s">
        <v>8</v>
      </c>
      <c r="P2946" s="5" t="s">
        <v>30202</v>
      </c>
    </row>
    <row r="2947" spans="1:16" x14ac:dyDescent="0.2">
      <c r="A2947" s="1" t="s">
        <v>329</v>
      </c>
      <c r="B2947" s="1" t="s">
        <v>330</v>
      </c>
      <c r="C2947" s="1" t="s">
        <v>10160</v>
      </c>
      <c r="D2947" s="1" t="s">
        <v>10161</v>
      </c>
      <c r="E2947" s="1"/>
      <c r="F2947" s="1" t="s">
        <v>27</v>
      </c>
      <c r="G2947" s="1" t="s">
        <v>10</v>
      </c>
      <c r="H2947" s="1" t="s">
        <v>10163</v>
      </c>
      <c r="I2947" s="1" t="s">
        <v>9126</v>
      </c>
      <c r="J2947" s="1" t="s">
        <v>10162</v>
      </c>
      <c r="K2947" s="1" t="s">
        <v>27</v>
      </c>
      <c r="L2947" s="1" t="s">
        <v>10159</v>
      </c>
      <c r="M2947" s="1" t="s">
        <v>5</v>
      </c>
      <c r="N2947" s="1" t="s">
        <v>25</v>
      </c>
      <c r="O2947" s="1" t="s">
        <v>8</v>
      </c>
      <c r="P2947" s="5" t="s">
        <v>30203</v>
      </c>
    </row>
    <row r="2948" spans="1:16" x14ac:dyDescent="0.2">
      <c r="A2948" s="1" t="s">
        <v>32</v>
      </c>
      <c r="B2948" s="1" t="s">
        <v>140</v>
      </c>
      <c r="C2948" s="1" t="s">
        <v>10165</v>
      </c>
      <c r="D2948" s="1" t="s">
        <v>9590</v>
      </c>
      <c r="E2948" s="1" t="s">
        <v>10166</v>
      </c>
      <c r="F2948" s="1" t="s">
        <v>27</v>
      </c>
      <c r="G2948" s="1" t="s">
        <v>10</v>
      </c>
      <c r="H2948" s="1" t="s">
        <v>9664</v>
      </c>
      <c r="I2948" s="1" t="s">
        <v>9126</v>
      </c>
      <c r="J2948" s="1" t="s">
        <v>10070</v>
      </c>
      <c r="K2948" s="1" t="s">
        <v>27</v>
      </c>
      <c r="L2948" s="1" t="s">
        <v>10164</v>
      </c>
      <c r="M2948" s="1" t="s">
        <v>5</v>
      </c>
      <c r="N2948" s="1" t="s">
        <v>25</v>
      </c>
      <c r="O2948" s="1" t="s">
        <v>8</v>
      </c>
      <c r="P2948" s="5" t="s">
        <v>30204</v>
      </c>
    </row>
    <row r="2949" spans="1:16" x14ac:dyDescent="0.2">
      <c r="A2949" s="1" t="s">
        <v>66</v>
      </c>
      <c r="B2949" s="1" t="s">
        <v>574</v>
      </c>
      <c r="C2949" s="1" t="s">
        <v>10168</v>
      </c>
      <c r="D2949" s="1" t="s">
        <v>9590</v>
      </c>
      <c r="E2949" s="1"/>
      <c r="F2949" s="1" t="s">
        <v>27</v>
      </c>
      <c r="G2949" s="1" t="s">
        <v>10</v>
      </c>
      <c r="H2949" s="1" t="s">
        <v>9664</v>
      </c>
      <c r="I2949" s="1" t="s">
        <v>9126</v>
      </c>
      <c r="J2949" s="1" t="s">
        <v>10070</v>
      </c>
      <c r="K2949" s="1" t="s">
        <v>27</v>
      </c>
      <c r="L2949" s="1" t="s">
        <v>10167</v>
      </c>
      <c r="M2949" s="1" t="s">
        <v>5</v>
      </c>
      <c r="N2949" s="1" t="s">
        <v>1009</v>
      </c>
      <c r="O2949" s="1" t="s">
        <v>8</v>
      </c>
      <c r="P2949" s="5" t="s">
        <v>30205</v>
      </c>
    </row>
    <row r="2950" spans="1:16" x14ac:dyDescent="0.2">
      <c r="A2950" s="1" t="s">
        <v>20</v>
      </c>
      <c r="B2950" s="1" t="s">
        <v>132</v>
      </c>
      <c r="C2950" s="1" t="s">
        <v>10170</v>
      </c>
      <c r="D2950" s="1" t="s">
        <v>9590</v>
      </c>
      <c r="E2950" s="1" t="s">
        <v>10171</v>
      </c>
      <c r="F2950" s="1" t="s">
        <v>10</v>
      </c>
      <c r="G2950" s="1" t="s">
        <v>10</v>
      </c>
      <c r="H2950" s="1" t="s">
        <v>10</v>
      </c>
      <c r="I2950" s="1" t="s">
        <v>9126</v>
      </c>
      <c r="J2950" s="1" t="s">
        <v>10131</v>
      </c>
      <c r="K2950" s="1" t="s">
        <v>27</v>
      </c>
      <c r="L2950" s="1" t="s">
        <v>10169</v>
      </c>
      <c r="M2950" s="1" t="s">
        <v>5</v>
      </c>
      <c r="N2950" s="1" t="s">
        <v>25</v>
      </c>
      <c r="O2950" s="1" t="s">
        <v>38</v>
      </c>
      <c r="P2950" s="5" t="s">
        <v>30206</v>
      </c>
    </row>
    <row r="2951" spans="1:16" x14ac:dyDescent="0.2">
      <c r="A2951" s="1" t="s">
        <v>32</v>
      </c>
      <c r="B2951" s="1" t="s">
        <v>140</v>
      </c>
      <c r="C2951" s="1" t="s">
        <v>10173</v>
      </c>
      <c r="D2951" s="1" t="s">
        <v>10</v>
      </c>
      <c r="E2951" s="1" t="s">
        <v>10174</v>
      </c>
      <c r="F2951" s="1" t="s">
        <v>10</v>
      </c>
      <c r="G2951" s="1" t="s">
        <v>10</v>
      </c>
      <c r="H2951" s="1" t="s">
        <v>10</v>
      </c>
      <c r="I2951" s="1" t="s">
        <v>9126</v>
      </c>
      <c r="J2951" s="1" t="s">
        <v>64</v>
      </c>
      <c r="K2951" s="1" t="s">
        <v>64</v>
      </c>
      <c r="L2951" s="1" t="s">
        <v>10172</v>
      </c>
      <c r="M2951" s="1" t="s">
        <v>5</v>
      </c>
      <c r="N2951" s="1" t="s">
        <v>25</v>
      </c>
      <c r="O2951" s="1" t="s">
        <v>38</v>
      </c>
      <c r="P2951" s="5" t="s">
        <v>30207</v>
      </c>
    </row>
    <row r="2952" spans="1:16" x14ac:dyDescent="0.2">
      <c r="A2952" s="1" t="s">
        <v>20</v>
      </c>
      <c r="B2952" s="1" t="s">
        <v>1047</v>
      </c>
      <c r="C2952" s="1" t="s">
        <v>10176</v>
      </c>
      <c r="D2952" s="1" t="s">
        <v>10177</v>
      </c>
      <c r="E2952" s="1"/>
      <c r="F2952" s="1" t="s">
        <v>10</v>
      </c>
      <c r="G2952" s="1" t="s">
        <v>10</v>
      </c>
      <c r="H2952" s="1" t="s">
        <v>10</v>
      </c>
      <c r="I2952" s="1" t="s">
        <v>9126</v>
      </c>
      <c r="J2952" s="1" t="s">
        <v>9248</v>
      </c>
      <c r="K2952" s="1" t="s">
        <v>27</v>
      </c>
      <c r="L2952" s="1" t="s">
        <v>10175</v>
      </c>
      <c r="M2952" s="1" t="s">
        <v>5</v>
      </c>
      <c r="N2952" s="1" t="s">
        <v>25</v>
      </c>
      <c r="O2952" s="1" t="s">
        <v>38</v>
      </c>
      <c r="P2952" s="5" t="s">
        <v>30208</v>
      </c>
    </row>
    <row r="2953" spans="1:16" x14ac:dyDescent="0.2">
      <c r="A2953" s="1" t="s">
        <v>66</v>
      </c>
      <c r="B2953" s="1" t="s">
        <v>1117</v>
      </c>
      <c r="C2953" s="1" t="s">
        <v>10179</v>
      </c>
      <c r="D2953" s="1" t="s">
        <v>10180</v>
      </c>
      <c r="E2953" s="1" t="s">
        <v>10182</v>
      </c>
      <c r="F2953" s="1" t="s">
        <v>10</v>
      </c>
      <c r="G2953" s="1" t="s">
        <v>10</v>
      </c>
      <c r="H2953" s="1" t="s">
        <v>10</v>
      </c>
      <c r="I2953" s="1" t="s">
        <v>9126</v>
      </c>
      <c r="J2953" s="1" t="s">
        <v>10181</v>
      </c>
      <c r="K2953" s="1" t="s">
        <v>27</v>
      </c>
      <c r="L2953" s="1" t="s">
        <v>10178</v>
      </c>
      <c r="M2953" s="1" t="s">
        <v>5</v>
      </c>
      <c r="N2953" s="1" t="s">
        <v>432</v>
      </c>
      <c r="O2953" s="1" t="s">
        <v>38</v>
      </c>
      <c r="P2953" s="5" t="s">
        <v>30209</v>
      </c>
    </row>
    <row r="2954" spans="1:16" x14ac:dyDescent="0.2">
      <c r="A2954" s="1" t="s">
        <v>32</v>
      </c>
      <c r="B2954" s="1" t="s">
        <v>140</v>
      </c>
      <c r="C2954" s="1" t="s">
        <v>10184</v>
      </c>
      <c r="D2954" s="1" t="s">
        <v>10185</v>
      </c>
      <c r="E2954" s="1"/>
      <c r="F2954" s="1" t="s">
        <v>10</v>
      </c>
      <c r="G2954" s="1" t="s">
        <v>10</v>
      </c>
      <c r="H2954" s="1" t="s">
        <v>10</v>
      </c>
      <c r="I2954" s="1" t="s">
        <v>9126</v>
      </c>
      <c r="J2954" s="1" t="s">
        <v>10181</v>
      </c>
      <c r="K2954" s="1" t="s">
        <v>27</v>
      </c>
      <c r="L2954" s="1" t="s">
        <v>10183</v>
      </c>
      <c r="M2954" s="1" t="s">
        <v>5</v>
      </c>
      <c r="N2954" s="1" t="s">
        <v>10</v>
      </c>
      <c r="O2954" s="1" t="s">
        <v>38</v>
      </c>
      <c r="P2954" s="5" t="s">
        <v>30210</v>
      </c>
    </row>
    <row r="2955" spans="1:16" x14ac:dyDescent="0.2">
      <c r="A2955" s="1" t="s">
        <v>66</v>
      </c>
      <c r="B2955" s="1" t="s">
        <v>67</v>
      </c>
      <c r="C2955" s="1" t="s">
        <v>10187</v>
      </c>
      <c r="D2955" s="1" t="s">
        <v>10188</v>
      </c>
      <c r="E2955" s="1" t="s">
        <v>10190</v>
      </c>
      <c r="F2955" s="1" t="s">
        <v>10</v>
      </c>
      <c r="G2955" s="1" t="s">
        <v>10</v>
      </c>
      <c r="H2955" s="1" t="s">
        <v>10</v>
      </c>
      <c r="I2955" s="1" t="s">
        <v>9126</v>
      </c>
      <c r="J2955" s="1" t="s">
        <v>10189</v>
      </c>
      <c r="K2955" s="1" t="s">
        <v>27</v>
      </c>
      <c r="L2955" s="1" t="s">
        <v>10186</v>
      </c>
      <c r="M2955" s="1" t="s">
        <v>5</v>
      </c>
      <c r="N2955" s="1" t="s">
        <v>25</v>
      </c>
      <c r="O2955" s="1" t="s">
        <v>38</v>
      </c>
      <c r="P2955" s="5" t="s">
        <v>10</v>
      </c>
    </row>
    <row r="2956" spans="1:16" x14ac:dyDescent="0.2">
      <c r="A2956" s="1" t="s">
        <v>32</v>
      </c>
      <c r="B2956" s="1" t="s">
        <v>140</v>
      </c>
      <c r="C2956" s="1" t="s">
        <v>10192</v>
      </c>
      <c r="D2956" s="1" t="s">
        <v>10193</v>
      </c>
      <c r="E2956" s="1" t="s">
        <v>10194</v>
      </c>
      <c r="F2956" s="1" t="s">
        <v>10</v>
      </c>
      <c r="G2956" s="1" t="s">
        <v>10</v>
      </c>
      <c r="H2956" s="1" t="s">
        <v>10</v>
      </c>
      <c r="I2956" s="1" t="s">
        <v>9126</v>
      </c>
      <c r="J2956" s="1" t="s">
        <v>9392</v>
      </c>
      <c r="K2956" s="1" t="s">
        <v>27</v>
      </c>
      <c r="L2956" s="1" t="s">
        <v>10191</v>
      </c>
      <c r="M2956" s="1" t="s">
        <v>5</v>
      </c>
      <c r="N2956" s="1" t="s">
        <v>25</v>
      </c>
      <c r="O2956" s="1" t="s">
        <v>38</v>
      </c>
      <c r="P2956" s="5" t="s">
        <v>10</v>
      </c>
    </row>
    <row r="2957" spans="1:16" x14ac:dyDescent="0.2">
      <c r="A2957" s="1" t="s">
        <v>20</v>
      </c>
      <c r="B2957" s="1" t="s">
        <v>99</v>
      </c>
      <c r="C2957" s="1" t="s">
        <v>10196</v>
      </c>
      <c r="D2957" s="1" t="s">
        <v>10197</v>
      </c>
      <c r="E2957" s="1" t="s">
        <v>10199</v>
      </c>
      <c r="F2957" s="1" t="s">
        <v>10</v>
      </c>
      <c r="G2957" s="1" t="s">
        <v>10</v>
      </c>
      <c r="H2957" s="1" t="s">
        <v>10</v>
      </c>
      <c r="I2957" s="1" t="s">
        <v>9126</v>
      </c>
      <c r="J2957" s="1" t="s">
        <v>10198</v>
      </c>
      <c r="K2957" s="1" t="s">
        <v>27</v>
      </c>
      <c r="L2957" s="1" t="s">
        <v>10195</v>
      </c>
      <c r="M2957" s="1" t="s">
        <v>5</v>
      </c>
      <c r="N2957" s="1" t="s">
        <v>432</v>
      </c>
      <c r="O2957" s="1" t="s">
        <v>38</v>
      </c>
      <c r="P2957" s="5" t="s">
        <v>30211</v>
      </c>
    </row>
    <row r="2958" spans="1:16" x14ac:dyDescent="0.2">
      <c r="A2958" s="1" t="s">
        <v>32</v>
      </c>
      <c r="B2958" s="1" t="s">
        <v>140</v>
      </c>
      <c r="C2958" s="1" t="s">
        <v>10201</v>
      </c>
      <c r="D2958" s="1" t="s">
        <v>10202</v>
      </c>
      <c r="E2958" s="1" t="s">
        <v>10204</v>
      </c>
      <c r="F2958" s="1" t="s">
        <v>10</v>
      </c>
      <c r="G2958" s="1" t="s">
        <v>10</v>
      </c>
      <c r="H2958" s="1" t="s">
        <v>10</v>
      </c>
      <c r="I2958" s="1" t="s">
        <v>9126</v>
      </c>
      <c r="J2958" s="1" t="s">
        <v>10203</v>
      </c>
      <c r="K2958" s="1" t="s">
        <v>27</v>
      </c>
      <c r="L2958" s="1" t="s">
        <v>10200</v>
      </c>
      <c r="M2958" s="1" t="s">
        <v>5</v>
      </c>
      <c r="N2958" s="1" t="s">
        <v>25</v>
      </c>
      <c r="O2958" s="1" t="s">
        <v>38</v>
      </c>
      <c r="P2958" s="5" t="s">
        <v>30212</v>
      </c>
    </row>
    <row r="2959" spans="1:16" x14ac:dyDescent="0.2">
      <c r="A2959" s="1" t="s">
        <v>66</v>
      </c>
      <c r="B2959" s="1" t="s">
        <v>67</v>
      </c>
      <c r="C2959" s="1" t="s">
        <v>3886</v>
      </c>
      <c r="D2959" s="1" t="s">
        <v>10206</v>
      </c>
      <c r="E2959" s="1"/>
      <c r="F2959" s="1" t="s">
        <v>9</v>
      </c>
      <c r="G2959" s="1" t="s">
        <v>3886</v>
      </c>
      <c r="H2959" s="1" t="s">
        <v>10</v>
      </c>
      <c r="I2959" s="1" t="s">
        <v>9126</v>
      </c>
      <c r="J2959" s="1" t="s">
        <v>10207</v>
      </c>
      <c r="K2959" s="1" t="s">
        <v>27</v>
      </c>
      <c r="L2959" s="1" t="s">
        <v>10205</v>
      </c>
      <c r="M2959" s="1" t="s">
        <v>5</v>
      </c>
      <c r="N2959" s="1" t="s">
        <v>1597</v>
      </c>
      <c r="O2959" s="1" t="s">
        <v>8</v>
      </c>
      <c r="P2959" s="5" t="s">
        <v>30213</v>
      </c>
    </row>
    <row r="2960" spans="1:16" x14ac:dyDescent="0.2">
      <c r="A2960" s="1" t="s">
        <v>10</v>
      </c>
      <c r="B2960" s="1" t="s">
        <v>10</v>
      </c>
      <c r="C2960" s="1" t="s">
        <v>10209</v>
      </c>
      <c r="D2960" s="1" t="s">
        <v>10210</v>
      </c>
      <c r="E2960" s="1" t="s">
        <v>10211</v>
      </c>
      <c r="F2960" s="1" t="s">
        <v>27</v>
      </c>
      <c r="G2960" s="1" t="s">
        <v>10</v>
      </c>
      <c r="H2960" s="1" t="s">
        <v>905</v>
      </c>
      <c r="I2960" s="1" t="s">
        <v>9126</v>
      </c>
      <c r="J2960" s="1" t="s">
        <v>376</v>
      </c>
      <c r="K2960" s="1" t="s">
        <v>27</v>
      </c>
      <c r="L2960" s="1" t="s">
        <v>10208</v>
      </c>
      <c r="M2960" s="1" t="s">
        <v>5</v>
      </c>
      <c r="N2960" s="1" t="s">
        <v>25</v>
      </c>
      <c r="O2960" s="1" t="s">
        <v>8</v>
      </c>
      <c r="P2960" s="5" t="s">
        <v>30157</v>
      </c>
    </row>
    <row r="2961" spans="1:16" x14ac:dyDescent="0.2">
      <c r="A2961" s="1" t="s">
        <v>66</v>
      </c>
      <c r="B2961" s="1" t="s">
        <v>574</v>
      </c>
      <c r="C2961" s="1" t="s">
        <v>10213</v>
      </c>
      <c r="D2961" s="1" t="s">
        <v>10214</v>
      </c>
      <c r="E2961" s="1"/>
      <c r="F2961" s="1" t="s">
        <v>27</v>
      </c>
      <c r="G2961" s="1" t="s">
        <v>10</v>
      </c>
      <c r="H2961" s="1" t="s">
        <v>905</v>
      </c>
      <c r="I2961" s="1" t="s">
        <v>9126</v>
      </c>
      <c r="J2961" s="1" t="s">
        <v>9513</v>
      </c>
      <c r="K2961" s="1" t="s">
        <v>27</v>
      </c>
      <c r="L2961" s="1" t="s">
        <v>10212</v>
      </c>
      <c r="M2961" s="1" t="s">
        <v>5</v>
      </c>
      <c r="N2961" s="1" t="s">
        <v>25</v>
      </c>
      <c r="O2961" s="1" t="s">
        <v>8</v>
      </c>
      <c r="P2961" s="5" t="s">
        <v>30214</v>
      </c>
    </row>
    <row r="2962" spans="1:16" x14ac:dyDescent="0.2">
      <c r="A2962" s="1" t="s">
        <v>66</v>
      </c>
      <c r="B2962" s="1" t="s">
        <v>212</v>
      </c>
      <c r="C2962" s="1" t="s">
        <v>10216</v>
      </c>
      <c r="D2962" s="1" t="s">
        <v>10217</v>
      </c>
      <c r="E2962" s="1" t="s">
        <v>10219</v>
      </c>
      <c r="F2962" s="1" t="s">
        <v>522</v>
      </c>
      <c r="G2962" s="1" t="s">
        <v>10220</v>
      </c>
      <c r="H2962" s="1" t="s">
        <v>9664</v>
      </c>
      <c r="I2962" s="1" t="s">
        <v>9126</v>
      </c>
      <c r="J2962" s="1" t="s">
        <v>7</v>
      </c>
      <c r="K2962" s="1" t="s">
        <v>10218</v>
      </c>
      <c r="L2962" s="1" t="s">
        <v>10215</v>
      </c>
      <c r="M2962" s="1" t="s">
        <v>5</v>
      </c>
      <c r="N2962" s="1" t="s">
        <v>25</v>
      </c>
      <c r="O2962" s="1" t="s">
        <v>8</v>
      </c>
      <c r="P2962" s="5" t="s">
        <v>30215</v>
      </c>
    </row>
    <row r="2963" spans="1:16" x14ac:dyDescent="0.2">
      <c r="A2963" s="1" t="s">
        <v>66</v>
      </c>
      <c r="B2963" s="1" t="s">
        <v>574</v>
      </c>
      <c r="C2963" s="1" t="s">
        <v>10223</v>
      </c>
      <c r="D2963" s="1" t="s">
        <v>10</v>
      </c>
      <c r="E2963" s="1"/>
      <c r="F2963" s="1" t="s">
        <v>27</v>
      </c>
      <c r="G2963" s="1" t="s">
        <v>10</v>
      </c>
      <c r="H2963" s="1" t="s">
        <v>905</v>
      </c>
      <c r="I2963" s="1" t="s">
        <v>9126</v>
      </c>
      <c r="J2963" s="1" t="s">
        <v>64</v>
      </c>
      <c r="K2963" s="1" t="s">
        <v>64</v>
      </c>
      <c r="L2963" s="1" t="s">
        <v>10222</v>
      </c>
      <c r="M2963" s="1" t="s">
        <v>5</v>
      </c>
      <c r="N2963" s="1" t="s">
        <v>25</v>
      </c>
      <c r="O2963" s="1" t="s">
        <v>8</v>
      </c>
      <c r="P2963" s="5" t="s">
        <v>30216</v>
      </c>
    </row>
    <row r="2964" spans="1:16" x14ac:dyDescent="0.2">
      <c r="A2964" s="1" t="s">
        <v>20</v>
      </c>
      <c r="B2964" s="1" t="s">
        <v>253</v>
      </c>
      <c r="C2964" s="1" t="s">
        <v>10225</v>
      </c>
      <c r="D2964" s="1" t="s">
        <v>591</v>
      </c>
      <c r="E2964" s="1"/>
      <c r="F2964" s="1" t="s">
        <v>27</v>
      </c>
      <c r="G2964" s="1" t="s">
        <v>10</v>
      </c>
      <c r="H2964" s="1" t="s">
        <v>10226</v>
      </c>
      <c r="I2964" s="1" t="s">
        <v>9126</v>
      </c>
      <c r="J2964" s="1" t="s">
        <v>586</v>
      </c>
      <c r="K2964" s="1" t="s">
        <v>586</v>
      </c>
      <c r="L2964" s="1" t="s">
        <v>10224</v>
      </c>
      <c r="M2964" s="1" t="s">
        <v>5</v>
      </c>
      <c r="N2964" s="1" t="s">
        <v>25</v>
      </c>
      <c r="O2964" s="1" t="s">
        <v>8</v>
      </c>
      <c r="P2964" s="5" t="s">
        <v>30217</v>
      </c>
    </row>
    <row r="2965" spans="1:16" x14ac:dyDescent="0.2">
      <c r="A2965" s="1" t="s">
        <v>66</v>
      </c>
      <c r="B2965" s="1" t="s">
        <v>574</v>
      </c>
      <c r="C2965" s="1" t="s">
        <v>10228</v>
      </c>
      <c r="D2965" s="1" t="s">
        <v>10229</v>
      </c>
      <c r="E2965" s="1" t="s">
        <v>10230</v>
      </c>
      <c r="F2965" s="1" t="s">
        <v>10</v>
      </c>
      <c r="G2965" s="1" t="s">
        <v>10</v>
      </c>
      <c r="H2965" s="1" t="s">
        <v>10</v>
      </c>
      <c r="I2965" s="1" t="s">
        <v>9126</v>
      </c>
      <c r="J2965" s="1" t="s">
        <v>9134</v>
      </c>
      <c r="K2965" s="1" t="s">
        <v>27</v>
      </c>
      <c r="L2965" s="1" t="s">
        <v>10227</v>
      </c>
      <c r="M2965" s="1" t="s">
        <v>5</v>
      </c>
      <c r="N2965" s="1" t="s">
        <v>10</v>
      </c>
      <c r="O2965" s="1" t="s">
        <v>38</v>
      </c>
      <c r="P2965" s="5" t="s">
        <v>30218</v>
      </c>
    </row>
    <row r="2966" spans="1:16" x14ac:dyDescent="0.2">
      <c r="A2966" s="1" t="s">
        <v>10</v>
      </c>
      <c r="B2966" s="1" t="s">
        <v>10</v>
      </c>
      <c r="C2966" s="1" t="s">
        <v>10232</v>
      </c>
      <c r="D2966" s="1" t="s">
        <v>10233</v>
      </c>
      <c r="E2966" s="1" t="s">
        <v>10234</v>
      </c>
      <c r="F2966" s="1" t="s">
        <v>10</v>
      </c>
      <c r="G2966" s="1" t="s">
        <v>10</v>
      </c>
      <c r="H2966" s="1" t="s">
        <v>10</v>
      </c>
      <c r="I2966" s="1" t="s">
        <v>9126</v>
      </c>
      <c r="J2966" s="1" t="s">
        <v>9552</v>
      </c>
      <c r="K2966" s="1" t="s">
        <v>27</v>
      </c>
      <c r="L2966" s="1" t="s">
        <v>10231</v>
      </c>
      <c r="M2966" s="1" t="s">
        <v>5</v>
      </c>
      <c r="N2966" s="1" t="s">
        <v>25</v>
      </c>
      <c r="O2966" s="1" t="s">
        <v>38</v>
      </c>
      <c r="P2966" s="5" t="s">
        <v>10</v>
      </c>
    </row>
    <row r="2967" spans="1:16" x14ac:dyDescent="0.2">
      <c r="A2967" s="1" t="s">
        <v>487</v>
      </c>
      <c r="B2967" s="1" t="s">
        <v>765</v>
      </c>
      <c r="C2967" s="1" t="s">
        <v>10236</v>
      </c>
      <c r="D2967" s="1" t="s">
        <v>10237</v>
      </c>
      <c r="E2967" s="1" t="s">
        <v>10238</v>
      </c>
      <c r="F2967" s="1" t="s">
        <v>10</v>
      </c>
      <c r="G2967" s="1" t="s">
        <v>10</v>
      </c>
      <c r="H2967" s="1" t="s">
        <v>10</v>
      </c>
      <c r="I2967" s="1" t="s">
        <v>9126</v>
      </c>
      <c r="J2967" s="1" t="s">
        <v>64</v>
      </c>
      <c r="K2967" s="1" t="s">
        <v>64</v>
      </c>
      <c r="L2967" s="1" t="s">
        <v>10235</v>
      </c>
      <c r="M2967" s="1" t="s">
        <v>5</v>
      </c>
      <c r="N2967" s="1" t="s">
        <v>25</v>
      </c>
      <c r="O2967" s="1" t="s">
        <v>38</v>
      </c>
      <c r="P2967" s="5" t="s">
        <v>30219</v>
      </c>
    </row>
    <row r="2968" spans="1:16" x14ac:dyDescent="0.2">
      <c r="A2968" s="1" t="s">
        <v>20</v>
      </c>
      <c r="B2968" s="1" t="s">
        <v>93</v>
      </c>
      <c r="C2968" s="1" t="s">
        <v>10240</v>
      </c>
      <c r="D2968" s="1" t="s">
        <v>46</v>
      </c>
      <c r="E2968" s="1" t="s">
        <v>10241</v>
      </c>
      <c r="F2968" s="1" t="s">
        <v>10</v>
      </c>
      <c r="G2968" s="1" t="s">
        <v>10</v>
      </c>
      <c r="H2968" s="1" t="s">
        <v>10</v>
      </c>
      <c r="I2968" s="1" t="s">
        <v>9126</v>
      </c>
      <c r="J2968" s="1" t="s">
        <v>9800</v>
      </c>
      <c r="K2968" s="1" t="s">
        <v>443</v>
      </c>
      <c r="L2968" s="1" t="s">
        <v>10239</v>
      </c>
      <c r="M2968" s="1" t="s">
        <v>5</v>
      </c>
      <c r="N2968" s="1" t="s">
        <v>25</v>
      </c>
      <c r="O2968" s="1" t="s">
        <v>38</v>
      </c>
      <c r="P2968" s="5" t="s">
        <v>30220</v>
      </c>
    </row>
    <row r="2969" spans="1:16" x14ac:dyDescent="0.2">
      <c r="A2969" s="1" t="s">
        <v>194</v>
      </c>
      <c r="B2969" s="1" t="s">
        <v>396</v>
      </c>
      <c r="C2969" s="1" t="s">
        <v>8030</v>
      </c>
      <c r="D2969" s="1" t="s">
        <v>10</v>
      </c>
      <c r="E2969" s="1" t="s">
        <v>10</v>
      </c>
      <c r="F2969" s="1" t="s">
        <v>27</v>
      </c>
      <c r="G2969" s="1" t="s">
        <v>10</v>
      </c>
      <c r="H2969" s="1" t="s">
        <v>8465</v>
      </c>
      <c r="I2969" s="1" t="s">
        <v>9126</v>
      </c>
      <c r="J2969" s="1" t="s">
        <v>37</v>
      </c>
      <c r="K2969" s="1" t="s">
        <v>3748</v>
      </c>
      <c r="L2969" s="1" t="s">
        <v>10242</v>
      </c>
      <c r="M2969" s="1" t="s">
        <v>5</v>
      </c>
      <c r="N2969" s="1" t="s">
        <v>6</v>
      </c>
      <c r="O2969" s="1" t="s">
        <v>8</v>
      </c>
      <c r="P2969" s="5" t="s">
        <v>30221</v>
      </c>
    </row>
    <row r="2970" spans="1:16" x14ac:dyDescent="0.2">
      <c r="A2970" s="1" t="s">
        <v>20</v>
      </c>
      <c r="B2970" s="1" t="s">
        <v>93</v>
      </c>
      <c r="C2970" s="1" t="s">
        <v>10244</v>
      </c>
      <c r="D2970" s="1" t="s">
        <v>10245</v>
      </c>
      <c r="E2970" s="1"/>
      <c r="F2970" s="1" t="s">
        <v>10</v>
      </c>
      <c r="G2970" s="1" t="s">
        <v>10</v>
      </c>
      <c r="H2970" s="1" t="s">
        <v>10</v>
      </c>
      <c r="I2970" s="1" t="s">
        <v>9126</v>
      </c>
      <c r="J2970" s="1" t="s">
        <v>64</v>
      </c>
      <c r="K2970" s="1" t="s">
        <v>27</v>
      </c>
      <c r="L2970" s="1" t="s">
        <v>10243</v>
      </c>
      <c r="M2970" s="1" t="s">
        <v>3905</v>
      </c>
      <c r="N2970" s="1" t="s">
        <v>25</v>
      </c>
      <c r="O2970" s="1" t="s">
        <v>38</v>
      </c>
      <c r="P2970" s="5" t="s">
        <v>30222</v>
      </c>
    </row>
    <row r="2971" spans="1:16" x14ac:dyDescent="0.2">
      <c r="A2971" s="1" t="s">
        <v>66</v>
      </c>
      <c r="B2971" s="1" t="s">
        <v>574</v>
      </c>
      <c r="C2971" s="1" t="s">
        <v>10248</v>
      </c>
      <c r="D2971" s="1" t="s">
        <v>10249</v>
      </c>
      <c r="E2971" s="1"/>
      <c r="F2971" s="1" t="s">
        <v>10</v>
      </c>
      <c r="G2971" s="1" t="s">
        <v>10</v>
      </c>
      <c r="H2971" s="1" t="s">
        <v>10</v>
      </c>
      <c r="I2971" s="1" t="s">
        <v>9126</v>
      </c>
      <c r="J2971" s="1" t="s">
        <v>9129</v>
      </c>
      <c r="K2971" s="1" t="s">
        <v>27</v>
      </c>
      <c r="L2971" s="1" t="s">
        <v>10247</v>
      </c>
      <c r="M2971" s="1" t="s">
        <v>5</v>
      </c>
      <c r="N2971" s="1" t="s">
        <v>10</v>
      </c>
      <c r="O2971" s="1" t="s">
        <v>38</v>
      </c>
      <c r="P2971" s="5" t="s">
        <v>30223</v>
      </c>
    </row>
    <row r="2972" spans="1:16" x14ac:dyDescent="0.2">
      <c r="A2972" s="1" t="s">
        <v>66</v>
      </c>
      <c r="B2972" s="1" t="s">
        <v>1127</v>
      </c>
      <c r="C2972" s="1" t="s">
        <v>10251</v>
      </c>
      <c r="D2972" s="1" t="s">
        <v>10252</v>
      </c>
      <c r="E2972" s="1"/>
      <c r="F2972" s="1" t="s">
        <v>27</v>
      </c>
      <c r="G2972" s="1" t="s">
        <v>10</v>
      </c>
      <c r="H2972" s="1" t="s">
        <v>905</v>
      </c>
      <c r="I2972" s="1" t="s">
        <v>9126</v>
      </c>
      <c r="J2972" s="1" t="s">
        <v>37</v>
      </c>
      <c r="K2972" s="1" t="s">
        <v>10253</v>
      </c>
      <c r="L2972" s="1" t="s">
        <v>10250</v>
      </c>
      <c r="M2972" s="1" t="s">
        <v>5</v>
      </c>
      <c r="N2972" s="1" t="s">
        <v>25</v>
      </c>
      <c r="O2972" s="1" t="s">
        <v>8</v>
      </c>
      <c r="P2972" s="5" t="s">
        <v>30224</v>
      </c>
    </row>
    <row r="2973" spans="1:16" x14ac:dyDescent="0.2">
      <c r="A2973" s="1" t="s">
        <v>32</v>
      </c>
      <c r="B2973" s="1" t="s">
        <v>1163</v>
      </c>
      <c r="C2973" s="1" t="s">
        <v>10255</v>
      </c>
      <c r="D2973" s="1" t="s">
        <v>10</v>
      </c>
      <c r="E2973" s="1" t="s">
        <v>10256</v>
      </c>
      <c r="F2973" s="1" t="s">
        <v>10</v>
      </c>
      <c r="G2973" s="1" t="s">
        <v>10</v>
      </c>
      <c r="H2973" s="1" t="s">
        <v>10</v>
      </c>
      <c r="I2973" s="1" t="s">
        <v>9126</v>
      </c>
      <c r="J2973" s="1" t="s">
        <v>64</v>
      </c>
      <c r="K2973" s="1" t="s">
        <v>64</v>
      </c>
      <c r="L2973" s="1" t="s">
        <v>10254</v>
      </c>
      <c r="M2973" s="1" t="s">
        <v>5</v>
      </c>
      <c r="N2973" s="1" t="s">
        <v>25</v>
      </c>
      <c r="O2973" s="1" t="s">
        <v>38</v>
      </c>
      <c r="P2973" s="5" t="s">
        <v>30207</v>
      </c>
    </row>
    <row r="2974" spans="1:16" x14ac:dyDescent="0.2">
      <c r="A2974" s="1" t="s">
        <v>66</v>
      </c>
      <c r="B2974" s="1" t="s">
        <v>67</v>
      </c>
      <c r="C2974" s="1" t="s">
        <v>10258</v>
      </c>
      <c r="D2974" s="1" t="s">
        <v>1918</v>
      </c>
      <c r="E2974" s="1"/>
      <c r="F2974" s="1" t="s">
        <v>27</v>
      </c>
      <c r="G2974" s="1" t="s">
        <v>10</v>
      </c>
      <c r="H2974" s="1" t="s">
        <v>10260</v>
      </c>
      <c r="I2974" s="1" t="s">
        <v>9126</v>
      </c>
      <c r="J2974" s="1" t="s">
        <v>10259</v>
      </c>
      <c r="K2974" s="1" t="s">
        <v>27</v>
      </c>
      <c r="L2974" s="1" t="s">
        <v>10257</v>
      </c>
      <c r="M2974" s="1" t="s">
        <v>5</v>
      </c>
      <c r="N2974" s="1" t="s">
        <v>25</v>
      </c>
      <c r="O2974" s="1" t="s">
        <v>8</v>
      </c>
      <c r="P2974" s="5" t="s">
        <v>30217</v>
      </c>
    </row>
    <row r="2975" spans="1:16" x14ac:dyDescent="0.2">
      <c r="A2975" s="1" t="s">
        <v>10</v>
      </c>
      <c r="B2975" s="1" t="s">
        <v>10</v>
      </c>
      <c r="C2975" s="1" t="s">
        <v>10262</v>
      </c>
      <c r="D2975" s="1" t="s">
        <v>10263</v>
      </c>
      <c r="E2975" s="1"/>
      <c r="F2975" s="1" t="s">
        <v>10</v>
      </c>
      <c r="G2975" s="1" t="s">
        <v>10</v>
      </c>
      <c r="H2975" s="1" t="s">
        <v>10</v>
      </c>
      <c r="I2975" s="1" t="s">
        <v>9126</v>
      </c>
      <c r="J2975" s="1" t="s">
        <v>9134</v>
      </c>
      <c r="K2975" s="1" t="s">
        <v>27</v>
      </c>
      <c r="L2975" s="1" t="s">
        <v>10261</v>
      </c>
      <c r="M2975" s="1" t="s">
        <v>5</v>
      </c>
      <c r="N2975" s="1" t="s">
        <v>960</v>
      </c>
      <c r="O2975" s="1" t="s">
        <v>38</v>
      </c>
      <c r="P2975" s="5" t="s">
        <v>30076</v>
      </c>
    </row>
    <row r="2976" spans="1:16" x14ac:dyDescent="0.2">
      <c r="A2976" s="1" t="s">
        <v>20</v>
      </c>
      <c r="B2976" s="1" t="s">
        <v>172</v>
      </c>
      <c r="C2976" s="1" t="s">
        <v>10265</v>
      </c>
      <c r="D2976" s="1" t="s">
        <v>10266</v>
      </c>
      <c r="E2976" s="1"/>
      <c r="F2976" s="1" t="s">
        <v>27</v>
      </c>
      <c r="G2976" s="1" t="s">
        <v>10</v>
      </c>
      <c r="H2976" s="1" t="s">
        <v>10267</v>
      </c>
      <c r="I2976" s="1" t="s">
        <v>9126</v>
      </c>
      <c r="J2976" s="1" t="s">
        <v>154</v>
      </c>
      <c r="K2976" s="1" t="s">
        <v>27</v>
      </c>
      <c r="L2976" s="1" t="s">
        <v>10264</v>
      </c>
      <c r="M2976" s="1" t="s">
        <v>5</v>
      </c>
      <c r="N2976" s="1" t="s">
        <v>25</v>
      </c>
      <c r="O2976" s="1" t="s">
        <v>8</v>
      </c>
      <c r="P2976" s="5" t="s">
        <v>30217</v>
      </c>
    </row>
    <row r="2977" spans="1:16" x14ac:dyDescent="0.2">
      <c r="A2977" s="1" t="s">
        <v>32</v>
      </c>
      <c r="B2977" s="1" t="s">
        <v>10271</v>
      </c>
      <c r="C2977" s="1" t="s">
        <v>10269</v>
      </c>
      <c r="D2977" s="1" t="s">
        <v>10</v>
      </c>
      <c r="E2977" s="1" t="s">
        <v>10270</v>
      </c>
      <c r="F2977" s="1" t="s">
        <v>10</v>
      </c>
      <c r="G2977" s="1" t="s">
        <v>10</v>
      </c>
      <c r="H2977" s="1" t="s">
        <v>10</v>
      </c>
      <c r="I2977" s="1" t="s">
        <v>9126</v>
      </c>
      <c r="J2977" s="1" t="s">
        <v>64</v>
      </c>
      <c r="K2977" s="1" t="s">
        <v>64</v>
      </c>
      <c r="L2977" s="1" t="s">
        <v>10268</v>
      </c>
      <c r="M2977" s="1" t="s">
        <v>5</v>
      </c>
      <c r="N2977" s="1" t="s">
        <v>6</v>
      </c>
      <c r="O2977" s="1" t="s">
        <v>38</v>
      </c>
      <c r="P2977" s="5" t="s">
        <v>30225</v>
      </c>
    </row>
    <row r="2978" spans="1:16" x14ac:dyDescent="0.2">
      <c r="A2978" s="1" t="s">
        <v>42</v>
      </c>
      <c r="B2978" s="1" t="s">
        <v>1664</v>
      </c>
      <c r="C2978" s="1" t="s">
        <v>10273</v>
      </c>
      <c r="D2978" s="1" t="s">
        <v>7048</v>
      </c>
      <c r="E2978" s="1" t="s">
        <v>10275</v>
      </c>
      <c r="F2978" s="1" t="s">
        <v>522</v>
      </c>
      <c r="G2978" s="1" t="s">
        <v>10276</v>
      </c>
      <c r="H2978" s="1" t="s">
        <v>10</v>
      </c>
      <c r="I2978" s="1" t="s">
        <v>9126</v>
      </c>
      <c r="J2978" s="1" t="s">
        <v>130</v>
      </c>
      <c r="K2978" s="1" t="s">
        <v>10274</v>
      </c>
      <c r="L2978" s="1" t="s">
        <v>10272</v>
      </c>
      <c r="M2978" s="1" t="s">
        <v>5</v>
      </c>
      <c r="N2978" s="1" t="s">
        <v>25</v>
      </c>
      <c r="O2978" s="1" t="s">
        <v>8</v>
      </c>
      <c r="P2978" s="5" t="s">
        <v>30226</v>
      </c>
    </row>
    <row r="2979" spans="1:16" x14ac:dyDescent="0.2">
      <c r="A2979" s="1" t="s">
        <v>20</v>
      </c>
      <c r="B2979" s="1" t="s">
        <v>99</v>
      </c>
      <c r="C2979" s="1" t="s">
        <v>10278</v>
      </c>
      <c r="D2979" s="1" t="s">
        <v>10279</v>
      </c>
      <c r="E2979" s="1"/>
      <c r="F2979" s="1" t="s">
        <v>27</v>
      </c>
      <c r="G2979" s="1" t="s">
        <v>10</v>
      </c>
      <c r="H2979" s="1" t="s">
        <v>10281</v>
      </c>
      <c r="I2979" s="1" t="s">
        <v>9126</v>
      </c>
      <c r="J2979" s="1" t="s">
        <v>10280</v>
      </c>
      <c r="K2979" s="1" t="s">
        <v>7</v>
      </c>
      <c r="L2979" s="1" t="s">
        <v>10277</v>
      </c>
      <c r="M2979" s="1" t="s">
        <v>5</v>
      </c>
      <c r="N2979" s="1" t="s">
        <v>10</v>
      </c>
      <c r="O2979" s="1" t="s">
        <v>8</v>
      </c>
      <c r="P2979" s="5" t="s">
        <v>30217</v>
      </c>
    </row>
    <row r="2980" spans="1:16" x14ac:dyDescent="0.2">
      <c r="A2980" s="1" t="s">
        <v>42</v>
      </c>
      <c r="B2980" s="1" t="s">
        <v>1377</v>
      </c>
      <c r="C2980" s="1" t="s">
        <v>10283</v>
      </c>
      <c r="D2980" s="1" t="s">
        <v>10284</v>
      </c>
      <c r="E2980" s="1"/>
      <c r="F2980" s="1" t="s">
        <v>27</v>
      </c>
      <c r="G2980" s="1" t="s">
        <v>10</v>
      </c>
      <c r="H2980" s="1" t="s">
        <v>10285</v>
      </c>
      <c r="I2980" s="1" t="s">
        <v>9126</v>
      </c>
      <c r="J2980" s="1" t="s">
        <v>9286</v>
      </c>
      <c r="K2980" s="1" t="s">
        <v>130</v>
      </c>
      <c r="L2980" s="1" t="s">
        <v>10282</v>
      </c>
      <c r="M2980" s="1" t="s">
        <v>5</v>
      </c>
      <c r="N2980" s="1" t="s">
        <v>25</v>
      </c>
      <c r="O2980" s="1" t="s">
        <v>8</v>
      </c>
      <c r="P2980" s="5" t="s">
        <v>30227</v>
      </c>
    </row>
    <row r="2981" spans="1:16" x14ac:dyDescent="0.2">
      <c r="A2981" s="1" t="s">
        <v>10</v>
      </c>
      <c r="B2981" s="1" t="s">
        <v>10</v>
      </c>
      <c r="C2981" s="1" t="s">
        <v>10288</v>
      </c>
      <c r="D2981" s="1" t="s">
        <v>10289</v>
      </c>
      <c r="E2981" s="1" t="s">
        <v>10</v>
      </c>
      <c r="F2981" s="1" t="s">
        <v>10</v>
      </c>
      <c r="G2981" s="1" t="s">
        <v>10</v>
      </c>
      <c r="H2981" s="1" t="s">
        <v>10</v>
      </c>
      <c r="I2981" s="1" t="s">
        <v>9126</v>
      </c>
      <c r="J2981" s="1" t="s">
        <v>10</v>
      </c>
      <c r="K2981" s="1" t="s">
        <v>10</v>
      </c>
      <c r="L2981" s="1" t="s">
        <v>10287</v>
      </c>
      <c r="M2981" s="1" t="s">
        <v>5</v>
      </c>
      <c r="N2981" s="1" t="s">
        <v>10</v>
      </c>
      <c r="O2981" s="1" t="s">
        <v>38</v>
      </c>
      <c r="P2981" s="5"/>
    </row>
    <row r="2982" spans="1:16" x14ac:dyDescent="0.2">
      <c r="A2982" s="1" t="s">
        <v>66</v>
      </c>
      <c r="B2982" s="1" t="s">
        <v>1127</v>
      </c>
      <c r="C2982" s="1" t="s">
        <v>10291</v>
      </c>
      <c r="D2982" s="1" t="s">
        <v>10292</v>
      </c>
      <c r="E2982" s="1" t="s">
        <v>10293</v>
      </c>
      <c r="F2982" s="1" t="s">
        <v>27</v>
      </c>
      <c r="G2982" s="1" t="s">
        <v>10</v>
      </c>
      <c r="H2982" s="1" t="s">
        <v>905</v>
      </c>
      <c r="I2982" s="1" t="s">
        <v>9126</v>
      </c>
      <c r="J2982" s="1" t="s">
        <v>64</v>
      </c>
      <c r="K2982" s="1" t="s">
        <v>64</v>
      </c>
      <c r="L2982" s="1" t="s">
        <v>10290</v>
      </c>
      <c r="M2982" s="1" t="s">
        <v>5</v>
      </c>
      <c r="N2982" s="1" t="s">
        <v>10</v>
      </c>
      <c r="O2982" s="1" t="s">
        <v>8</v>
      </c>
      <c r="P2982" s="5" t="s">
        <v>30228</v>
      </c>
    </row>
    <row r="2983" spans="1:16" x14ac:dyDescent="0.2">
      <c r="A2983" s="1" t="s">
        <v>1385</v>
      </c>
      <c r="B2983" s="1" t="s">
        <v>2930</v>
      </c>
      <c r="C2983" s="1" t="s">
        <v>10295</v>
      </c>
      <c r="D2983" s="1" t="s">
        <v>10296</v>
      </c>
      <c r="E2983" s="1"/>
      <c r="F2983" s="1" t="s">
        <v>10</v>
      </c>
      <c r="G2983" s="1" t="s">
        <v>10</v>
      </c>
      <c r="H2983" s="1" t="s">
        <v>10</v>
      </c>
      <c r="I2983" s="1" t="s">
        <v>9126</v>
      </c>
      <c r="J2983" s="1" t="s">
        <v>9134</v>
      </c>
      <c r="K2983" s="1" t="s">
        <v>27</v>
      </c>
      <c r="L2983" s="1" t="s">
        <v>10294</v>
      </c>
      <c r="M2983" s="1" t="s">
        <v>5</v>
      </c>
      <c r="N2983" s="1" t="s">
        <v>25</v>
      </c>
      <c r="O2983" s="1" t="s">
        <v>38</v>
      </c>
      <c r="P2983" s="5" t="s">
        <v>30229</v>
      </c>
    </row>
    <row r="2984" spans="1:16" x14ac:dyDescent="0.2">
      <c r="A2984" s="1" t="s">
        <v>20</v>
      </c>
      <c r="B2984" s="1" t="s">
        <v>445</v>
      </c>
      <c r="C2984" s="1" t="s">
        <v>10298</v>
      </c>
      <c r="D2984" s="1" t="s">
        <v>10299</v>
      </c>
      <c r="E2984" s="1"/>
      <c r="F2984" s="1" t="s">
        <v>27</v>
      </c>
      <c r="G2984" s="1" t="s">
        <v>10</v>
      </c>
      <c r="H2984" s="1" t="s">
        <v>10285</v>
      </c>
      <c r="I2984" s="1" t="s">
        <v>9126</v>
      </c>
      <c r="J2984" s="1" t="s">
        <v>747</v>
      </c>
      <c r="K2984" s="1" t="s">
        <v>747</v>
      </c>
      <c r="L2984" s="1" t="s">
        <v>10297</v>
      </c>
      <c r="M2984" s="1" t="s">
        <v>5</v>
      </c>
      <c r="N2984" s="1" t="s">
        <v>25</v>
      </c>
      <c r="O2984" s="1" t="s">
        <v>8</v>
      </c>
      <c r="P2984" s="5" t="s">
        <v>30227</v>
      </c>
    </row>
    <row r="2985" spans="1:16" x14ac:dyDescent="0.2">
      <c r="A2985" s="1" t="s">
        <v>20</v>
      </c>
      <c r="B2985" s="1" t="s">
        <v>101</v>
      </c>
      <c r="C2985" s="1" t="s">
        <v>10301</v>
      </c>
      <c r="D2985" s="1" t="s">
        <v>303</v>
      </c>
      <c r="E2985" s="1"/>
      <c r="F2985" s="1" t="s">
        <v>10</v>
      </c>
      <c r="G2985" s="1" t="s">
        <v>10</v>
      </c>
      <c r="H2985" s="1" t="s">
        <v>10</v>
      </c>
      <c r="I2985" s="1" t="s">
        <v>9126</v>
      </c>
      <c r="J2985" s="1" t="s">
        <v>9129</v>
      </c>
      <c r="K2985" s="1" t="s">
        <v>27</v>
      </c>
      <c r="L2985" s="1" t="s">
        <v>10300</v>
      </c>
      <c r="M2985" s="1" t="s">
        <v>5</v>
      </c>
      <c r="N2985" s="1" t="s">
        <v>25</v>
      </c>
      <c r="O2985" s="1" t="s">
        <v>38</v>
      </c>
      <c r="P2985" s="5" t="s">
        <v>30230</v>
      </c>
    </row>
    <row r="2986" spans="1:16" x14ac:dyDescent="0.2">
      <c r="A2986" s="1" t="s">
        <v>10</v>
      </c>
      <c r="B2986" s="1" t="s">
        <v>10</v>
      </c>
      <c r="C2986" s="1" t="s">
        <v>10303</v>
      </c>
      <c r="D2986" s="1" t="s">
        <v>10304</v>
      </c>
      <c r="E2986" s="1" t="s">
        <v>10</v>
      </c>
      <c r="F2986" s="1" t="s">
        <v>10</v>
      </c>
      <c r="G2986" s="1" t="s">
        <v>10</v>
      </c>
      <c r="H2986" s="1" t="s">
        <v>10</v>
      </c>
      <c r="I2986" s="1" t="s">
        <v>9126</v>
      </c>
      <c r="J2986" s="1" t="s">
        <v>10</v>
      </c>
      <c r="K2986" s="1" t="s">
        <v>10</v>
      </c>
      <c r="L2986" s="1" t="s">
        <v>10302</v>
      </c>
      <c r="M2986" s="1" t="s">
        <v>5</v>
      </c>
      <c r="N2986" s="1" t="s">
        <v>10</v>
      </c>
      <c r="O2986" s="1" t="s">
        <v>38</v>
      </c>
      <c r="P2986" s="5"/>
    </row>
    <row r="2987" spans="1:16" x14ac:dyDescent="0.2">
      <c r="A2987" s="1" t="s">
        <v>1086</v>
      </c>
      <c r="B2987" s="1" t="s">
        <v>10308</v>
      </c>
      <c r="C2987" s="1" t="s">
        <v>10306</v>
      </c>
      <c r="D2987" s="1" t="s">
        <v>10307</v>
      </c>
      <c r="E2987" s="1"/>
      <c r="F2987" s="1" t="s">
        <v>10</v>
      </c>
      <c r="G2987" s="1" t="s">
        <v>10</v>
      </c>
      <c r="H2987" s="1" t="s">
        <v>10</v>
      </c>
      <c r="I2987" s="1" t="s">
        <v>9126</v>
      </c>
      <c r="J2987" s="1" t="s">
        <v>130</v>
      </c>
      <c r="K2987" s="1" t="s">
        <v>130</v>
      </c>
      <c r="L2987" s="1" t="s">
        <v>10305</v>
      </c>
      <c r="M2987" s="1" t="s">
        <v>5</v>
      </c>
      <c r="N2987" s="1" t="s">
        <v>10</v>
      </c>
      <c r="O2987" s="1" t="s">
        <v>38</v>
      </c>
      <c r="P2987" s="5"/>
    </row>
    <row r="2988" spans="1:16" x14ac:dyDescent="0.2">
      <c r="A2988" s="1" t="s">
        <v>20</v>
      </c>
      <c r="B2988" s="1" t="s">
        <v>253</v>
      </c>
      <c r="C2988" s="1" t="s">
        <v>10310</v>
      </c>
      <c r="D2988" s="1" t="s">
        <v>10311</v>
      </c>
      <c r="E2988" s="1" t="s">
        <v>10312</v>
      </c>
      <c r="F2988" s="1" t="s">
        <v>27</v>
      </c>
      <c r="G2988" s="1" t="s">
        <v>10</v>
      </c>
      <c r="H2988" s="1" t="s">
        <v>10313</v>
      </c>
      <c r="I2988" s="1" t="s">
        <v>9126</v>
      </c>
      <c r="J2988" s="1" t="s">
        <v>100</v>
      </c>
      <c r="K2988" s="1" t="s">
        <v>100</v>
      </c>
      <c r="L2988" s="1" t="s">
        <v>10309</v>
      </c>
      <c r="M2988" s="1" t="s">
        <v>5</v>
      </c>
      <c r="N2988" s="1" t="s">
        <v>10</v>
      </c>
      <c r="O2988" s="1" t="s">
        <v>8</v>
      </c>
      <c r="P2988" s="5"/>
    </row>
    <row r="2989" spans="1:16" x14ac:dyDescent="0.2">
      <c r="A2989" s="1" t="s">
        <v>10</v>
      </c>
      <c r="B2989" s="1" t="s">
        <v>10</v>
      </c>
      <c r="C2989" s="1" t="s">
        <v>10315</v>
      </c>
      <c r="D2989" s="1" t="s">
        <v>10</v>
      </c>
      <c r="E2989" s="1" t="s">
        <v>10</v>
      </c>
      <c r="F2989" s="1" t="s">
        <v>10</v>
      </c>
      <c r="G2989" s="1" t="s">
        <v>10</v>
      </c>
      <c r="H2989" s="1" t="s">
        <v>10</v>
      </c>
      <c r="I2989" s="1" t="s">
        <v>9126</v>
      </c>
      <c r="J2989" s="1" t="s">
        <v>10</v>
      </c>
      <c r="K2989" s="1" t="s">
        <v>10</v>
      </c>
      <c r="L2989" s="1" t="s">
        <v>10314</v>
      </c>
      <c r="M2989" s="1" t="s">
        <v>5</v>
      </c>
      <c r="N2989" s="1" t="s">
        <v>10</v>
      </c>
      <c r="O2989" s="1" t="s">
        <v>38</v>
      </c>
      <c r="P2989" s="5"/>
    </row>
    <row r="2990" spans="1:16" x14ac:dyDescent="0.2">
      <c r="A2990" s="1" t="s">
        <v>10</v>
      </c>
      <c r="B2990" s="1" t="s">
        <v>10</v>
      </c>
      <c r="C2990" s="1" t="s">
        <v>10317</v>
      </c>
      <c r="D2990" s="1" t="s">
        <v>10</v>
      </c>
      <c r="E2990" s="1" t="s">
        <v>10</v>
      </c>
      <c r="F2990" s="1" t="s">
        <v>10</v>
      </c>
      <c r="G2990" s="1" t="s">
        <v>10</v>
      </c>
      <c r="H2990" s="1" t="s">
        <v>10</v>
      </c>
      <c r="I2990" s="1" t="s">
        <v>9126</v>
      </c>
      <c r="J2990" s="1" t="s">
        <v>10</v>
      </c>
      <c r="K2990" s="1" t="s">
        <v>10</v>
      </c>
      <c r="L2990" s="1" t="s">
        <v>10316</v>
      </c>
      <c r="M2990" s="1" t="s">
        <v>5</v>
      </c>
      <c r="N2990" s="1" t="s">
        <v>10</v>
      </c>
      <c r="O2990" s="1" t="s">
        <v>38</v>
      </c>
      <c r="P2990" s="5"/>
    </row>
    <row r="2991" spans="1:16" x14ac:dyDescent="0.2">
      <c r="A2991" s="1" t="s">
        <v>42</v>
      </c>
      <c r="B2991" s="1" t="s">
        <v>43</v>
      </c>
      <c r="C2991" s="1" t="s">
        <v>10319</v>
      </c>
      <c r="D2991" s="1" t="s">
        <v>10320</v>
      </c>
      <c r="E2991" s="1"/>
      <c r="F2991" s="1" t="s">
        <v>10</v>
      </c>
      <c r="G2991" s="1" t="s">
        <v>10</v>
      </c>
      <c r="H2991" s="1" t="s">
        <v>10</v>
      </c>
      <c r="I2991" s="1" t="s">
        <v>9126</v>
      </c>
      <c r="J2991" s="1" t="s">
        <v>10321</v>
      </c>
      <c r="K2991" s="1" t="s">
        <v>27</v>
      </c>
      <c r="L2991" s="1" t="s">
        <v>10318</v>
      </c>
      <c r="M2991" s="1" t="s">
        <v>5</v>
      </c>
      <c r="N2991" s="1" t="s">
        <v>960</v>
      </c>
      <c r="O2991" s="1" t="s">
        <v>38</v>
      </c>
      <c r="P2991" s="5" t="s">
        <v>30231</v>
      </c>
    </row>
    <row r="2992" spans="1:16" x14ac:dyDescent="0.2">
      <c r="A2992" s="1" t="s">
        <v>10</v>
      </c>
      <c r="B2992" s="1" t="s">
        <v>10</v>
      </c>
      <c r="C2992" s="1" t="s">
        <v>10323</v>
      </c>
      <c r="D2992" s="1" t="s">
        <v>10</v>
      </c>
      <c r="E2992" s="1" t="s">
        <v>10</v>
      </c>
      <c r="F2992" s="1" t="s">
        <v>27</v>
      </c>
      <c r="G2992" s="1" t="s">
        <v>10</v>
      </c>
      <c r="H2992" s="1" t="s">
        <v>10313</v>
      </c>
      <c r="I2992" s="1" t="s">
        <v>9126</v>
      </c>
      <c r="J2992" s="1" t="s">
        <v>10</v>
      </c>
      <c r="K2992" s="1" t="s">
        <v>10</v>
      </c>
      <c r="L2992" s="1" t="s">
        <v>10322</v>
      </c>
      <c r="M2992" s="1" t="s">
        <v>5</v>
      </c>
      <c r="N2992" s="1" t="s">
        <v>10</v>
      </c>
      <c r="O2992" s="1" t="s">
        <v>8</v>
      </c>
      <c r="P2992" s="5"/>
    </row>
    <row r="2993" spans="1:16" x14ac:dyDescent="0.2">
      <c r="A2993" s="1" t="s">
        <v>10</v>
      </c>
      <c r="B2993" s="1" t="s">
        <v>10</v>
      </c>
      <c r="C2993" s="1" t="s">
        <v>10325</v>
      </c>
      <c r="D2993" s="1" t="s">
        <v>10</v>
      </c>
      <c r="E2993" s="1" t="s">
        <v>10</v>
      </c>
      <c r="F2993" s="1" t="s">
        <v>27</v>
      </c>
      <c r="G2993" s="1" t="s">
        <v>10</v>
      </c>
      <c r="H2993" s="1" t="s">
        <v>10313</v>
      </c>
      <c r="I2993" s="1" t="s">
        <v>9126</v>
      </c>
      <c r="J2993" s="1" t="s">
        <v>10</v>
      </c>
      <c r="K2993" s="1" t="s">
        <v>10</v>
      </c>
      <c r="L2993" s="1" t="s">
        <v>10324</v>
      </c>
      <c r="M2993" s="1" t="s">
        <v>5</v>
      </c>
      <c r="N2993" s="1" t="s">
        <v>10</v>
      </c>
      <c r="O2993" s="1" t="s">
        <v>8</v>
      </c>
      <c r="P2993" s="5"/>
    </row>
    <row r="2994" spans="1:16" x14ac:dyDescent="0.2">
      <c r="A2994" s="1" t="s">
        <v>10</v>
      </c>
      <c r="B2994" s="1" t="s">
        <v>10</v>
      </c>
      <c r="C2994" s="1" t="s">
        <v>10327</v>
      </c>
      <c r="D2994" s="1" t="s">
        <v>10</v>
      </c>
      <c r="E2994" s="1" t="s">
        <v>10</v>
      </c>
      <c r="F2994" s="1" t="s">
        <v>10</v>
      </c>
      <c r="G2994" s="1" t="s">
        <v>10</v>
      </c>
      <c r="H2994" s="1" t="s">
        <v>10</v>
      </c>
      <c r="I2994" s="1" t="s">
        <v>9126</v>
      </c>
      <c r="J2994" s="1" t="s">
        <v>10</v>
      </c>
      <c r="K2994" s="1" t="s">
        <v>10</v>
      </c>
      <c r="L2994" s="1" t="s">
        <v>10326</v>
      </c>
      <c r="M2994" s="1" t="s">
        <v>5</v>
      </c>
      <c r="N2994" s="1" t="s">
        <v>10</v>
      </c>
      <c r="O2994" s="1" t="s">
        <v>38</v>
      </c>
      <c r="P2994" s="5"/>
    </row>
    <row r="2995" spans="1:16" x14ac:dyDescent="0.2">
      <c r="A2995" s="1" t="s">
        <v>10</v>
      </c>
      <c r="B2995" s="1" t="s">
        <v>10</v>
      </c>
      <c r="C2995" s="1" t="s">
        <v>10329</v>
      </c>
      <c r="D2995" s="1" t="s">
        <v>10</v>
      </c>
      <c r="E2995" s="1" t="s">
        <v>10</v>
      </c>
      <c r="F2995" s="1" t="s">
        <v>27</v>
      </c>
      <c r="G2995" s="1" t="s">
        <v>10</v>
      </c>
      <c r="H2995" s="1" t="s">
        <v>10330</v>
      </c>
      <c r="I2995" s="1" t="s">
        <v>9126</v>
      </c>
      <c r="J2995" s="1" t="s">
        <v>10</v>
      </c>
      <c r="K2995" s="1" t="s">
        <v>10</v>
      </c>
      <c r="L2995" s="1" t="s">
        <v>10328</v>
      </c>
      <c r="M2995" s="1" t="s">
        <v>5</v>
      </c>
      <c r="N2995" s="1" t="s">
        <v>10</v>
      </c>
      <c r="O2995" s="1" t="s">
        <v>8</v>
      </c>
      <c r="P2995" s="5"/>
    </row>
    <row r="2996" spans="1:16" x14ac:dyDescent="0.2">
      <c r="A2996" s="1" t="s">
        <v>10</v>
      </c>
      <c r="B2996" s="1" t="s">
        <v>10</v>
      </c>
      <c r="C2996" s="1" t="s">
        <v>10332</v>
      </c>
      <c r="D2996" s="1" t="s">
        <v>10</v>
      </c>
      <c r="E2996" s="1" t="s">
        <v>10</v>
      </c>
      <c r="F2996" s="1" t="s">
        <v>27</v>
      </c>
      <c r="G2996" s="1" t="s">
        <v>10</v>
      </c>
      <c r="H2996" s="1" t="s">
        <v>10330</v>
      </c>
      <c r="I2996" s="1" t="s">
        <v>9126</v>
      </c>
      <c r="J2996" s="1" t="s">
        <v>10</v>
      </c>
      <c r="K2996" s="1" t="s">
        <v>10</v>
      </c>
      <c r="L2996" s="1" t="s">
        <v>10331</v>
      </c>
      <c r="M2996" s="1" t="s">
        <v>5</v>
      </c>
      <c r="N2996" s="1" t="s">
        <v>10</v>
      </c>
      <c r="O2996" s="1" t="s">
        <v>8</v>
      </c>
      <c r="P2996" s="5"/>
    </row>
    <row r="2997" spans="1:16" x14ac:dyDescent="0.2">
      <c r="A2997" s="1" t="s">
        <v>10</v>
      </c>
      <c r="B2997" s="1" t="s">
        <v>10</v>
      </c>
      <c r="C2997" s="1" t="s">
        <v>10334</v>
      </c>
      <c r="D2997" s="1" t="s">
        <v>10335</v>
      </c>
      <c r="E2997" s="1" t="s">
        <v>10</v>
      </c>
      <c r="F2997" s="1" t="s">
        <v>10</v>
      </c>
      <c r="G2997" s="1" t="s">
        <v>10</v>
      </c>
      <c r="H2997" s="1" t="s">
        <v>10</v>
      </c>
      <c r="I2997" s="1" t="s">
        <v>9126</v>
      </c>
      <c r="J2997" s="1" t="s">
        <v>10</v>
      </c>
      <c r="K2997" s="1" t="s">
        <v>10</v>
      </c>
      <c r="L2997" s="1" t="s">
        <v>10333</v>
      </c>
      <c r="M2997" s="1" t="s">
        <v>5</v>
      </c>
      <c r="N2997" s="1" t="s">
        <v>10</v>
      </c>
      <c r="O2997" s="1" t="s">
        <v>38</v>
      </c>
      <c r="P2997" s="5"/>
    </row>
    <row r="2998" spans="1:16" x14ac:dyDescent="0.2">
      <c r="A2998" s="1" t="s">
        <v>10</v>
      </c>
      <c r="B2998" s="1" t="s">
        <v>10</v>
      </c>
      <c r="C2998" s="1" t="s">
        <v>10337</v>
      </c>
      <c r="D2998" s="1" t="s">
        <v>10</v>
      </c>
      <c r="E2998" s="1" t="s">
        <v>10</v>
      </c>
      <c r="F2998" s="1" t="s">
        <v>27</v>
      </c>
      <c r="G2998" s="1" t="s">
        <v>10</v>
      </c>
      <c r="H2998" s="1" t="s">
        <v>10330</v>
      </c>
      <c r="I2998" s="1" t="s">
        <v>9126</v>
      </c>
      <c r="J2998" s="1" t="s">
        <v>10</v>
      </c>
      <c r="K2998" s="1" t="s">
        <v>10</v>
      </c>
      <c r="L2998" s="1" t="s">
        <v>10336</v>
      </c>
      <c r="M2998" s="1" t="s">
        <v>5</v>
      </c>
      <c r="N2998" s="1" t="s">
        <v>10</v>
      </c>
      <c r="O2998" s="1" t="s">
        <v>8</v>
      </c>
      <c r="P2998" s="5"/>
    </row>
    <row r="2999" spans="1:16" x14ac:dyDescent="0.2">
      <c r="A2999" s="1" t="s">
        <v>10</v>
      </c>
      <c r="B2999" s="1" t="s">
        <v>10</v>
      </c>
      <c r="C2999" s="1" t="s">
        <v>3448</v>
      </c>
      <c r="D2999" s="1" t="s">
        <v>10339</v>
      </c>
      <c r="E2999" s="1"/>
      <c r="F2999" s="1" t="s">
        <v>10</v>
      </c>
      <c r="G2999" s="1" t="s">
        <v>10</v>
      </c>
      <c r="H2999" s="1" t="s">
        <v>10</v>
      </c>
      <c r="I2999" s="1" t="s">
        <v>9126</v>
      </c>
      <c r="J2999" s="1" t="s">
        <v>9134</v>
      </c>
      <c r="K2999" s="1" t="s">
        <v>27</v>
      </c>
      <c r="L2999" s="1" t="s">
        <v>10338</v>
      </c>
      <c r="M2999" s="1" t="s">
        <v>5</v>
      </c>
      <c r="N2999" s="1" t="s">
        <v>960</v>
      </c>
      <c r="O2999" s="1" t="s">
        <v>38</v>
      </c>
      <c r="P2999" s="5" t="s">
        <v>30092</v>
      </c>
    </row>
    <row r="3000" spans="1:16" x14ac:dyDescent="0.2">
      <c r="A3000" s="1" t="s">
        <v>10</v>
      </c>
      <c r="B3000" s="1" t="s">
        <v>10</v>
      </c>
      <c r="C3000" s="1" t="s">
        <v>10341</v>
      </c>
      <c r="D3000" s="1" t="s">
        <v>10</v>
      </c>
      <c r="E3000" s="1" t="s">
        <v>10</v>
      </c>
      <c r="F3000" s="1" t="s">
        <v>10</v>
      </c>
      <c r="G3000" s="1" t="s">
        <v>10</v>
      </c>
      <c r="H3000" s="1" t="s">
        <v>10</v>
      </c>
      <c r="I3000" s="1" t="s">
        <v>9126</v>
      </c>
      <c r="J3000" s="1" t="s">
        <v>10</v>
      </c>
      <c r="K3000" s="1" t="s">
        <v>10</v>
      </c>
      <c r="L3000" s="1" t="s">
        <v>10340</v>
      </c>
      <c r="M3000" s="1" t="s">
        <v>5</v>
      </c>
      <c r="N3000" s="1" t="s">
        <v>10</v>
      </c>
      <c r="O3000" s="1" t="s">
        <v>38</v>
      </c>
      <c r="P3000" s="5"/>
    </row>
    <row r="3001" spans="1:16" x14ac:dyDescent="0.2">
      <c r="A3001" s="1" t="s">
        <v>10</v>
      </c>
      <c r="B3001" s="1" t="s">
        <v>10</v>
      </c>
      <c r="C3001" s="1" t="s">
        <v>10343</v>
      </c>
      <c r="D3001" s="1" t="s">
        <v>10</v>
      </c>
      <c r="E3001" s="1" t="s">
        <v>10344</v>
      </c>
      <c r="F3001" s="1" t="s">
        <v>10</v>
      </c>
      <c r="G3001" s="1" t="s">
        <v>10</v>
      </c>
      <c r="H3001" s="1" t="s">
        <v>10</v>
      </c>
      <c r="I3001" s="1" t="s">
        <v>9126</v>
      </c>
      <c r="J3001" s="1" t="s">
        <v>10</v>
      </c>
      <c r="K3001" s="1" t="s">
        <v>10</v>
      </c>
      <c r="L3001" s="1" t="s">
        <v>10342</v>
      </c>
      <c r="M3001" s="1" t="s">
        <v>5</v>
      </c>
      <c r="N3001" s="1" t="s">
        <v>10</v>
      </c>
      <c r="O3001" s="1" t="s">
        <v>38</v>
      </c>
      <c r="P3001" s="5"/>
    </row>
    <row r="3002" spans="1:16" x14ac:dyDescent="0.2">
      <c r="A3002" s="1" t="s">
        <v>10</v>
      </c>
      <c r="B3002" s="1" t="s">
        <v>10</v>
      </c>
      <c r="C3002" s="1" t="s">
        <v>10346</v>
      </c>
      <c r="D3002" s="1" t="s">
        <v>10</v>
      </c>
      <c r="E3002" s="1" t="s">
        <v>10347</v>
      </c>
      <c r="F3002" s="1" t="s">
        <v>10</v>
      </c>
      <c r="G3002" s="1" t="s">
        <v>10</v>
      </c>
      <c r="H3002" s="1" t="s">
        <v>10</v>
      </c>
      <c r="I3002" s="1" t="s">
        <v>9126</v>
      </c>
      <c r="J3002" s="1" t="s">
        <v>10</v>
      </c>
      <c r="K3002" s="1" t="s">
        <v>10</v>
      </c>
      <c r="L3002" s="1" t="s">
        <v>10345</v>
      </c>
      <c r="M3002" s="1" t="s">
        <v>5</v>
      </c>
      <c r="N3002" s="1" t="s">
        <v>10</v>
      </c>
      <c r="O3002" s="1" t="s">
        <v>38</v>
      </c>
      <c r="P3002" s="5"/>
    </row>
    <row r="3003" spans="1:16" x14ac:dyDescent="0.2">
      <c r="A3003" s="1" t="s">
        <v>10</v>
      </c>
      <c r="B3003" s="1" t="s">
        <v>10</v>
      </c>
      <c r="C3003" s="1" t="s">
        <v>10349</v>
      </c>
      <c r="D3003" s="1" t="s">
        <v>10</v>
      </c>
      <c r="E3003" s="1" t="s">
        <v>10350</v>
      </c>
      <c r="F3003" s="1" t="s">
        <v>10</v>
      </c>
      <c r="G3003" s="1" t="s">
        <v>10</v>
      </c>
      <c r="H3003" s="1" t="s">
        <v>10</v>
      </c>
      <c r="I3003" s="1" t="s">
        <v>9126</v>
      </c>
      <c r="J3003" s="1" t="s">
        <v>10</v>
      </c>
      <c r="K3003" s="1" t="s">
        <v>10</v>
      </c>
      <c r="L3003" s="1" t="s">
        <v>10348</v>
      </c>
      <c r="M3003" s="1" t="s">
        <v>5</v>
      </c>
      <c r="N3003" s="1" t="s">
        <v>10</v>
      </c>
      <c r="O3003" s="1" t="s">
        <v>38</v>
      </c>
      <c r="P3003" s="5"/>
    </row>
    <row r="3004" spans="1:16" x14ac:dyDescent="0.2">
      <c r="A3004" s="1" t="s">
        <v>10</v>
      </c>
      <c r="B3004" s="1" t="s">
        <v>10</v>
      </c>
      <c r="C3004" s="1" t="s">
        <v>10352</v>
      </c>
      <c r="D3004" s="1" t="s">
        <v>10</v>
      </c>
      <c r="E3004" s="1" t="s">
        <v>10353</v>
      </c>
      <c r="F3004" s="1" t="s">
        <v>10</v>
      </c>
      <c r="G3004" s="1" t="s">
        <v>10</v>
      </c>
      <c r="H3004" s="1" t="s">
        <v>10</v>
      </c>
      <c r="I3004" s="1" t="s">
        <v>9126</v>
      </c>
      <c r="J3004" s="1" t="s">
        <v>10</v>
      </c>
      <c r="K3004" s="1" t="s">
        <v>10</v>
      </c>
      <c r="L3004" s="1" t="s">
        <v>10351</v>
      </c>
      <c r="M3004" s="1" t="s">
        <v>5</v>
      </c>
      <c r="N3004" s="1" t="s">
        <v>10</v>
      </c>
      <c r="O3004" s="1" t="s">
        <v>38</v>
      </c>
      <c r="P3004" s="5"/>
    </row>
    <row r="3005" spans="1:16" x14ac:dyDescent="0.2">
      <c r="A3005" s="1" t="s">
        <v>66</v>
      </c>
      <c r="B3005" s="1" t="s">
        <v>574</v>
      </c>
      <c r="C3005" s="1" t="s">
        <v>10355</v>
      </c>
      <c r="D3005" s="1" t="s">
        <v>10356</v>
      </c>
      <c r="E3005" s="1"/>
      <c r="F3005" s="1" t="s">
        <v>10</v>
      </c>
      <c r="G3005" s="1" t="s">
        <v>10</v>
      </c>
      <c r="H3005" s="1" t="s">
        <v>10</v>
      </c>
      <c r="I3005" s="1" t="s">
        <v>9126</v>
      </c>
      <c r="J3005" s="1" t="s">
        <v>9129</v>
      </c>
      <c r="K3005" s="1" t="s">
        <v>27</v>
      </c>
      <c r="L3005" s="1" t="s">
        <v>10354</v>
      </c>
      <c r="M3005" s="1" t="s">
        <v>5</v>
      </c>
      <c r="N3005" s="1" t="s">
        <v>960</v>
      </c>
      <c r="O3005" s="1" t="s">
        <v>38</v>
      </c>
      <c r="P3005" s="5" t="s">
        <v>31379</v>
      </c>
    </row>
    <row r="3006" spans="1:16" x14ac:dyDescent="0.2">
      <c r="A3006" s="1" t="s">
        <v>10</v>
      </c>
      <c r="B3006" s="1" t="s">
        <v>10</v>
      </c>
      <c r="C3006" s="1" t="s">
        <v>10358</v>
      </c>
      <c r="D3006" s="1" t="s">
        <v>10</v>
      </c>
      <c r="E3006" s="1" t="s">
        <v>10359</v>
      </c>
      <c r="F3006" s="1" t="s">
        <v>10</v>
      </c>
      <c r="G3006" s="1" t="s">
        <v>10</v>
      </c>
      <c r="H3006" s="1" t="s">
        <v>10</v>
      </c>
      <c r="I3006" s="1" t="s">
        <v>9126</v>
      </c>
      <c r="J3006" s="1" t="s">
        <v>10</v>
      </c>
      <c r="K3006" s="1" t="s">
        <v>10</v>
      </c>
      <c r="L3006" s="1" t="s">
        <v>10357</v>
      </c>
      <c r="M3006" s="1" t="s">
        <v>5</v>
      </c>
      <c r="N3006" s="1" t="s">
        <v>10</v>
      </c>
      <c r="O3006" s="1" t="s">
        <v>38</v>
      </c>
      <c r="P3006" s="5"/>
    </row>
    <row r="3007" spans="1:16" x14ac:dyDescent="0.2">
      <c r="A3007" s="1" t="s">
        <v>10</v>
      </c>
      <c r="B3007" s="1" t="s">
        <v>10</v>
      </c>
      <c r="C3007" s="1" t="s">
        <v>10361</v>
      </c>
      <c r="D3007" s="1" t="s">
        <v>10</v>
      </c>
      <c r="E3007" s="1" t="s">
        <v>10362</v>
      </c>
      <c r="F3007" s="1" t="s">
        <v>10</v>
      </c>
      <c r="G3007" s="1" t="s">
        <v>10</v>
      </c>
      <c r="H3007" s="1" t="s">
        <v>10</v>
      </c>
      <c r="I3007" s="1" t="s">
        <v>9126</v>
      </c>
      <c r="J3007" s="1" t="s">
        <v>10</v>
      </c>
      <c r="K3007" s="1" t="s">
        <v>10</v>
      </c>
      <c r="L3007" s="1" t="s">
        <v>10360</v>
      </c>
      <c r="M3007" s="1" t="s">
        <v>5</v>
      </c>
      <c r="N3007" s="1" t="s">
        <v>10</v>
      </c>
      <c r="O3007" s="1" t="s">
        <v>38</v>
      </c>
      <c r="P3007" s="5"/>
    </row>
    <row r="3008" spans="1:16" x14ac:dyDescent="0.2">
      <c r="A3008" s="1" t="s">
        <v>10</v>
      </c>
      <c r="B3008" s="1" t="s">
        <v>10</v>
      </c>
      <c r="C3008" s="1" t="s">
        <v>10364</v>
      </c>
      <c r="D3008" s="1" t="s">
        <v>10</v>
      </c>
      <c r="E3008" s="1" t="s">
        <v>10365</v>
      </c>
      <c r="F3008" s="1" t="s">
        <v>10</v>
      </c>
      <c r="G3008" s="1" t="s">
        <v>10</v>
      </c>
      <c r="H3008" s="1" t="s">
        <v>10</v>
      </c>
      <c r="I3008" s="1" t="s">
        <v>9126</v>
      </c>
      <c r="J3008" s="1" t="s">
        <v>10</v>
      </c>
      <c r="K3008" s="1" t="s">
        <v>10</v>
      </c>
      <c r="L3008" s="1" t="s">
        <v>10363</v>
      </c>
      <c r="M3008" s="1" t="s">
        <v>5</v>
      </c>
      <c r="N3008" s="1" t="s">
        <v>10</v>
      </c>
      <c r="O3008" s="1" t="s">
        <v>38</v>
      </c>
      <c r="P3008" s="5"/>
    </row>
    <row r="3009" spans="1:16" x14ac:dyDescent="0.2">
      <c r="A3009" s="1" t="s">
        <v>10</v>
      </c>
      <c r="B3009" s="1" t="s">
        <v>10</v>
      </c>
      <c r="C3009" s="1" t="s">
        <v>10367</v>
      </c>
      <c r="D3009" s="1" t="s">
        <v>10</v>
      </c>
      <c r="E3009" s="1" t="s">
        <v>10368</v>
      </c>
      <c r="F3009" s="1" t="s">
        <v>10</v>
      </c>
      <c r="G3009" s="1" t="s">
        <v>10</v>
      </c>
      <c r="H3009" s="1" t="s">
        <v>10</v>
      </c>
      <c r="I3009" s="1" t="s">
        <v>9126</v>
      </c>
      <c r="J3009" s="1" t="s">
        <v>10</v>
      </c>
      <c r="K3009" s="1" t="s">
        <v>10</v>
      </c>
      <c r="L3009" s="1" t="s">
        <v>10366</v>
      </c>
      <c r="M3009" s="1" t="s">
        <v>5</v>
      </c>
      <c r="N3009" s="1" t="s">
        <v>10</v>
      </c>
      <c r="O3009" s="1" t="s">
        <v>38</v>
      </c>
      <c r="P3009" s="5"/>
    </row>
    <row r="3010" spans="1:16" x14ac:dyDescent="0.2">
      <c r="A3010" s="1" t="s">
        <v>10</v>
      </c>
      <c r="B3010" s="1" t="s">
        <v>10</v>
      </c>
      <c r="C3010" s="1" t="s">
        <v>10370</v>
      </c>
      <c r="D3010" s="1" t="s">
        <v>10</v>
      </c>
      <c r="E3010" s="1" t="s">
        <v>10371</v>
      </c>
      <c r="F3010" s="1" t="s">
        <v>10</v>
      </c>
      <c r="G3010" s="1" t="s">
        <v>10</v>
      </c>
      <c r="H3010" s="1" t="s">
        <v>10</v>
      </c>
      <c r="I3010" s="1" t="s">
        <v>9126</v>
      </c>
      <c r="J3010" s="1" t="s">
        <v>10</v>
      </c>
      <c r="K3010" s="1" t="s">
        <v>10</v>
      </c>
      <c r="L3010" s="1" t="s">
        <v>10369</v>
      </c>
      <c r="M3010" s="1" t="s">
        <v>5</v>
      </c>
      <c r="N3010" s="1" t="s">
        <v>10</v>
      </c>
      <c r="O3010" s="1" t="s">
        <v>38</v>
      </c>
      <c r="P3010" s="5"/>
    </row>
    <row r="3011" spans="1:16" x14ac:dyDescent="0.2">
      <c r="A3011" s="1" t="s">
        <v>10</v>
      </c>
      <c r="B3011" s="1" t="s">
        <v>10</v>
      </c>
      <c r="C3011" s="1" t="s">
        <v>10373</v>
      </c>
      <c r="D3011" s="1" t="s">
        <v>10</v>
      </c>
      <c r="E3011" s="1" t="s">
        <v>10374</v>
      </c>
      <c r="F3011" s="1" t="s">
        <v>10</v>
      </c>
      <c r="G3011" s="1" t="s">
        <v>10</v>
      </c>
      <c r="H3011" s="1" t="s">
        <v>10</v>
      </c>
      <c r="I3011" s="1" t="s">
        <v>9126</v>
      </c>
      <c r="J3011" s="1" t="s">
        <v>10</v>
      </c>
      <c r="K3011" s="1" t="s">
        <v>10</v>
      </c>
      <c r="L3011" s="1" t="s">
        <v>10372</v>
      </c>
      <c r="M3011" s="1" t="s">
        <v>5</v>
      </c>
      <c r="N3011" s="1" t="s">
        <v>10</v>
      </c>
      <c r="O3011" s="1" t="s">
        <v>38</v>
      </c>
      <c r="P3011" s="5"/>
    </row>
    <row r="3012" spans="1:16" x14ac:dyDescent="0.2">
      <c r="A3012" s="1" t="s">
        <v>10</v>
      </c>
      <c r="B3012" s="1" t="s">
        <v>10</v>
      </c>
      <c r="C3012" s="1" t="s">
        <v>10376</v>
      </c>
      <c r="D3012" s="1" t="s">
        <v>10</v>
      </c>
      <c r="E3012" s="1" t="s">
        <v>10377</v>
      </c>
      <c r="F3012" s="1" t="s">
        <v>10</v>
      </c>
      <c r="G3012" s="1" t="s">
        <v>10</v>
      </c>
      <c r="H3012" s="1" t="s">
        <v>10</v>
      </c>
      <c r="I3012" s="1" t="s">
        <v>9126</v>
      </c>
      <c r="J3012" s="1" t="s">
        <v>10</v>
      </c>
      <c r="K3012" s="1" t="s">
        <v>10</v>
      </c>
      <c r="L3012" s="1" t="s">
        <v>10375</v>
      </c>
      <c r="M3012" s="1" t="s">
        <v>5</v>
      </c>
      <c r="N3012" s="1" t="s">
        <v>10</v>
      </c>
      <c r="O3012" s="1" t="s">
        <v>38</v>
      </c>
      <c r="P3012" s="5"/>
    </row>
    <row r="3013" spans="1:16" x14ac:dyDescent="0.2">
      <c r="A3013" s="1" t="s">
        <v>10</v>
      </c>
      <c r="B3013" s="1" t="s">
        <v>10</v>
      </c>
      <c r="C3013" s="1" t="s">
        <v>10379</v>
      </c>
      <c r="D3013" s="1" t="s">
        <v>10</v>
      </c>
      <c r="E3013" s="1" t="s">
        <v>10380</v>
      </c>
      <c r="F3013" s="1" t="s">
        <v>10</v>
      </c>
      <c r="G3013" s="1" t="s">
        <v>10</v>
      </c>
      <c r="H3013" s="1" t="s">
        <v>10</v>
      </c>
      <c r="I3013" s="1" t="s">
        <v>9126</v>
      </c>
      <c r="J3013" s="1" t="s">
        <v>10</v>
      </c>
      <c r="K3013" s="1" t="s">
        <v>10</v>
      </c>
      <c r="L3013" s="1" t="s">
        <v>10378</v>
      </c>
      <c r="M3013" s="1" t="s">
        <v>5</v>
      </c>
      <c r="N3013" s="1" t="s">
        <v>10</v>
      </c>
      <c r="O3013" s="1" t="s">
        <v>38</v>
      </c>
      <c r="P3013" s="5"/>
    </row>
    <row r="3014" spans="1:16" x14ac:dyDescent="0.2">
      <c r="A3014" s="1" t="s">
        <v>10</v>
      </c>
      <c r="B3014" s="1" t="s">
        <v>10</v>
      </c>
      <c r="C3014" s="1" t="s">
        <v>10382</v>
      </c>
      <c r="D3014" s="1" t="s">
        <v>10383</v>
      </c>
      <c r="E3014" s="1" t="s">
        <v>10384</v>
      </c>
      <c r="F3014" s="1" t="s">
        <v>10</v>
      </c>
      <c r="G3014" s="1" t="s">
        <v>10</v>
      </c>
      <c r="H3014" s="1" t="s">
        <v>10</v>
      </c>
      <c r="I3014" s="1" t="s">
        <v>9126</v>
      </c>
      <c r="J3014" s="1" t="s">
        <v>10</v>
      </c>
      <c r="K3014" s="1" t="s">
        <v>10</v>
      </c>
      <c r="L3014" s="1" t="s">
        <v>10381</v>
      </c>
      <c r="M3014" s="1" t="s">
        <v>5</v>
      </c>
      <c r="N3014" s="1" t="s">
        <v>10</v>
      </c>
      <c r="O3014" s="1" t="s">
        <v>38</v>
      </c>
      <c r="P3014" s="5"/>
    </row>
    <row r="3015" spans="1:16" x14ac:dyDescent="0.2">
      <c r="A3015" s="1" t="s">
        <v>10</v>
      </c>
      <c r="B3015" s="1" t="s">
        <v>10</v>
      </c>
      <c r="C3015" s="1" t="s">
        <v>10386</v>
      </c>
      <c r="D3015" s="1" t="s">
        <v>10387</v>
      </c>
      <c r="E3015" s="1" t="s">
        <v>10388</v>
      </c>
      <c r="F3015" s="1" t="s">
        <v>10</v>
      </c>
      <c r="G3015" s="1" t="s">
        <v>10</v>
      </c>
      <c r="H3015" s="1" t="s">
        <v>10</v>
      </c>
      <c r="I3015" s="1" t="s">
        <v>9126</v>
      </c>
      <c r="J3015" s="1" t="s">
        <v>10</v>
      </c>
      <c r="K3015" s="1" t="s">
        <v>10</v>
      </c>
      <c r="L3015" s="1" t="s">
        <v>10385</v>
      </c>
      <c r="M3015" s="1" t="s">
        <v>5</v>
      </c>
      <c r="N3015" s="1" t="s">
        <v>10</v>
      </c>
      <c r="O3015" s="1" t="s">
        <v>38</v>
      </c>
      <c r="P3015" s="5"/>
    </row>
    <row r="3016" spans="1:16" x14ac:dyDescent="0.2">
      <c r="A3016" s="1" t="s">
        <v>10</v>
      </c>
      <c r="B3016" s="1" t="s">
        <v>10</v>
      </c>
      <c r="C3016" s="1" t="s">
        <v>10390</v>
      </c>
      <c r="D3016" s="1" t="s">
        <v>10391</v>
      </c>
      <c r="E3016" s="1" t="s">
        <v>10384</v>
      </c>
      <c r="F3016" s="1" t="s">
        <v>10</v>
      </c>
      <c r="G3016" s="1" t="s">
        <v>10</v>
      </c>
      <c r="H3016" s="1" t="s">
        <v>10</v>
      </c>
      <c r="I3016" s="1" t="s">
        <v>9126</v>
      </c>
      <c r="J3016" s="1" t="s">
        <v>10</v>
      </c>
      <c r="K3016" s="1" t="s">
        <v>10</v>
      </c>
      <c r="L3016" s="1" t="s">
        <v>10389</v>
      </c>
      <c r="M3016" s="1" t="s">
        <v>5</v>
      </c>
      <c r="N3016" s="1" t="s">
        <v>10</v>
      </c>
      <c r="O3016" s="1" t="s">
        <v>38</v>
      </c>
      <c r="P3016" s="5"/>
    </row>
    <row r="3017" spans="1:16" x14ac:dyDescent="0.2">
      <c r="A3017" s="1" t="s">
        <v>10</v>
      </c>
      <c r="B3017" s="1" t="s">
        <v>10</v>
      </c>
      <c r="C3017" s="1" t="s">
        <v>10393</v>
      </c>
      <c r="D3017" s="1" t="s">
        <v>10394</v>
      </c>
      <c r="E3017" s="1" t="s">
        <v>10395</v>
      </c>
      <c r="F3017" s="1" t="s">
        <v>10</v>
      </c>
      <c r="G3017" s="1" t="s">
        <v>10</v>
      </c>
      <c r="H3017" s="1" t="s">
        <v>10</v>
      </c>
      <c r="I3017" s="1" t="s">
        <v>9126</v>
      </c>
      <c r="J3017" s="1" t="s">
        <v>10</v>
      </c>
      <c r="K3017" s="1" t="s">
        <v>10</v>
      </c>
      <c r="L3017" s="1" t="s">
        <v>10392</v>
      </c>
      <c r="M3017" s="1" t="s">
        <v>5</v>
      </c>
      <c r="N3017" s="1" t="s">
        <v>10</v>
      </c>
      <c r="O3017" s="1" t="s">
        <v>38</v>
      </c>
      <c r="P3017" s="5"/>
    </row>
    <row r="3018" spans="1:16" x14ac:dyDescent="0.2">
      <c r="A3018" s="1" t="s">
        <v>10</v>
      </c>
      <c r="B3018" s="1" t="s">
        <v>10</v>
      </c>
      <c r="C3018" s="1" t="s">
        <v>10397</v>
      </c>
      <c r="D3018" s="1" t="s">
        <v>10398</v>
      </c>
      <c r="E3018" s="1" t="s">
        <v>10384</v>
      </c>
      <c r="F3018" s="1" t="s">
        <v>10</v>
      </c>
      <c r="G3018" s="1" t="s">
        <v>10</v>
      </c>
      <c r="H3018" s="1" t="s">
        <v>10</v>
      </c>
      <c r="I3018" s="1" t="s">
        <v>9126</v>
      </c>
      <c r="J3018" s="1" t="s">
        <v>10</v>
      </c>
      <c r="K3018" s="1" t="s">
        <v>10</v>
      </c>
      <c r="L3018" s="1" t="s">
        <v>10396</v>
      </c>
      <c r="M3018" s="1" t="s">
        <v>5</v>
      </c>
      <c r="N3018" s="1" t="s">
        <v>10</v>
      </c>
      <c r="O3018" s="1" t="s">
        <v>38</v>
      </c>
      <c r="P3018" s="5"/>
    </row>
    <row r="3019" spans="1:16" x14ac:dyDescent="0.2">
      <c r="A3019" s="1" t="s">
        <v>10</v>
      </c>
      <c r="B3019" s="1" t="s">
        <v>10</v>
      </c>
      <c r="C3019" s="1" t="s">
        <v>10400</v>
      </c>
      <c r="D3019" s="1" t="s">
        <v>10</v>
      </c>
      <c r="E3019" s="1" t="s">
        <v>10401</v>
      </c>
      <c r="F3019" s="1" t="s">
        <v>10</v>
      </c>
      <c r="G3019" s="1" t="s">
        <v>10</v>
      </c>
      <c r="H3019" s="1" t="s">
        <v>10</v>
      </c>
      <c r="I3019" s="1" t="s">
        <v>9126</v>
      </c>
      <c r="J3019" s="1" t="s">
        <v>10</v>
      </c>
      <c r="K3019" s="1" t="s">
        <v>10</v>
      </c>
      <c r="L3019" s="1" t="s">
        <v>10399</v>
      </c>
      <c r="M3019" s="1" t="s">
        <v>5</v>
      </c>
      <c r="N3019" s="1" t="s">
        <v>10</v>
      </c>
      <c r="O3019" s="1" t="s">
        <v>38</v>
      </c>
      <c r="P3019" s="5"/>
    </row>
    <row r="3020" spans="1:16" x14ac:dyDescent="0.2">
      <c r="A3020" s="1" t="s">
        <v>10</v>
      </c>
      <c r="B3020" s="1" t="s">
        <v>10</v>
      </c>
      <c r="C3020" s="1" t="s">
        <v>10403</v>
      </c>
      <c r="D3020" s="1" t="s">
        <v>10</v>
      </c>
      <c r="E3020" s="1" t="s">
        <v>10</v>
      </c>
      <c r="F3020" s="1" t="s">
        <v>10</v>
      </c>
      <c r="G3020" s="1" t="s">
        <v>10</v>
      </c>
      <c r="H3020" s="1" t="s">
        <v>10</v>
      </c>
      <c r="I3020" s="1" t="s">
        <v>9126</v>
      </c>
      <c r="J3020" s="1" t="s">
        <v>10</v>
      </c>
      <c r="K3020" s="1" t="s">
        <v>10</v>
      </c>
      <c r="L3020" s="1" t="s">
        <v>10402</v>
      </c>
      <c r="M3020" s="1" t="s">
        <v>5</v>
      </c>
      <c r="N3020" s="1" t="s">
        <v>10</v>
      </c>
      <c r="O3020" s="1" t="s">
        <v>38</v>
      </c>
      <c r="P3020" s="5"/>
    </row>
    <row r="3021" spans="1:16" x14ac:dyDescent="0.2">
      <c r="A3021" s="1" t="s">
        <v>10</v>
      </c>
      <c r="B3021" s="1" t="s">
        <v>10</v>
      </c>
      <c r="C3021" s="1" t="s">
        <v>10405</v>
      </c>
      <c r="D3021" s="1" t="s">
        <v>10</v>
      </c>
      <c r="E3021" s="1" t="s">
        <v>10</v>
      </c>
      <c r="F3021" s="1" t="s">
        <v>10</v>
      </c>
      <c r="G3021" s="1" t="s">
        <v>10</v>
      </c>
      <c r="H3021" s="1" t="s">
        <v>10</v>
      </c>
      <c r="I3021" s="1" t="s">
        <v>9126</v>
      </c>
      <c r="J3021" s="1" t="s">
        <v>10</v>
      </c>
      <c r="K3021" s="1" t="s">
        <v>10</v>
      </c>
      <c r="L3021" s="1" t="s">
        <v>10404</v>
      </c>
      <c r="M3021" s="1" t="s">
        <v>5</v>
      </c>
      <c r="N3021" s="1" t="s">
        <v>10</v>
      </c>
      <c r="O3021" s="1" t="s">
        <v>38</v>
      </c>
      <c r="P3021" s="5"/>
    </row>
    <row r="3022" spans="1:16" x14ac:dyDescent="0.2">
      <c r="A3022" s="1" t="s">
        <v>10</v>
      </c>
      <c r="B3022" s="1" t="s">
        <v>10</v>
      </c>
      <c r="C3022" s="1" t="s">
        <v>10407</v>
      </c>
      <c r="D3022" s="1" t="s">
        <v>10</v>
      </c>
      <c r="E3022" s="1" t="s">
        <v>10</v>
      </c>
      <c r="F3022" s="1" t="s">
        <v>10</v>
      </c>
      <c r="G3022" s="1" t="s">
        <v>10</v>
      </c>
      <c r="H3022" s="1" t="s">
        <v>10</v>
      </c>
      <c r="I3022" s="1" t="s">
        <v>9126</v>
      </c>
      <c r="J3022" s="1" t="s">
        <v>10</v>
      </c>
      <c r="K3022" s="1" t="s">
        <v>10</v>
      </c>
      <c r="L3022" s="1" t="s">
        <v>10406</v>
      </c>
      <c r="M3022" s="1" t="s">
        <v>5</v>
      </c>
      <c r="N3022" s="1" t="s">
        <v>10</v>
      </c>
      <c r="O3022" s="1" t="s">
        <v>38</v>
      </c>
      <c r="P3022" s="5"/>
    </row>
    <row r="3023" spans="1:16" x14ac:dyDescent="0.2">
      <c r="A3023" s="1" t="s">
        <v>10</v>
      </c>
      <c r="B3023" s="1" t="s">
        <v>10</v>
      </c>
      <c r="C3023" s="1" t="s">
        <v>10409</v>
      </c>
      <c r="D3023" s="1" t="s">
        <v>10</v>
      </c>
      <c r="E3023" s="1" t="s">
        <v>10</v>
      </c>
      <c r="F3023" s="1" t="s">
        <v>10</v>
      </c>
      <c r="G3023" s="1" t="s">
        <v>10</v>
      </c>
      <c r="H3023" s="1" t="s">
        <v>10</v>
      </c>
      <c r="I3023" s="1" t="s">
        <v>9126</v>
      </c>
      <c r="J3023" s="1" t="s">
        <v>10</v>
      </c>
      <c r="K3023" s="1" t="s">
        <v>10</v>
      </c>
      <c r="L3023" s="1" t="s">
        <v>10408</v>
      </c>
      <c r="M3023" s="1" t="s">
        <v>5</v>
      </c>
      <c r="N3023" s="1" t="s">
        <v>10</v>
      </c>
      <c r="O3023" s="1" t="s">
        <v>38</v>
      </c>
      <c r="P3023" s="5"/>
    </row>
    <row r="3024" spans="1:16" x14ac:dyDescent="0.2">
      <c r="A3024" s="1" t="s">
        <v>10</v>
      </c>
      <c r="B3024" s="1" t="s">
        <v>10</v>
      </c>
      <c r="C3024" s="1" t="s">
        <v>10411</v>
      </c>
      <c r="D3024" s="1" t="s">
        <v>10</v>
      </c>
      <c r="E3024" s="1" t="s">
        <v>10</v>
      </c>
      <c r="F3024" s="1" t="s">
        <v>10</v>
      </c>
      <c r="G3024" s="1" t="s">
        <v>10</v>
      </c>
      <c r="H3024" s="1" t="s">
        <v>10</v>
      </c>
      <c r="I3024" s="1" t="s">
        <v>9126</v>
      </c>
      <c r="J3024" s="1" t="s">
        <v>10</v>
      </c>
      <c r="K3024" s="1" t="s">
        <v>10</v>
      </c>
      <c r="L3024" s="1" t="s">
        <v>10410</v>
      </c>
      <c r="M3024" s="1" t="s">
        <v>5</v>
      </c>
      <c r="N3024" s="1" t="s">
        <v>10</v>
      </c>
      <c r="O3024" s="1" t="s">
        <v>38</v>
      </c>
      <c r="P3024" s="5"/>
    </row>
    <row r="3025" spans="1:16" x14ac:dyDescent="0.2">
      <c r="A3025" s="1" t="s">
        <v>10</v>
      </c>
      <c r="B3025" s="1" t="s">
        <v>10</v>
      </c>
      <c r="C3025" s="1" t="s">
        <v>10413</v>
      </c>
      <c r="D3025" s="1" t="s">
        <v>10414</v>
      </c>
      <c r="E3025" s="1" t="s">
        <v>10</v>
      </c>
      <c r="F3025" s="1" t="s">
        <v>10</v>
      </c>
      <c r="G3025" s="1" t="s">
        <v>10</v>
      </c>
      <c r="H3025" s="1" t="s">
        <v>10</v>
      </c>
      <c r="I3025" s="1" t="s">
        <v>9126</v>
      </c>
      <c r="J3025" s="1" t="s">
        <v>10</v>
      </c>
      <c r="K3025" s="1" t="s">
        <v>10</v>
      </c>
      <c r="L3025" s="1" t="s">
        <v>10412</v>
      </c>
      <c r="M3025" s="1" t="s">
        <v>5</v>
      </c>
      <c r="N3025" s="1" t="s">
        <v>10</v>
      </c>
      <c r="O3025" s="1" t="s">
        <v>38</v>
      </c>
      <c r="P3025" s="5"/>
    </row>
    <row r="3026" spans="1:16" x14ac:dyDescent="0.2">
      <c r="A3026" s="1" t="s">
        <v>10</v>
      </c>
      <c r="B3026" s="1" t="s">
        <v>10</v>
      </c>
      <c r="C3026" s="1" t="s">
        <v>10416</v>
      </c>
      <c r="D3026" s="1" t="s">
        <v>10417</v>
      </c>
      <c r="E3026" s="1" t="s">
        <v>10</v>
      </c>
      <c r="F3026" s="1" t="s">
        <v>10</v>
      </c>
      <c r="G3026" s="1" t="s">
        <v>10</v>
      </c>
      <c r="H3026" s="1" t="s">
        <v>10</v>
      </c>
      <c r="I3026" s="1" t="s">
        <v>9126</v>
      </c>
      <c r="J3026" s="1" t="s">
        <v>10</v>
      </c>
      <c r="K3026" s="1" t="s">
        <v>10</v>
      </c>
      <c r="L3026" s="1" t="s">
        <v>10415</v>
      </c>
      <c r="M3026" s="1" t="s">
        <v>5</v>
      </c>
      <c r="N3026" s="1" t="s">
        <v>10</v>
      </c>
      <c r="O3026" s="1" t="s">
        <v>38</v>
      </c>
      <c r="P3026" s="5"/>
    </row>
    <row r="3027" spans="1:16" x14ac:dyDescent="0.2">
      <c r="A3027" s="1" t="s">
        <v>10</v>
      </c>
      <c r="B3027" s="1" t="s">
        <v>10</v>
      </c>
      <c r="C3027" s="1" t="s">
        <v>10419</v>
      </c>
      <c r="D3027" s="1" t="s">
        <v>10420</v>
      </c>
      <c r="E3027" s="1" t="s">
        <v>10</v>
      </c>
      <c r="F3027" s="1" t="s">
        <v>10</v>
      </c>
      <c r="G3027" s="1" t="s">
        <v>10</v>
      </c>
      <c r="H3027" s="1" t="s">
        <v>10</v>
      </c>
      <c r="I3027" s="1" t="s">
        <v>9126</v>
      </c>
      <c r="J3027" s="1" t="s">
        <v>10</v>
      </c>
      <c r="K3027" s="1" t="s">
        <v>10</v>
      </c>
      <c r="L3027" s="1" t="s">
        <v>10418</v>
      </c>
      <c r="M3027" s="1" t="s">
        <v>5</v>
      </c>
      <c r="N3027" s="1" t="s">
        <v>10</v>
      </c>
      <c r="O3027" s="1" t="s">
        <v>38</v>
      </c>
      <c r="P3027" s="5"/>
    </row>
    <row r="3028" spans="1:16" x14ac:dyDescent="0.2">
      <c r="A3028" s="1" t="s">
        <v>10</v>
      </c>
      <c r="B3028" s="1" t="s">
        <v>10</v>
      </c>
      <c r="C3028" s="1" t="s">
        <v>10422</v>
      </c>
      <c r="D3028" s="1" t="s">
        <v>10</v>
      </c>
      <c r="E3028" s="1" t="s">
        <v>10</v>
      </c>
      <c r="F3028" s="1" t="s">
        <v>10</v>
      </c>
      <c r="G3028" s="1" t="s">
        <v>10</v>
      </c>
      <c r="H3028" s="1" t="s">
        <v>10</v>
      </c>
      <c r="I3028" s="1" t="s">
        <v>9126</v>
      </c>
      <c r="J3028" s="1" t="s">
        <v>10</v>
      </c>
      <c r="K3028" s="1" t="s">
        <v>10</v>
      </c>
      <c r="L3028" s="1" t="s">
        <v>10421</v>
      </c>
      <c r="M3028" s="1" t="s">
        <v>5</v>
      </c>
      <c r="N3028" s="1" t="s">
        <v>10</v>
      </c>
      <c r="O3028" s="1" t="s">
        <v>38</v>
      </c>
      <c r="P3028" s="5"/>
    </row>
    <row r="3029" spans="1:16" x14ac:dyDescent="0.2">
      <c r="A3029" s="1" t="s">
        <v>10</v>
      </c>
      <c r="B3029" s="1" t="s">
        <v>10</v>
      </c>
      <c r="C3029" s="1" t="s">
        <v>10424</v>
      </c>
      <c r="D3029" s="1" t="s">
        <v>10</v>
      </c>
      <c r="E3029" s="1" t="s">
        <v>10</v>
      </c>
      <c r="F3029" s="1" t="s">
        <v>10</v>
      </c>
      <c r="G3029" s="1" t="s">
        <v>10</v>
      </c>
      <c r="H3029" s="1" t="s">
        <v>10</v>
      </c>
      <c r="I3029" s="1" t="s">
        <v>9126</v>
      </c>
      <c r="J3029" s="1" t="s">
        <v>10</v>
      </c>
      <c r="K3029" s="1" t="s">
        <v>10</v>
      </c>
      <c r="L3029" s="1" t="s">
        <v>10423</v>
      </c>
      <c r="M3029" s="1" t="s">
        <v>5</v>
      </c>
      <c r="N3029" s="1" t="s">
        <v>10</v>
      </c>
      <c r="O3029" s="1" t="s">
        <v>38</v>
      </c>
      <c r="P3029" s="5"/>
    </row>
    <row r="3030" spans="1:16" x14ac:dyDescent="0.2">
      <c r="A3030" s="1" t="s">
        <v>10</v>
      </c>
      <c r="B3030" s="1" t="s">
        <v>10</v>
      </c>
      <c r="C3030" s="1" t="s">
        <v>10426</v>
      </c>
      <c r="D3030" s="1" t="s">
        <v>10</v>
      </c>
      <c r="E3030" s="1" t="s">
        <v>10</v>
      </c>
      <c r="F3030" s="1" t="s">
        <v>10</v>
      </c>
      <c r="G3030" s="1" t="s">
        <v>10</v>
      </c>
      <c r="H3030" s="1" t="s">
        <v>10</v>
      </c>
      <c r="I3030" s="1" t="s">
        <v>9126</v>
      </c>
      <c r="J3030" s="1" t="s">
        <v>10</v>
      </c>
      <c r="K3030" s="1" t="s">
        <v>10</v>
      </c>
      <c r="L3030" s="1" t="s">
        <v>10425</v>
      </c>
      <c r="M3030" s="1" t="s">
        <v>5</v>
      </c>
      <c r="N3030" s="1" t="s">
        <v>10</v>
      </c>
      <c r="O3030" s="1" t="s">
        <v>38</v>
      </c>
      <c r="P3030" s="5"/>
    </row>
    <row r="3031" spans="1:16" x14ac:dyDescent="0.2">
      <c r="A3031" s="1" t="s">
        <v>66</v>
      </c>
      <c r="B3031" s="1" t="s">
        <v>67</v>
      </c>
      <c r="C3031" s="1" t="s">
        <v>10428</v>
      </c>
      <c r="D3031" s="1" t="s">
        <v>85</v>
      </c>
      <c r="E3031" s="1" t="s">
        <v>10429</v>
      </c>
      <c r="F3031" s="1" t="s">
        <v>10</v>
      </c>
      <c r="G3031" s="1" t="s">
        <v>10</v>
      </c>
      <c r="H3031" s="1" t="s">
        <v>10</v>
      </c>
      <c r="I3031" s="1" t="s">
        <v>9126</v>
      </c>
      <c r="J3031" s="1" t="s">
        <v>9552</v>
      </c>
      <c r="K3031" s="1" t="s">
        <v>27</v>
      </c>
      <c r="L3031" s="1" t="s">
        <v>10427</v>
      </c>
      <c r="M3031" s="1" t="s">
        <v>5</v>
      </c>
      <c r="N3031" s="1" t="s">
        <v>25</v>
      </c>
      <c r="O3031" s="1" t="s">
        <v>38</v>
      </c>
      <c r="P3031" s="5" t="s">
        <v>30232</v>
      </c>
    </row>
    <row r="3032" spans="1:16" x14ac:dyDescent="0.2">
      <c r="A3032" s="1" t="s">
        <v>42</v>
      </c>
      <c r="B3032" s="1" t="s">
        <v>1664</v>
      </c>
      <c r="C3032" s="1" t="s">
        <v>10431</v>
      </c>
      <c r="D3032" s="1" t="s">
        <v>10432</v>
      </c>
      <c r="E3032" s="1"/>
      <c r="F3032" s="1" t="s">
        <v>10</v>
      </c>
      <c r="G3032" s="1" t="s">
        <v>10</v>
      </c>
      <c r="H3032" s="1" t="s">
        <v>10</v>
      </c>
      <c r="I3032" s="1" t="s">
        <v>9126</v>
      </c>
      <c r="J3032" s="1" t="s">
        <v>9134</v>
      </c>
      <c r="K3032" s="1" t="s">
        <v>27</v>
      </c>
      <c r="L3032" s="1" t="s">
        <v>10430</v>
      </c>
      <c r="M3032" s="1" t="s">
        <v>5</v>
      </c>
      <c r="N3032" s="1" t="s">
        <v>960</v>
      </c>
      <c r="O3032" s="1" t="s">
        <v>38</v>
      </c>
      <c r="P3032" s="5" t="s">
        <v>30045</v>
      </c>
    </row>
    <row r="3033" spans="1:16" x14ac:dyDescent="0.2">
      <c r="A3033" s="1" t="s">
        <v>10</v>
      </c>
      <c r="B3033" s="1" t="s">
        <v>10</v>
      </c>
      <c r="C3033" s="1" t="s">
        <v>10434</v>
      </c>
      <c r="D3033" s="1" t="s">
        <v>10</v>
      </c>
      <c r="E3033" s="1" t="s">
        <v>10</v>
      </c>
      <c r="F3033" s="1" t="s">
        <v>10</v>
      </c>
      <c r="G3033" s="1" t="s">
        <v>10</v>
      </c>
      <c r="H3033" s="1" t="s">
        <v>10</v>
      </c>
      <c r="I3033" s="1" t="s">
        <v>9126</v>
      </c>
      <c r="J3033" s="1" t="s">
        <v>10</v>
      </c>
      <c r="K3033" s="1" t="s">
        <v>10</v>
      </c>
      <c r="L3033" s="1" t="s">
        <v>10433</v>
      </c>
      <c r="M3033" s="1" t="s">
        <v>5</v>
      </c>
      <c r="N3033" s="1" t="s">
        <v>10</v>
      </c>
      <c r="O3033" s="1" t="s">
        <v>38</v>
      </c>
      <c r="P3033" s="5"/>
    </row>
    <row r="3034" spans="1:16" x14ac:dyDescent="0.2">
      <c r="A3034" s="1" t="s">
        <v>10</v>
      </c>
      <c r="B3034" s="1" t="s">
        <v>10</v>
      </c>
      <c r="C3034" s="1" t="s">
        <v>10436</v>
      </c>
      <c r="D3034" s="1" t="s">
        <v>10</v>
      </c>
      <c r="E3034" s="1" t="s">
        <v>10</v>
      </c>
      <c r="F3034" s="1" t="s">
        <v>10</v>
      </c>
      <c r="G3034" s="1" t="s">
        <v>10</v>
      </c>
      <c r="H3034" s="1" t="s">
        <v>10</v>
      </c>
      <c r="I3034" s="1" t="s">
        <v>9126</v>
      </c>
      <c r="J3034" s="1" t="s">
        <v>10</v>
      </c>
      <c r="K3034" s="1" t="s">
        <v>10</v>
      </c>
      <c r="L3034" s="1" t="s">
        <v>10435</v>
      </c>
      <c r="M3034" s="1" t="s">
        <v>5</v>
      </c>
      <c r="N3034" s="1" t="s">
        <v>10</v>
      </c>
      <c r="O3034" s="1" t="s">
        <v>38</v>
      </c>
      <c r="P3034" s="5"/>
    </row>
    <row r="3035" spans="1:16" x14ac:dyDescent="0.2">
      <c r="A3035" s="1" t="s">
        <v>20</v>
      </c>
      <c r="B3035" s="1" t="s">
        <v>172</v>
      </c>
      <c r="C3035" s="1" t="s">
        <v>10438</v>
      </c>
      <c r="D3035" s="1" t="s">
        <v>10439</v>
      </c>
      <c r="E3035" s="1"/>
      <c r="F3035" s="1" t="s">
        <v>10</v>
      </c>
      <c r="G3035" s="1" t="s">
        <v>10</v>
      </c>
      <c r="H3035" s="1" t="s">
        <v>10</v>
      </c>
      <c r="I3035" s="1" t="s">
        <v>9126</v>
      </c>
      <c r="J3035" s="1" t="s">
        <v>9129</v>
      </c>
      <c r="K3035" s="1" t="s">
        <v>27</v>
      </c>
      <c r="L3035" s="1" t="s">
        <v>10437</v>
      </c>
      <c r="M3035" s="1" t="s">
        <v>5</v>
      </c>
      <c r="N3035" s="1" t="s">
        <v>25</v>
      </c>
      <c r="O3035" s="1" t="s">
        <v>38</v>
      </c>
      <c r="P3035" s="5" t="s">
        <v>30233</v>
      </c>
    </row>
    <row r="3036" spans="1:16" x14ac:dyDescent="0.2">
      <c r="A3036" s="1" t="s">
        <v>20</v>
      </c>
      <c r="B3036" s="1" t="s">
        <v>172</v>
      </c>
      <c r="C3036" s="1" t="s">
        <v>10441</v>
      </c>
      <c r="D3036" s="1" t="s">
        <v>10442</v>
      </c>
      <c r="E3036" s="1"/>
      <c r="F3036" s="1" t="s">
        <v>10</v>
      </c>
      <c r="G3036" s="1" t="s">
        <v>10</v>
      </c>
      <c r="H3036" s="1" t="s">
        <v>10</v>
      </c>
      <c r="I3036" s="1" t="s">
        <v>9126</v>
      </c>
      <c r="J3036" s="1" t="s">
        <v>9134</v>
      </c>
      <c r="K3036" s="1" t="s">
        <v>27</v>
      </c>
      <c r="L3036" s="1" t="s">
        <v>10440</v>
      </c>
      <c r="M3036" s="1" t="s">
        <v>5</v>
      </c>
      <c r="N3036" s="1" t="s">
        <v>960</v>
      </c>
      <c r="O3036" s="1" t="s">
        <v>38</v>
      </c>
      <c r="P3036" s="5" t="s">
        <v>30046</v>
      </c>
    </row>
    <row r="3037" spans="1:16" x14ac:dyDescent="0.2">
      <c r="A3037" s="1" t="s">
        <v>20</v>
      </c>
      <c r="B3037" s="1" t="s">
        <v>93</v>
      </c>
      <c r="C3037" s="1" t="s">
        <v>10444</v>
      </c>
      <c r="D3037" s="1" t="s">
        <v>10445</v>
      </c>
      <c r="E3037" s="1"/>
      <c r="F3037" s="1" t="s">
        <v>10</v>
      </c>
      <c r="G3037" s="1" t="s">
        <v>10</v>
      </c>
      <c r="H3037" s="1" t="s">
        <v>10</v>
      </c>
      <c r="I3037" s="1" t="s">
        <v>9126</v>
      </c>
      <c r="J3037" s="1" t="s">
        <v>19</v>
      </c>
      <c r="K3037" s="1" t="s">
        <v>7</v>
      </c>
      <c r="L3037" s="1" t="s">
        <v>10443</v>
      </c>
      <c r="M3037" s="1" t="s">
        <v>5</v>
      </c>
      <c r="N3037" s="1" t="s">
        <v>25</v>
      </c>
      <c r="O3037" s="1" t="s">
        <v>38</v>
      </c>
      <c r="P3037" s="5" t="s">
        <v>30141</v>
      </c>
    </row>
    <row r="3038" spans="1:16" x14ac:dyDescent="0.2">
      <c r="A3038" s="1" t="s">
        <v>20</v>
      </c>
      <c r="B3038" s="1" t="s">
        <v>309</v>
      </c>
      <c r="C3038" s="1" t="s">
        <v>10447</v>
      </c>
      <c r="D3038" s="1" t="s">
        <v>10448</v>
      </c>
      <c r="E3038" s="1" t="s">
        <v>10450</v>
      </c>
      <c r="F3038" s="1" t="s">
        <v>105</v>
      </c>
      <c r="G3038" s="1" t="s">
        <v>10451</v>
      </c>
      <c r="H3038" s="1" t="s">
        <v>10</v>
      </c>
      <c r="I3038" s="1" t="s">
        <v>9126</v>
      </c>
      <c r="J3038" s="1" t="s">
        <v>10449</v>
      </c>
      <c r="K3038" s="1" t="s">
        <v>27</v>
      </c>
      <c r="L3038" s="1" t="s">
        <v>10446</v>
      </c>
      <c r="M3038" s="1" t="s">
        <v>5</v>
      </c>
      <c r="N3038" s="1" t="s">
        <v>25</v>
      </c>
      <c r="O3038" s="1" t="s">
        <v>8</v>
      </c>
      <c r="P3038" s="5" t="s">
        <v>31380</v>
      </c>
    </row>
    <row r="3039" spans="1:16" x14ac:dyDescent="0.2">
      <c r="A3039" s="1" t="s">
        <v>20</v>
      </c>
      <c r="B3039" s="1" t="s">
        <v>253</v>
      </c>
      <c r="C3039" s="1" t="s">
        <v>10453</v>
      </c>
      <c r="D3039" s="1" t="s">
        <v>10454</v>
      </c>
      <c r="E3039" s="1"/>
      <c r="F3039" s="1" t="s">
        <v>10</v>
      </c>
      <c r="G3039" s="1" t="s">
        <v>10</v>
      </c>
      <c r="H3039" s="1" t="s">
        <v>10</v>
      </c>
      <c r="I3039" s="1" t="s">
        <v>9126</v>
      </c>
      <c r="J3039" s="1" t="s">
        <v>9134</v>
      </c>
      <c r="K3039" s="1" t="s">
        <v>27</v>
      </c>
      <c r="L3039" s="1" t="s">
        <v>10452</v>
      </c>
      <c r="M3039" s="1" t="s">
        <v>5</v>
      </c>
      <c r="N3039" s="1" t="s">
        <v>960</v>
      </c>
      <c r="O3039" s="1" t="s">
        <v>38</v>
      </c>
      <c r="P3039" s="5" t="s">
        <v>30234</v>
      </c>
    </row>
    <row r="3040" spans="1:16" x14ac:dyDescent="0.2">
      <c r="A3040" s="1" t="s">
        <v>329</v>
      </c>
      <c r="B3040" s="1" t="s">
        <v>691</v>
      </c>
      <c r="C3040" s="1" t="s">
        <v>10457</v>
      </c>
      <c r="D3040" s="1" t="s">
        <v>10457</v>
      </c>
      <c r="E3040" s="1" t="s">
        <v>10459</v>
      </c>
      <c r="F3040" s="1" t="s">
        <v>10</v>
      </c>
      <c r="G3040" s="1" t="s">
        <v>10</v>
      </c>
      <c r="H3040" s="1" t="s">
        <v>2878</v>
      </c>
      <c r="I3040" s="1" t="s">
        <v>10455</v>
      </c>
      <c r="J3040" s="1" t="s">
        <v>10458</v>
      </c>
      <c r="K3040" s="1" t="s">
        <v>27</v>
      </c>
      <c r="L3040" s="1" t="s">
        <v>10456</v>
      </c>
      <c r="M3040" s="1" t="s">
        <v>5</v>
      </c>
      <c r="N3040" s="1" t="s">
        <v>1009</v>
      </c>
      <c r="O3040" s="1" t="s">
        <v>38</v>
      </c>
      <c r="P3040" s="5"/>
    </row>
    <row r="3041" spans="1:16" x14ac:dyDescent="0.2">
      <c r="A3041" s="1" t="s">
        <v>2187</v>
      </c>
      <c r="B3041" s="1" t="s">
        <v>2206</v>
      </c>
      <c r="C3041" s="1" t="s">
        <v>10461</v>
      </c>
      <c r="D3041" s="1" t="s">
        <v>10461</v>
      </c>
      <c r="E3041" s="1" t="s">
        <v>10463</v>
      </c>
      <c r="F3041" s="1" t="s">
        <v>10</v>
      </c>
      <c r="G3041" s="1" t="s">
        <v>10</v>
      </c>
      <c r="H3041" s="1" t="s">
        <v>2878</v>
      </c>
      <c r="I3041" s="1" t="s">
        <v>10455</v>
      </c>
      <c r="J3041" s="1" t="s">
        <v>10462</v>
      </c>
      <c r="K3041" s="1" t="s">
        <v>27</v>
      </c>
      <c r="L3041" s="1" t="s">
        <v>10460</v>
      </c>
      <c r="M3041" s="1" t="s">
        <v>5</v>
      </c>
      <c r="N3041" s="1" t="s">
        <v>1009</v>
      </c>
      <c r="O3041" s="1" t="s">
        <v>38</v>
      </c>
      <c r="P3041" s="5" t="s">
        <v>31381</v>
      </c>
    </row>
    <row r="3042" spans="1:16" x14ac:dyDescent="0.2">
      <c r="A3042" s="1" t="s">
        <v>20</v>
      </c>
      <c r="B3042" s="1" t="s">
        <v>99</v>
      </c>
      <c r="C3042" s="1" t="s">
        <v>10465</v>
      </c>
      <c r="D3042" s="1" t="s">
        <v>10466</v>
      </c>
      <c r="E3042" s="1" t="s">
        <v>10467</v>
      </c>
      <c r="F3042" s="1" t="s">
        <v>10</v>
      </c>
      <c r="G3042" s="1" t="s">
        <v>10</v>
      </c>
      <c r="H3042" s="1" t="s">
        <v>2878</v>
      </c>
      <c r="I3042" s="1" t="s">
        <v>10455</v>
      </c>
      <c r="J3042" s="1" t="s">
        <v>10468</v>
      </c>
      <c r="K3042" s="1" t="s">
        <v>27</v>
      </c>
      <c r="L3042" s="1" t="s">
        <v>10464</v>
      </c>
      <c r="M3042" s="1" t="s">
        <v>5</v>
      </c>
      <c r="N3042" s="1" t="s">
        <v>25</v>
      </c>
      <c r="O3042" s="1" t="s">
        <v>38</v>
      </c>
      <c r="P3042" s="5"/>
    </row>
    <row r="3043" spans="1:16" x14ac:dyDescent="0.2">
      <c r="A3043" s="1" t="s">
        <v>194</v>
      </c>
      <c r="B3043" s="1" t="s">
        <v>6481</v>
      </c>
      <c r="C3043" s="1" t="s">
        <v>10472</v>
      </c>
      <c r="D3043" s="1" t="s">
        <v>10473</v>
      </c>
      <c r="E3043" s="1" t="s">
        <v>10474</v>
      </c>
      <c r="F3043" s="1" t="s">
        <v>10</v>
      </c>
      <c r="G3043" s="1" t="s">
        <v>10</v>
      </c>
      <c r="H3043" s="1" t="s">
        <v>2878</v>
      </c>
      <c r="I3043" s="1" t="s">
        <v>10455</v>
      </c>
      <c r="J3043" s="1" t="s">
        <v>10468</v>
      </c>
      <c r="K3043" s="1" t="s">
        <v>27</v>
      </c>
      <c r="L3043" s="1" t="s">
        <v>10471</v>
      </c>
      <c r="M3043" s="1" t="s">
        <v>5</v>
      </c>
      <c r="N3043" s="1" t="s">
        <v>6</v>
      </c>
      <c r="O3043" s="1" t="s">
        <v>38</v>
      </c>
      <c r="P3043" s="5" t="s">
        <v>32739</v>
      </c>
    </row>
    <row r="3044" spans="1:16" x14ac:dyDescent="0.2">
      <c r="A3044" s="1" t="s">
        <v>10</v>
      </c>
      <c r="B3044" s="1" t="s">
        <v>10</v>
      </c>
      <c r="C3044" s="1" t="s">
        <v>10476</v>
      </c>
      <c r="D3044" s="1" t="s">
        <v>10477</v>
      </c>
      <c r="E3044" s="1" t="s">
        <v>10479</v>
      </c>
      <c r="F3044" s="1" t="s">
        <v>10</v>
      </c>
      <c r="G3044" s="1" t="s">
        <v>10</v>
      </c>
      <c r="H3044" s="1" t="s">
        <v>10</v>
      </c>
      <c r="I3044" s="1" t="s">
        <v>10455</v>
      </c>
      <c r="J3044" s="1" t="s">
        <v>10478</v>
      </c>
      <c r="K3044" s="1" t="s">
        <v>27</v>
      </c>
      <c r="L3044" s="1" t="s">
        <v>10475</v>
      </c>
      <c r="M3044" s="1" t="s">
        <v>5</v>
      </c>
      <c r="N3044" s="1" t="s">
        <v>10</v>
      </c>
      <c r="O3044" s="1" t="s">
        <v>38</v>
      </c>
      <c r="P3044" s="5" t="s">
        <v>30391</v>
      </c>
    </row>
    <row r="3045" spans="1:16" x14ac:dyDescent="0.2">
      <c r="A3045" s="1" t="s">
        <v>20</v>
      </c>
      <c r="B3045" s="1" t="s">
        <v>93</v>
      </c>
      <c r="C3045" s="1" t="s">
        <v>617</v>
      </c>
      <c r="D3045" s="1" t="s">
        <v>10481</v>
      </c>
      <c r="E3045" s="1" t="s">
        <v>10482</v>
      </c>
      <c r="F3045" s="1" t="s">
        <v>27</v>
      </c>
      <c r="G3045" s="1" t="s">
        <v>10</v>
      </c>
      <c r="H3045" s="1" t="s">
        <v>10483</v>
      </c>
      <c r="I3045" s="1" t="s">
        <v>10455</v>
      </c>
      <c r="J3045" s="1" t="s">
        <v>10</v>
      </c>
      <c r="K3045" s="1" t="s">
        <v>130</v>
      </c>
      <c r="L3045" s="1" t="s">
        <v>10480</v>
      </c>
      <c r="M3045" s="1" t="s">
        <v>5</v>
      </c>
      <c r="N3045" s="1" t="s">
        <v>10</v>
      </c>
      <c r="O3045" s="1" t="s">
        <v>8</v>
      </c>
      <c r="P3045" s="5" t="s">
        <v>30235</v>
      </c>
    </row>
    <row r="3046" spans="1:16" x14ac:dyDescent="0.2">
      <c r="A3046" s="1" t="s">
        <v>20</v>
      </c>
      <c r="B3046" s="1" t="s">
        <v>99</v>
      </c>
      <c r="C3046" s="1" t="s">
        <v>10485</v>
      </c>
      <c r="D3046" s="1" t="s">
        <v>10486</v>
      </c>
      <c r="E3046" s="1" t="s">
        <v>10488</v>
      </c>
      <c r="F3046" s="1" t="s">
        <v>10</v>
      </c>
      <c r="G3046" s="1" t="s">
        <v>10</v>
      </c>
      <c r="H3046" s="1" t="s">
        <v>10</v>
      </c>
      <c r="I3046" s="1" t="s">
        <v>10455</v>
      </c>
      <c r="J3046" s="1" t="s">
        <v>10487</v>
      </c>
      <c r="K3046" s="1" t="s">
        <v>27</v>
      </c>
      <c r="L3046" s="1" t="s">
        <v>10484</v>
      </c>
      <c r="M3046" s="1" t="s">
        <v>5</v>
      </c>
      <c r="N3046" s="1" t="s">
        <v>10</v>
      </c>
      <c r="O3046" s="1" t="s">
        <v>8</v>
      </c>
      <c r="P3046" s="5" t="s">
        <v>30236</v>
      </c>
    </row>
    <row r="3047" spans="1:16" x14ac:dyDescent="0.2">
      <c r="A3047" s="1" t="s">
        <v>20</v>
      </c>
      <c r="B3047" s="1" t="s">
        <v>99</v>
      </c>
      <c r="C3047" s="1" t="s">
        <v>10490</v>
      </c>
      <c r="D3047" s="1" t="s">
        <v>10490</v>
      </c>
      <c r="E3047" s="1" t="s">
        <v>10492</v>
      </c>
      <c r="F3047" s="1" t="s">
        <v>10</v>
      </c>
      <c r="G3047" s="1" t="s">
        <v>10</v>
      </c>
      <c r="H3047" s="1" t="s">
        <v>10</v>
      </c>
      <c r="I3047" s="1" t="s">
        <v>10455</v>
      </c>
      <c r="J3047" s="1" t="s">
        <v>10491</v>
      </c>
      <c r="K3047" s="1" t="s">
        <v>27</v>
      </c>
      <c r="L3047" s="1" t="s">
        <v>10489</v>
      </c>
      <c r="M3047" s="1" t="s">
        <v>5</v>
      </c>
      <c r="N3047" s="1" t="s">
        <v>10</v>
      </c>
      <c r="O3047" s="1" t="s">
        <v>38</v>
      </c>
      <c r="P3047" s="5" t="s">
        <v>30237</v>
      </c>
    </row>
    <row r="3048" spans="1:16" x14ac:dyDescent="0.2">
      <c r="A3048" s="1" t="s">
        <v>20</v>
      </c>
      <c r="B3048" s="1" t="s">
        <v>99</v>
      </c>
      <c r="C3048" s="1" t="s">
        <v>10494</v>
      </c>
      <c r="D3048" s="1" t="s">
        <v>10495</v>
      </c>
      <c r="E3048" s="1" t="s">
        <v>10496</v>
      </c>
      <c r="F3048" s="1" t="s">
        <v>10</v>
      </c>
      <c r="G3048" s="1" t="s">
        <v>10</v>
      </c>
      <c r="H3048" s="1" t="s">
        <v>10</v>
      </c>
      <c r="I3048" s="1" t="s">
        <v>10455</v>
      </c>
      <c r="J3048" s="1" t="s">
        <v>380</v>
      </c>
      <c r="K3048" s="1" t="s">
        <v>47</v>
      </c>
      <c r="L3048" s="1" t="s">
        <v>10493</v>
      </c>
      <c r="M3048" s="1" t="s">
        <v>5</v>
      </c>
      <c r="N3048" s="1" t="s">
        <v>10</v>
      </c>
      <c r="O3048" s="1" t="s">
        <v>38</v>
      </c>
      <c r="P3048" s="5" t="s">
        <v>30238</v>
      </c>
    </row>
    <row r="3049" spans="1:16" x14ac:dyDescent="0.2">
      <c r="A3049" s="1" t="s">
        <v>20</v>
      </c>
      <c r="B3049" s="1" t="s">
        <v>99</v>
      </c>
      <c r="C3049" s="1" t="s">
        <v>10498</v>
      </c>
      <c r="D3049" s="1" t="s">
        <v>979</v>
      </c>
      <c r="E3049" s="1" t="s">
        <v>10500</v>
      </c>
      <c r="F3049" s="1" t="s">
        <v>10</v>
      </c>
      <c r="G3049" s="1" t="s">
        <v>10</v>
      </c>
      <c r="H3049" s="1" t="s">
        <v>10</v>
      </c>
      <c r="I3049" s="1" t="s">
        <v>10455</v>
      </c>
      <c r="J3049" s="1" t="s">
        <v>10499</v>
      </c>
      <c r="K3049" s="1" t="s">
        <v>27</v>
      </c>
      <c r="L3049" s="1" t="s">
        <v>10497</v>
      </c>
      <c r="M3049" s="1" t="s">
        <v>5</v>
      </c>
      <c r="N3049" s="1" t="s">
        <v>10</v>
      </c>
      <c r="O3049" s="1" t="s">
        <v>38</v>
      </c>
      <c r="P3049" s="5" t="s">
        <v>30239</v>
      </c>
    </row>
    <row r="3050" spans="1:16" x14ac:dyDescent="0.2">
      <c r="A3050" s="1" t="s">
        <v>10</v>
      </c>
      <c r="B3050" s="1" t="s">
        <v>10</v>
      </c>
      <c r="C3050" s="1" t="s">
        <v>10502</v>
      </c>
      <c r="D3050" s="1" t="s">
        <v>6593</v>
      </c>
      <c r="E3050" s="1" t="s">
        <v>10504</v>
      </c>
      <c r="F3050" s="1" t="s">
        <v>10</v>
      </c>
      <c r="G3050" s="1" t="s">
        <v>10</v>
      </c>
      <c r="H3050" s="1" t="s">
        <v>10</v>
      </c>
      <c r="I3050" s="1" t="s">
        <v>10455</v>
      </c>
      <c r="J3050" s="1" t="s">
        <v>10503</v>
      </c>
      <c r="K3050" s="1" t="s">
        <v>64</v>
      </c>
      <c r="L3050" s="1" t="s">
        <v>10501</v>
      </c>
      <c r="M3050" s="1" t="s">
        <v>5</v>
      </c>
      <c r="N3050" s="1" t="s">
        <v>10</v>
      </c>
      <c r="O3050" s="1" t="s">
        <v>38</v>
      </c>
      <c r="P3050" s="5" t="s">
        <v>31382</v>
      </c>
    </row>
    <row r="3051" spans="1:16" x14ac:dyDescent="0.2">
      <c r="A3051" s="1" t="s">
        <v>10</v>
      </c>
      <c r="B3051" s="1" t="s">
        <v>10</v>
      </c>
      <c r="C3051" s="1" t="s">
        <v>10507</v>
      </c>
      <c r="D3051" s="1" t="s">
        <v>10508</v>
      </c>
      <c r="E3051" s="1" t="s">
        <v>10509</v>
      </c>
      <c r="F3051" s="1" t="s">
        <v>10</v>
      </c>
      <c r="G3051" s="1" t="s">
        <v>10</v>
      </c>
      <c r="H3051" s="1" t="s">
        <v>10</v>
      </c>
      <c r="I3051" s="1" t="s">
        <v>10455</v>
      </c>
      <c r="J3051" s="1" t="s">
        <v>10503</v>
      </c>
      <c r="K3051" s="1" t="s">
        <v>64</v>
      </c>
      <c r="L3051" s="1" t="s">
        <v>10506</v>
      </c>
      <c r="M3051" s="1" t="s">
        <v>5</v>
      </c>
      <c r="N3051" s="1" t="s">
        <v>10</v>
      </c>
      <c r="O3051" s="1" t="s">
        <v>38</v>
      </c>
      <c r="P3051" s="5" t="s">
        <v>31382</v>
      </c>
    </row>
    <row r="3052" spans="1:16" x14ac:dyDescent="0.2">
      <c r="A3052" s="1" t="s">
        <v>10</v>
      </c>
      <c r="B3052" s="1" t="s">
        <v>10</v>
      </c>
      <c r="C3052" s="1" t="s">
        <v>10511</v>
      </c>
      <c r="D3052" s="1" t="s">
        <v>10512</v>
      </c>
      <c r="E3052" s="1" t="s">
        <v>10513</v>
      </c>
      <c r="F3052" s="1" t="s">
        <v>10</v>
      </c>
      <c r="G3052" s="1" t="s">
        <v>10</v>
      </c>
      <c r="H3052" s="1" t="s">
        <v>10</v>
      </c>
      <c r="I3052" s="1" t="s">
        <v>10455</v>
      </c>
      <c r="J3052" s="1" t="s">
        <v>10503</v>
      </c>
      <c r="K3052" s="1" t="s">
        <v>64</v>
      </c>
      <c r="L3052" s="1" t="s">
        <v>10510</v>
      </c>
      <c r="M3052" s="1" t="s">
        <v>5</v>
      </c>
      <c r="N3052" s="1" t="s">
        <v>10</v>
      </c>
      <c r="O3052" s="1" t="s">
        <v>38</v>
      </c>
      <c r="P3052" s="5" t="s">
        <v>31382</v>
      </c>
    </row>
    <row r="3053" spans="1:16" x14ac:dyDescent="0.2">
      <c r="A3053" s="1" t="s">
        <v>32</v>
      </c>
      <c r="B3053" s="1" t="s">
        <v>1163</v>
      </c>
      <c r="C3053" s="1" t="s">
        <v>10515</v>
      </c>
      <c r="D3053" s="1" t="s">
        <v>1160</v>
      </c>
      <c r="E3053" s="1" t="s">
        <v>10516</v>
      </c>
      <c r="F3053" s="1" t="s">
        <v>522</v>
      </c>
      <c r="G3053" s="1" t="s">
        <v>1162</v>
      </c>
      <c r="H3053" s="1" t="s">
        <v>10</v>
      </c>
      <c r="I3053" s="1" t="s">
        <v>10455</v>
      </c>
      <c r="J3053" s="1" t="s">
        <v>10</v>
      </c>
      <c r="K3053" s="1" t="s">
        <v>443</v>
      </c>
      <c r="L3053" s="1" t="s">
        <v>10514</v>
      </c>
      <c r="M3053" s="1" t="s">
        <v>5</v>
      </c>
      <c r="N3053" s="1" t="s">
        <v>10</v>
      </c>
      <c r="O3053" s="1" t="s">
        <v>8</v>
      </c>
      <c r="P3053" s="5" t="s">
        <v>30240</v>
      </c>
    </row>
    <row r="3054" spans="1:16" x14ac:dyDescent="0.2">
      <c r="A3054" s="1" t="s">
        <v>66</v>
      </c>
      <c r="B3054" s="1" t="s">
        <v>574</v>
      </c>
      <c r="C3054" s="1" t="s">
        <v>10518</v>
      </c>
      <c r="D3054" s="1" t="s">
        <v>10519</v>
      </c>
      <c r="E3054" s="1"/>
      <c r="F3054" s="1" t="s">
        <v>10</v>
      </c>
      <c r="G3054" s="1" t="s">
        <v>10</v>
      </c>
      <c r="H3054" s="1" t="s">
        <v>10</v>
      </c>
      <c r="I3054" s="1" t="s">
        <v>10455</v>
      </c>
      <c r="J3054" s="1" t="s">
        <v>10520</v>
      </c>
      <c r="K3054" s="1" t="s">
        <v>27</v>
      </c>
      <c r="L3054" s="1" t="s">
        <v>10517</v>
      </c>
      <c r="M3054" s="1" t="s">
        <v>5</v>
      </c>
      <c r="N3054" s="1" t="s">
        <v>10</v>
      </c>
      <c r="O3054" s="1" t="s">
        <v>38</v>
      </c>
      <c r="P3054" s="5" t="s">
        <v>30241</v>
      </c>
    </row>
    <row r="3055" spans="1:16" x14ac:dyDescent="0.2">
      <c r="A3055" s="1" t="s">
        <v>10</v>
      </c>
      <c r="B3055" s="1" t="s">
        <v>10</v>
      </c>
      <c r="C3055" s="1" t="s">
        <v>10522</v>
      </c>
      <c r="D3055" s="1" t="s">
        <v>10523</v>
      </c>
      <c r="E3055" s="1" t="s">
        <v>10524</v>
      </c>
      <c r="F3055" s="1" t="s">
        <v>10</v>
      </c>
      <c r="G3055" s="1" t="s">
        <v>10</v>
      </c>
      <c r="H3055" s="1" t="s">
        <v>10</v>
      </c>
      <c r="I3055" s="1" t="s">
        <v>10455</v>
      </c>
      <c r="J3055" s="1" t="s">
        <v>10</v>
      </c>
      <c r="K3055" s="1" t="s">
        <v>7</v>
      </c>
      <c r="L3055" s="1" t="s">
        <v>10521</v>
      </c>
      <c r="M3055" s="1" t="s">
        <v>5</v>
      </c>
      <c r="N3055" s="1" t="s">
        <v>10</v>
      </c>
      <c r="O3055" s="1" t="s">
        <v>8</v>
      </c>
      <c r="P3055" s="5" t="s">
        <v>30242</v>
      </c>
    </row>
    <row r="3056" spans="1:16" x14ac:dyDescent="0.2">
      <c r="A3056" s="1" t="s">
        <v>20</v>
      </c>
      <c r="B3056" s="1" t="s">
        <v>172</v>
      </c>
      <c r="C3056" s="1" t="s">
        <v>10526</v>
      </c>
      <c r="D3056" s="1" t="s">
        <v>10527</v>
      </c>
      <c r="E3056" s="1" t="s">
        <v>10528</v>
      </c>
      <c r="F3056" s="1" t="s">
        <v>10</v>
      </c>
      <c r="G3056" s="1" t="s">
        <v>10</v>
      </c>
      <c r="H3056" s="1" t="s">
        <v>10</v>
      </c>
      <c r="I3056" s="1" t="s">
        <v>10455</v>
      </c>
      <c r="J3056" s="1" t="s">
        <v>10</v>
      </c>
      <c r="K3056" s="1" t="s">
        <v>7</v>
      </c>
      <c r="L3056" s="1" t="s">
        <v>10525</v>
      </c>
      <c r="M3056" s="1" t="s">
        <v>5</v>
      </c>
      <c r="N3056" s="1" t="s">
        <v>10</v>
      </c>
      <c r="O3056" s="1" t="s">
        <v>8</v>
      </c>
      <c r="P3056" s="5" t="s">
        <v>31383</v>
      </c>
    </row>
    <row r="3057" spans="1:16" x14ac:dyDescent="0.2">
      <c r="A3057" s="1" t="s">
        <v>20</v>
      </c>
      <c r="B3057" s="1" t="s">
        <v>99</v>
      </c>
      <c r="C3057" s="1" t="s">
        <v>10530</v>
      </c>
      <c r="D3057" s="1" t="s">
        <v>10531</v>
      </c>
      <c r="E3057" s="1" t="s">
        <v>10532</v>
      </c>
      <c r="F3057" s="1" t="s">
        <v>10</v>
      </c>
      <c r="G3057" s="1" t="s">
        <v>10</v>
      </c>
      <c r="H3057" s="1" t="s">
        <v>10</v>
      </c>
      <c r="I3057" s="1" t="s">
        <v>10455</v>
      </c>
      <c r="J3057" s="1" t="s">
        <v>10</v>
      </c>
      <c r="K3057" s="1" t="s">
        <v>7</v>
      </c>
      <c r="L3057" s="1" t="s">
        <v>10529</v>
      </c>
      <c r="M3057" s="1" t="s">
        <v>5</v>
      </c>
      <c r="N3057" s="1" t="s">
        <v>10</v>
      </c>
      <c r="O3057" s="1" t="s">
        <v>38</v>
      </c>
      <c r="P3057" s="5" t="s">
        <v>31384</v>
      </c>
    </row>
    <row r="3058" spans="1:16" x14ac:dyDescent="0.2">
      <c r="A3058" s="1" t="s">
        <v>10</v>
      </c>
      <c r="B3058" s="1" t="s">
        <v>10</v>
      </c>
      <c r="C3058" s="1" t="s">
        <v>10534</v>
      </c>
      <c r="D3058" s="1" t="s">
        <v>10535</v>
      </c>
      <c r="E3058" s="1" t="s">
        <v>10536</v>
      </c>
      <c r="F3058" s="1" t="s">
        <v>10</v>
      </c>
      <c r="G3058" s="1" t="s">
        <v>10</v>
      </c>
      <c r="H3058" s="1" t="s">
        <v>10</v>
      </c>
      <c r="I3058" s="1" t="s">
        <v>10455</v>
      </c>
      <c r="J3058" s="1" t="s">
        <v>10</v>
      </c>
      <c r="K3058" s="1" t="s">
        <v>10</v>
      </c>
      <c r="L3058" s="1" t="s">
        <v>10533</v>
      </c>
      <c r="M3058" s="1" t="s">
        <v>5</v>
      </c>
      <c r="N3058" s="1" t="s">
        <v>10</v>
      </c>
      <c r="O3058" s="1" t="s">
        <v>38</v>
      </c>
      <c r="P3058" s="5" t="s">
        <v>10</v>
      </c>
    </row>
    <row r="3059" spans="1:16" x14ac:dyDescent="0.2">
      <c r="A3059" s="1" t="s">
        <v>10</v>
      </c>
      <c r="B3059" s="1" t="s">
        <v>10</v>
      </c>
      <c r="C3059" s="1" t="s">
        <v>10538</v>
      </c>
      <c r="D3059" s="1" t="s">
        <v>10539</v>
      </c>
      <c r="E3059" s="1" t="s">
        <v>10540</v>
      </c>
      <c r="F3059" s="1" t="s">
        <v>10</v>
      </c>
      <c r="G3059" s="1" t="s">
        <v>10</v>
      </c>
      <c r="H3059" s="1" t="s">
        <v>10</v>
      </c>
      <c r="I3059" s="1" t="s">
        <v>10455</v>
      </c>
      <c r="J3059" s="1" t="s">
        <v>10</v>
      </c>
      <c r="K3059" s="1" t="s">
        <v>10</v>
      </c>
      <c r="L3059" s="1" t="s">
        <v>10537</v>
      </c>
      <c r="M3059" s="1" t="s">
        <v>5</v>
      </c>
      <c r="N3059" s="1" t="s">
        <v>10</v>
      </c>
      <c r="O3059" s="1" t="s">
        <v>38</v>
      </c>
      <c r="P3059" s="5" t="s">
        <v>10</v>
      </c>
    </row>
    <row r="3060" spans="1:16" x14ac:dyDescent="0.2">
      <c r="A3060" s="1" t="s">
        <v>10</v>
      </c>
      <c r="B3060" s="1" t="s">
        <v>10</v>
      </c>
      <c r="C3060" s="1" t="s">
        <v>10542</v>
      </c>
      <c r="D3060" s="1" t="s">
        <v>10543</v>
      </c>
      <c r="E3060" s="1" t="s">
        <v>10544</v>
      </c>
      <c r="F3060" s="1" t="s">
        <v>10</v>
      </c>
      <c r="G3060" s="1" t="s">
        <v>10</v>
      </c>
      <c r="H3060" s="1" t="s">
        <v>10</v>
      </c>
      <c r="I3060" s="1" t="s">
        <v>10455</v>
      </c>
      <c r="J3060" s="1" t="s">
        <v>10</v>
      </c>
      <c r="K3060" s="1" t="s">
        <v>10</v>
      </c>
      <c r="L3060" s="1" t="s">
        <v>10541</v>
      </c>
      <c r="M3060" s="1" t="s">
        <v>5</v>
      </c>
      <c r="N3060" s="1" t="s">
        <v>10</v>
      </c>
      <c r="O3060" s="1" t="s">
        <v>38</v>
      </c>
      <c r="P3060" s="5" t="s">
        <v>10</v>
      </c>
    </row>
    <row r="3061" spans="1:16" x14ac:dyDescent="0.2">
      <c r="A3061" s="1" t="s">
        <v>10</v>
      </c>
      <c r="B3061" s="1" t="s">
        <v>10</v>
      </c>
      <c r="C3061" s="1" t="s">
        <v>10546</v>
      </c>
      <c r="D3061" s="1" t="s">
        <v>10547</v>
      </c>
      <c r="E3061" s="1" t="s">
        <v>10548</v>
      </c>
      <c r="F3061" s="1" t="s">
        <v>10</v>
      </c>
      <c r="G3061" s="1" t="s">
        <v>10</v>
      </c>
      <c r="H3061" s="1" t="s">
        <v>10</v>
      </c>
      <c r="I3061" s="1" t="s">
        <v>10455</v>
      </c>
      <c r="J3061" s="1" t="s">
        <v>10</v>
      </c>
      <c r="K3061" s="1" t="s">
        <v>10</v>
      </c>
      <c r="L3061" s="1" t="s">
        <v>10545</v>
      </c>
      <c r="M3061" s="1" t="s">
        <v>5</v>
      </c>
      <c r="N3061" s="1" t="s">
        <v>10</v>
      </c>
      <c r="O3061" s="1" t="s">
        <v>38</v>
      </c>
      <c r="P3061" s="5" t="s">
        <v>10</v>
      </c>
    </row>
    <row r="3062" spans="1:16" x14ac:dyDescent="0.2">
      <c r="A3062" s="1" t="s">
        <v>32</v>
      </c>
      <c r="B3062" s="1" t="s">
        <v>10</v>
      </c>
      <c r="C3062" s="1" t="s">
        <v>10550</v>
      </c>
      <c r="D3062" s="1" t="s">
        <v>7139</v>
      </c>
      <c r="E3062" s="1" t="s">
        <v>10551</v>
      </c>
      <c r="F3062" s="1" t="s">
        <v>27</v>
      </c>
      <c r="G3062" s="1" t="s">
        <v>10</v>
      </c>
      <c r="H3062" s="1" t="s">
        <v>10552</v>
      </c>
      <c r="I3062" s="1" t="s">
        <v>10455</v>
      </c>
      <c r="J3062" s="1" t="s">
        <v>10</v>
      </c>
      <c r="K3062" s="1" t="s">
        <v>27</v>
      </c>
      <c r="L3062" s="1" t="s">
        <v>10549</v>
      </c>
      <c r="M3062" s="1" t="s">
        <v>5</v>
      </c>
      <c r="N3062" s="1" t="s">
        <v>10</v>
      </c>
      <c r="O3062" s="1" t="s">
        <v>8</v>
      </c>
      <c r="P3062" s="5" t="s">
        <v>30243</v>
      </c>
    </row>
    <row r="3063" spans="1:16" x14ac:dyDescent="0.2">
      <c r="A3063" s="1" t="s">
        <v>10</v>
      </c>
      <c r="B3063" s="1" t="s">
        <v>10</v>
      </c>
      <c r="C3063" s="1" t="s">
        <v>10554</v>
      </c>
      <c r="D3063" s="1" t="s">
        <v>10555</v>
      </c>
      <c r="E3063" s="1" t="s">
        <v>10556</v>
      </c>
      <c r="F3063" s="1" t="s">
        <v>10</v>
      </c>
      <c r="G3063" s="1" t="s">
        <v>10</v>
      </c>
      <c r="H3063" s="1" t="s">
        <v>10</v>
      </c>
      <c r="I3063" s="1" t="s">
        <v>10455</v>
      </c>
      <c r="J3063" s="1" t="s">
        <v>10</v>
      </c>
      <c r="K3063" s="1" t="s">
        <v>10</v>
      </c>
      <c r="L3063" s="1" t="s">
        <v>10553</v>
      </c>
      <c r="M3063" s="1" t="s">
        <v>5</v>
      </c>
      <c r="N3063" s="1" t="s">
        <v>10</v>
      </c>
      <c r="O3063" s="1" t="s">
        <v>38</v>
      </c>
      <c r="P3063" s="5" t="s">
        <v>30244</v>
      </c>
    </row>
    <row r="3064" spans="1:16" x14ac:dyDescent="0.2">
      <c r="A3064" s="1" t="s">
        <v>10</v>
      </c>
      <c r="B3064" s="1" t="s">
        <v>10</v>
      </c>
      <c r="C3064" s="1" t="s">
        <v>10558</v>
      </c>
      <c r="D3064" s="1" t="s">
        <v>10559</v>
      </c>
      <c r="E3064" s="1" t="s">
        <v>10560</v>
      </c>
      <c r="F3064" s="1" t="s">
        <v>10</v>
      </c>
      <c r="G3064" s="1" t="s">
        <v>10</v>
      </c>
      <c r="H3064" s="1" t="s">
        <v>10</v>
      </c>
      <c r="I3064" s="1" t="s">
        <v>10455</v>
      </c>
      <c r="J3064" s="1" t="s">
        <v>10</v>
      </c>
      <c r="K3064" s="1" t="s">
        <v>10</v>
      </c>
      <c r="L3064" s="1" t="s">
        <v>10557</v>
      </c>
      <c r="M3064" s="1" t="s">
        <v>5</v>
      </c>
      <c r="N3064" s="1" t="s">
        <v>25</v>
      </c>
      <c r="O3064" s="1" t="s">
        <v>8</v>
      </c>
      <c r="P3064" s="5" t="s">
        <v>30245</v>
      </c>
    </row>
    <row r="3065" spans="1:16" x14ac:dyDescent="0.2">
      <c r="A3065" s="1" t="s">
        <v>10</v>
      </c>
      <c r="B3065" s="1" t="s">
        <v>10</v>
      </c>
      <c r="C3065" s="1" t="s">
        <v>10563</v>
      </c>
      <c r="D3065" s="1" t="s">
        <v>10564</v>
      </c>
      <c r="E3065" s="1" t="s">
        <v>10565</v>
      </c>
      <c r="F3065" s="1" t="s">
        <v>10</v>
      </c>
      <c r="G3065" s="1" t="s">
        <v>10</v>
      </c>
      <c r="H3065" s="1" t="s">
        <v>10</v>
      </c>
      <c r="I3065" s="1" t="s">
        <v>10455</v>
      </c>
      <c r="J3065" s="1" t="s">
        <v>10</v>
      </c>
      <c r="K3065" s="1" t="s">
        <v>10</v>
      </c>
      <c r="L3065" s="1" t="s">
        <v>10562</v>
      </c>
      <c r="M3065" s="1" t="s">
        <v>5</v>
      </c>
      <c r="N3065" s="1" t="s">
        <v>10</v>
      </c>
      <c r="O3065" s="1" t="s">
        <v>38</v>
      </c>
      <c r="P3065" s="5" t="s">
        <v>30245</v>
      </c>
    </row>
    <row r="3066" spans="1:16" x14ac:dyDescent="0.2">
      <c r="A3066" s="1" t="s">
        <v>10</v>
      </c>
      <c r="B3066" s="1" t="s">
        <v>10</v>
      </c>
      <c r="C3066" s="1" t="s">
        <v>10567</v>
      </c>
      <c r="D3066" s="1" t="s">
        <v>10568</v>
      </c>
      <c r="E3066" s="1" t="s">
        <v>10569</v>
      </c>
      <c r="F3066" s="1" t="s">
        <v>10</v>
      </c>
      <c r="G3066" s="1" t="s">
        <v>10</v>
      </c>
      <c r="H3066" s="1" t="s">
        <v>10</v>
      </c>
      <c r="I3066" s="1" t="s">
        <v>10455</v>
      </c>
      <c r="J3066" s="1" t="s">
        <v>10</v>
      </c>
      <c r="K3066" s="1" t="s">
        <v>10</v>
      </c>
      <c r="L3066" s="1" t="s">
        <v>10566</v>
      </c>
      <c r="M3066" s="1" t="s">
        <v>5</v>
      </c>
      <c r="N3066" s="1" t="s">
        <v>10</v>
      </c>
      <c r="O3066" s="1" t="s">
        <v>38</v>
      </c>
      <c r="P3066" s="5" t="s">
        <v>10570</v>
      </c>
    </row>
    <row r="3067" spans="1:16" x14ac:dyDescent="0.2">
      <c r="A3067" s="1" t="s">
        <v>10</v>
      </c>
      <c r="B3067" s="1" t="s">
        <v>10</v>
      </c>
      <c r="C3067" s="1" t="s">
        <v>10572</v>
      </c>
      <c r="D3067" s="1" t="s">
        <v>10573</v>
      </c>
      <c r="E3067" s="1" t="s">
        <v>10574</v>
      </c>
      <c r="F3067" s="1" t="s">
        <v>10</v>
      </c>
      <c r="G3067" s="1" t="s">
        <v>10</v>
      </c>
      <c r="H3067" s="1" t="s">
        <v>10</v>
      </c>
      <c r="I3067" s="1" t="s">
        <v>10455</v>
      </c>
      <c r="J3067" s="1" t="s">
        <v>10</v>
      </c>
      <c r="K3067" s="1" t="s">
        <v>10</v>
      </c>
      <c r="L3067" s="1" t="s">
        <v>10571</v>
      </c>
      <c r="M3067" s="1" t="s">
        <v>5</v>
      </c>
      <c r="N3067" s="1" t="s">
        <v>10</v>
      </c>
      <c r="O3067" s="1" t="s">
        <v>38</v>
      </c>
      <c r="P3067" s="5" t="s">
        <v>10</v>
      </c>
    </row>
    <row r="3068" spans="1:16" x14ac:dyDescent="0.2">
      <c r="A3068" s="1" t="s">
        <v>10</v>
      </c>
      <c r="B3068" s="1" t="s">
        <v>10</v>
      </c>
      <c r="C3068" s="1" t="s">
        <v>10576</v>
      </c>
      <c r="D3068" s="1" t="s">
        <v>10576</v>
      </c>
      <c r="E3068" s="1" t="s">
        <v>10577</v>
      </c>
      <c r="F3068" s="1" t="s">
        <v>10</v>
      </c>
      <c r="G3068" s="1" t="s">
        <v>10</v>
      </c>
      <c r="H3068" s="1" t="s">
        <v>10</v>
      </c>
      <c r="I3068" s="1" t="s">
        <v>10455</v>
      </c>
      <c r="J3068" s="1" t="s">
        <v>10</v>
      </c>
      <c r="K3068" s="1" t="s">
        <v>10</v>
      </c>
      <c r="L3068" s="1" t="s">
        <v>10575</v>
      </c>
      <c r="M3068" s="1" t="s">
        <v>5</v>
      </c>
      <c r="N3068" s="1" t="s">
        <v>10</v>
      </c>
      <c r="O3068" s="1" t="s">
        <v>38</v>
      </c>
      <c r="P3068" s="5" t="s">
        <v>10</v>
      </c>
    </row>
    <row r="3069" spans="1:16" x14ac:dyDescent="0.2">
      <c r="A3069" s="1" t="s">
        <v>10</v>
      </c>
      <c r="B3069" s="1" t="s">
        <v>10</v>
      </c>
      <c r="C3069" s="1" t="s">
        <v>10579</v>
      </c>
      <c r="D3069" s="1" t="s">
        <v>10580</v>
      </c>
      <c r="E3069" s="1" t="s">
        <v>10581</v>
      </c>
      <c r="F3069" s="1" t="s">
        <v>10</v>
      </c>
      <c r="G3069" s="1" t="s">
        <v>10</v>
      </c>
      <c r="H3069" s="1" t="s">
        <v>10</v>
      </c>
      <c r="I3069" s="1" t="s">
        <v>10455</v>
      </c>
      <c r="J3069" s="1" t="s">
        <v>10</v>
      </c>
      <c r="K3069" s="1" t="s">
        <v>10</v>
      </c>
      <c r="L3069" s="1" t="s">
        <v>10578</v>
      </c>
      <c r="M3069" s="1" t="s">
        <v>5</v>
      </c>
      <c r="N3069" s="1" t="s">
        <v>10</v>
      </c>
      <c r="O3069" s="1" t="s">
        <v>38</v>
      </c>
      <c r="P3069" s="5" t="s">
        <v>30246</v>
      </c>
    </row>
    <row r="3070" spans="1:16" x14ac:dyDescent="0.2">
      <c r="A3070" s="1" t="s">
        <v>10</v>
      </c>
      <c r="B3070" s="1" t="s">
        <v>10</v>
      </c>
      <c r="C3070" s="1" t="s">
        <v>10583</v>
      </c>
      <c r="D3070" s="1" t="s">
        <v>10584</v>
      </c>
      <c r="E3070" s="1" t="s">
        <v>10585</v>
      </c>
      <c r="F3070" s="1" t="s">
        <v>10</v>
      </c>
      <c r="G3070" s="1" t="s">
        <v>10</v>
      </c>
      <c r="H3070" s="1" t="s">
        <v>10</v>
      </c>
      <c r="I3070" s="1" t="s">
        <v>10455</v>
      </c>
      <c r="J3070" s="1" t="s">
        <v>10</v>
      </c>
      <c r="K3070" s="1" t="s">
        <v>10</v>
      </c>
      <c r="L3070" s="1" t="s">
        <v>10582</v>
      </c>
      <c r="M3070" s="1" t="s">
        <v>5</v>
      </c>
      <c r="N3070" s="1" t="s">
        <v>10</v>
      </c>
      <c r="O3070" s="1" t="s">
        <v>38</v>
      </c>
      <c r="P3070" s="5" t="s">
        <v>1737</v>
      </c>
    </row>
    <row r="3071" spans="1:16" x14ac:dyDescent="0.2">
      <c r="A3071" s="1" t="s">
        <v>10</v>
      </c>
      <c r="B3071" s="1" t="s">
        <v>10</v>
      </c>
      <c r="C3071" s="1" t="s">
        <v>10588</v>
      </c>
      <c r="D3071" s="1" t="s">
        <v>10589</v>
      </c>
      <c r="E3071" s="1" t="s">
        <v>10590</v>
      </c>
      <c r="F3071" s="1" t="s">
        <v>10</v>
      </c>
      <c r="G3071" s="1" t="s">
        <v>10</v>
      </c>
      <c r="H3071" s="1" t="s">
        <v>10</v>
      </c>
      <c r="I3071" s="1" t="s">
        <v>10455</v>
      </c>
      <c r="J3071" s="1" t="s">
        <v>10</v>
      </c>
      <c r="K3071" s="1" t="s">
        <v>10</v>
      </c>
      <c r="L3071" s="1" t="s">
        <v>10587</v>
      </c>
      <c r="M3071" s="1" t="s">
        <v>5</v>
      </c>
      <c r="N3071" s="1" t="s">
        <v>10</v>
      </c>
      <c r="O3071" s="1" t="s">
        <v>38</v>
      </c>
      <c r="P3071" s="5" t="s">
        <v>10</v>
      </c>
    </row>
    <row r="3072" spans="1:16" x14ac:dyDescent="0.2">
      <c r="A3072" s="1" t="s">
        <v>194</v>
      </c>
      <c r="B3072" s="1" t="s">
        <v>4492</v>
      </c>
      <c r="C3072" s="1" t="s">
        <v>10592</v>
      </c>
      <c r="D3072" s="1" t="s">
        <v>10593</v>
      </c>
      <c r="E3072" s="1" t="s">
        <v>10595</v>
      </c>
      <c r="F3072" s="1" t="s">
        <v>474</v>
      </c>
      <c r="G3072" s="1" t="s">
        <v>4490</v>
      </c>
      <c r="H3072" s="1" t="s">
        <v>10</v>
      </c>
      <c r="I3072" s="1" t="s">
        <v>10455</v>
      </c>
      <c r="J3072" s="1" t="s">
        <v>10594</v>
      </c>
      <c r="K3072" s="1" t="s">
        <v>27</v>
      </c>
      <c r="L3072" s="1" t="s">
        <v>10591</v>
      </c>
      <c r="M3072" s="1" t="s">
        <v>5</v>
      </c>
      <c r="N3072" s="1" t="s">
        <v>25</v>
      </c>
      <c r="O3072" s="1" t="s">
        <v>38</v>
      </c>
      <c r="P3072" s="5" t="s">
        <v>31385</v>
      </c>
    </row>
    <row r="3073" spans="1:16" x14ac:dyDescent="0.2">
      <c r="A3073" s="1" t="s">
        <v>10</v>
      </c>
      <c r="B3073" s="1" t="s">
        <v>10</v>
      </c>
      <c r="C3073" s="1" t="s">
        <v>10597</v>
      </c>
      <c r="D3073" s="1" t="s">
        <v>10598</v>
      </c>
      <c r="E3073" s="1" t="s">
        <v>10</v>
      </c>
      <c r="F3073" s="1" t="s">
        <v>10</v>
      </c>
      <c r="G3073" s="1" t="s">
        <v>10</v>
      </c>
      <c r="H3073" s="1" t="s">
        <v>10</v>
      </c>
      <c r="I3073" s="1" t="s">
        <v>10455</v>
      </c>
      <c r="J3073" s="1" t="s">
        <v>10</v>
      </c>
      <c r="K3073" s="1" t="s">
        <v>10</v>
      </c>
      <c r="L3073" s="1" t="s">
        <v>10596</v>
      </c>
      <c r="M3073" s="1" t="s">
        <v>5</v>
      </c>
      <c r="N3073" s="1" t="s">
        <v>10</v>
      </c>
      <c r="O3073" s="1" t="s">
        <v>38</v>
      </c>
      <c r="P3073" s="5" t="s">
        <v>10</v>
      </c>
    </row>
    <row r="3074" spans="1:16" x14ac:dyDescent="0.2">
      <c r="A3074" s="1" t="s">
        <v>10</v>
      </c>
      <c r="B3074" s="1" t="s">
        <v>10</v>
      </c>
      <c r="C3074" s="1" t="s">
        <v>10600</v>
      </c>
      <c r="D3074" s="1" t="s">
        <v>10601</v>
      </c>
      <c r="E3074" s="1" t="s">
        <v>10</v>
      </c>
      <c r="F3074" s="1" t="s">
        <v>10</v>
      </c>
      <c r="G3074" s="1" t="s">
        <v>10</v>
      </c>
      <c r="H3074" s="1" t="s">
        <v>10</v>
      </c>
      <c r="I3074" s="1" t="s">
        <v>10455</v>
      </c>
      <c r="J3074" s="1" t="s">
        <v>10602</v>
      </c>
      <c r="K3074" s="1" t="s">
        <v>10</v>
      </c>
      <c r="L3074" s="1" t="s">
        <v>10599</v>
      </c>
      <c r="M3074" s="1" t="s">
        <v>5</v>
      </c>
      <c r="N3074" s="1" t="s">
        <v>10</v>
      </c>
      <c r="O3074" s="1" t="s">
        <v>8</v>
      </c>
      <c r="P3074" s="5" t="s">
        <v>10</v>
      </c>
    </row>
    <row r="3075" spans="1:16" x14ac:dyDescent="0.2">
      <c r="A3075" s="1" t="s">
        <v>329</v>
      </c>
      <c r="B3075" s="1" t="s">
        <v>691</v>
      </c>
      <c r="C3075" s="1" t="s">
        <v>10606</v>
      </c>
      <c r="D3075" s="1" t="s">
        <v>10606</v>
      </c>
      <c r="E3075" s="1" t="s">
        <v>10608</v>
      </c>
      <c r="F3075" s="1" t="s">
        <v>474</v>
      </c>
      <c r="G3075" s="1" t="s">
        <v>476</v>
      </c>
      <c r="H3075" s="1" t="s">
        <v>10609</v>
      </c>
      <c r="I3075" s="1" t="s">
        <v>10455</v>
      </c>
      <c r="J3075" s="1" t="s">
        <v>10607</v>
      </c>
      <c r="K3075" s="1" t="s">
        <v>443</v>
      </c>
      <c r="L3075" s="1" t="s">
        <v>10605</v>
      </c>
      <c r="M3075" s="1" t="s">
        <v>5</v>
      </c>
      <c r="N3075" s="1" t="s">
        <v>960</v>
      </c>
      <c r="O3075" s="1" t="s">
        <v>8</v>
      </c>
      <c r="P3075" s="5"/>
    </row>
    <row r="3076" spans="1:16" x14ac:dyDescent="0.2">
      <c r="A3076" s="1" t="s">
        <v>20</v>
      </c>
      <c r="B3076" s="1" t="s">
        <v>99</v>
      </c>
      <c r="C3076" s="1" t="s">
        <v>10611</v>
      </c>
      <c r="D3076" s="1" t="s">
        <v>10612</v>
      </c>
      <c r="E3076" s="1" t="s">
        <v>10614</v>
      </c>
      <c r="F3076" s="1" t="s">
        <v>10</v>
      </c>
      <c r="G3076" s="1" t="s">
        <v>10</v>
      </c>
      <c r="H3076" s="1" t="s">
        <v>10</v>
      </c>
      <c r="I3076" s="1" t="s">
        <v>10455</v>
      </c>
      <c r="J3076" s="1" t="s">
        <v>10613</v>
      </c>
      <c r="K3076" s="1" t="s">
        <v>27</v>
      </c>
      <c r="L3076" s="1" t="s">
        <v>10610</v>
      </c>
      <c r="M3076" s="1" t="s">
        <v>5</v>
      </c>
      <c r="N3076" s="1" t="s">
        <v>10</v>
      </c>
      <c r="O3076" s="1" t="s">
        <v>8</v>
      </c>
      <c r="P3076" s="5" t="s">
        <v>32740</v>
      </c>
    </row>
    <row r="3077" spans="1:16" x14ac:dyDescent="0.2">
      <c r="A3077" s="1" t="s">
        <v>66</v>
      </c>
      <c r="B3077" s="1" t="s">
        <v>1812</v>
      </c>
      <c r="C3077" s="1" t="s">
        <v>10616</v>
      </c>
      <c r="D3077" s="1" t="s">
        <v>10617</v>
      </c>
      <c r="E3077" s="1" t="s">
        <v>10618</v>
      </c>
      <c r="F3077" s="1" t="s">
        <v>10</v>
      </c>
      <c r="G3077" s="1" t="s">
        <v>10</v>
      </c>
      <c r="H3077" s="1" t="s">
        <v>2878</v>
      </c>
      <c r="I3077" s="1" t="s">
        <v>10455</v>
      </c>
      <c r="J3077" s="1" t="s">
        <v>10468</v>
      </c>
      <c r="K3077" s="1" t="s">
        <v>27</v>
      </c>
      <c r="L3077" s="1" t="s">
        <v>10615</v>
      </c>
      <c r="M3077" s="1" t="s">
        <v>5</v>
      </c>
      <c r="N3077" s="1" t="s">
        <v>25</v>
      </c>
      <c r="O3077" s="1" t="s">
        <v>38</v>
      </c>
      <c r="P3077" s="5" t="s">
        <v>10619</v>
      </c>
    </row>
    <row r="3078" spans="1:16" x14ac:dyDescent="0.2">
      <c r="A3078" s="1" t="s">
        <v>10</v>
      </c>
      <c r="B3078" s="1" t="s">
        <v>10</v>
      </c>
      <c r="C3078" s="1" t="s">
        <v>10621</v>
      </c>
      <c r="D3078" s="1" t="s">
        <v>10622</v>
      </c>
      <c r="E3078" s="1" t="s">
        <v>10623</v>
      </c>
      <c r="F3078" s="1" t="s">
        <v>10</v>
      </c>
      <c r="G3078" s="1" t="s">
        <v>10</v>
      </c>
      <c r="H3078" s="1" t="s">
        <v>10</v>
      </c>
      <c r="I3078" s="1" t="s">
        <v>10455</v>
      </c>
      <c r="J3078" s="1" t="s">
        <v>10</v>
      </c>
      <c r="K3078" s="1" t="s">
        <v>10</v>
      </c>
      <c r="L3078" s="1" t="s">
        <v>10620</v>
      </c>
      <c r="M3078" s="1" t="s">
        <v>5</v>
      </c>
      <c r="N3078" s="1" t="s">
        <v>10</v>
      </c>
      <c r="O3078" s="1" t="s">
        <v>8</v>
      </c>
      <c r="P3078" s="5"/>
    </row>
    <row r="3079" spans="1:16" x14ac:dyDescent="0.2">
      <c r="A3079" s="1" t="s">
        <v>10</v>
      </c>
      <c r="B3079" s="1" t="s">
        <v>10</v>
      </c>
      <c r="C3079" s="1" t="s">
        <v>10625</v>
      </c>
      <c r="D3079" s="1" t="s">
        <v>10625</v>
      </c>
      <c r="E3079" s="1" t="s">
        <v>10626</v>
      </c>
      <c r="F3079" s="1" t="s">
        <v>10</v>
      </c>
      <c r="G3079" s="1" t="s">
        <v>10</v>
      </c>
      <c r="H3079" s="1" t="s">
        <v>10</v>
      </c>
      <c r="I3079" s="1" t="s">
        <v>10455</v>
      </c>
      <c r="J3079" s="1" t="s">
        <v>10</v>
      </c>
      <c r="K3079" s="1" t="s">
        <v>10</v>
      </c>
      <c r="L3079" s="1" t="s">
        <v>10624</v>
      </c>
      <c r="M3079" s="1" t="s">
        <v>5</v>
      </c>
      <c r="N3079" s="1" t="s">
        <v>10</v>
      </c>
      <c r="O3079" s="1" t="s">
        <v>8</v>
      </c>
      <c r="P3079" s="5" t="s">
        <v>10505</v>
      </c>
    </row>
    <row r="3080" spans="1:16" x14ac:dyDescent="0.2">
      <c r="A3080" s="1" t="s">
        <v>10</v>
      </c>
      <c r="B3080" s="1" t="s">
        <v>10</v>
      </c>
      <c r="C3080" s="1" t="s">
        <v>6790</v>
      </c>
      <c r="D3080" s="1" t="s">
        <v>6790</v>
      </c>
      <c r="E3080" s="1" t="s">
        <v>10628</v>
      </c>
      <c r="F3080" s="1" t="s">
        <v>10</v>
      </c>
      <c r="G3080" s="1" t="s">
        <v>10</v>
      </c>
      <c r="H3080" s="1" t="s">
        <v>10</v>
      </c>
      <c r="I3080" s="1" t="s">
        <v>10455</v>
      </c>
      <c r="J3080" s="1" t="s">
        <v>10</v>
      </c>
      <c r="K3080" s="1" t="s">
        <v>10</v>
      </c>
      <c r="L3080" s="1" t="s">
        <v>10627</v>
      </c>
      <c r="M3080" s="1" t="s">
        <v>5</v>
      </c>
      <c r="N3080" s="1" t="s">
        <v>10</v>
      </c>
      <c r="O3080" s="1" t="s">
        <v>8</v>
      </c>
      <c r="P3080" s="5" t="s">
        <v>10505</v>
      </c>
    </row>
    <row r="3081" spans="1:16" x14ac:dyDescent="0.2">
      <c r="A3081" s="1" t="s">
        <v>20</v>
      </c>
      <c r="B3081" s="1" t="s">
        <v>99</v>
      </c>
      <c r="C3081" s="1" t="s">
        <v>10630</v>
      </c>
      <c r="D3081" s="1" t="s">
        <v>10631</v>
      </c>
      <c r="E3081" s="1" t="s">
        <v>10633</v>
      </c>
      <c r="F3081" s="1" t="s">
        <v>10</v>
      </c>
      <c r="G3081" s="1" t="s">
        <v>10</v>
      </c>
      <c r="H3081" s="1" t="s">
        <v>10</v>
      </c>
      <c r="I3081" s="1" t="s">
        <v>10455</v>
      </c>
      <c r="J3081" s="1" t="s">
        <v>10632</v>
      </c>
      <c r="K3081" s="1" t="s">
        <v>37</v>
      </c>
      <c r="L3081" s="1" t="s">
        <v>10629</v>
      </c>
      <c r="M3081" s="1" t="s">
        <v>5</v>
      </c>
      <c r="N3081" s="1" t="s">
        <v>10</v>
      </c>
      <c r="O3081" s="1" t="s">
        <v>8</v>
      </c>
      <c r="P3081" s="5" t="s">
        <v>31386</v>
      </c>
    </row>
    <row r="3082" spans="1:16" x14ac:dyDescent="0.2">
      <c r="A3082" s="1" t="s">
        <v>10</v>
      </c>
      <c r="B3082" s="1" t="s">
        <v>10</v>
      </c>
      <c r="C3082" s="1" t="s">
        <v>900</v>
      </c>
      <c r="D3082" s="1" t="s">
        <v>10635</v>
      </c>
      <c r="E3082" s="1" t="s">
        <v>10636</v>
      </c>
      <c r="F3082" s="1" t="s">
        <v>10</v>
      </c>
      <c r="G3082" s="1" t="s">
        <v>10</v>
      </c>
      <c r="H3082" s="1" t="s">
        <v>10</v>
      </c>
      <c r="I3082" s="1" t="s">
        <v>10455</v>
      </c>
      <c r="J3082" s="1" t="s">
        <v>10</v>
      </c>
      <c r="K3082" s="1" t="s">
        <v>10</v>
      </c>
      <c r="L3082" s="1" t="s">
        <v>10634</v>
      </c>
      <c r="M3082" s="1" t="s">
        <v>5</v>
      </c>
      <c r="N3082" s="1" t="s">
        <v>10</v>
      </c>
      <c r="O3082" s="1" t="s">
        <v>8</v>
      </c>
      <c r="P3082" s="5" t="s">
        <v>10505</v>
      </c>
    </row>
    <row r="3083" spans="1:16" x14ac:dyDescent="0.2">
      <c r="A3083" s="1" t="s">
        <v>10</v>
      </c>
      <c r="B3083" s="1" t="s">
        <v>10</v>
      </c>
      <c r="C3083" s="1" t="s">
        <v>10638</v>
      </c>
      <c r="D3083" s="1" t="s">
        <v>10639</v>
      </c>
      <c r="E3083" s="1" t="s">
        <v>10640</v>
      </c>
      <c r="F3083" s="1" t="s">
        <v>10</v>
      </c>
      <c r="G3083" s="1" t="s">
        <v>10</v>
      </c>
      <c r="H3083" s="1" t="s">
        <v>10</v>
      </c>
      <c r="I3083" s="1" t="s">
        <v>10455</v>
      </c>
      <c r="J3083" s="1" t="s">
        <v>10</v>
      </c>
      <c r="K3083" s="1" t="s">
        <v>10</v>
      </c>
      <c r="L3083" s="1" t="s">
        <v>10637</v>
      </c>
      <c r="M3083" s="1" t="s">
        <v>5</v>
      </c>
      <c r="N3083" s="1" t="s">
        <v>10</v>
      </c>
      <c r="O3083" s="1" t="s">
        <v>8</v>
      </c>
      <c r="P3083" s="5" t="s">
        <v>30247</v>
      </c>
    </row>
    <row r="3084" spans="1:16" x14ac:dyDescent="0.2">
      <c r="A3084" s="1" t="s">
        <v>10</v>
      </c>
      <c r="B3084" s="1" t="s">
        <v>10</v>
      </c>
      <c r="C3084" s="1" t="s">
        <v>1106</v>
      </c>
      <c r="D3084" s="1" t="s">
        <v>1107</v>
      </c>
      <c r="E3084" s="1" t="s">
        <v>10642</v>
      </c>
      <c r="F3084" s="1" t="s">
        <v>10</v>
      </c>
      <c r="G3084" s="1" t="s">
        <v>10</v>
      </c>
      <c r="H3084" s="1" t="s">
        <v>10</v>
      </c>
      <c r="I3084" s="1" t="s">
        <v>10455</v>
      </c>
      <c r="J3084" s="1" t="s">
        <v>10</v>
      </c>
      <c r="K3084" s="1" t="s">
        <v>10</v>
      </c>
      <c r="L3084" s="1" t="s">
        <v>10641</v>
      </c>
      <c r="M3084" s="1" t="s">
        <v>5</v>
      </c>
      <c r="N3084" s="1" t="s">
        <v>10</v>
      </c>
      <c r="O3084" s="1" t="s">
        <v>8</v>
      </c>
      <c r="P3084" s="5" t="s">
        <v>30248</v>
      </c>
    </row>
    <row r="3085" spans="1:16" x14ac:dyDescent="0.2">
      <c r="A3085" s="1" t="s">
        <v>10</v>
      </c>
      <c r="B3085" s="1" t="s">
        <v>10</v>
      </c>
      <c r="C3085" s="1" t="s">
        <v>10644</v>
      </c>
      <c r="D3085" s="1" t="s">
        <v>10645</v>
      </c>
      <c r="E3085" s="1" t="s">
        <v>10646</v>
      </c>
      <c r="F3085" s="1" t="s">
        <v>10</v>
      </c>
      <c r="G3085" s="1" t="s">
        <v>10</v>
      </c>
      <c r="H3085" s="1" t="s">
        <v>10</v>
      </c>
      <c r="I3085" s="1" t="s">
        <v>10455</v>
      </c>
      <c r="J3085" s="1" t="s">
        <v>10</v>
      </c>
      <c r="K3085" s="1" t="s">
        <v>10</v>
      </c>
      <c r="L3085" s="1" t="s">
        <v>10643</v>
      </c>
      <c r="M3085" s="1" t="s">
        <v>5</v>
      </c>
      <c r="N3085" s="1" t="s">
        <v>10</v>
      </c>
      <c r="O3085" s="1" t="s">
        <v>38</v>
      </c>
      <c r="P3085" s="5" t="s">
        <v>30248</v>
      </c>
    </row>
    <row r="3086" spans="1:16" x14ac:dyDescent="0.2">
      <c r="A3086" s="1" t="s">
        <v>10</v>
      </c>
      <c r="B3086" s="1" t="s">
        <v>10</v>
      </c>
      <c r="C3086" s="1" t="s">
        <v>7061</v>
      </c>
      <c r="D3086" s="1" t="s">
        <v>7061</v>
      </c>
      <c r="E3086" s="1" t="s">
        <v>10648</v>
      </c>
      <c r="F3086" s="1" t="s">
        <v>10</v>
      </c>
      <c r="G3086" s="1" t="s">
        <v>10</v>
      </c>
      <c r="H3086" s="1" t="s">
        <v>10</v>
      </c>
      <c r="I3086" s="1" t="s">
        <v>10455</v>
      </c>
      <c r="J3086" s="1" t="s">
        <v>10</v>
      </c>
      <c r="K3086" s="1" t="s">
        <v>10</v>
      </c>
      <c r="L3086" s="1" t="s">
        <v>10647</v>
      </c>
      <c r="M3086" s="1" t="s">
        <v>5</v>
      </c>
      <c r="N3086" s="1" t="s">
        <v>10</v>
      </c>
      <c r="O3086" s="1" t="s">
        <v>8</v>
      </c>
      <c r="P3086" s="5" t="s">
        <v>30249</v>
      </c>
    </row>
    <row r="3087" spans="1:16" x14ac:dyDescent="0.2">
      <c r="A3087" s="1" t="s">
        <v>66</v>
      </c>
      <c r="B3087" s="1" t="s">
        <v>67</v>
      </c>
      <c r="C3087" s="1" t="s">
        <v>10650</v>
      </c>
      <c r="D3087" s="1" t="s">
        <v>10651</v>
      </c>
      <c r="E3087" s="1" t="s">
        <v>10653</v>
      </c>
      <c r="F3087" s="1" t="s">
        <v>522</v>
      </c>
      <c r="G3087" s="1" t="s">
        <v>10</v>
      </c>
      <c r="H3087" s="1" t="s">
        <v>2878</v>
      </c>
      <c r="I3087" s="1" t="s">
        <v>10455</v>
      </c>
      <c r="J3087" s="1" t="s">
        <v>10652</v>
      </c>
      <c r="K3087" s="1" t="s">
        <v>27</v>
      </c>
      <c r="L3087" s="1" t="s">
        <v>10649</v>
      </c>
      <c r="M3087" s="1" t="s">
        <v>5</v>
      </c>
      <c r="N3087" s="1" t="s">
        <v>25</v>
      </c>
      <c r="O3087" s="1" t="s">
        <v>8</v>
      </c>
      <c r="P3087" s="5" t="s">
        <v>30250</v>
      </c>
    </row>
    <row r="3088" spans="1:16" x14ac:dyDescent="0.2">
      <c r="A3088" s="1" t="s">
        <v>42</v>
      </c>
      <c r="B3088" s="1" t="s">
        <v>1377</v>
      </c>
      <c r="C3088" s="1" t="s">
        <v>10655</v>
      </c>
      <c r="D3088" s="1" t="s">
        <v>10656</v>
      </c>
      <c r="E3088" s="1" t="s">
        <v>10657</v>
      </c>
      <c r="F3088" s="1" t="s">
        <v>10</v>
      </c>
      <c r="G3088" s="1" t="s">
        <v>10</v>
      </c>
      <c r="H3088" s="1" t="s">
        <v>2878</v>
      </c>
      <c r="I3088" s="1" t="s">
        <v>10455</v>
      </c>
      <c r="J3088" s="1" t="s">
        <v>10458</v>
      </c>
      <c r="K3088" s="1" t="s">
        <v>27</v>
      </c>
      <c r="L3088" s="1" t="s">
        <v>10654</v>
      </c>
      <c r="M3088" s="1" t="s">
        <v>5</v>
      </c>
      <c r="N3088" s="1" t="s">
        <v>25</v>
      </c>
      <c r="O3088" s="1" t="s">
        <v>38</v>
      </c>
      <c r="P3088" s="5" t="s">
        <v>10619</v>
      </c>
    </row>
    <row r="3089" spans="1:16" x14ac:dyDescent="0.2">
      <c r="A3089" s="1" t="s">
        <v>66</v>
      </c>
      <c r="B3089" s="1" t="s">
        <v>212</v>
      </c>
      <c r="C3089" s="1" t="s">
        <v>10659</v>
      </c>
      <c r="D3089" s="1" t="s">
        <v>10659</v>
      </c>
      <c r="E3089" s="1" t="s">
        <v>10660</v>
      </c>
      <c r="F3089" s="1" t="s">
        <v>27</v>
      </c>
      <c r="G3089" s="1" t="s">
        <v>10</v>
      </c>
      <c r="H3089" s="1" t="s">
        <v>10661</v>
      </c>
      <c r="I3089" s="1" t="s">
        <v>10455</v>
      </c>
      <c r="J3089" s="1" t="s">
        <v>10458</v>
      </c>
      <c r="K3089" s="1" t="s">
        <v>27</v>
      </c>
      <c r="L3089" s="1" t="s">
        <v>10658</v>
      </c>
      <c r="M3089" s="1" t="s">
        <v>5</v>
      </c>
      <c r="N3089" s="1" t="s">
        <v>6</v>
      </c>
      <c r="O3089" s="1" t="s">
        <v>8</v>
      </c>
      <c r="P3089" s="5" t="s">
        <v>10</v>
      </c>
    </row>
    <row r="3090" spans="1:16" x14ac:dyDescent="0.2">
      <c r="A3090" s="1" t="s">
        <v>329</v>
      </c>
      <c r="B3090" s="1" t="s">
        <v>691</v>
      </c>
      <c r="C3090" s="1" t="s">
        <v>10663</v>
      </c>
      <c r="D3090" s="1" t="s">
        <v>10663</v>
      </c>
      <c r="E3090" s="1" t="s">
        <v>10664</v>
      </c>
      <c r="F3090" s="1" t="s">
        <v>10</v>
      </c>
      <c r="G3090" s="1" t="s">
        <v>10</v>
      </c>
      <c r="H3090" s="1" t="s">
        <v>2878</v>
      </c>
      <c r="I3090" s="1" t="s">
        <v>10455</v>
      </c>
      <c r="J3090" s="1" t="s">
        <v>10462</v>
      </c>
      <c r="K3090" s="1" t="s">
        <v>27</v>
      </c>
      <c r="L3090" s="1" t="s">
        <v>10662</v>
      </c>
      <c r="M3090" s="1" t="s">
        <v>5</v>
      </c>
      <c r="N3090" s="1" t="s">
        <v>25</v>
      </c>
      <c r="O3090" s="1" t="s">
        <v>38</v>
      </c>
      <c r="P3090" s="5" t="s">
        <v>10</v>
      </c>
    </row>
    <row r="3091" spans="1:16" x14ac:dyDescent="0.2">
      <c r="A3091" s="1" t="s">
        <v>20</v>
      </c>
      <c r="B3091" s="1" t="s">
        <v>99</v>
      </c>
      <c r="C3091" s="1" t="s">
        <v>10666</v>
      </c>
      <c r="D3091" s="1" t="s">
        <v>10667</v>
      </c>
      <c r="E3091" s="1" t="s">
        <v>10668</v>
      </c>
      <c r="F3091" s="1" t="s">
        <v>10</v>
      </c>
      <c r="G3091" s="1" t="s">
        <v>10</v>
      </c>
      <c r="H3091" s="1" t="s">
        <v>10</v>
      </c>
      <c r="I3091" s="1" t="s">
        <v>10455</v>
      </c>
      <c r="J3091" s="1" t="s">
        <v>10632</v>
      </c>
      <c r="K3091" s="1" t="s">
        <v>37</v>
      </c>
      <c r="L3091" s="1" t="s">
        <v>10665</v>
      </c>
      <c r="M3091" s="1" t="s">
        <v>5</v>
      </c>
      <c r="N3091" s="1" t="s">
        <v>10</v>
      </c>
      <c r="O3091" s="1" t="s">
        <v>8</v>
      </c>
      <c r="P3091" s="5" t="s">
        <v>31386</v>
      </c>
    </row>
    <row r="3092" spans="1:16" x14ac:dyDescent="0.2">
      <c r="A3092" s="1" t="s">
        <v>329</v>
      </c>
      <c r="B3092" s="1" t="s">
        <v>691</v>
      </c>
      <c r="C3092" s="1" t="s">
        <v>10670</v>
      </c>
      <c r="D3092" s="1" t="s">
        <v>10671</v>
      </c>
      <c r="E3092" s="1" t="s">
        <v>10672</v>
      </c>
      <c r="F3092" s="1" t="s">
        <v>10</v>
      </c>
      <c r="G3092" s="1" t="s">
        <v>10</v>
      </c>
      <c r="H3092" s="1" t="s">
        <v>2878</v>
      </c>
      <c r="I3092" s="1" t="s">
        <v>10455</v>
      </c>
      <c r="J3092" s="1" t="s">
        <v>10462</v>
      </c>
      <c r="K3092" s="1" t="s">
        <v>27</v>
      </c>
      <c r="L3092" s="1" t="s">
        <v>10669</v>
      </c>
      <c r="M3092" s="1" t="s">
        <v>5</v>
      </c>
      <c r="N3092" s="1" t="s">
        <v>1009</v>
      </c>
      <c r="O3092" s="1" t="s">
        <v>38</v>
      </c>
      <c r="P3092" s="5" t="s">
        <v>10673</v>
      </c>
    </row>
    <row r="3093" spans="1:16" x14ac:dyDescent="0.2">
      <c r="A3093" s="1" t="s">
        <v>329</v>
      </c>
      <c r="B3093" s="1" t="s">
        <v>691</v>
      </c>
      <c r="C3093" s="1" t="s">
        <v>10675</v>
      </c>
      <c r="D3093" s="1" t="s">
        <v>10676</v>
      </c>
      <c r="E3093" s="1" t="s">
        <v>10677</v>
      </c>
      <c r="F3093" s="1" t="s">
        <v>10</v>
      </c>
      <c r="G3093" s="1" t="s">
        <v>10</v>
      </c>
      <c r="H3093" s="1" t="s">
        <v>2878</v>
      </c>
      <c r="I3093" s="1" t="s">
        <v>10455</v>
      </c>
      <c r="J3093" s="1" t="s">
        <v>10462</v>
      </c>
      <c r="K3093" s="1" t="s">
        <v>27</v>
      </c>
      <c r="L3093" s="1" t="s">
        <v>10674</v>
      </c>
      <c r="M3093" s="1" t="s">
        <v>5</v>
      </c>
      <c r="N3093" s="1" t="s">
        <v>25</v>
      </c>
      <c r="O3093" s="1" t="s">
        <v>38</v>
      </c>
      <c r="P3093" s="5" t="s">
        <v>10</v>
      </c>
    </row>
    <row r="3094" spans="1:16" x14ac:dyDescent="0.2">
      <c r="A3094" s="1" t="s">
        <v>194</v>
      </c>
      <c r="B3094" s="1" t="s">
        <v>195</v>
      </c>
      <c r="C3094" s="1" t="s">
        <v>10679</v>
      </c>
      <c r="D3094" s="1" t="s">
        <v>10680</v>
      </c>
      <c r="E3094" s="1" t="s">
        <v>10682</v>
      </c>
      <c r="F3094" s="1" t="s">
        <v>10</v>
      </c>
      <c r="G3094" s="1" t="s">
        <v>10</v>
      </c>
      <c r="H3094" s="1" t="s">
        <v>2878</v>
      </c>
      <c r="I3094" s="1" t="s">
        <v>10455</v>
      </c>
      <c r="J3094" s="1" t="s">
        <v>10681</v>
      </c>
      <c r="K3094" s="1" t="s">
        <v>27</v>
      </c>
      <c r="L3094" s="1" t="s">
        <v>10678</v>
      </c>
      <c r="M3094" s="1" t="s">
        <v>5</v>
      </c>
      <c r="N3094" s="1" t="s">
        <v>1009</v>
      </c>
      <c r="O3094" s="1" t="s">
        <v>38</v>
      </c>
      <c r="P3094" s="5"/>
    </row>
    <row r="3095" spans="1:16" x14ac:dyDescent="0.2">
      <c r="A3095" s="1" t="s">
        <v>20</v>
      </c>
      <c r="B3095" s="1" t="s">
        <v>21</v>
      </c>
      <c r="C3095" s="1" t="s">
        <v>10684</v>
      </c>
      <c r="D3095" s="1" t="s">
        <v>10685</v>
      </c>
      <c r="E3095" s="1" t="s">
        <v>10686</v>
      </c>
      <c r="F3095" s="1" t="s">
        <v>10</v>
      </c>
      <c r="G3095" s="1" t="s">
        <v>10</v>
      </c>
      <c r="H3095" s="1" t="s">
        <v>10</v>
      </c>
      <c r="I3095" s="1" t="s">
        <v>10455</v>
      </c>
      <c r="J3095" s="1" t="s">
        <v>10</v>
      </c>
      <c r="K3095" s="1" t="s">
        <v>130</v>
      </c>
      <c r="L3095" s="1" t="s">
        <v>10683</v>
      </c>
      <c r="M3095" s="1" t="s">
        <v>5</v>
      </c>
      <c r="N3095" s="1" t="s">
        <v>10</v>
      </c>
      <c r="O3095" s="1" t="s">
        <v>38</v>
      </c>
      <c r="P3095" s="5" t="s">
        <v>30251</v>
      </c>
    </row>
    <row r="3096" spans="1:16" x14ac:dyDescent="0.2">
      <c r="A3096" s="1" t="s">
        <v>20</v>
      </c>
      <c r="B3096" s="1" t="s">
        <v>99</v>
      </c>
      <c r="C3096" s="1" t="s">
        <v>10689</v>
      </c>
      <c r="D3096" s="1" t="s">
        <v>10690</v>
      </c>
      <c r="E3096" s="1" t="s">
        <v>10692</v>
      </c>
      <c r="F3096" s="1" t="s">
        <v>10</v>
      </c>
      <c r="G3096" s="1" t="s">
        <v>10</v>
      </c>
      <c r="H3096" s="1" t="s">
        <v>10</v>
      </c>
      <c r="I3096" s="1" t="s">
        <v>10455</v>
      </c>
      <c r="J3096" s="1" t="s">
        <v>10691</v>
      </c>
      <c r="K3096" s="1" t="s">
        <v>27</v>
      </c>
      <c r="L3096" s="1" t="s">
        <v>10688</v>
      </c>
      <c r="M3096" s="1" t="s">
        <v>5</v>
      </c>
      <c r="N3096" s="1" t="s">
        <v>10</v>
      </c>
      <c r="O3096" s="1" t="s">
        <v>8</v>
      </c>
      <c r="P3096" s="5" t="s">
        <v>32741</v>
      </c>
    </row>
    <row r="3097" spans="1:16" x14ac:dyDescent="0.2">
      <c r="A3097" s="1" t="s">
        <v>66</v>
      </c>
      <c r="B3097" s="1" t="s">
        <v>1117</v>
      </c>
      <c r="C3097" s="1" t="s">
        <v>10698</v>
      </c>
      <c r="D3097" s="1" t="s">
        <v>10699</v>
      </c>
      <c r="E3097" s="1" t="s">
        <v>10700</v>
      </c>
      <c r="F3097" s="1" t="s">
        <v>414</v>
      </c>
      <c r="G3097" s="1" t="s">
        <v>10701</v>
      </c>
      <c r="H3097" s="1" t="s">
        <v>10</v>
      </c>
      <c r="I3097" s="1" t="s">
        <v>10455</v>
      </c>
      <c r="J3097" s="1" t="s">
        <v>10696</v>
      </c>
      <c r="K3097" s="1" t="s">
        <v>27</v>
      </c>
      <c r="L3097" s="1" t="s">
        <v>10697</v>
      </c>
      <c r="M3097" s="1" t="s">
        <v>5</v>
      </c>
      <c r="N3097" s="1" t="s">
        <v>10</v>
      </c>
      <c r="O3097" s="1" t="s">
        <v>8</v>
      </c>
      <c r="P3097" s="5" t="s">
        <v>30252</v>
      </c>
    </row>
    <row r="3098" spans="1:16" x14ac:dyDescent="0.2">
      <c r="A3098" s="1" t="s">
        <v>66</v>
      </c>
      <c r="B3098" s="1" t="s">
        <v>574</v>
      </c>
      <c r="C3098" s="1" t="s">
        <v>10703</v>
      </c>
      <c r="D3098" s="1" t="s">
        <v>10704</v>
      </c>
      <c r="E3098" s="1"/>
      <c r="F3098" s="1" t="s">
        <v>414</v>
      </c>
      <c r="G3098" s="1" t="s">
        <v>1895</v>
      </c>
      <c r="H3098" s="1" t="s">
        <v>10</v>
      </c>
      <c r="I3098" s="1" t="s">
        <v>10455</v>
      </c>
      <c r="J3098" s="1" t="s">
        <v>10696</v>
      </c>
      <c r="K3098" s="1" t="s">
        <v>27</v>
      </c>
      <c r="L3098" s="1" t="s">
        <v>10702</v>
      </c>
      <c r="M3098" s="1" t="s">
        <v>5</v>
      </c>
      <c r="N3098" s="1" t="s">
        <v>10</v>
      </c>
      <c r="O3098" s="1" t="s">
        <v>8</v>
      </c>
      <c r="P3098" s="5" t="s">
        <v>31387</v>
      </c>
    </row>
    <row r="3099" spans="1:16" x14ac:dyDescent="0.2">
      <c r="A3099" s="1" t="s">
        <v>66</v>
      </c>
      <c r="B3099" s="1" t="s">
        <v>1117</v>
      </c>
      <c r="C3099" s="1" t="s">
        <v>10706</v>
      </c>
      <c r="D3099" s="1" t="s">
        <v>10707</v>
      </c>
      <c r="E3099" s="1" t="s">
        <v>10687</v>
      </c>
      <c r="F3099" s="1" t="s">
        <v>414</v>
      </c>
      <c r="G3099" s="1" t="s">
        <v>10701</v>
      </c>
      <c r="H3099" s="1" t="s">
        <v>10</v>
      </c>
      <c r="I3099" s="1" t="s">
        <v>10455</v>
      </c>
      <c r="J3099" s="1" t="s">
        <v>1856</v>
      </c>
      <c r="K3099" s="1" t="s">
        <v>27</v>
      </c>
      <c r="L3099" s="1" t="s">
        <v>10705</v>
      </c>
      <c r="M3099" s="1" t="s">
        <v>5</v>
      </c>
      <c r="N3099" s="1" t="s">
        <v>10</v>
      </c>
      <c r="O3099" s="1" t="s">
        <v>8</v>
      </c>
      <c r="P3099" s="5" t="s">
        <v>30253</v>
      </c>
    </row>
    <row r="3100" spans="1:16" x14ac:dyDescent="0.2">
      <c r="A3100" s="1" t="s">
        <v>66</v>
      </c>
      <c r="B3100" s="1" t="s">
        <v>1117</v>
      </c>
      <c r="C3100" s="1" t="s">
        <v>10709</v>
      </c>
      <c r="D3100" s="1" t="s">
        <v>10710</v>
      </c>
      <c r="E3100" s="1" t="s">
        <v>10712</v>
      </c>
      <c r="F3100" s="1" t="s">
        <v>414</v>
      </c>
      <c r="G3100" s="1" t="s">
        <v>10701</v>
      </c>
      <c r="H3100" s="1" t="s">
        <v>2878</v>
      </c>
      <c r="I3100" s="1" t="s">
        <v>10455</v>
      </c>
      <c r="J3100" s="1" t="s">
        <v>10711</v>
      </c>
      <c r="K3100" s="1" t="s">
        <v>27</v>
      </c>
      <c r="L3100" s="1" t="s">
        <v>10708</v>
      </c>
      <c r="M3100" s="1" t="s">
        <v>5</v>
      </c>
      <c r="N3100" s="1" t="s">
        <v>1009</v>
      </c>
      <c r="O3100" s="1" t="s">
        <v>8</v>
      </c>
      <c r="P3100" s="5" t="s">
        <v>30252</v>
      </c>
    </row>
    <row r="3101" spans="1:16" x14ac:dyDescent="0.2">
      <c r="A3101" s="1" t="s">
        <v>329</v>
      </c>
      <c r="B3101" s="1" t="s">
        <v>2120</v>
      </c>
      <c r="C3101" s="1" t="s">
        <v>10714</v>
      </c>
      <c r="D3101" s="1" t="s">
        <v>10715</v>
      </c>
      <c r="E3101" s="1" t="s">
        <v>10716</v>
      </c>
      <c r="F3101" s="1" t="s">
        <v>10</v>
      </c>
      <c r="G3101" s="1" t="s">
        <v>10</v>
      </c>
      <c r="H3101" s="1" t="s">
        <v>2878</v>
      </c>
      <c r="I3101" s="1" t="s">
        <v>10455</v>
      </c>
      <c r="J3101" s="1" t="s">
        <v>10711</v>
      </c>
      <c r="K3101" s="1" t="s">
        <v>27</v>
      </c>
      <c r="L3101" s="1" t="s">
        <v>10713</v>
      </c>
      <c r="M3101" s="1" t="s">
        <v>5</v>
      </c>
      <c r="N3101" s="1" t="s">
        <v>1009</v>
      </c>
      <c r="O3101" s="1" t="s">
        <v>38</v>
      </c>
      <c r="P3101" s="5" t="s">
        <v>31388</v>
      </c>
    </row>
    <row r="3102" spans="1:16" x14ac:dyDescent="0.2">
      <c r="A3102" s="1" t="s">
        <v>329</v>
      </c>
      <c r="B3102" s="1" t="s">
        <v>691</v>
      </c>
      <c r="C3102" s="1" t="s">
        <v>10718</v>
      </c>
      <c r="D3102" s="1" t="s">
        <v>10719</v>
      </c>
      <c r="E3102" s="1" t="s">
        <v>10720</v>
      </c>
      <c r="F3102" s="1" t="s">
        <v>10</v>
      </c>
      <c r="G3102" s="1" t="s">
        <v>10</v>
      </c>
      <c r="H3102" s="1" t="s">
        <v>2878</v>
      </c>
      <c r="I3102" s="1" t="s">
        <v>10455</v>
      </c>
      <c r="J3102" s="1" t="s">
        <v>10711</v>
      </c>
      <c r="K3102" s="1" t="s">
        <v>27</v>
      </c>
      <c r="L3102" s="1" t="s">
        <v>10717</v>
      </c>
      <c r="M3102" s="1" t="s">
        <v>5</v>
      </c>
      <c r="N3102" s="1" t="s">
        <v>25</v>
      </c>
      <c r="O3102" s="1" t="s">
        <v>38</v>
      </c>
      <c r="P3102" s="5" t="s">
        <v>31389</v>
      </c>
    </row>
    <row r="3103" spans="1:16" x14ac:dyDescent="0.2">
      <c r="A3103" s="1" t="s">
        <v>66</v>
      </c>
      <c r="B3103" s="1" t="s">
        <v>1117</v>
      </c>
      <c r="C3103" s="1" t="s">
        <v>10722</v>
      </c>
      <c r="D3103" s="1" t="s">
        <v>10723</v>
      </c>
      <c r="E3103" s="1" t="s">
        <v>10724</v>
      </c>
      <c r="F3103" s="1" t="s">
        <v>10</v>
      </c>
      <c r="G3103" s="1" t="s">
        <v>10</v>
      </c>
      <c r="H3103" s="1" t="s">
        <v>2878</v>
      </c>
      <c r="I3103" s="1" t="s">
        <v>10455</v>
      </c>
      <c r="J3103" s="1" t="s">
        <v>10711</v>
      </c>
      <c r="K3103" s="1" t="s">
        <v>27</v>
      </c>
      <c r="L3103" s="1" t="s">
        <v>10721</v>
      </c>
      <c r="M3103" s="1" t="s">
        <v>5</v>
      </c>
      <c r="N3103" s="1" t="s">
        <v>1009</v>
      </c>
      <c r="O3103" s="1" t="s">
        <v>38</v>
      </c>
      <c r="P3103" s="5" t="s">
        <v>31390</v>
      </c>
    </row>
    <row r="3104" spans="1:16" x14ac:dyDescent="0.2">
      <c r="A3104" s="1" t="s">
        <v>66</v>
      </c>
      <c r="B3104" s="1" t="s">
        <v>1117</v>
      </c>
      <c r="C3104" s="1" t="s">
        <v>10726</v>
      </c>
      <c r="D3104" s="1" t="s">
        <v>10727</v>
      </c>
      <c r="E3104" s="1" t="s">
        <v>10728</v>
      </c>
      <c r="F3104" s="1" t="s">
        <v>10</v>
      </c>
      <c r="G3104" s="1" t="s">
        <v>10</v>
      </c>
      <c r="H3104" s="1" t="s">
        <v>2878</v>
      </c>
      <c r="I3104" s="1" t="s">
        <v>10455</v>
      </c>
      <c r="J3104" s="1" t="s">
        <v>10711</v>
      </c>
      <c r="K3104" s="1" t="s">
        <v>27</v>
      </c>
      <c r="L3104" s="1" t="s">
        <v>10725</v>
      </c>
      <c r="M3104" s="1" t="s">
        <v>5</v>
      </c>
      <c r="N3104" s="1" t="s">
        <v>1009</v>
      </c>
      <c r="O3104" s="1" t="s">
        <v>38</v>
      </c>
      <c r="P3104" s="5" t="s">
        <v>31391</v>
      </c>
    </row>
    <row r="3105" spans="1:16" x14ac:dyDescent="0.2">
      <c r="A3105" s="1" t="s">
        <v>66</v>
      </c>
      <c r="B3105" s="1" t="s">
        <v>1117</v>
      </c>
      <c r="C3105" s="1" t="s">
        <v>10730</v>
      </c>
      <c r="D3105" s="1" t="s">
        <v>10731</v>
      </c>
      <c r="E3105" s="1" t="s">
        <v>10732</v>
      </c>
      <c r="F3105" s="1" t="s">
        <v>10</v>
      </c>
      <c r="G3105" s="1" t="s">
        <v>10</v>
      </c>
      <c r="H3105" s="1" t="s">
        <v>2878</v>
      </c>
      <c r="I3105" s="1" t="s">
        <v>10455</v>
      </c>
      <c r="J3105" s="1" t="s">
        <v>10711</v>
      </c>
      <c r="K3105" s="1" t="s">
        <v>27</v>
      </c>
      <c r="L3105" s="1" t="s">
        <v>10729</v>
      </c>
      <c r="M3105" s="1" t="s">
        <v>5</v>
      </c>
      <c r="N3105" s="1" t="s">
        <v>1009</v>
      </c>
      <c r="O3105" s="1" t="s">
        <v>38</v>
      </c>
      <c r="P3105" s="5" t="s">
        <v>31392</v>
      </c>
    </row>
    <row r="3106" spans="1:16" x14ac:dyDescent="0.2">
      <c r="A3106" s="1" t="s">
        <v>66</v>
      </c>
      <c r="B3106" s="1" t="s">
        <v>1127</v>
      </c>
      <c r="C3106" s="1" t="s">
        <v>10734</v>
      </c>
      <c r="D3106" s="1" t="s">
        <v>10735</v>
      </c>
      <c r="E3106" s="1" t="s">
        <v>10736</v>
      </c>
      <c r="F3106" s="1" t="s">
        <v>10</v>
      </c>
      <c r="G3106" s="1" t="s">
        <v>10</v>
      </c>
      <c r="H3106" s="1" t="s">
        <v>2878</v>
      </c>
      <c r="I3106" s="1" t="s">
        <v>10455</v>
      </c>
      <c r="J3106" s="1" t="s">
        <v>10711</v>
      </c>
      <c r="K3106" s="1" t="s">
        <v>27</v>
      </c>
      <c r="L3106" s="1" t="s">
        <v>10733</v>
      </c>
      <c r="M3106" s="1" t="s">
        <v>5</v>
      </c>
      <c r="N3106" s="1" t="s">
        <v>1009</v>
      </c>
      <c r="O3106" s="1" t="s">
        <v>38</v>
      </c>
      <c r="P3106" s="5" t="s">
        <v>31393</v>
      </c>
    </row>
    <row r="3107" spans="1:16" x14ac:dyDescent="0.2">
      <c r="A3107" s="1" t="s">
        <v>66</v>
      </c>
      <c r="B3107" s="1" t="s">
        <v>1127</v>
      </c>
      <c r="C3107" s="1" t="s">
        <v>10738</v>
      </c>
      <c r="D3107" s="1" t="s">
        <v>10739</v>
      </c>
      <c r="E3107" s="1" t="s">
        <v>10740</v>
      </c>
      <c r="F3107" s="1" t="s">
        <v>10</v>
      </c>
      <c r="G3107" s="1" t="s">
        <v>10</v>
      </c>
      <c r="H3107" s="1" t="s">
        <v>2878</v>
      </c>
      <c r="I3107" s="1" t="s">
        <v>10455</v>
      </c>
      <c r="J3107" s="1" t="s">
        <v>10711</v>
      </c>
      <c r="K3107" s="1" t="s">
        <v>27</v>
      </c>
      <c r="L3107" s="1" t="s">
        <v>10737</v>
      </c>
      <c r="M3107" s="1" t="s">
        <v>5</v>
      </c>
      <c r="N3107" s="1" t="s">
        <v>1009</v>
      </c>
      <c r="O3107" s="1" t="s">
        <v>38</v>
      </c>
      <c r="P3107" s="5" t="s">
        <v>31393</v>
      </c>
    </row>
    <row r="3108" spans="1:16" x14ac:dyDescent="0.2">
      <c r="A3108" s="1" t="s">
        <v>66</v>
      </c>
      <c r="B3108" s="1" t="s">
        <v>1127</v>
      </c>
      <c r="C3108" s="1" t="s">
        <v>10742</v>
      </c>
      <c r="D3108" s="1" t="s">
        <v>10743</v>
      </c>
      <c r="E3108" s="1" t="s">
        <v>10744</v>
      </c>
      <c r="F3108" s="1" t="s">
        <v>10</v>
      </c>
      <c r="G3108" s="1" t="s">
        <v>10</v>
      </c>
      <c r="H3108" s="1" t="s">
        <v>2878</v>
      </c>
      <c r="I3108" s="1" t="s">
        <v>10455</v>
      </c>
      <c r="J3108" s="1" t="s">
        <v>10711</v>
      </c>
      <c r="K3108" s="1" t="s">
        <v>27</v>
      </c>
      <c r="L3108" s="1" t="s">
        <v>10741</v>
      </c>
      <c r="M3108" s="1" t="s">
        <v>5</v>
      </c>
      <c r="N3108" s="1" t="s">
        <v>1009</v>
      </c>
      <c r="O3108" s="1" t="s">
        <v>38</v>
      </c>
      <c r="P3108" s="5" t="s">
        <v>31394</v>
      </c>
    </row>
    <row r="3109" spans="1:16" x14ac:dyDescent="0.2">
      <c r="A3109" s="1" t="s">
        <v>66</v>
      </c>
      <c r="B3109" s="1" t="s">
        <v>1127</v>
      </c>
      <c r="C3109" s="1" t="s">
        <v>10746</v>
      </c>
      <c r="D3109" s="1" t="s">
        <v>10747</v>
      </c>
      <c r="E3109" s="1" t="s">
        <v>10748</v>
      </c>
      <c r="F3109" s="1" t="s">
        <v>10</v>
      </c>
      <c r="G3109" s="1" t="s">
        <v>10</v>
      </c>
      <c r="H3109" s="1" t="s">
        <v>2878</v>
      </c>
      <c r="I3109" s="1" t="s">
        <v>10455</v>
      </c>
      <c r="J3109" s="1" t="s">
        <v>10711</v>
      </c>
      <c r="K3109" s="1" t="s">
        <v>27</v>
      </c>
      <c r="L3109" s="1" t="s">
        <v>10745</v>
      </c>
      <c r="M3109" s="1" t="s">
        <v>5</v>
      </c>
      <c r="N3109" s="1" t="s">
        <v>1009</v>
      </c>
      <c r="O3109" s="1" t="s">
        <v>38</v>
      </c>
      <c r="P3109" s="5" t="s">
        <v>31395</v>
      </c>
    </row>
    <row r="3110" spans="1:16" x14ac:dyDescent="0.2">
      <c r="A3110" s="1" t="s">
        <v>66</v>
      </c>
      <c r="B3110" s="1" t="s">
        <v>1127</v>
      </c>
      <c r="C3110" s="1" t="s">
        <v>10750</v>
      </c>
      <c r="D3110" s="1" t="s">
        <v>10751</v>
      </c>
      <c r="E3110" s="1" t="s">
        <v>10752</v>
      </c>
      <c r="F3110" s="1" t="s">
        <v>10</v>
      </c>
      <c r="G3110" s="1" t="s">
        <v>10</v>
      </c>
      <c r="H3110" s="1" t="s">
        <v>2878</v>
      </c>
      <c r="I3110" s="1" t="s">
        <v>10455</v>
      </c>
      <c r="J3110" s="1" t="s">
        <v>10711</v>
      </c>
      <c r="K3110" s="1" t="s">
        <v>27</v>
      </c>
      <c r="L3110" s="1" t="s">
        <v>10749</v>
      </c>
      <c r="M3110" s="1" t="s">
        <v>5</v>
      </c>
      <c r="N3110" s="1" t="s">
        <v>1009</v>
      </c>
      <c r="O3110" s="1" t="s">
        <v>38</v>
      </c>
      <c r="P3110" s="5" t="s">
        <v>31391</v>
      </c>
    </row>
    <row r="3111" spans="1:16" x14ac:dyDescent="0.2">
      <c r="A3111" s="1" t="s">
        <v>66</v>
      </c>
      <c r="B3111" s="1" t="s">
        <v>1127</v>
      </c>
      <c r="C3111" s="1" t="s">
        <v>10754</v>
      </c>
      <c r="D3111" s="1" t="s">
        <v>10755</v>
      </c>
      <c r="E3111" s="1" t="s">
        <v>10756</v>
      </c>
      <c r="F3111" s="1" t="s">
        <v>10</v>
      </c>
      <c r="G3111" s="1" t="s">
        <v>10</v>
      </c>
      <c r="H3111" s="1" t="s">
        <v>2878</v>
      </c>
      <c r="I3111" s="1" t="s">
        <v>10455</v>
      </c>
      <c r="J3111" s="1" t="s">
        <v>10711</v>
      </c>
      <c r="K3111" s="1" t="s">
        <v>27</v>
      </c>
      <c r="L3111" s="1" t="s">
        <v>10753</v>
      </c>
      <c r="M3111" s="1" t="s">
        <v>5</v>
      </c>
      <c r="N3111" s="1" t="s">
        <v>1009</v>
      </c>
      <c r="O3111" s="1" t="s">
        <v>38</v>
      </c>
      <c r="P3111" s="5" t="s">
        <v>31396</v>
      </c>
    </row>
    <row r="3112" spans="1:16" x14ac:dyDescent="0.2">
      <c r="A3112" s="1" t="s">
        <v>66</v>
      </c>
      <c r="B3112" s="1" t="s">
        <v>1127</v>
      </c>
      <c r="C3112" s="1" t="s">
        <v>10758</v>
      </c>
      <c r="D3112" s="1" t="s">
        <v>10759</v>
      </c>
      <c r="E3112" s="1" t="s">
        <v>10760</v>
      </c>
      <c r="F3112" s="1" t="s">
        <v>10</v>
      </c>
      <c r="G3112" s="1" t="s">
        <v>10</v>
      </c>
      <c r="H3112" s="1" t="s">
        <v>2878</v>
      </c>
      <c r="I3112" s="1" t="s">
        <v>10455</v>
      </c>
      <c r="J3112" s="1" t="s">
        <v>10711</v>
      </c>
      <c r="K3112" s="1" t="s">
        <v>27</v>
      </c>
      <c r="L3112" s="1" t="s">
        <v>10757</v>
      </c>
      <c r="M3112" s="1" t="s">
        <v>5</v>
      </c>
      <c r="N3112" s="1" t="s">
        <v>1009</v>
      </c>
      <c r="O3112" s="1" t="s">
        <v>38</v>
      </c>
      <c r="P3112" s="5" t="s">
        <v>31388</v>
      </c>
    </row>
    <row r="3113" spans="1:16" x14ac:dyDescent="0.2">
      <c r="A3113" s="1" t="s">
        <v>66</v>
      </c>
      <c r="B3113" s="1" t="s">
        <v>1127</v>
      </c>
      <c r="C3113" s="1" t="s">
        <v>10762</v>
      </c>
      <c r="D3113" s="1" t="s">
        <v>10763</v>
      </c>
      <c r="E3113" s="1" t="s">
        <v>10764</v>
      </c>
      <c r="F3113" s="1" t="s">
        <v>10</v>
      </c>
      <c r="G3113" s="1" t="s">
        <v>10</v>
      </c>
      <c r="H3113" s="1" t="s">
        <v>2878</v>
      </c>
      <c r="I3113" s="1" t="s">
        <v>10455</v>
      </c>
      <c r="J3113" s="1" t="s">
        <v>10711</v>
      </c>
      <c r="K3113" s="1" t="s">
        <v>27</v>
      </c>
      <c r="L3113" s="1" t="s">
        <v>10761</v>
      </c>
      <c r="M3113" s="1" t="s">
        <v>5</v>
      </c>
      <c r="N3113" s="1" t="s">
        <v>1009</v>
      </c>
      <c r="O3113" s="1" t="s">
        <v>38</v>
      </c>
      <c r="P3113" s="5" t="s">
        <v>31388</v>
      </c>
    </row>
    <row r="3114" spans="1:16" x14ac:dyDescent="0.2">
      <c r="A3114" s="1" t="s">
        <v>66</v>
      </c>
      <c r="B3114" s="1" t="s">
        <v>1127</v>
      </c>
      <c r="C3114" s="1" t="s">
        <v>10766</v>
      </c>
      <c r="D3114" s="1" t="s">
        <v>10767</v>
      </c>
      <c r="E3114" s="1" t="s">
        <v>10768</v>
      </c>
      <c r="F3114" s="1" t="s">
        <v>10</v>
      </c>
      <c r="G3114" s="1" t="s">
        <v>10</v>
      </c>
      <c r="H3114" s="1" t="s">
        <v>2878</v>
      </c>
      <c r="I3114" s="1" t="s">
        <v>10455</v>
      </c>
      <c r="J3114" s="1" t="s">
        <v>10711</v>
      </c>
      <c r="K3114" s="1" t="s">
        <v>27</v>
      </c>
      <c r="L3114" s="1" t="s">
        <v>10765</v>
      </c>
      <c r="M3114" s="1" t="s">
        <v>5</v>
      </c>
      <c r="N3114" s="1" t="s">
        <v>1009</v>
      </c>
      <c r="O3114" s="1" t="s">
        <v>38</v>
      </c>
      <c r="P3114" s="5" t="s">
        <v>31388</v>
      </c>
    </row>
    <row r="3115" spans="1:16" x14ac:dyDescent="0.2">
      <c r="A3115" s="1" t="s">
        <v>66</v>
      </c>
      <c r="B3115" s="1" t="s">
        <v>1127</v>
      </c>
      <c r="C3115" s="1" t="s">
        <v>10770</v>
      </c>
      <c r="D3115" s="1" t="s">
        <v>10771</v>
      </c>
      <c r="E3115" s="1" t="s">
        <v>10772</v>
      </c>
      <c r="F3115" s="1" t="s">
        <v>10</v>
      </c>
      <c r="G3115" s="1" t="s">
        <v>10</v>
      </c>
      <c r="H3115" s="1" t="s">
        <v>2878</v>
      </c>
      <c r="I3115" s="1" t="s">
        <v>10455</v>
      </c>
      <c r="J3115" s="1" t="s">
        <v>10711</v>
      </c>
      <c r="K3115" s="1" t="s">
        <v>27</v>
      </c>
      <c r="L3115" s="1" t="s">
        <v>10769</v>
      </c>
      <c r="M3115" s="1" t="s">
        <v>5</v>
      </c>
      <c r="N3115" s="1" t="s">
        <v>1009</v>
      </c>
      <c r="O3115" s="1" t="s">
        <v>38</v>
      </c>
      <c r="P3115" s="5" t="s">
        <v>31397</v>
      </c>
    </row>
    <row r="3116" spans="1:16" x14ac:dyDescent="0.2">
      <c r="A3116" s="1" t="s">
        <v>66</v>
      </c>
      <c r="B3116" s="1" t="s">
        <v>1127</v>
      </c>
      <c r="C3116" s="1" t="s">
        <v>10774</v>
      </c>
      <c r="D3116" s="1" t="s">
        <v>10775</v>
      </c>
      <c r="E3116" s="1" t="s">
        <v>10776</v>
      </c>
      <c r="F3116" s="1" t="s">
        <v>10</v>
      </c>
      <c r="G3116" s="1" t="s">
        <v>10</v>
      </c>
      <c r="H3116" s="1" t="s">
        <v>2878</v>
      </c>
      <c r="I3116" s="1" t="s">
        <v>10455</v>
      </c>
      <c r="J3116" s="1" t="s">
        <v>10711</v>
      </c>
      <c r="K3116" s="1" t="s">
        <v>27</v>
      </c>
      <c r="L3116" s="1" t="s">
        <v>10773</v>
      </c>
      <c r="M3116" s="1" t="s">
        <v>5</v>
      </c>
      <c r="N3116" s="1" t="s">
        <v>1009</v>
      </c>
      <c r="O3116" s="1" t="s">
        <v>38</v>
      </c>
      <c r="P3116" s="5" t="s">
        <v>31398</v>
      </c>
    </row>
    <row r="3117" spans="1:16" x14ac:dyDescent="0.2">
      <c r="A3117" s="1" t="s">
        <v>66</v>
      </c>
      <c r="B3117" s="1" t="s">
        <v>1127</v>
      </c>
      <c r="C3117" s="1" t="s">
        <v>10778</v>
      </c>
      <c r="D3117" s="1" t="s">
        <v>10779</v>
      </c>
      <c r="E3117" s="1" t="s">
        <v>10780</v>
      </c>
      <c r="F3117" s="1" t="s">
        <v>10</v>
      </c>
      <c r="G3117" s="1" t="s">
        <v>10</v>
      </c>
      <c r="H3117" s="1" t="s">
        <v>2878</v>
      </c>
      <c r="I3117" s="1" t="s">
        <v>10455</v>
      </c>
      <c r="J3117" s="1" t="s">
        <v>10711</v>
      </c>
      <c r="K3117" s="1" t="s">
        <v>27</v>
      </c>
      <c r="L3117" s="1" t="s">
        <v>10777</v>
      </c>
      <c r="M3117" s="1" t="s">
        <v>5</v>
      </c>
      <c r="N3117" s="1" t="s">
        <v>1009</v>
      </c>
      <c r="O3117" s="1" t="s">
        <v>38</v>
      </c>
      <c r="P3117" s="5" t="s">
        <v>31399</v>
      </c>
    </row>
    <row r="3118" spans="1:16" x14ac:dyDescent="0.2">
      <c r="A3118" s="1" t="s">
        <v>66</v>
      </c>
      <c r="B3118" s="1" t="s">
        <v>1127</v>
      </c>
      <c r="C3118" s="1" t="s">
        <v>10782</v>
      </c>
      <c r="D3118" s="1" t="s">
        <v>10783</v>
      </c>
      <c r="E3118" s="1" t="s">
        <v>10784</v>
      </c>
      <c r="F3118" s="1" t="s">
        <v>10</v>
      </c>
      <c r="G3118" s="1" t="s">
        <v>10</v>
      </c>
      <c r="H3118" s="1" t="s">
        <v>2878</v>
      </c>
      <c r="I3118" s="1" t="s">
        <v>10455</v>
      </c>
      <c r="J3118" s="1" t="s">
        <v>10711</v>
      </c>
      <c r="K3118" s="1" t="s">
        <v>27</v>
      </c>
      <c r="L3118" s="1" t="s">
        <v>10781</v>
      </c>
      <c r="M3118" s="1" t="s">
        <v>5</v>
      </c>
      <c r="N3118" s="1" t="s">
        <v>1009</v>
      </c>
      <c r="O3118" s="1" t="s">
        <v>38</v>
      </c>
      <c r="P3118" s="5" t="s">
        <v>31391</v>
      </c>
    </row>
    <row r="3119" spans="1:16" x14ac:dyDescent="0.2">
      <c r="A3119" s="1" t="s">
        <v>66</v>
      </c>
      <c r="B3119" s="1" t="s">
        <v>1127</v>
      </c>
      <c r="C3119" s="1" t="s">
        <v>10786</v>
      </c>
      <c r="D3119" s="1" t="s">
        <v>10787</v>
      </c>
      <c r="E3119" s="1" t="s">
        <v>10788</v>
      </c>
      <c r="F3119" s="1" t="s">
        <v>10</v>
      </c>
      <c r="G3119" s="1" t="s">
        <v>10</v>
      </c>
      <c r="H3119" s="1" t="s">
        <v>2878</v>
      </c>
      <c r="I3119" s="1" t="s">
        <v>10455</v>
      </c>
      <c r="J3119" s="1" t="s">
        <v>10711</v>
      </c>
      <c r="K3119" s="1" t="s">
        <v>27</v>
      </c>
      <c r="L3119" s="1" t="s">
        <v>10785</v>
      </c>
      <c r="M3119" s="1" t="s">
        <v>5</v>
      </c>
      <c r="N3119" s="1" t="s">
        <v>1009</v>
      </c>
      <c r="O3119" s="1" t="s">
        <v>38</v>
      </c>
      <c r="P3119" s="5" t="s">
        <v>31400</v>
      </c>
    </row>
    <row r="3120" spans="1:16" x14ac:dyDescent="0.2">
      <c r="A3120" s="1" t="s">
        <v>20</v>
      </c>
      <c r="B3120" s="1" t="s">
        <v>21</v>
      </c>
      <c r="C3120" s="1" t="s">
        <v>10790</v>
      </c>
      <c r="D3120" s="1" t="s">
        <v>10791</v>
      </c>
      <c r="E3120" s="1" t="s">
        <v>10793</v>
      </c>
      <c r="F3120" s="1" t="s">
        <v>10</v>
      </c>
      <c r="G3120" s="1" t="s">
        <v>10</v>
      </c>
      <c r="H3120" s="1" t="s">
        <v>10</v>
      </c>
      <c r="I3120" s="1" t="s">
        <v>10455</v>
      </c>
      <c r="J3120" s="1" t="s">
        <v>10792</v>
      </c>
      <c r="K3120" s="1" t="s">
        <v>27</v>
      </c>
      <c r="L3120" s="1" t="s">
        <v>10789</v>
      </c>
      <c r="M3120" s="1" t="s">
        <v>5</v>
      </c>
      <c r="N3120" s="1" t="s">
        <v>10</v>
      </c>
      <c r="O3120" s="1" t="s">
        <v>38</v>
      </c>
      <c r="P3120" s="5" t="s">
        <v>30254</v>
      </c>
    </row>
    <row r="3121" spans="1:16" x14ac:dyDescent="0.2">
      <c r="A3121" s="1" t="s">
        <v>66</v>
      </c>
      <c r="B3121" s="1" t="s">
        <v>1127</v>
      </c>
      <c r="C3121" s="1" t="s">
        <v>10795</v>
      </c>
      <c r="D3121" s="1" t="s">
        <v>10796</v>
      </c>
      <c r="E3121" s="1" t="s">
        <v>10797</v>
      </c>
      <c r="F3121" s="1" t="s">
        <v>10</v>
      </c>
      <c r="G3121" s="1" t="s">
        <v>10</v>
      </c>
      <c r="H3121" s="1" t="s">
        <v>2878</v>
      </c>
      <c r="I3121" s="1" t="s">
        <v>10455</v>
      </c>
      <c r="J3121" s="1" t="s">
        <v>10711</v>
      </c>
      <c r="K3121" s="1" t="s">
        <v>27</v>
      </c>
      <c r="L3121" s="1" t="s">
        <v>10794</v>
      </c>
      <c r="M3121" s="1" t="s">
        <v>5</v>
      </c>
      <c r="N3121" s="1" t="s">
        <v>1009</v>
      </c>
      <c r="O3121" s="1" t="s">
        <v>38</v>
      </c>
      <c r="P3121" s="5" t="s">
        <v>31401</v>
      </c>
    </row>
    <row r="3122" spans="1:16" x14ac:dyDescent="0.2">
      <c r="A3122" s="1" t="s">
        <v>66</v>
      </c>
      <c r="B3122" s="1" t="s">
        <v>1127</v>
      </c>
      <c r="C3122" s="1" t="s">
        <v>10799</v>
      </c>
      <c r="D3122" s="1" t="s">
        <v>10800</v>
      </c>
      <c r="E3122" s="1" t="s">
        <v>10801</v>
      </c>
      <c r="F3122" s="1" t="s">
        <v>10</v>
      </c>
      <c r="G3122" s="1" t="s">
        <v>10</v>
      </c>
      <c r="H3122" s="1" t="s">
        <v>2878</v>
      </c>
      <c r="I3122" s="1" t="s">
        <v>10455</v>
      </c>
      <c r="J3122" s="1" t="s">
        <v>10711</v>
      </c>
      <c r="K3122" s="1" t="s">
        <v>27</v>
      </c>
      <c r="L3122" s="1" t="s">
        <v>10798</v>
      </c>
      <c r="M3122" s="1" t="s">
        <v>5</v>
      </c>
      <c r="N3122" s="1" t="s">
        <v>1009</v>
      </c>
      <c r="O3122" s="1" t="s">
        <v>38</v>
      </c>
      <c r="P3122" s="5" t="s">
        <v>31401</v>
      </c>
    </row>
    <row r="3123" spans="1:16" x14ac:dyDescent="0.2">
      <c r="A3123" s="1" t="s">
        <v>66</v>
      </c>
      <c r="B3123" s="1" t="s">
        <v>1127</v>
      </c>
      <c r="C3123" s="1" t="s">
        <v>10803</v>
      </c>
      <c r="D3123" s="1" t="s">
        <v>10804</v>
      </c>
      <c r="E3123" s="1" t="s">
        <v>10805</v>
      </c>
      <c r="F3123" s="1" t="s">
        <v>10</v>
      </c>
      <c r="G3123" s="1" t="s">
        <v>10</v>
      </c>
      <c r="H3123" s="1" t="s">
        <v>2878</v>
      </c>
      <c r="I3123" s="1" t="s">
        <v>10455</v>
      </c>
      <c r="J3123" s="1" t="s">
        <v>10711</v>
      </c>
      <c r="K3123" s="1" t="s">
        <v>27</v>
      </c>
      <c r="L3123" s="1" t="s">
        <v>10802</v>
      </c>
      <c r="M3123" s="1" t="s">
        <v>5</v>
      </c>
      <c r="N3123" s="1" t="s">
        <v>1009</v>
      </c>
      <c r="O3123" s="1" t="s">
        <v>38</v>
      </c>
      <c r="P3123" s="5" t="s">
        <v>31401</v>
      </c>
    </row>
    <row r="3124" spans="1:16" x14ac:dyDescent="0.2">
      <c r="A3124" s="1" t="s">
        <v>66</v>
      </c>
      <c r="B3124" s="1" t="s">
        <v>1127</v>
      </c>
      <c r="C3124" s="1" t="s">
        <v>10807</v>
      </c>
      <c r="D3124" s="1" t="s">
        <v>10808</v>
      </c>
      <c r="E3124" s="1" t="s">
        <v>10809</v>
      </c>
      <c r="F3124" s="1" t="s">
        <v>10</v>
      </c>
      <c r="G3124" s="1" t="s">
        <v>10</v>
      </c>
      <c r="H3124" s="1" t="s">
        <v>2878</v>
      </c>
      <c r="I3124" s="1" t="s">
        <v>10455</v>
      </c>
      <c r="J3124" s="1" t="s">
        <v>10711</v>
      </c>
      <c r="K3124" s="1" t="s">
        <v>27</v>
      </c>
      <c r="L3124" s="1" t="s">
        <v>10806</v>
      </c>
      <c r="M3124" s="1" t="s">
        <v>5</v>
      </c>
      <c r="N3124" s="1" t="s">
        <v>1009</v>
      </c>
      <c r="O3124" s="1" t="s">
        <v>38</v>
      </c>
      <c r="P3124" s="5" t="s">
        <v>31402</v>
      </c>
    </row>
    <row r="3125" spans="1:16" x14ac:dyDescent="0.2">
      <c r="A3125" s="1" t="s">
        <v>66</v>
      </c>
      <c r="B3125" s="1" t="s">
        <v>1127</v>
      </c>
      <c r="C3125" s="1" t="s">
        <v>10811</v>
      </c>
      <c r="D3125" s="1" t="s">
        <v>10812</v>
      </c>
      <c r="E3125" s="1" t="s">
        <v>10813</v>
      </c>
      <c r="F3125" s="1" t="s">
        <v>10</v>
      </c>
      <c r="G3125" s="1" t="s">
        <v>10</v>
      </c>
      <c r="H3125" s="1" t="s">
        <v>2878</v>
      </c>
      <c r="I3125" s="1" t="s">
        <v>10455</v>
      </c>
      <c r="J3125" s="1" t="s">
        <v>10711</v>
      </c>
      <c r="K3125" s="1" t="s">
        <v>27</v>
      </c>
      <c r="L3125" s="1" t="s">
        <v>10810</v>
      </c>
      <c r="M3125" s="1" t="s">
        <v>5</v>
      </c>
      <c r="N3125" s="1" t="s">
        <v>1009</v>
      </c>
      <c r="O3125" s="1" t="s">
        <v>38</v>
      </c>
      <c r="P3125" s="5" t="s">
        <v>31403</v>
      </c>
    </row>
    <row r="3126" spans="1:16" x14ac:dyDescent="0.2">
      <c r="A3126" s="1" t="s">
        <v>66</v>
      </c>
      <c r="B3126" s="1" t="s">
        <v>1127</v>
      </c>
      <c r="C3126" s="1" t="s">
        <v>10815</v>
      </c>
      <c r="D3126" s="1" t="s">
        <v>10816</v>
      </c>
      <c r="E3126" s="1" t="s">
        <v>10817</v>
      </c>
      <c r="F3126" s="1" t="s">
        <v>10</v>
      </c>
      <c r="G3126" s="1" t="s">
        <v>10</v>
      </c>
      <c r="H3126" s="1" t="s">
        <v>2878</v>
      </c>
      <c r="I3126" s="1" t="s">
        <v>10455</v>
      </c>
      <c r="J3126" s="1" t="s">
        <v>10711</v>
      </c>
      <c r="K3126" s="1" t="s">
        <v>27</v>
      </c>
      <c r="L3126" s="1" t="s">
        <v>10814</v>
      </c>
      <c r="M3126" s="1" t="s">
        <v>5</v>
      </c>
      <c r="N3126" s="1" t="s">
        <v>1009</v>
      </c>
      <c r="O3126" s="1" t="s">
        <v>38</v>
      </c>
      <c r="P3126" s="5" t="s">
        <v>31404</v>
      </c>
    </row>
    <row r="3127" spans="1:16" x14ac:dyDescent="0.2">
      <c r="A3127" s="1" t="s">
        <v>66</v>
      </c>
      <c r="B3127" s="1" t="s">
        <v>1127</v>
      </c>
      <c r="C3127" s="1" t="s">
        <v>10819</v>
      </c>
      <c r="D3127" s="1" t="s">
        <v>10820</v>
      </c>
      <c r="E3127" s="1" t="s">
        <v>10821</v>
      </c>
      <c r="F3127" s="1" t="s">
        <v>10</v>
      </c>
      <c r="G3127" s="1" t="s">
        <v>10</v>
      </c>
      <c r="H3127" s="1" t="s">
        <v>2878</v>
      </c>
      <c r="I3127" s="1" t="s">
        <v>10455</v>
      </c>
      <c r="J3127" s="1" t="s">
        <v>10711</v>
      </c>
      <c r="K3127" s="1" t="s">
        <v>27</v>
      </c>
      <c r="L3127" s="1" t="s">
        <v>10818</v>
      </c>
      <c r="M3127" s="1" t="s">
        <v>5</v>
      </c>
      <c r="N3127" s="1" t="s">
        <v>25</v>
      </c>
      <c r="O3127" s="1" t="s">
        <v>38</v>
      </c>
      <c r="P3127" s="5" t="s">
        <v>31405</v>
      </c>
    </row>
    <row r="3128" spans="1:16" x14ac:dyDescent="0.2">
      <c r="A3128" s="1" t="s">
        <v>66</v>
      </c>
      <c r="B3128" s="1" t="s">
        <v>1127</v>
      </c>
      <c r="C3128" s="1" t="s">
        <v>10823</v>
      </c>
      <c r="D3128" s="1" t="s">
        <v>10824</v>
      </c>
      <c r="E3128" s="1" t="s">
        <v>10825</v>
      </c>
      <c r="F3128" s="1" t="s">
        <v>10</v>
      </c>
      <c r="G3128" s="1" t="s">
        <v>10</v>
      </c>
      <c r="H3128" s="1" t="s">
        <v>2878</v>
      </c>
      <c r="I3128" s="1" t="s">
        <v>10455</v>
      </c>
      <c r="J3128" s="1" t="s">
        <v>10711</v>
      </c>
      <c r="K3128" s="1" t="s">
        <v>27</v>
      </c>
      <c r="L3128" s="1" t="s">
        <v>10822</v>
      </c>
      <c r="M3128" s="1" t="s">
        <v>5</v>
      </c>
      <c r="N3128" s="1" t="s">
        <v>1009</v>
      </c>
      <c r="O3128" s="1" t="s">
        <v>38</v>
      </c>
      <c r="P3128" s="5" t="s">
        <v>31391</v>
      </c>
    </row>
    <row r="3129" spans="1:16" x14ac:dyDescent="0.2">
      <c r="A3129" s="1" t="s">
        <v>20</v>
      </c>
      <c r="B3129" s="1" t="s">
        <v>99</v>
      </c>
      <c r="C3129" s="1" t="s">
        <v>10827</v>
      </c>
      <c r="D3129" s="1" t="s">
        <v>10828</v>
      </c>
      <c r="E3129" s="1" t="s">
        <v>10829</v>
      </c>
      <c r="F3129" s="1" t="s">
        <v>10</v>
      </c>
      <c r="G3129" s="1" t="s">
        <v>10</v>
      </c>
      <c r="H3129" s="1" t="s">
        <v>10</v>
      </c>
      <c r="I3129" s="1" t="s">
        <v>10455</v>
      </c>
      <c r="J3129" s="1" t="s">
        <v>10632</v>
      </c>
      <c r="K3129" s="1" t="s">
        <v>37</v>
      </c>
      <c r="L3129" s="1" t="s">
        <v>10826</v>
      </c>
      <c r="M3129" s="1" t="s">
        <v>5</v>
      </c>
      <c r="N3129" s="1" t="s">
        <v>10</v>
      </c>
      <c r="O3129" s="1" t="s">
        <v>8</v>
      </c>
      <c r="P3129" s="5" t="s">
        <v>31406</v>
      </c>
    </row>
    <row r="3130" spans="1:16" x14ac:dyDescent="0.2">
      <c r="A3130" s="1" t="s">
        <v>20</v>
      </c>
      <c r="B3130" s="1" t="s">
        <v>21</v>
      </c>
      <c r="C3130" s="1" t="s">
        <v>10831</v>
      </c>
      <c r="D3130" s="1" t="s">
        <v>10832</v>
      </c>
      <c r="E3130" s="1" t="s">
        <v>10833</v>
      </c>
      <c r="F3130" s="1" t="s">
        <v>10</v>
      </c>
      <c r="G3130" s="1" t="s">
        <v>10</v>
      </c>
      <c r="H3130" s="1" t="s">
        <v>10</v>
      </c>
      <c r="I3130" s="1" t="s">
        <v>10455</v>
      </c>
      <c r="J3130" s="1" t="s">
        <v>10691</v>
      </c>
      <c r="K3130" s="1" t="s">
        <v>27</v>
      </c>
      <c r="L3130" s="1" t="s">
        <v>10830</v>
      </c>
      <c r="M3130" s="1" t="s">
        <v>5</v>
      </c>
      <c r="N3130" s="1" t="s">
        <v>10</v>
      </c>
      <c r="O3130" s="1" t="s">
        <v>38</v>
      </c>
      <c r="P3130" s="5" t="s">
        <v>30255</v>
      </c>
    </row>
    <row r="3131" spans="1:16" x14ac:dyDescent="0.2">
      <c r="A3131" s="1" t="s">
        <v>10</v>
      </c>
      <c r="B3131" s="1" t="s">
        <v>10</v>
      </c>
      <c r="C3131" s="1" t="s">
        <v>10835</v>
      </c>
      <c r="D3131" s="1" t="s">
        <v>10836</v>
      </c>
      <c r="E3131" s="1" t="s">
        <v>10837</v>
      </c>
      <c r="F3131" s="1" t="s">
        <v>10</v>
      </c>
      <c r="G3131" s="1" t="s">
        <v>10</v>
      </c>
      <c r="H3131" s="1" t="s">
        <v>10</v>
      </c>
      <c r="I3131" s="1" t="s">
        <v>10455</v>
      </c>
      <c r="J3131" s="1" t="s">
        <v>10</v>
      </c>
      <c r="K3131" s="1" t="s">
        <v>10</v>
      </c>
      <c r="L3131" s="1" t="s">
        <v>10834</v>
      </c>
      <c r="M3131" s="1" t="s">
        <v>5</v>
      </c>
      <c r="N3131" s="1" t="s">
        <v>10</v>
      </c>
      <c r="O3131" s="1" t="s">
        <v>38</v>
      </c>
      <c r="P3131" s="5" t="s">
        <v>10561</v>
      </c>
    </row>
    <row r="3132" spans="1:16" x14ac:dyDescent="0.2">
      <c r="A3132" s="1" t="s">
        <v>20</v>
      </c>
      <c r="B3132" s="1" t="s">
        <v>10</v>
      </c>
      <c r="C3132" s="1" t="s">
        <v>10839</v>
      </c>
      <c r="D3132" s="1" t="s">
        <v>10840</v>
      </c>
      <c r="E3132" s="1"/>
      <c r="F3132" s="1" t="s">
        <v>10</v>
      </c>
      <c r="G3132" s="1" t="s">
        <v>10</v>
      </c>
      <c r="H3132" s="1" t="s">
        <v>10</v>
      </c>
      <c r="I3132" s="1" t="s">
        <v>10455</v>
      </c>
      <c r="J3132" s="1" t="s">
        <v>10594</v>
      </c>
      <c r="K3132" s="1" t="s">
        <v>27</v>
      </c>
      <c r="L3132" s="1" t="s">
        <v>10838</v>
      </c>
      <c r="M3132" s="1" t="s">
        <v>5</v>
      </c>
      <c r="N3132" s="1" t="s">
        <v>10</v>
      </c>
      <c r="O3132" s="1" t="s">
        <v>8</v>
      </c>
      <c r="P3132" s="5" t="s">
        <v>32742</v>
      </c>
    </row>
    <row r="3133" spans="1:16" x14ac:dyDescent="0.2">
      <c r="A3133" s="1" t="s">
        <v>20</v>
      </c>
      <c r="B3133" s="1" t="s">
        <v>99</v>
      </c>
      <c r="C3133" s="1" t="s">
        <v>10842</v>
      </c>
      <c r="D3133" s="1" t="s">
        <v>10843</v>
      </c>
      <c r="E3133" s="1" t="s">
        <v>10845</v>
      </c>
      <c r="F3133" s="1" t="s">
        <v>10</v>
      </c>
      <c r="G3133" s="1" t="s">
        <v>10</v>
      </c>
      <c r="H3133" s="1" t="s">
        <v>10</v>
      </c>
      <c r="I3133" s="1" t="s">
        <v>10455</v>
      </c>
      <c r="J3133" s="1" t="s">
        <v>10844</v>
      </c>
      <c r="K3133" s="1" t="s">
        <v>27</v>
      </c>
      <c r="L3133" s="1" t="s">
        <v>10841</v>
      </c>
      <c r="M3133" s="1" t="s">
        <v>5</v>
      </c>
      <c r="N3133" s="1" t="s">
        <v>10</v>
      </c>
      <c r="O3133" s="1" t="s">
        <v>38</v>
      </c>
      <c r="P3133" s="5" t="s">
        <v>32743</v>
      </c>
    </row>
    <row r="3134" spans="1:16" x14ac:dyDescent="0.2">
      <c r="A3134" s="1" t="s">
        <v>20</v>
      </c>
      <c r="B3134" s="1" t="s">
        <v>21</v>
      </c>
      <c r="C3134" s="1" t="s">
        <v>10847</v>
      </c>
      <c r="D3134" s="1" t="s">
        <v>10848</v>
      </c>
      <c r="E3134" s="1" t="s">
        <v>10849</v>
      </c>
      <c r="F3134" s="1" t="s">
        <v>10</v>
      </c>
      <c r="G3134" s="1" t="s">
        <v>10</v>
      </c>
      <c r="H3134" s="1" t="s">
        <v>10</v>
      </c>
      <c r="I3134" s="1" t="s">
        <v>10455</v>
      </c>
      <c r="J3134" s="1" t="s">
        <v>10844</v>
      </c>
      <c r="K3134" s="1" t="s">
        <v>27</v>
      </c>
      <c r="L3134" s="1" t="s">
        <v>10846</v>
      </c>
      <c r="M3134" s="1" t="s">
        <v>5</v>
      </c>
      <c r="N3134" s="1" t="s">
        <v>10</v>
      </c>
      <c r="O3134" s="1" t="s">
        <v>38</v>
      </c>
      <c r="P3134" s="5" t="s">
        <v>31407</v>
      </c>
    </row>
    <row r="3135" spans="1:16" x14ac:dyDescent="0.2">
      <c r="A3135" s="1" t="s">
        <v>10</v>
      </c>
      <c r="B3135" s="1" t="s">
        <v>10</v>
      </c>
      <c r="C3135" s="1" t="s">
        <v>10851</v>
      </c>
      <c r="D3135" s="1" t="s">
        <v>10852</v>
      </c>
      <c r="E3135" s="1" t="s">
        <v>10853</v>
      </c>
      <c r="F3135" s="1" t="s">
        <v>10</v>
      </c>
      <c r="G3135" s="1" t="s">
        <v>10</v>
      </c>
      <c r="H3135" s="1" t="s">
        <v>10</v>
      </c>
      <c r="I3135" s="1" t="s">
        <v>10455</v>
      </c>
      <c r="J3135" s="1" t="s">
        <v>10</v>
      </c>
      <c r="K3135" s="1" t="s">
        <v>10</v>
      </c>
      <c r="L3135" s="1" t="s">
        <v>10850</v>
      </c>
      <c r="M3135" s="1" t="s">
        <v>5</v>
      </c>
      <c r="N3135" s="1" t="s">
        <v>10</v>
      </c>
      <c r="O3135" s="1" t="s">
        <v>8</v>
      </c>
      <c r="P3135" s="5" t="s">
        <v>30256</v>
      </c>
    </row>
    <row r="3136" spans="1:16" x14ac:dyDescent="0.2">
      <c r="A3136" s="1" t="s">
        <v>10</v>
      </c>
      <c r="B3136" s="1" t="s">
        <v>10</v>
      </c>
      <c r="C3136" s="1" t="s">
        <v>10855</v>
      </c>
      <c r="D3136" s="1" t="s">
        <v>10856</v>
      </c>
      <c r="E3136" s="1" t="s">
        <v>10857</v>
      </c>
      <c r="F3136" s="1" t="s">
        <v>10</v>
      </c>
      <c r="G3136" s="1" t="s">
        <v>10</v>
      </c>
      <c r="H3136" s="1" t="s">
        <v>10</v>
      </c>
      <c r="I3136" s="1" t="s">
        <v>10455</v>
      </c>
      <c r="J3136" s="1" t="s">
        <v>10</v>
      </c>
      <c r="K3136" s="1" t="s">
        <v>10</v>
      </c>
      <c r="L3136" s="1" t="s">
        <v>10854</v>
      </c>
      <c r="M3136" s="1" t="s">
        <v>5</v>
      </c>
      <c r="N3136" s="1" t="s">
        <v>10</v>
      </c>
      <c r="O3136" s="1" t="s">
        <v>38</v>
      </c>
      <c r="P3136" s="5" t="s">
        <v>1390</v>
      </c>
    </row>
    <row r="3137" spans="1:16" x14ac:dyDescent="0.2">
      <c r="A3137" s="1" t="s">
        <v>20</v>
      </c>
      <c r="B3137" s="1" t="s">
        <v>172</v>
      </c>
      <c r="C3137" s="1" t="s">
        <v>10859</v>
      </c>
      <c r="D3137" s="1" t="s">
        <v>10860</v>
      </c>
      <c r="E3137" s="1" t="s">
        <v>10861</v>
      </c>
      <c r="F3137" s="1" t="s">
        <v>10</v>
      </c>
      <c r="G3137" s="1" t="s">
        <v>10</v>
      </c>
      <c r="H3137" s="1" t="s">
        <v>10</v>
      </c>
      <c r="I3137" s="1" t="s">
        <v>10455</v>
      </c>
      <c r="J3137" s="1" t="s">
        <v>10844</v>
      </c>
      <c r="K3137" s="1" t="s">
        <v>27</v>
      </c>
      <c r="L3137" s="1" t="s">
        <v>10858</v>
      </c>
      <c r="M3137" s="1" t="s">
        <v>5</v>
      </c>
      <c r="N3137" s="1" t="s">
        <v>10</v>
      </c>
      <c r="O3137" s="1" t="s">
        <v>38</v>
      </c>
      <c r="P3137" s="5" t="s">
        <v>31408</v>
      </c>
    </row>
    <row r="3138" spans="1:16" x14ac:dyDescent="0.2">
      <c r="A3138" s="1" t="s">
        <v>20</v>
      </c>
      <c r="B3138" s="1" t="s">
        <v>172</v>
      </c>
      <c r="C3138" s="1" t="s">
        <v>10863</v>
      </c>
      <c r="D3138" s="1" t="s">
        <v>10864</v>
      </c>
      <c r="E3138" s="1" t="s">
        <v>10865</v>
      </c>
      <c r="F3138" s="1" t="s">
        <v>10</v>
      </c>
      <c r="G3138" s="1" t="s">
        <v>10</v>
      </c>
      <c r="H3138" s="1" t="s">
        <v>10</v>
      </c>
      <c r="I3138" s="1" t="s">
        <v>10455</v>
      </c>
      <c r="J3138" s="1" t="s">
        <v>10844</v>
      </c>
      <c r="K3138" s="1" t="s">
        <v>27</v>
      </c>
      <c r="L3138" s="1" t="s">
        <v>10862</v>
      </c>
      <c r="M3138" s="1" t="s">
        <v>5</v>
      </c>
      <c r="N3138" s="1" t="s">
        <v>10</v>
      </c>
      <c r="O3138" s="1" t="s">
        <v>38</v>
      </c>
      <c r="P3138" s="5" t="s">
        <v>31409</v>
      </c>
    </row>
    <row r="3139" spans="1:16" x14ac:dyDescent="0.2">
      <c r="A3139" s="1" t="s">
        <v>20</v>
      </c>
      <c r="B3139" s="1" t="s">
        <v>21</v>
      </c>
      <c r="C3139" s="1" t="s">
        <v>10867</v>
      </c>
      <c r="D3139" s="1" t="s">
        <v>10868</v>
      </c>
      <c r="E3139" s="1" t="s">
        <v>10869</v>
      </c>
      <c r="F3139" s="1" t="s">
        <v>10</v>
      </c>
      <c r="G3139" s="1" t="s">
        <v>10</v>
      </c>
      <c r="H3139" s="1" t="s">
        <v>10</v>
      </c>
      <c r="I3139" s="1" t="s">
        <v>10455</v>
      </c>
      <c r="J3139" s="1" t="s">
        <v>10844</v>
      </c>
      <c r="K3139" s="1" t="s">
        <v>27</v>
      </c>
      <c r="L3139" s="1" t="s">
        <v>10866</v>
      </c>
      <c r="M3139" s="1" t="s">
        <v>5</v>
      </c>
      <c r="N3139" s="1" t="s">
        <v>10</v>
      </c>
      <c r="O3139" s="1" t="s">
        <v>38</v>
      </c>
      <c r="P3139" s="5" t="s">
        <v>31410</v>
      </c>
    </row>
    <row r="3140" spans="1:16" x14ac:dyDescent="0.2">
      <c r="A3140" s="1" t="s">
        <v>20</v>
      </c>
      <c r="B3140" s="1" t="s">
        <v>99</v>
      </c>
      <c r="C3140" s="1" t="s">
        <v>10872</v>
      </c>
      <c r="D3140" s="1" t="s">
        <v>10873</v>
      </c>
      <c r="E3140" s="1" t="s">
        <v>10874</v>
      </c>
      <c r="F3140" s="1" t="s">
        <v>10</v>
      </c>
      <c r="G3140" s="1" t="s">
        <v>10</v>
      </c>
      <c r="H3140" s="1" t="s">
        <v>10</v>
      </c>
      <c r="I3140" s="1" t="s">
        <v>10455</v>
      </c>
      <c r="J3140" s="1" t="s">
        <v>10844</v>
      </c>
      <c r="K3140" s="1" t="s">
        <v>27</v>
      </c>
      <c r="L3140" s="1" t="s">
        <v>10871</v>
      </c>
      <c r="M3140" s="1" t="s">
        <v>5</v>
      </c>
      <c r="N3140" s="1" t="s">
        <v>10</v>
      </c>
      <c r="O3140" s="1" t="s">
        <v>38</v>
      </c>
      <c r="P3140" s="5" t="s">
        <v>32744</v>
      </c>
    </row>
    <row r="3141" spans="1:16" x14ac:dyDescent="0.2">
      <c r="A3141" s="1" t="s">
        <v>20</v>
      </c>
      <c r="B3141" s="1" t="s">
        <v>1047</v>
      </c>
      <c r="C3141" s="1" t="s">
        <v>10876</v>
      </c>
      <c r="D3141" s="1" t="s">
        <v>10877</v>
      </c>
      <c r="E3141" s="1" t="s">
        <v>10878</v>
      </c>
      <c r="F3141" s="1" t="s">
        <v>10</v>
      </c>
      <c r="G3141" s="1" t="s">
        <v>10</v>
      </c>
      <c r="H3141" s="1" t="s">
        <v>10</v>
      </c>
      <c r="I3141" s="1" t="s">
        <v>10455</v>
      </c>
      <c r="J3141" s="1" t="s">
        <v>10870</v>
      </c>
      <c r="K3141" s="1" t="s">
        <v>27</v>
      </c>
      <c r="L3141" s="1" t="s">
        <v>10875</v>
      </c>
      <c r="M3141" s="1" t="s">
        <v>5</v>
      </c>
      <c r="N3141" s="1" t="s">
        <v>10</v>
      </c>
      <c r="O3141" s="1" t="s">
        <v>8</v>
      </c>
      <c r="P3141" s="5" t="s">
        <v>32740</v>
      </c>
    </row>
    <row r="3142" spans="1:16" x14ac:dyDescent="0.2">
      <c r="A3142" s="1" t="s">
        <v>20</v>
      </c>
      <c r="B3142" s="1" t="s">
        <v>21</v>
      </c>
      <c r="C3142" s="1" t="s">
        <v>10880</v>
      </c>
      <c r="D3142" s="1" t="s">
        <v>10881</v>
      </c>
      <c r="E3142" s="1" t="s">
        <v>10882</v>
      </c>
      <c r="F3142" s="1" t="s">
        <v>10</v>
      </c>
      <c r="G3142" s="1" t="s">
        <v>10</v>
      </c>
      <c r="H3142" s="1" t="s">
        <v>10</v>
      </c>
      <c r="I3142" s="1" t="s">
        <v>10455</v>
      </c>
      <c r="J3142" s="1" t="s">
        <v>10844</v>
      </c>
      <c r="K3142" s="1" t="s">
        <v>27</v>
      </c>
      <c r="L3142" s="1" t="s">
        <v>10879</v>
      </c>
      <c r="M3142" s="1" t="s">
        <v>5</v>
      </c>
      <c r="N3142" s="1" t="s">
        <v>10</v>
      </c>
      <c r="O3142" s="1" t="s">
        <v>38</v>
      </c>
      <c r="P3142" s="5" t="s">
        <v>31409</v>
      </c>
    </row>
    <row r="3143" spans="1:16" x14ac:dyDescent="0.2">
      <c r="A3143" s="1" t="s">
        <v>20</v>
      </c>
      <c r="B3143" s="1" t="s">
        <v>21</v>
      </c>
      <c r="C3143" s="1" t="s">
        <v>10885</v>
      </c>
      <c r="D3143" s="1" t="s">
        <v>10886</v>
      </c>
      <c r="E3143" s="1" t="s">
        <v>10888</v>
      </c>
      <c r="F3143" s="1" t="s">
        <v>10</v>
      </c>
      <c r="G3143" s="1" t="s">
        <v>10</v>
      </c>
      <c r="H3143" s="1" t="s">
        <v>10</v>
      </c>
      <c r="I3143" s="1" t="s">
        <v>10455</v>
      </c>
      <c r="J3143" s="1" t="s">
        <v>10887</v>
      </c>
      <c r="K3143" s="1" t="s">
        <v>27</v>
      </c>
      <c r="L3143" s="1" t="s">
        <v>10884</v>
      </c>
      <c r="M3143" s="1" t="s">
        <v>5</v>
      </c>
      <c r="N3143" s="1" t="s">
        <v>10</v>
      </c>
      <c r="O3143" s="1" t="s">
        <v>38</v>
      </c>
      <c r="P3143" s="5" t="s">
        <v>30257</v>
      </c>
    </row>
    <row r="3144" spans="1:16" x14ac:dyDescent="0.2">
      <c r="A3144" s="1" t="s">
        <v>20</v>
      </c>
      <c r="B3144" s="1" t="s">
        <v>21</v>
      </c>
      <c r="C3144" s="1" t="s">
        <v>10890</v>
      </c>
      <c r="D3144" s="1" t="s">
        <v>10891</v>
      </c>
      <c r="E3144" s="1"/>
      <c r="F3144" s="1" t="s">
        <v>10</v>
      </c>
      <c r="G3144" s="1" t="s">
        <v>10</v>
      </c>
      <c r="H3144" s="1" t="s">
        <v>10</v>
      </c>
      <c r="I3144" s="1" t="s">
        <v>10455</v>
      </c>
      <c r="J3144" s="1" t="s">
        <v>10892</v>
      </c>
      <c r="K3144" s="1" t="s">
        <v>27</v>
      </c>
      <c r="L3144" s="1" t="s">
        <v>10889</v>
      </c>
      <c r="M3144" s="1" t="s">
        <v>5</v>
      </c>
      <c r="N3144" s="1" t="s">
        <v>10</v>
      </c>
      <c r="O3144" s="1" t="s">
        <v>38</v>
      </c>
      <c r="P3144" s="5" t="s">
        <v>30258</v>
      </c>
    </row>
    <row r="3145" spans="1:16" x14ac:dyDescent="0.2">
      <c r="A3145" s="1" t="s">
        <v>20</v>
      </c>
      <c r="B3145" s="1" t="s">
        <v>253</v>
      </c>
      <c r="C3145" s="1" t="s">
        <v>10895</v>
      </c>
      <c r="D3145" s="1" t="s">
        <v>10896</v>
      </c>
      <c r="E3145" s="1" t="s">
        <v>10898</v>
      </c>
      <c r="F3145" s="1" t="s">
        <v>522</v>
      </c>
      <c r="G3145" s="1" t="s">
        <v>10</v>
      </c>
      <c r="H3145" s="1" t="s">
        <v>10</v>
      </c>
      <c r="I3145" s="1" t="s">
        <v>10455</v>
      </c>
      <c r="J3145" s="1" t="s">
        <v>10897</v>
      </c>
      <c r="K3145" s="1" t="s">
        <v>27</v>
      </c>
      <c r="L3145" s="1" t="s">
        <v>10894</v>
      </c>
      <c r="M3145" s="1" t="s">
        <v>5</v>
      </c>
      <c r="N3145" s="1" t="s">
        <v>10</v>
      </c>
      <c r="O3145" s="1" t="s">
        <v>8</v>
      </c>
      <c r="P3145" s="5" t="s">
        <v>31411</v>
      </c>
    </row>
    <row r="3146" spans="1:16" x14ac:dyDescent="0.2">
      <c r="A3146" s="1" t="s">
        <v>20</v>
      </c>
      <c r="B3146" s="1" t="s">
        <v>253</v>
      </c>
      <c r="C3146" s="1" t="s">
        <v>10900</v>
      </c>
      <c r="D3146" s="1" t="s">
        <v>10900</v>
      </c>
      <c r="E3146" s="1" t="s">
        <v>10902</v>
      </c>
      <c r="F3146" s="1" t="s">
        <v>522</v>
      </c>
      <c r="G3146" s="1" t="s">
        <v>10</v>
      </c>
      <c r="H3146" s="1" t="s">
        <v>10</v>
      </c>
      <c r="I3146" s="1" t="s">
        <v>10455</v>
      </c>
      <c r="J3146" s="1" t="s">
        <v>10901</v>
      </c>
      <c r="K3146" s="1" t="s">
        <v>27</v>
      </c>
      <c r="L3146" s="1" t="s">
        <v>10899</v>
      </c>
      <c r="M3146" s="1" t="s">
        <v>5</v>
      </c>
      <c r="N3146" s="1" t="s">
        <v>10</v>
      </c>
      <c r="O3146" s="1" t="s">
        <v>8</v>
      </c>
      <c r="P3146" s="5" t="s">
        <v>31412</v>
      </c>
    </row>
    <row r="3147" spans="1:16" x14ac:dyDescent="0.2">
      <c r="A3147" s="1" t="s">
        <v>42</v>
      </c>
      <c r="B3147" s="1" t="s">
        <v>1377</v>
      </c>
      <c r="C3147" s="1" t="s">
        <v>10904</v>
      </c>
      <c r="D3147" s="1" t="s">
        <v>10905</v>
      </c>
      <c r="E3147" s="1"/>
      <c r="F3147" s="1" t="s">
        <v>522</v>
      </c>
      <c r="G3147" s="1" t="s">
        <v>10906</v>
      </c>
      <c r="H3147" s="1" t="s">
        <v>10</v>
      </c>
      <c r="I3147" s="1" t="s">
        <v>10455</v>
      </c>
      <c r="J3147" s="1" t="s">
        <v>10602</v>
      </c>
      <c r="K3147" s="1" t="s">
        <v>64</v>
      </c>
      <c r="L3147" s="1" t="s">
        <v>10903</v>
      </c>
      <c r="M3147" s="1" t="s">
        <v>5</v>
      </c>
      <c r="N3147" s="1" t="s">
        <v>10</v>
      </c>
      <c r="O3147" s="1" t="s">
        <v>8</v>
      </c>
      <c r="P3147" s="5" t="s">
        <v>31413</v>
      </c>
    </row>
    <row r="3148" spans="1:16" x14ac:dyDescent="0.2">
      <c r="A3148" s="1" t="s">
        <v>194</v>
      </c>
      <c r="B3148" s="1" t="s">
        <v>195</v>
      </c>
      <c r="C3148" s="1" t="s">
        <v>10909</v>
      </c>
      <c r="D3148" s="1" t="s">
        <v>10910</v>
      </c>
      <c r="E3148" s="1" t="s">
        <v>10913</v>
      </c>
      <c r="F3148" s="1" t="s">
        <v>10911</v>
      </c>
      <c r="G3148" s="1" t="s">
        <v>4490</v>
      </c>
      <c r="H3148" s="1" t="s">
        <v>10</v>
      </c>
      <c r="I3148" s="1" t="s">
        <v>10455</v>
      </c>
      <c r="J3148" s="1" t="s">
        <v>10912</v>
      </c>
      <c r="K3148" s="1" t="s">
        <v>27</v>
      </c>
      <c r="L3148" s="1" t="s">
        <v>10908</v>
      </c>
      <c r="M3148" s="1" t="s">
        <v>5</v>
      </c>
      <c r="N3148" s="1" t="s">
        <v>10</v>
      </c>
      <c r="O3148" s="1" t="s">
        <v>38</v>
      </c>
      <c r="P3148" s="5" t="s">
        <v>30259</v>
      </c>
    </row>
    <row r="3149" spans="1:16" x14ac:dyDescent="0.2">
      <c r="A3149" s="1" t="s">
        <v>329</v>
      </c>
      <c r="B3149" s="1" t="s">
        <v>691</v>
      </c>
      <c r="C3149" s="1" t="s">
        <v>10917</v>
      </c>
      <c r="D3149" s="1" t="s">
        <v>10918</v>
      </c>
      <c r="E3149" s="1" t="s">
        <v>10919</v>
      </c>
      <c r="F3149" s="1" t="s">
        <v>10</v>
      </c>
      <c r="G3149" s="1" t="s">
        <v>10</v>
      </c>
      <c r="H3149" s="1" t="s">
        <v>2878</v>
      </c>
      <c r="I3149" s="1" t="s">
        <v>10455</v>
      </c>
      <c r="J3149" s="1" t="s">
        <v>10462</v>
      </c>
      <c r="K3149" s="1" t="s">
        <v>27</v>
      </c>
      <c r="L3149" s="1" t="s">
        <v>10916</v>
      </c>
      <c r="M3149" s="1" t="s">
        <v>5</v>
      </c>
      <c r="N3149" s="1" t="s">
        <v>25</v>
      </c>
      <c r="O3149" s="1" t="s">
        <v>38</v>
      </c>
      <c r="P3149" s="5" t="s">
        <v>10619</v>
      </c>
    </row>
    <row r="3150" spans="1:16" x14ac:dyDescent="0.2">
      <c r="A3150" s="1" t="s">
        <v>194</v>
      </c>
      <c r="B3150" s="1" t="s">
        <v>4492</v>
      </c>
      <c r="C3150" s="1" t="s">
        <v>10921</v>
      </c>
      <c r="D3150" s="1" t="s">
        <v>6790</v>
      </c>
      <c r="E3150" s="1" t="s">
        <v>10922</v>
      </c>
      <c r="F3150" s="1" t="s">
        <v>10</v>
      </c>
      <c r="G3150" s="1" t="s">
        <v>10</v>
      </c>
      <c r="H3150" s="1" t="s">
        <v>2878</v>
      </c>
      <c r="I3150" s="1" t="s">
        <v>10455</v>
      </c>
      <c r="J3150" s="1" t="s">
        <v>10915</v>
      </c>
      <c r="K3150" s="1" t="s">
        <v>27</v>
      </c>
      <c r="L3150" s="1" t="s">
        <v>10920</v>
      </c>
      <c r="M3150" s="1" t="s">
        <v>5</v>
      </c>
      <c r="N3150" s="1" t="s">
        <v>25</v>
      </c>
      <c r="O3150" s="1" t="s">
        <v>8</v>
      </c>
      <c r="P3150" s="5" t="s">
        <v>30260</v>
      </c>
    </row>
    <row r="3151" spans="1:16" x14ac:dyDescent="0.2">
      <c r="A3151" s="1" t="s">
        <v>194</v>
      </c>
      <c r="B3151" s="1" t="s">
        <v>6481</v>
      </c>
      <c r="C3151" s="1" t="s">
        <v>10925</v>
      </c>
      <c r="D3151" s="1" t="s">
        <v>10926</v>
      </c>
      <c r="E3151" s="1" t="s">
        <v>10927</v>
      </c>
      <c r="F3151" s="1" t="s">
        <v>10</v>
      </c>
      <c r="G3151" s="1" t="s">
        <v>10</v>
      </c>
      <c r="H3151" s="1" t="s">
        <v>2878</v>
      </c>
      <c r="I3151" s="1" t="s">
        <v>10455</v>
      </c>
      <c r="J3151" s="1" t="s">
        <v>10468</v>
      </c>
      <c r="K3151" s="1" t="s">
        <v>27</v>
      </c>
      <c r="L3151" s="1" t="s">
        <v>10924</v>
      </c>
      <c r="M3151" s="1" t="s">
        <v>5</v>
      </c>
      <c r="N3151" s="1" t="s">
        <v>6</v>
      </c>
      <c r="O3151" s="1" t="s">
        <v>8</v>
      </c>
      <c r="P3151" s="5" t="s">
        <v>10619</v>
      </c>
    </row>
    <row r="3152" spans="1:16" x14ac:dyDescent="0.2">
      <c r="A3152" s="1" t="s">
        <v>10</v>
      </c>
      <c r="B3152" s="1" t="s">
        <v>10</v>
      </c>
      <c r="C3152" s="1" t="s">
        <v>10929</v>
      </c>
      <c r="D3152" s="1" t="s">
        <v>10</v>
      </c>
      <c r="E3152" s="1" t="s">
        <v>10</v>
      </c>
      <c r="F3152" s="1" t="s">
        <v>10</v>
      </c>
      <c r="G3152" s="1" t="s">
        <v>10</v>
      </c>
      <c r="H3152" s="1" t="s">
        <v>10</v>
      </c>
      <c r="I3152" s="1" t="s">
        <v>10455</v>
      </c>
      <c r="J3152" s="1" t="s">
        <v>10</v>
      </c>
      <c r="K3152" s="1" t="s">
        <v>10</v>
      </c>
      <c r="L3152" s="1" t="s">
        <v>10928</v>
      </c>
      <c r="M3152" s="1" t="s">
        <v>5</v>
      </c>
      <c r="N3152" s="1" t="s">
        <v>6</v>
      </c>
      <c r="O3152" s="1" t="s">
        <v>8</v>
      </c>
      <c r="P3152" s="5" t="s">
        <v>10</v>
      </c>
    </row>
    <row r="3153" spans="1:16" x14ac:dyDescent="0.2">
      <c r="A3153" s="1" t="s">
        <v>194</v>
      </c>
      <c r="B3153" s="1" t="s">
        <v>4492</v>
      </c>
      <c r="C3153" s="1" t="s">
        <v>10931</v>
      </c>
      <c r="D3153" s="1" t="s">
        <v>10932</v>
      </c>
      <c r="E3153" s="1" t="s">
        <v>10933</v>
      </c>
      <c r="F3153" s="1" t="s">
        <v>10</v>
      </c>
      <c r="G3153" s="1" t="s">
        <v>10</v>
      </c>
      <c r="H3153" s="1" t="s">
        <v>2878</v>
      </c>
      <c r="I3153" s="1" t="s">
        <v>10455</v>
      </c>
      <c r="J3153" s="1" t="s">
        <v>10915</v>
      </c>
      <c r="K3153" s="1" t="s">
        <v>27</v>
      </c>
      <c r="L3153" s="1" t="s">
        <v>10930</v>
      </c>
      <c r="M3153" s="1" t="s">
        <v>5</v>
      </c>
      <c r="N3153" s="1" t="s">
        <v>25</v>
      </c>
      <c r="O3153" s="1" t="s">
        <v>8</v>
      </c>
      <c r="P3153" s="5" t="s">
        <v>30260</v>
      </c>
    </row>
    <row r="3154" spans="1:16" x14ac:dyDescent="0.2">
      <c r="A3154" s="1" t="s">
        <v>194</v>
      </c>
      <c r="B3154" s="1" t="s">
        <v>4492</v>
      </c>
      <c r="C3154" s="1" t="s">
        <v>10935</v>
      </c>
      <c r="D3154" s="1" t="s">
        <v>10935</v>
      </c>
      <c r="E3154" s="1" t="s">
        <v>10923</v>
      </c>
      <c r="F3154" s="1" t="s">
        <v>10</v>
      </c>
      <c r="G3154" s="1" t="s">
        <v>10</v>
      </c>
      <c r="H3154" s="1" t="s">
        <v>2878</v>
      </c>
      <c r="I3154" s="1" t="s">
        <v>10455</v>
      </c>
      <c r="J3154" s="1" t="s">
        <v>10915</v>
      </c>
      <c r="K3154" s="1" t="s">
        <v>27</v>
      </c>
      <c r="L3154" s="1" t="s">
        <v>10934</v>
      </c>
      <c r="M3154" s="1" t="s">
        <v>5</v>
      </c>
      <c r="N3154" s="1" t="s">
        <v>6</v>
      </c>
      <c r="O3154" s="1" t="s">
        <v>8</v>
      </c>
      <c r="P3154" s="5" t="s">
        <v>30261</v>
      </c>
    </row>
    <row r="3155" spans="1:16" x14ac:dyDescent="0.2">
      <c r="A3155" s="1" t="s">
        <v>10</v>
      </c>
      <c r="B3155" s="1" t="s">
        <v>10</v>
      </c>
      <c r="C3155" s="1" t="s">
        <v>10937</v>
      </c>
      <c r="D3155" s="1" t="s">
        <v>10938</v>
      </c>
      <c r="E3155" s="1" t="s">
        <v>10939</v>
      </c>
      <c r="F3155" s="1" t="s">
        <v>10</v>
      </c>
      <c r="G3155" s="1" t="s">
        <v>10</v>
      </c>
      <c r="H3155" s="1" t="s">
        <v>10</v>
      </c>
      <c r="I3155" s="1" t="s">
        <v>10455</v>
      </c>
      <c r="J3155" s="1" t="s">
        <v>10</v>
      </c>
      <c r="K3155" s="1" t="s">
        <v>10</v>
      </c>
      <c r="L3155" s="1" t="s">
        <v>10936</v>
      </c>
      <c r="M3155" s="1" t="s">
        <v>5</v>
      </c>
      <c r="N3155" s="1" t="s">
        <v>10</v>
      </c>
      <c r="O3155" s="1" t="s">
        <v>38</v>
      </c>
      <c r="P3155" s="5" t="s">
        <v>30262</v>
      </c>
    </row>
    <row r="3156" spans="1:16" x14ac:dyDescent="0.2">
      <c r="A3156" s="1" t="s">
        <v>10</v>
      </c>
      <c r="B3156" s="1" t="s">
        <v>10</v>
      </c>
      <c r="C3156" s="1" t="s">
        <v>10941</v>
      </c>
      <c r="D3156" s="1" t="s">
        <v>10942</v>
      </c>
      <c r="E3156" s="1" t="s">
        <v>10943</v>
      </c>
      <c r="F3156" s="1" t="s">
        <v>10</v>
      </c>
      <c r="G3156" s="1" t="s">
        <v>10</v>
      </c>
      <c r="H3156" s="1" t="s">
        <v>10</v>
      </c>
      <c r="I3156" s="1" t="s">
        <v>10455</v>
      </c>
      <c r="J3156" s="1" t="s">
        <v>10</v>
      </c>
      <c r="K3156" s="1" t="s">
        <v>10</v>
      </c>
      <c r="L3156" s="1" t="s">
        <v>10940</v>
      </c>
      <c r="M3156" s="1" t="s">
        <v>5</v>
      </c>
      <c r="N3156" s="1" t="s">
        <v>10</v>
      </c>
      <c r="O3156" s="1" t="s">
        <v>8</v>
      </c>
      <c r="P3156" s="5"/>
    </row>
    <row r="3157" spans="1:16" x14ac:dyDescent="0.2">
      <c r="A3157" s="1" t="s">
        <v>10</v>
      </c>
      <c r="B3157" s="1" t="s">
        <v>10</v>
      </c>
      <c r="C3157" s="1" t="s">
        <v>10945</v>
      </c>
      <c r="D3157" s="1" t="s">
        <v>10945</v>
      </c>
      <c r="E3157" s="1" t="s">
        <v>10946</v>
      </c>
      <c r="F3157" s="1" t="s">
        <v>10</v>
      </c>
      <c r="G3157" s="1" t="s">
        <v>10</v>
      </c>
      <c r="H3157" s="1" t="s">
        <v>10</v>
      </c>
      <c r="I3157" s="1" t="s">
        <v>10455</v>
      </c>
      <c r="J3157" s="1" t="s">
        <v>10503</v>
      </c>
      <c r="K3157" s="1" t="s">
        <v>10</v>
      </c>
      <c r="L3157" s="1" t="s">
        <v>10944</v>
      </c>
      <c r="M3157" s="1" t="s">
        <v>5</v>
      </c>
      <c r="N3157" s="1" t="s">
        <v>10</v>
      </c>
      <c r="O3157" s="1" t="s">
        <v>38</v>
      </c>
      <c r="P3157" s="5" t="s">
        <v>10</v>
      </c>
    </row>
    <row r="3158" spans="1:16" x14ac:dyDescent="0.2">
      <c r="A3158" s="1" t="s">
        <v>10</v>
      </c>
      <c r="B3158" s="1" t="s">
        <v>10</v>
      </c>
      <c r="C3158" s="1" t="s">
        <v>10948</v>
      </c>
      <c r="D3158" s="1" t="s">
        <v>10949</v>
      </c>
      <c r="E3158" s="1" t="s">
        <v>10950</v>
      </c>
      <c r="F3158" s="1" t="s">
        <v>10</v>
      </c>
      <c r="G3158" s="1" t="s">
        <v>10</v>
      </c>
      <c r="H3158" s="1" t="s">
        <v>10</v>
      </c>
      <c r="I3158" s="1" t="s">
        <v>10455</v>
      </c>
      <c r="J3158" s="1" t="s">
        <v>10</v>
      </c>
      <c r="K3158" s="1" t="s">
        <v>10</v>
      </c>
      <c r="L3158" s="1" t="s">
        <v>10947</v>
      </c>
      <c r="M3158" s="1" t="s">
        <v>5</v>
      </c>
      <c r="N3158" s="1" t="s">
        <v>10</v>
      </c>
      <c r="O3158" s="1" t="s">
        <v>38</v>
      </c>
      <c r="P3158" s="5" t="s">
        <v>10</v>
      </c>
    </row>
    <row r="3159" spans="1:16" x14ac:dyDescent="0.2">
      <c r="A3159" s="1" t="s">
        <v>20</v>
      </c>
      <c r="B3159" s="1" t="s">
        <v>309</v>
      </c>
      <c r="C3159" s="1" t="s">
        <v>10952</v>
      </c>
      <c r="D3159" s="1" t="s">
        <v>10953</v>
      </c>
      <c r="E3159" s="1"/>
      <c r="F3159" s="1" t="s">
        <v>10</v>
      </c>
      <c r="G3159" s="1" t="s">
        <v>10</v>
      </c>
      <c r="H3159" s="1" t="s">
        <v>10</v>
      </c>
      <c r="I3159" s="1" t="s">
        <v>10455</v>
      </c>
      <c r="J3159" s="1" t="s">
        <v>10892</v>
      </c>
      <c r="K3159" s="1" t="s">
        <v>27</v>
      </c>
      <c r="L3159" s="1" t="s">
        <v>10951</v>
      </c>
      <c r="M3159" s="1" t="s">
        <v>5</v>
      </c>
      <c r="N3159" s="1" t="s">
        <v>10</v>
      </c>
      <c r="O3159" s="1" t="s">
        <v>38</v>
      </c>
      <c r="P3159" s="5" t="s">
        <v>30263</v>
      </c>
    </row>
    <row r="3160" spans="1:16" x14ac:dyDescent="0.2">
      <c r="A3160" s="1" t="s">
        <v>20</v>
      </c>
      <c r="B3160" s="1" t="s">
        <v>1047</v>
      </c>
      <c r="C3160" s="1" t="s">
        <v>10955</v>
      </c>
      <c r="D3160" s="1" t="s">
        <v>10956</v>
      </c>
      <c r="E3160" s="1" t="s">
        <v>10957</v>
      </c>
      <c r="F3160" s="1" t="s">
        <v>10</v>
      </c>
      <c r="G3160" s="1" t="s">
        <v>10</v>
      </c>
      <c r="H3160" s="1" t="s">
        <v>10958</v>
      </c>
      <c r="I3160" s="1" t="s">
        <v>10455</v>
      </c>
      <c r="J3160" s="1" t="s">
        <v>10462</v>
      </c>
      <c r="K3160" s="1" t="s">
        <v>7367</v>
      </c>
      <c r="L3160" s="1" t="s">
        <v>10954</v>
      </c>
      <c r="M3160" s="1" t="s">
        <v>5</v>
      </c>
      <c r="N3160" s="1" t="s">
        <v>25</v>
      </c>
      <c r="O3160" s="1" t="s">
        <v>38</v>
      </c>
      <c r="P3160" s="5" t="s">
        <v>31414</v>
      </c>
    </row>
    <row r="3161" spans="1:16" x14ac:dyDescent="0.2">
      <c r="A3161" s="1" t="s">
        <v>10</v>
      </c>
      <c r="B3161" s="1" t="s">
        <v>10</v>
      </c>
      <c r="C3161" s="1" t="s">
        <v>10960</v>
      </c>
      <c r="D3161" s="1" t="s">
        <v>10961</v>
      </c>
      <c r="E3161" s="1" t="s">
        <v>4511</v>
      </c>
      <c r="F3161" s="1" t="s">
        <v>10</v>
      </c>
      <c r="G3161" s="1" t="s">
        <v>10</v>
      </c>
      <c r="H3161" s="1" t="s">
        <v>2878</v>
      </c>
      <c r="I3161" s="1" t="s">
        <v>10455</v>
      </c>
      <c r="J3161" s="1" t="s">
        <v>10468</v>
      </c>
      <c r="K3161" s="1" t="s">
        <v>27</v>
      </c>
      <c r="L3161" s="1" t="s">
        <v>10959</v>
      </c>
      <c r="M3161" s="1" t="s">
        <v>5</v>
      </c>
      <c r="N3161" s="1" t="s">
        <v>6</v>
      </c>
      <c r="O3161" s="1" t="s">
        <v>8</v>
      </c>
      <c r="P3161" s="5" t="s">
        <v>10</v>
      </c>
    </row>
    <row r="3162" spans="1:16" x14ac:dyDescent="0.2">
      <c r="A3162" s="1" t="s">
        <v>2187</v>
      </c>
      <c r="B3162" s="1" t="s">
        <v>10965</v>
      </c>
      <c r="C3162" s="1" t="s">
        <v>10963</v>
      </c>
      <c r="D3162" s="1" t="s">
        <v>10964</v>
      </c>
      <c r="E3162" s="1" t="s">
        <v>4511</v>
      </c>
      <c r="F3162" s="1" t="s">
        <v>10</v>
      </c>
      <c r="G3162" s="1" t="s">
        <v>10</v>
      </c>
      <c r="H3162" s="1" t="s">
        <v>2878</v>
      </c>
      <c r="I3162" s="1" t="s">
        <v>10455</v>
      </c>
      <c r="J3162" s="1" t="s">
        <v>10468</v>
      </c>
      <c r="K3162" s="1" t="s">
        <v>27</v>
      </c>
      <c r="L3162" s="1" t="s">
        <v>10962</v>
      </c>
      <c r="M3162" s="1" t="s">
        <v>5</v>
      </c>
      <c r="N3162" s="1" t="s">
        <v>6</v>
      </c>
      <c r="O3162" s="1" t="s">
        <v>8</v>
      </c>
      <c r="P3162" s="5" t="s">
        <v>10619</v>
      </c>
    </row>
    <row r="3163" spans="1:16" x14ac:dyDescent="0.2">
      <c r="A3163" s="1" t="s">
        <v>20</v>
      </c>
      <c r="B3163" s="1" t="s">
        <v>132</v>
      </c>
      <c r="C3163" s="1" t="s">
        <v>10967</v>
      </c>
      <c r="D3163" s="1" t="s">
        <v>10968</v>
      </c>
      <c r="E3163" s="1" t="s">
        <v>10969</v>
      </c>
      <c r="F3163" s="1" t="s">
        <v>10</v>
      </c>
      <c r="G3163" s="1" t="s">
        <v>10</v>
      </c>
      <c r="H3163" s="1" t="s">
        <v>2878</v>
      </c>
      <c r="I3163" s="1" t="s">
        <v>10455</v>
      </c>
      <c r="J3163" s="1" t="s">
        <v>10462</v>
      </c>
      <c r="K3163" s="1" t="s">
        <v>27</v>
      </c>
      <c r="L3163" s="1" t="s">
        <v>10966</v>
      </c>
      <c r="M3163" s="1" t="s">
        <v>5</v>
      </c>
      <c r="N3163" s="1" t="s">
        <v>25</v>
      </c>
      <c r="O3163" s="1" t="s">
        <v>8</v>
      </c>
      <c r="P3163" s="5" t="s">
        <v>31415</v>
      </c>
    </row>
    <row r="3164" spans="1:16" x14ac:dyDescent="0.2">
      <c r="A3164" s="1" t="s">
        <v>10</v>
      </c>
      <c r="B3164" s="1" t="s">
        <v>10</v>
      </c>
      <c r="C3164" s="1" t="s">
        <v>10971</v>
      </c>
      <c r="D3164" s="1" t="s">
        <v>10972</v>
      </c>
      <c r="E3164" s="1" t="s">
        <v>4511</v>
      </c>
      <c r="F3164" s="1" t="s">
        <v>10</v>
      </c>
      <c r="G3164" s="1" t="s">
        <v>10</v>
      </c>
      <c r="H3164" s="1" t="s">
        <v>2878</v>
      </c>
      <c r="I3164" s="1" t="s">
        <v>10455</v>
      </c>
      <c r="J3164" s="1" t="s">
        <v>10468</v>
      </c>
      <c r="K3164" s="1" t="s">
        <v>27</v>
      </c>
      <c r="L3164" s="1" t="s">
        <v>10970</v>
      </c>
      <c r="M3164" s="1" t="s">
        <v>5</v>
      </c>
      <c r="N3164" s="1" t="s">
        <v>6</v>
      </c>
      <c r="O3164" s="1" t="s">
        <v>38</v>
      </c>
      <c r="P3164" s="5" t="s">
        <v>10619</v>
      </c>
    </row>
    <row r="3165" spans="1:16" x14ac:dyDescent="0.2">
      <c r="A3165" s="1" t="s">
        <v>194</v>
      </c>
      <c r="B3165" s="1" t="s">
        <v>6481</v>
      </c>
      <c r="C3165" s="1" t="s">
        <v>10974</v>
      </c>
      <c r="D3165" s="1" t="s">
        <v>10975</v>
      </c>
      <c r="E3165" s="1" t="s">
        <v>4511</v>
      </c>
      <c r="F3165" s="1" t="s">
        <v>10</v>
      </c>
      <c r="G3165" s="1" t="s">
        <v>10</v>
      </c>
      <c r="H3165" s="1" t="s">
        <v>2878</v>
      </c>
      <c r="I3165" s="1" t="s">
        <v>10455</v>
      </c>
      <c r="J3165" s="1" t="s">
        <v>10468</v>
      </c>
      <c r="K3165" s="1" t="s">
        <v>27</v>
      </c>
      <c r="L3165" s="1" t="s">
        <v>10973</v>
      </c>
      <c r="M3165" s="1" t="s">
        <v>5</v>
      </c>
      <c r="N3165" s="1" t="s">
        <v>6</v>
      </c>
      <c r="O3165" s="1" t="s">
        <v>38</v>
      </c>
      <c r="P3165" s="5" t="s">
        <v>10619</v>
      </c>
    </row>
    <row r="3166" spans="1:16" x14ac:dyDescent="0.2">
      <c r="A3166" s="1" t="s">
        <v>423</v>
      </c>
      <c r="B3166" s="1" t="s">
        <v>9015</v>
      </c>
      <c r="C3166" s="1" t="s">
        <v>10977</v>
      </c>
      <c r="D3166" s="1" t="s">
        <v>10978</v>
      </c>
      <c r="E3166" s="1" t="s">
        <v>10979</v>
      </c>
      <c r="F3166" s="1" t="s">
        <v>27</v>
      </c>
      <c r="G3166" s="1" t="s">
        <v>10</v>
      </c>
      <c r="H3166" s="1" t="s">
        <v>10980</v>
      </c>
      <c r="I3166" s="1" t="s">
        <v>10455</v>
      </c>
      <c r="J3166" s="1" t="s">
        <v>10462</v>
      </c>
      <c r="K3166" s="1" t="s">
        <v>7367</v>
      </c>
      <c r="L3166" s="1" t="s">
        <v>10976</v>
      </c>
      <c r="M3166" s="1" t="s">
        <v>5</v>
      </c>
      <c r="N3166" s="1" t="s">
        <v>1009</v>
      </c>
      <c r="O3166" s="1" t="s">
        <v>8</v>
      </c>
      <c r="P3166" s="5" t="s">
        <v>31416</v>
      </c>
    </row>
    <row r="3167" spans="1:16" x14ac:dyDescent="0.2">
      <c r="A3167" s="1" t="s">
        <v>329</v>
      </c>
      <c r="B3167" s="1" t="s">
        <v>1659</v>
      </c>
      <c r="C3167" s="1" t="s">
        <v>10982</v>
      </c>
      <c r="D3167" s="1" t="s">
        <v>10983</v>
      </c>
      <c r="E3167" s="1" t="s">
        <v>10984</v>
      </c>
      <c r="F3167" s="1" t="s">
        <v>10</v>
      </c>
      <c r="G3167" s="1" t="s">
        <v>10</v>
      </c>
      <c r="H3167" s="1" t="s">
        <v>10985</v>
      </c>
      <c r="I3167" s="1" t="s">
        <v>10455</v>
      </c>
      <c r="J3167" s="1" t="s">
        <v>10462</v>
      </c>
      <c r="K3167" s="1" t="s">
        <v>7367</v>
      </c>
      <c r="L3167" s="1" t="s">
        <v>10981</v>
      </c>
      <c r="M3167" s="1" t="s">
        <v>5</v>
      </c>
      <c r="N3167" s="1" t="s">
        <v>25</v>
      </c>
      <c r="O3167" s="1" t="s">
        <v>38</v>
      </c>
      <c r="P3167" s="5" t="s">
        <v>31417</v>
      </c>
    </row>
    <row r="3168" spans="1:16" x14ac:dyDescent="0.2">
      <c r="A3168" s="1" t="s">
        <v>32</v>
      </c>
      <c r="B3168" s="1" t="s">
        <v>2216</v>
      </c>
      <c r="C3168" s="1" t="s">
        <v>10987</v>
      </c>
      <c r="D3168" s="1" t="s">
        <v>10988</v>
      </c>
      <c r="E3168" s="1" t="s">
        <v>10989</v>
      </c>
      <c r="F3168" s="1" t="s">
        <v>10</v>
      </c>
      <c r="G3168" s="1" t="s">
        <v>10</v>
      </c>
      <c r="H3168" s="1" t="s">
        <v>2878</v>
      </c>
      <c r="I3168" s="1" t="s">
        <v>10455</v>
      </c>
      <c r="J3168" s="1" t="s">
        <v>10462</v>
      </c>
      <c r="K3168" s="1" t="s">
        <v>7367</v>
      </c>
      <c r="L3168" s="1" t="s">
        <v>10986</v>
      </c>
      <c r="M3168" s="1" t="s">
        <v>5</v>
      </c>
      <c r="N3168" s="1" t="s">
        <v>25</v>
      </c>
      <c r="O3168" s="1" t="s">
        <v>38</v>
      </c>
      <c r="P3168" s="5" t="s">
        <v>31418</v>
      </c>
    </row>
    <row r="3169" spans="1:16" x14ac:dyDescent="0.2">
      <c r="A3169" s="1" t="s">
        <v>329</v>
      </c>
      <c r="B3169" s="1" t="s">
        <v>691</v>
      </c>
      <c r="C3169" s="1" t="s">
        <v>10991</v>
      </c>
      <c r="D3169" s="1" t="s">
        <v>10992</v>
      </c>
      <c r="E3169" s="1" t="s">
        <v>10993</v>
      </c>
      <c r="F3169" s="1" t="s">
        <v>10</v>
      </c>
      <c r="G3169" s="1" t="s">
        <v>10</v>
      </c>
      <c r="H3169" s="1" t="s">
        <v>2878</v>
      </c>
      <c r="I3169" s="1" t="s">
        <v>10455</v>
      </c>
      <c r="J3169" s="1" t="s">
        <v>10468</v>
      </c>
      <c r="K3169" s="1" t="s">
        <v>27</v>
      </c>
      <c r="L3169" s="1" t="s">
        <v>10990</v>
      </c>
      <c r="M3169" s="1" t="s">
        <v>5</v>
      </c>
      <c r="N3169" s="1" t="s">
        <v>25</v>
      </c>
      <c r="O3169" s="1" t="s">
        <v>38</v>
      </c>
      <c r="P3169" s="5" t="s">
        <v>10619</v>
      </c>
    </row>
    <row r="3170" spans="1:16" x14ac:dyDescent="0.2">
      <c r="A3170" s="1" t="s">
        <v>423</v>
      </c>
      <c r="B3170" s="1" t="s">
        <v>9015</v>
      </c>
      <c r="C3170" s="1" t="s">
        <v>10995</v>
      </c>
      <c r="D3170" s="1" t="s">
        <v>10996</v>
      </c>
      <c r="E3170" s="1" t="s">
        <v>10997</v>
      </c>
      <c r="F3170" s="1" t="s">
        <v>10</v>
      </c>
      <c r="G3170" s="1" t="s">
        <v>10</v>
      </c>
      <c r="H3170" s="1" t="s">
        <v>2878</v>
      </c>
      <c r="I3170" s="1" t="s">
        <v>10455</v>
      </c>
      <c r="J3170" s="1" t="s">
        <v>10462</v>
      </c>
      <c r="K3170" s="1" t="s">
        <v>7367</v>
      </c>
      <c r="L3170" s="1" t="s">
        <v>10994</v>
      </c>
      <c r="M3170" s="1" t="s">
        <v>5</v>
      </c>
      <c r="N3170" s="1" t="s">
        <v>1009</v>
      </c>
      <c r="O3170" s="1" t="s">
        <v>38</v>
      </c>
      <c r="P3170" s="5" t="s">
        <v>31419</v>
      </c>
    </row>
    <row r="3171" spans="1:16" x14ac:dyDescent="0.2">
      <c r="A3171" s="1" t="s">
        <v>329</v>
      </c>
      <c r="B3171" s="1" t="s">
        <v>691</v>
      </c>
      <c r="C3171" s="1" t="s">
        <v>10999</v>
      </c>
      <c r="D3171" s="1" t="s">
        <v>11000</v>
      </c>
      <c r="E3171" s="1" t="s">
        <v>11001</v>
      </c>
      <c r="F3171" s="1" t="s">
        <v>10</v>
      </c>
      <c r="G3171" s="1" t="s">
        <v>10</v>
      </c>
      <c r="H3171" s="1" t="s">
        <v>2878</v>
      </c>
      <c r="I3171" s="1" t="s">
        <v>10455</v>
      </c>
      <c r="J3171" s="1" t="s">
        <v>10462</v>
      </c>
      <c r="K3171" s="1" t="s">
        <v>7367</v>
      </c>
      <c r="L3171" s="1" t="s">
        <v>10998</v>
      </c>
      <c r="M3171" s="1" t="s">
        <v>5</v>
      </c>
      <c r="N3171" s="1" t="s">
        <v>25</v>
      </c>
      <c r="O3171" s="1" t="s">
        <v>38</v>
      </c>
      <c r="P3171" s="5" t="s">
        <v>31420</v>
      </c>
    </row>
    <row r="3172" spans="1:16" x14ac:dyDescent="0.2">
      <c r="A3172" s="1" t="s">
        <v>329</v>
      </c>
      <c r="B3172" s="1" t="s">
        <v>691</v>
      </c>
      <c r="C3172" s="1" t="s">
        <v>11003</v>
      </c>
      <c r="D3172" s="1" t="s">
        <v>11004</v>
      </c>
      <c r="E3172" s="1" t="s">
        <v>11005</v>
      </c>
      <c r="F3172" s="1" t="s">
        <v>10</v>
      </c>
      <c r="G3172" s="1" t="s">
        <v>10</v>
      </c>
      <c r="H3172" s="1" t="s">
        <v>11006</v>
      </c>
      <c r="I3172" s="1" t="s">
        <v>10455</v>
      </c>
      <c r="J3172" s="1" t="s">
        <v>10462</v>
      </c>
      <c r="K3172" s="1" t="s">
        <v>7367</v>
      </c>
      <c r="L3172" s="1" t="s">
        <v>11002</v>
      </c>
      <c r="M3172" s="1" t="s">
        <v>5</v>
      </c>
      <c r="N3172" s="1" t="s">
        <v>25</v>
      </c>
      <c r="O3172" s="1" t="s">
        <v>38</v>
      </c>
      <c r="P3172" s="5" t="s">
        <v>31418</v>
      </c>
    </row>
    <row r="3173" spans="1:16" x14ac:dyDescent="0.2">
      <c r="A3173" s="1" t="s">
        <v>10</v>
      </c>
      <c r="B3173" s="1" t="s">
        <v>10</v>
      </c>
      <c r="C3173" s="1" t="s">
        <v>11008</v>
      </c>
      <c r="D3173" s="1" t="s">
        <v>11009</v>
      </c>
      <c r="E3173" s="1" t="s">
        <v>4511</v>
      </c>
      <c r="F3173" s="1" t="s">
        <v>27</v>
      </c>
      <c r="G3173" s="1" t="s">
        <v>10</v>
      </c>
      <c r="H3173" s="1" t="s">
        <v>2878</v>
      </c>
      <c r="I3173" s="1" t="s">
        <v>10455</v>
      </c>
      <c r="J3173" s="1" t="s">
        <v>4511</v>
      </c>
      <c r="K3173" s="1" t="s">
        <v>27</v>
      </c>
      <c r="L3173" s="1" t="s">
        <v>11007</v>
      </c>
      <c r="M3173" s="1" t="s">
        <v>5</v>
      </c>
      <c r="N3173" s="1" t="s">
        <v>6</v>
      </c>
      <c r="O3173" s="1" t="s">
        <v>8</v>
      </c>
      <c r="P3173" s="5" t="s">
        <v>10619</v>
      </c>
    </row>
    <row r="3174" spans="1:16" x14ac:dyDescent="0.2">
      <c r="A3174" s="1" t="s">
        <v>10</v>
      </c>
      <c r="B3174" s="1" t="s">
        <v>10</v>
      </c>
      <c r="C3174" s="1" t="s">
        <v>11011</v>
      </c>
      <c r="D3174" s="1" t="s">
        <v>11012</v>
      </c>
      <c r="E3174" s="1" t="s">
        <v>11013</v>
      </c>
      <c r="F3174" s="1" t="s">
        <v>10</v>
      </c>
      <c r="G3174" s="1" t="s">
        <v>10</v>
      </c>
      <c r="H3174" s="1" t="s">
        <v>2878</v>
      </c>
      <c r="I3174" s="1" t="s">
        <v>10455</v>
      </c>
      <c r="J3174" s="1" t="s">
        <v>10468</v>
      </c>
      <c r="K3174" s="1" t="s">
        <v>27</v>
      </c>
      <c r="L3174" s="1" t="s">
        <v>11010</v>
      </c>
      <c r="M3174" s="1" t="s">
        <v>5</v>
      </c>
      <c r="N3174" s="1" t="s">
        <v>6</v>
      </c>
      <c r="O3174" s="1" t="s">
        <v>38</v>
      </c>
      <c r="P3174" s="5" t="s">
        <v>10619</v>
      </c>
    </row>
    <row r="3175" spans="1:16" x14ac:dyDescent="0.2">
      <c r="A3175" s="1" t="s">
        <v>194</v>
      </c>
      <c r="B3175" s="1" t="s">
        <v>396</v>
      </c>
      <c r="C3175" s="1" t="s">
        <v>11015</v>
      </c>
      <c r="D3175" s="1" t="s">
        <v>11016</v>
      </c>
      <c r="E3175" s="1" t="s">
        <v>11018</v>
      </c>
      <c r="F3175" s="1" t="s">
        <v>10</v>
      </c>
      <c r="G3175" s="1" t="s">
        <v>10</v>
      </c>
      <c r="H3175" s="1" t="s">
        <v>10</v>
      </c>
      <c r="I3175" s="1" t="s">
        <v>10455</v>
      </c>
      <c r="J3175" s="1" t="s">
        <v>11017</v>
      </c>
      <c r="K3175" s="1" t="s">
        <v>27</v>
      </c>
      <c r="L3175" s="1" t="s">
        <v>11014</v>
      </c>
      <c r="M3175" s="1" t="s">
        <v>5</v>
      </c>
      <c r="N3175" s="1" t="s">
        <v>10</v>
      </c>
      <c r="O3175" s="1" t="s">
        <v>8</v>
      </c>
      <c r="P3175" s="5" t="s">
        <v>30264</v>
      </c>
    </row>
    <row r="3176" spans="1:16" x14ac:dyDescent="0.2">
      <c r="A3176" s="1" t="s">
        <v>194</v>
      </c>
      <c r="B3176" s="1" t="s">
        <v>6481</v>
      </c>
      <c r="C3176" s="1" t="s">
        <v>11020</v>
      </c>
      <c r="D3176" s="1" t="s">
        <v>11021</v>
      </c>
      <c r="E3176" s="1" t="s">
        <v>11022</v>
      </c>
      <c r="F3176" s="1" t="s">
        <v>10</v>
      </c>
      <c r="G3176" s="1" t="s">
        <v>10</v>
      </c>
      <c r="H3176" s="1" t="s">
        <v>10</v>
      </c>
      <c r="I3176" s="1" t="s">
        <v>10455</v>
      </c>
      <c r="J3176" s="1" t="s">
        <v>10711</v>
      </c>
      <c r="K3176" s="1" t="s">
        <v>27</v>
      </c>
      <c r="L3176" s="1" t="s">
        <v>11019</v>
      </c>
      <c r="M3176" s="1" t="s">
        <v>5</v>
      </c>
      <c r="N3176" s="1" t="s">
        <v>10</v>
      </c>
      <c r="O3176" s="1" t="s">
        <v>8</v>
      </c>
      <c r="P3176" s="5" t="s">
        <v>30265</v>
      </c>
    </row>
    <row r="3177" spans="1:16" x14ac:dyDescent="0.2">
      <c r="A3177" s="1" t="s">
        <v>194</v>
      </c>
      <c r="B3177" s="1" t="s">
        <v>6481</v>
      </c>
      <c r="C3177" s="1" t="s">
        <v>11024</v>
      </c>
      <c r="D3177" s="1" t="s">
        <v>11025</v>
      </c>
      <c r="E3177" s="1" t="s">
        <v>11026</v>
      </c>
      <c r="F3177" s="1" t="s">
        <v>10</v>
      </c>
      <c r="G3177" s="1" t="s">
        <v>10</v>
      </c>
      <c r="H3177" s="1" t="s">
        <v>10</v>
      </c>
      <c r="I3177" s="1" t="s">
        <v>10455</v>
      </c>
      <c r="J3177" s="1" t="s">
        <v>10711</v>
      </c>
      <c r="K3177" s="1" t="s">
        <v>27</v>
      </c>
      <c r="L3177" s="1" t="s">
        <v>11023</v>
      </c>
      <c r="M3177" s="1" t="s">
        <v>5</v>
      </c>
      <c r="N3177" s="1" t="s">
        <v>10</v>
      </c>
      <c r="O3177" s="1" t="s">
        <v>8</v>
      </c>
      <c r="P3177" s="5" t="s">
        <v>30265</v>
      </c>
    </row>
    <row r="3178" spans="1:16" x14ac:dyDescent="0.2">
      <c r="A3178" s="1" t="s">
        <v>20</v>
      </c>
      <c r="B3178" s="1" t="s">
        <v>99</v>
      </c>
      <c r="C3178" s="1" t="s">
        <v>11028</v>
      </c>
      <c r="D3178" s="1" t="s">
        <v>11029</v>
      </c>
      <c r="E3178" s="1" t="s">
        <v>11030</v>
      </c>
      <c r="F3178" s="1" t="s">
        <v>10</v>
      </c>
      <c r="G3178" s="1" t="s">
        <v>10</v>
      </c>
      <c r="H3178" s="1" t="s">
        <v>10</v>
      </c>
      <c r="I3178" s="1" t="s">
        <v>10455</v>
      </c>
      <c r="J3178" s="1" t="s">
        <v>10478</v>
      </c>
      <c r="K3178" s="1" t="s">
        <v>27</v>
      </c>
      <c r="L3178" s="1" t="s">
        <v>11027</v>
      </c>
      <c r="M3178" s="1" t="s">
        <v>5</v>
      </c>
      <c r="N3178" s="1" t="s">
        <v>10</v>
      </c>
      <c r="O3178" s="1" t="s">
        <v>8</v>
      </c>
      <c r="P3178" s="5" t="s">
        <v>32745</v>
      </c>
    </row>
    <row r="3179" spans="1:16" x14ac:dyDescent="0.2">
      <c r="A3179" s="1" t="s">
        <v>194</v>
      </c>
      <c r="B3179" s="1" t="s">
        <v>10</v>
      </c>
      <c r="C3179" s="1" t="s">
        <v>11032</v>
      </c>
      <c r="D3179" s="1" t="s">
        <v>11033</v>
      </c>
      <c r="E3179" s="1" t="s">
        <v>11035</v>
      </c>
      <c r="F3179" s="1" t="s">
        <v>10</v>
      </c>
      <c r="G3179" s="1" t="s">
        <v>10</v>
      </c>
      <c r="H3179" s="1" t="s">
        <v>10</v>
      </c>
      <c r="I3179" s="1" t="s">
        <v>10455</v>
      </c>
      <c r="J3179" s="1" t="s">
        <v>11034</v>
      </c>
      <c r="K3179" s="1" t="s">
        <v>27</v>
      </c>
      <c r="L3179" s="1" t="s">
        <v>11031</v>
      </c>
      <c r="M3179" s="1" t="s">
        <v>5</v>
      </c>
      <c r="N3179" s="1" t="s">
        <v>25</v>
      </c>
      <c r="O3179" s="1" t="s">
        <v>8</v>
      </c>
      <c r="P3179" s="5" t="s">
        <v>10505</v>
      </c>
    </row>
    <row r="3180" spans="1:16" x14ac:dyDescent="0.2">
      <c r="A3180" s="1" t="s">
        <v>194</v>
      </c>
      <c r="B3180" s="1" t="s">
        <v>7175</v>
      </c>
      <c r="C3180" s="1" t="s">
        <v>11037</v>
      </c>
      <c r="D3180" s="1" t="s">
        <v>11038</v>
      </c>
      <c r="E3180" s="1" t="s">
        <v>11039</v>
      </c>
      <c r="F3180" s="1" t="s">
        <v>522</v>
      </c>
      <c r="G3180" s="1" t="s">
        <v>10469</v>
      </c>
      <c r="H3180" s="1" t="s">
        <v>10</v>
      </c>
      <c r="I3180" s="1" t="s">
        <v>10455</v>
      </c>
      <c r="J3180" s="1" t="s">
        <v>11017</v>
      </c>
      <c r="K3180" s="1" t="s">
        <v>27</v>
      </c>
      <c r="L3180" s="1" t="s">
        <v>11036</v>
      </c>
      <c r="M3180" s="1" t="s">
        <v>5</v>
      </c>
      <c r="N3180" s="1" t="s">
        <v>25</v>
      </c>
      <c r="O3180" s="1" t="s">
        <v>8</v>
      </c>
      <c r="P3180" s="5" t="s">
        <v>31421</v>
      </c>
    </row>
    <row r="3181" spans="1:16" x14ac:dyDescent="0.2">
      <c r="A3181" s="1" t="s">
        <v>194</v>
      </c>
      <c r="B3181" s="1" t="s">
        <v>7175</v>
      </c>
      <c r="C3181" s="1" t="s">
        <v>11041</v>
      </c>
      <c r="D3181" s="1" t="s">
        <v>11042</v>
      </c>
      <c r="E3181" s="1" t="s">
        <v>11039</v>
      </c>
      <c r="F3181" s="1" t="s">
        <v>522</v>
      </c>
      <c r="G3181" s="1" t="s">
        <v>10469</v>
      </c>
      <c r="H3181" s="1" t="s">
        <v>10</v>
      </c>
      <c r="I3181" s="1" t="s">
        <v>10455</v>
      </c>
      <c r="J3181" s="1" t="s">
        <v>11017</v>
      </c>
      <c r="K3181" s="1" t="s">
        <v>27</v>
      </c>
      <c r="L3181" s="1" t="s">
        <v>11040</v>
      </c>
      <c r="M3181" s="1" t="s">
        <v>5</v>
      </c>
      <c r="N3181" s="1" t="s">
        <v>25</v>
      </c>
      <c r="O3181" s="1" t="s">
        <v>8</v>
      </c>
      <c r="P3181" s="5" t="s">
        <v>31421</v>
      </c>
    </row>
    <row r="3182" spans="1:16" x14ac:dyDescent="0.2">
      <c r="A3182" s="1" t="s">
        <v>20</v>
      </c>
      <c r="B3182" s="1" t="s">
        <v>99</v>
      </c>
      <c r="C3182" s="1" t="s">
        <v>11044</v>
      </c>
      <c r="D3182" s="1" t="s">
        <v>11045</v>
      </c>
      <c r="E3182" s="1" t="s">
        <v>11047</v>
      </c>
      <c r="F3182" s="1" t="s">
        <v>10</v>
      </c>
      <c r="G3182" s="1" t="s">
        <v>10</v>
      </c>
      <c r="H3182" s="1" t="s">
        <v>10</v>
      </c>
      <c r="I3182" s="1" t="s">
        <v>10455</v>
      </c>
      <c r="J3182" s="1" t="s">
        <v>11046</v>
      </c>
      <c r="K3182" s="1" t="s">
        <v>27</v>
      </c>
      <c r="L3182" s="1" t="s">
        <v>11043</v>
      </c>
      <c r="M3182" s="1" t="s">
        <v>5</v>
      </c>
      <c r="N3182" s="1" t="s">
        <v>10</v>
      </c>
      <c r="O3182" s="1" t="s">
        <v>8</v>
      </c>
      <c r="P3182" s="5" t="s">
        <v>30240</v>
      </c>
    </row>
    <row r="3183" spans="1:16" x14ac:dyDescent="0.2">
      <c r="A3183" s="1" t="s">
        <v>20</v>
      </c>
      <c r="B3183" s="1" t="s">
        <v>93</v>
      </c>
      <c r="C3183" s="1" t="s">
        <v>11049</v>
      </c>
      <c r="D3183" s="1" t="s">
        <v>11050</v>
      </c>
      <c r="E3183" s="1" t="s">
        <v>11051</v>
      </c>
      <c r="F3183" s="1" t="s">
        <v>10</v>
      </c>
      <c r="G3183" s="1" t="s">
        <v>10</v>
      </c>
      <c r="H3183" s="1" t="s">
        <v>2878</v>
      </c>
      <c r="I3183" s="1" t="s">
        <v>10455</v>
      </c>
      <c r="J3183" s="1" t="s">
        <v>10462</v>
      </c>
      <c r="K3183" s="1" t="s">
        <v>27</v>
      </c>
      <c r="L3183" s="1" t="s">
        <v>11048</v>
      </c>
      <c r="M3183" s="1" t="s">
        <v>5</v>
      </c>
      <c r="N3183" s="1" t="s">
        <v>25</v>
      </c>
      <c r="O3183" s="1" t="s">
        <v>38</v>
      </c>
      <c r="P3183" s="5"/>
    </row>
    <row r="3184" spans="1:16" x14ac:dyDescent="0.2">
      <c r="A3184" s="1" t="s">
        <v>487</v>
      </c>
      <c r="B3184" s="1" t="s">
        <v>1651</v>
      </c>
      <c r="C3184" s="1" t="s">
        <v>11054</v>
      </c>
      <c r="D3184" s="1" t="s">
        <v>11055</v>
      </c>
      <c r="E3184" s="1"/>
      <c r="F3184" s="1" t="s">
        <v>10</v>
      </c>
      <c r="G3184" s="1" t="s">
        <v>10</v>
      </c>
      <c r="H3184" s="1" t="s">
        <v>10</v>
      </c>
      <c r="I3184" s="1" t="s">
        <v>10455</v>
      </c>
      <c r="J3184" s="1" t="s">
        <v>11056</v>
      </c>
      <c r="K3184" s="1" t="s">
        <v>27</v>
      </c>
      <c r="L3184" s="1" t="s">
        <v>11053</v>
      </c>
      <c r="M3184" s="1" t="s">
        <v>5</v>
      </c>
      <c r="N3184" s="1" t="s">
        <v>10</v>
      </c>
      <c r="O3184" s="1" t="s">
        <v>38</v>
      </c>
      <c r="P3184" s="5" t="s">
        <v>30266</v>
      </c>
    </row>
    <row r="3185" spans="1:16" x14ac:dyDescent="0.2">
      <c r="A3185" s="1" t="s">
        <v>194</v>
      </c>
      <c r="B3185" s="1" t="s">
        <v>6481</v>
      </c>
      <c r="C3185" s="1" t="s">
        <v>11058</v>
      </c>
      <c r="D3185" s="1" t="s">
        <v>11059</v>
      </c>
      <c r="E3185" s="1" t="s">
        <v>11060</v>
      </c>
      <c r="F3185" s="1" t="s">
        <v>10</v>
      </c>
      <c r="G3185" s="1" t="s">
        <v>10</v>
      </c>
      <c r="H3185" s="1" t="s">
        <v>10</v>
      </c>
      <c r="I3185" s="1" t="s">
        <v>10455</v>
      </c>
      <c r="J3185" s="1" t="s">
        <v>10711</v>
      </c>
      <c r="K3185" s="1" t="s">
        <v>27</v>
      </c>
      <c r="L3185" s="1" t="s">
        <v>11057</v>
      </c>
      <c r="M3185" s="1" t="s">
        <v>5</v>
      </c>
      <c r="N3185" s="1" t="s">
        <v>10</v>
      </c>
      <c r="O3185" s="1" t="s">
        <v>8</v>
      </c>
      <c r="P3185" s="5" t="s">
        <v>30265</v>
      </c>
    </row>
    <row r="3186" spans="1:16" x14ac:dyDescent="0.2">
      <c r="A3186" s="1" t="s">
        <v>20</v>
      </c>
      <c r="B3186" s="1" t="s">
        <v>21</v>
      </c>
      <c r="C3186" s="1" t="s">
        <v>11062</v>
      </c>
      <c r="D3186" s="1" t="s">
        <v>11063</v>
      </c>
      <c r="E3186" s="1" t="s">
        <v>11065</v>
      </c>
      <c r="F3186" s="1" t="s">
        <v>10</v>
      </c>
      <c r="G3186" s="1" t="s">
        <v>10</v>
      </c>
      <c r="H3186" s="1" t="s">
        <v>10</v>
      </c>
      <c r="I3186" s="1" t="s">
        <v>10455</v>
      </c>
      <c r="J3186" s="1" t="s">
        <v>11064</v>
      </c>
      <c r="K3186" s="1" t="s">
        <v>27</v>
      </c>
      <c r="L3186" s="1" t="s">
        <v>11061</v>
      </c>
      <c r="M3186" s="1" t="s">
        <v>5</v>
      </c>
      <c r="N3186" s="1" t="s">
        <v>10</v>
      </c>
      <c r="O3186" s="1" t="s">
        <v>38</v>
      </c>
      <c r="P3186" s="5" t="s">
        <v>31409</v>
      </c>
    </row>
    <row r="3187" spans="1:16" x14ac:dyDescent="0.2">
      <c r="A3187" s="1" t="s">
        <v>20</v>
      </c>
      <c r="B3187" s="1" t="s">
        <v>99</v>
      </c>
      <c r="C3187" s="1" t="s">
        <v>11067</v>
      </c>
      <c r="D3187" s="1" t="s">
        <v>11068</v>
      </c>
      <c r="E3187" s="1" t="s">
        <v>11069</v>
      </c>
      <c r="F3187" s="1" t="s">
        <v>10</v>
      </c>
      <c r="G3187" s="1" t="s">
        <v>10</v>
      </c>
      <c r="H3187" s="1" t="s">
        <v>10</v>
      </c>
      <c r="I3187" s="1" t="s">
        <v>10455</v>
      </c>
      <c r="J3187" s="1" t="s">
        <v>11046</v>
      </c>
      <c r="K3187" s="1" t="s">
        <v>27</v>
      </c>
      <c r="L3187" s="1" t="s">
        <v>11066</v>
      </c>
      <c r="M3187" s="1" t="s">
        <v>5</v>
      </c>
      <c r="N3187" s="1" t="s">
        <v>10</v>
      </c>
      <c r="O3187" s="1" t="s">
        <v>8</v>
      </c>
      <c r="P3187" s="5" t="s">
        <v>30240</v>
      </c>
    </row>
    <row r="3188" spans="1:16" x14ac:dyDescent="0.2">
      <c r="A3188" s="1" t="s">
        <v>66</v>
      </c>
      <c r="B3188" s="1" t="s">
        <v>1812</v>
      </c>
      <c r="C3188" s="1" t="s">
        <v>11071</v>
      </c>
      <c r="D3188" s="1" t="s">
        <v>11072</v>
      </c>
      <c r="E3188" s="1" t="s">
        <v>11073</v>
      </c>
      <c r="F3188" s="1" t="s">
        <v>10</v>
      </c>
      <c r="G3188" s="1" t="s">
        <v>10</v>
      </c>
      <c r="H3188" s="1" t="s">
        <v>2878</v>
      </c>
      <c r="I3188" s="1" t="s">
        <v>10455</v>
      </c>
      <c r="J3188" s="1" t="s">
        <v>10462</v>
      </c>
      <c r="K3188" s="1" t="s">
        <v>27</v>
      </c>
      <c r="L3188" s="1" t="s">
        <v>11070</v>
      </c>
      <c r="M3188" s="1" t="s">
        <v>5</v>
      </c>
      <c r="N3188" s="1" t="s">
        <v>1009</v>
      </c>
      <c r="O3188" s="1" t="s">
        <v>38</v>
      </c>
      <c r="P3188" s="5" t="s">
        <v>31422</v>
      </c>
    </row>
    <row r="3189" spans="1:16" x14ac:dyDescent="0.2">
      <c r="A3189" s="1" t="s">
        <v>20</v>
      </c>
      <c r="B3189" s="1" t="s">
        <v>445</v>
      </c>
      <c r="C3189" s="1" t="s">
        <v>11075</v>
      </c>
      <c r="D3189" s="1" t="s">
        <v>11075</v>
      </c>
      <c r="E3189" s="1" t="s">
        <v>11077</v>
      </c>
      <c r="F3189" s="1" t="s">
        <v>10</v>
      </c>
      <c r="G3189" s="1" t="s">
        <v>10</v>
      </c>
      <c r="H3189" s="1" t="s">
        <v>2878</v>
      </c>
      <c r="I3189" s="1" t="s">
        <v>10455</v>
      </c>
      <c r="J3189" s="1" t="s">
        <v>10711</v>
      </c>
      <c r="K3189" s="1" t="s">
        <v>27</v>
      </c>
      <c r="L3189" s="1" t="s">
        <v>11074</v>
      </c>
      <c r="M3189" s="1" t="s">
        <v>5</v>
      </c>
      <c r="N3189" s="1" t="s">
        <v>25</v>
      </c>
      <c r="O3189" s="1" t="s">
        <v>38</v>
      </c>
      <c r="P3189" s="5" t="s">
        <v>31423</v>
      </c>
    </row>
    <row r="3190" spans="1:16" x14ac:dyDescent="0.2">
      <c r="A3190" s="1" t="s">
        <v>66</v>
      </c>
      <c r="B3190" s="1" t="s">
        <v>574</v>
      </c>
      <c r="C3190" s="1" t="s">
        <v>11079</v>
      </c>
      <c r="D3190" s="1" t="s">
        <v>11080</v>
      </c>
      <c r="E3190" s="1" t="s">
        <v>11081</v>
      </c>
      <c r="F3190" s="1" t="s">
        <v>10</v>
      </c>
      <c r="G3190" s="1" t="s">
        <v>10</v>
      </c>
      <c r="H3190" s="1" t="s">
        <v>10</v>
      </c>
      <c r="I3190" s="1" t="s">
        <v>10455</v>
      </c>
      <c r="J3190" s="1" t="s">
        <v>11017</v>
      </c>
      <c r="K3190" s="1" t="s">
        <v>27</v>
      </c>
      <c r="L3190" s="1" t="s">
        <v>11078</v>
      </c>
      <c r="M3190" s="1" t="s">
        <v>5</v>
      </c>
      <c r="N3190" s="1" t="s">
        <v>25</v>
      </c>
      <c r="O3190" s="1" t="s">
        <v>38</v>
      </c>
      <c r="P3190" s="5" t="s">
        <v>31424</v>
      </c>
    </row>
    <row r="3191" spans="1:16" x14ac:dyDescent="0.2">
      <c r="A3191" s="1" t="s">
        <v>10</v>
      </c>
      <c r="B3191" s="1" t="s">
        <v>10</v>
      </c>
      <c r="C3191" s="1" t="s">
        <v>11084</v>
      </c>
      <c r="D3191" s="1" t="s">
        <v>11085</v>
      </c>
      <c r="E3191" s="1" t="s">
        <v>11086</v>
      </c>
      <c r="F3191" s="1" t="s">
        <v>10</v>
      </c>
      <c r="G3191" s="1" t="s">
        <v>10</v>
      </c>
      <c r="H3191" s="1" t="s">
        <v>10</v>
      </c>
      <c r="I3191" s="1" t="s">
        <v>10455</v>
      </c>
      <c r="J3191" s="1" t="s">
        <v>10</v>
      </c>
      <c r="K3191" s="1" t="s">
        <v>10</v>
      </c>
      <c r="L3191" s="1" t="s">
        <v>11083</v>
      </c>
      <c r="M3191" s="1" t="s">
        <v>5</v>
      </c>
      <c r="N3191" s="1" t="s">
        <v>10</v>
      </c>
      <c r="O3191" s="1" t="s">
        <v>8</v>
      </c>
      <c r="P3191" s="5" t="s">
        <v>10</v>
      </c>
    </row>
    <row r="3192" spans="1:16" x14ac:dyDescent="0.2">
      <c r="A3192" s="1" t="s">
        <v>10</v>
      </c>
      <c r="B3192" s="1" t="s">
        <v>10</v>
      </c>
      <c r="C3192" s="1" t="s">
        <v>11088</v>
      </c>
      <c r="D3192" s="1" t="s">
        <v>11089</v>
      </c>
      <c r="E3192" s="1" t="s">
        <v>11090</v>
      </c>
      <c r="F3192" s="1" t="s">
        <v>10</v>
      </c>
      <c r="G3192" s="1" t="s">
        <v>10</v>
      </c>
      <c r="H3192" s="1" t="s">
        <v>10</v>
      </c>
      <c r="I3192" s="1" t="s">
        <v>10455</v>
      </c>
      <c r="J3192" s="1" t="s">
        <v>10</v>
      </c>
      <c r="K3192" s="1" t="s">
        <v>10</v>
      </c>
      <c r="L3192" s="1" t="s">
        <v>11087</v>
      </c>
      <c r="M3192" s="1" t="s">
        <v>5</v>
      </c>
      <c r="N3192" s="1" t="s">
        <v>10</v>
      </c>
      <c r="O3192" s="1" t="s">
        <v>8</v>
      </c>
      <c r="P3192" s="5" t="s">
        <v>8052</v>
      </c>
    </row>
    <row r="3193" spans="1:16" x14ac:dyDescent="0.2">
      <c r="A3193" s="1" t="s">
        <v>10</v>
      </c>
      <c r="B3193" s="1" t="s">
        <v>10</v>
      </c>
      <c r="C3193" s="1" t="s">
        <v>11092</v>
      </c>
      <c r="D3193" s="1" t="s">
        <v>11092</v>
      </c>
      <c r="E3193" s="1" t="s">
        <v>11093</v>
      </c>
      <c r="F3193" s="1" t="s">
        <v>10</v>
      </c>
      <c r="G3193" s="1" t="s">
        <v>10</v>
      </c>
      <c r="H3193" s="1" t="s">
        <v>10</v>
      </c>
      <c r="I3193" s="1" t="s">
        <v>10455</v>
      </c>
      <c r="J3193" s="1" t="s">
        <v>10</v>
      </c>
      <c r="K3193" s="1" t="s">
        <v>10</v>
      </c>
      <c r="L3193" s="1" t="s">
        <v>11091</v>
      </c>
      <c r="M3193" s="1" t="s">
        <v>5</v>
      </c>
      <c r="N3193" s="1" t="s">
        <v>25</v>
      </c>
      <c r="O3193" s="1" t="s">
        <v>8</v>
      </c>
      <c r="P3193" s="5" t="s">
        <v>30267</v>
      </c>
    </row>
    <row r="3194" spans="1:16" x14ac:dyDescent="0.2">
      <c r="A3194" s="1" t="s">
        <v>10</v>
      </c>
      <c r="B3194" s="1" t="s">
        <v>10</v>
      </c>
      <c r="C3194" s="1" t="s">
        <v>11096</v>
      </c>
      <c r="D3194" s="1" t="s">
        <v>11097</v>
      </c>
      <c r="E3194" s="1" t="s">
        <v>11098</v>
      </c>
      <c r="F3194" s="1" t="s">
        <v>10</v>
      </c>
      <c r="G3194" s="1" t="s">
        <v>10</v>
      </c>
      <c r="H3194" s="1" t="s">
        <v>10</v>
      </c>
      <c r="I3194" s="1" t="s">
        <v>10455</v>
      </c>
      <c r="J3194" s="1" t="s">
        <v>10</v>
      </c>
      <c r="K3194" s="1" t="s">
        <v>10</v>
      </c>
      <c r="L3194" s="1" t="s">
        <v>11095</v>
      </c>
      <c r="M3194" s="1" t="s">
        <v>5</v>
      </c>
      <c r="N3194" s="1" t="s">
        <v>10</v>
      </c>
      <c r="O3194" s="1" t="s">
        <v>8</v>
      </c>
      <c r="P3194" s="5" t="s">
        <v>10</v>
      </c>
    </row>
    <row r="3195" spans="1:16" x14ac:dyDescent="0.2">
      <c r="A3195" s="1" t="s">
        <v>194</v>
      </c>
      <c r="B3195" s="1" t="s">
        <v>4497</v>
      </c>
      <c r="C3195" s="1" t="s">
        <v>11100</v>
      </c>
      <c r="D3195" s="1" t="s">
        <v>11101</v>
      </c>
      <c r="E3195" s="1" t="s">
        <v>11103</v>
      </c>
      <c r="F3195" s="1" t="s">
        <v>10</v>
      </c>
      <c r="G3195" s="1" t="s">
        <v>10</v>
      </c>
      <c r="H3195" s="1" t="s">
        <v>10</v>
      </c>
      <c r="I3195" s="1" t="s">
        <v>10455</v>
      </c>
      <c r="J3195" s="1" t="s">
        <v>11102</v>
      </c>
      <c r="K3195" s="1" t="s">
        <v>27</v>
      </c>
      <c r="L3195" s="1" t="s">
        <v>11099</v>
      </c>
      <c r="M3195" s="1" t="s">
        <v>5</v>
      </c>
      <c r="N3195" s="1" t="s">
        <v>25</v>
      </c>
      <c r="O3195" s="1" t="s">
        <v>38</v>
      </c>
      <c r="P3195" s="5" t="s">
        <v>31425</v>
      </c>
    </row>
    <row r="3196" spans="1:16" x14ac:dyDescent="0.2">
      <c r="A3196" s="1" t="s">
        <v>194</v>
      </c>
      <c r="B3196" s="1" t="s">
        <v>6479</v>
      </c>
      <c r="C3196" s="1" t="s">
        <v>11105</v>
      </c>
      <c r="D3196" s="1" t="s">
        <v>11106</v>
      </c>
      <c r="E3196" s="1" t="s">
        <v>11107</v>
      </c>
      <c r="F3196" s="1" t="s">
        <v>27</v>
      </c>
      <c r="G3196" s="1" t="s">
        <v>10</v>
      </c>
      <c r="H3196" s="1" t="s">
        <v>11108</v>
      </c>
      <c r="I3196" s="1" t="s">
        <v>10455</v>
      </c>
      <c r="J3196" s="1" t="s">
        <v>11017</v>
      </c>
      <c r="K3196" s="1" t="s">
        <v>27</v>
      </c>
      <c r="L3196" s="1" t="s">
        <v>11104</v>
      </c>
      <c r="M3196" s="1" t="s">
        <v>5</v>
      </c>
      <c r="N3196" s="1" t="s">
        <v>6</v>
      </c>
      <c r="O3196" s="1" t="s">
        <v>8</v>
      </c>
      <c r="P3196" s="5" t="s">
        <v>29846</v>
      </c>
    </row>
    <row r="3197" spans="1:16" x14ac:dyDescent="0.2">
      <c r="A3197" s="1" t="s">
        <v>194</v>
      </c>
      <c r="B3197" s="1" t="s">
        <v>6479</v>
      </c>
      <c r="C3197" s="1" t="s">
        <v>11110</v>
      </c>
      <c r="D3197" s="1" t="s">
        <v>11111</v>
      </c>
      <c r="E3197" s="1" t="s">
        <v>11112</v>
      </c>
      <c r="F3197" s="1" t="s">
        <v>27</v>
      </c>
      <c r="G3197" s="1" t="s">
        <v>10</v>
      </c>
      <c r="H3197" s="1" t="s">
        <v>11113</v>
      </c>
      <c r="I3197" s="1" t="s">
        <v>10455</v>
      </c>
      <c r="J3197" s="1" t="s">
        <v>10594</v>
      </c>
      <c r="K3197" s="1" t="s">
        <v>27</v>
      </c>
      <c r="L3197" s="1" t="s">
        <v>11109</v>
      </c>
      <c r="M3197" s="1" t="s">
        <v>5</v>
      </c>
      <c r="N3197" s="1" t="s">
        <v>6</v>
      </c>
      <c r="O3197" s="1" t="s">
        <v>8</v>
      </c>
      <c r="P3197" s="5" t="s">
        <v>31426</v>
      </c>
    </row>
    <row r="3198" spans="1:16" x14ac:dyDescent="0.2">
      <c r="A3198" s="1" t="s">
        <v>194</v>
      </c>
      <c r="B3198" s="1" t="s">
        <v>6479</v>
      </c>
      <c r="C3198" s="1" t="s">
        <v>11115</v>
      </c>
      <c r="D3198" s="1" t="s">
        <v>11116</v>
      </c>
      <c r="E3198" s="1" t="s">
        <v>11117</v>
      </c>
      <c r="F3198" s="1" t="s">
        <v>27</v>
      </c>
      <c r="G3198" s="1" t="s">
        <v>10</v>
      </c>
      <c r="H3198" s="1" t="s">
        <v>11118</v>
      </c>
      <c r="I3198" s="1" t="s">
        <v>10455</v>
      </c>
      <c r="J3198" s="1" t="s">
        <v>10594</v>
      </c>
      <c r="K3198" s="1" t="s">
        <v>27</v>
      </c>
      <c r="L3198" s="1" t="s">
        <v>11114</v>
      </c>
      <c r="M3198" s="1" t="s">
        <v>5</v>
      </c>
      <c r="N3198" s="1" t="s">
        <v>6</v>
      </c>
      <c r="O3198" s="1" t="s">
        <v>8</v>
      </c>
      <c r="P3198" s="5" t="s">
        <v>31426</v>
      </c>
    </row>
    <row r="3199" spans="1:16" x14ac:dyDescent="0.2">
      <c r="A3199" s="1" t="s">
        <v>66</v>
      </c>
      <c r="B3199" s="1" t="s">
        <v>574</v>
      </c>
      <c r="C3199" s="1" t="s">
        <v>11120</v>
      </c>
      <c r="D3199" s="1" t="s">
        <v>11120</v>
      </c>
      <c r="E3199" s="1" t="s">
        <v>10687</v>
      </c>
      <c r="F3199" s="1" t="s">
        <v>414</v>
      </c>
      <c r="G3199" s="1" t="s">
        <v>1895</v>
      </c>
      <c r="H3199" s="1" t="s">
        <v>10</v>
      </c>
      <c r="I3199" s="1" t="s">
        <v>10455</v>
      </c>
      <c r="J3199" s="1" t="s">
        <v>11121</v>
      </c>
      <c r="K3199" s="1" t="s">
        <v>64</v>
      </c>
      <c r="L3199" s="1" t="s">
        <v>11119</v>
      </c>
      <c r="M3199" s="1" t="s">
        <v>5</v>
      </c>
      <c r="N3199" s="1" t="s">
        <v>960</v>
      </c>
      <c r="O3199" s="1" t="s">
        <v>8</v>
      </c>
      <c r="P3199" s="5" t="s">
        <v>29843</v>
      </c>
    </row>
    <row r="3200" spans="1:16" x14ac:dyDescent="0.2">
      <c r="A3200" s="1" t="s">
        <v>66</v>
      </c>
      <c r="B3200" s="1" t="s">
        <v>498</v>
      </c>
      <c r="C3200" s="1" t="s">
        <v>11124</v>
      </c>
      <c r="D3200" s="1" t="s">
        <v>11125</v>
      </c>
      <c r="E3200" s="1" t="s">
        <v>11127</v>
      </c>
      <c r="F3200" s="1" t="s">
        <v>10</v>
      </c>
      <c r="G3200" s="1" t="s">
        <v>10</v>
      </c>
      <c r="H3200" s="1" t="s">
        <v>10</v>
      </c>
      <c r="I3200" s="1" t="s">
        <v>10455</v>
      </c>
      <c r="J3200" s="1" t="s">
        <v>11126</v>
      </c>
      <c r="K3200" s="1" t="s">
        <v>7</v>
      </c>
      <c r="L3200" s="1" t="s">
        <v>11123</v>
      </c>
      <c r="M3200" s="1" t="s">
        <v>5</v>
      </c>
      <c r="N3200" s="1" t="s">
        <v>25</v>
      </c>
      <c r="O3200" s="1" t="s">
        <v>38</v>
      </c>
      <c r="P3200" s="5" t="s">
        <v>31427</v>
      </c>
    </row>
    <row r="3201" spans="1:16" x14ac:dyDescent="0.2">
      <c r="A3201" s="1" t="s">
        <v>194</v>
      </c>
      <c r="B3201" s="1" t="s">
        <v>396</v>
      </c>
      <c r="C3201" s="1" t="s">
        <v>11129</v>
      </c>
      <c r="D3201" s="1" t="s">
        <v>11130</v>
      </c>
      <c r="E3201" s="1" t="s">
        <v>11131</v>
      </c>
      <c r="F3201" s="1" t="s">
        <v>10</v>
      </c>
      <c r="G3201" s="1" t="s">
        <v>10</v>
      </c>
      <c r="H3201" s="1" t="s">
        <v>10</v>
      </c>
      <c r="I3201" s="1" t="s">
        <v>10455</v>
      </c>
      <c r="J3201" s="1" t="s">
        <v>11126</v>
      </c>
      <c r="K3201" s="1" t="s">
        <v>7</v>
      </c>
      <c r="L3201" s="1" t="s">
        <v>11128</v>
      </c>
      <c r="M3201" s="1" t="s">
        <v>5</v>
      </c>
      <c r="N3201" s="1" t="s">
        <v>25</v>
      </c>
      <c r="O3201" s="1" t="s">
        <v>38</v>
      </c>
      <c r="P3201" s="5" t="s">
        <v>30268</v>
      </c>
    </row>
    <row r="3202" spans="1:16" x14ac:dyDescent="0.2">
      <c r="A3202" s="1" t="s">
        <v>194</v>
      </c>
      <c r="B3202" s="1" t="s">
        <v>6479</v>
      </c>
      <c r="C3202" s="1" t="s">
        <v>11133</v>
      </c>
      <c r="D3202" s="1" t="s">
        <v>11134</v>
      </c>
      <c r="E3202" s="1" t="s">
        <v>11135</v>
      </c>
      <c r="F3202" s="1" t="s">
        <v>10</v>
      </c>
      <c r="G3202" s="1" t="s">
        <v>10</v>
      </c>
      <c r="H3202" s="1" t="s">
        <v>10</v>
      </c>
      <c r="I3202" s="1" t="s">
        <v>10455</v>
      </c>
      <c r="J3202" s="1" t="s">
        <v>11126</v>
      </c>
      <c r="K3202" s="1" t="s">
        <v>7</v>
      </c>
      <c r="L3202" s="1" t="s">
        <v>11132</v>
      </c>
      <c r="M3202" s="1" t="s">
        <v>5</v>
      </c>
      <c r="N3202" s="1" t="s">
        <v>25</v>
      </c>
      <c r="O3202" s="1" t="s">
        <v>38</v>
      </c>
      <c r="P3202" s="5" t="s">
        <v>30269</v>
      </c>
    </row>
    <row r="3203" spans="1:16" x14ac:dyDescent="0.2">
      <c r="A3203" s="1" t="s">
        <v>194</v>
      </c>
      <c r="B3203" s="1" t="s">
        <v>4492</v>
      </c>
      <c r="C3203" s="1" t="s">
        <v>11137</v>
      </c>
      <c r="D3203" s="1" t="s">
        <v>11138</v>
      </c>
      <c r="E3203" s="1" t="s">
        <v>11139</v>
      </c>
      <c r="F3203" s="1" t="s">
        <v>10</v>
      </c>
      <c r="G3203" s="1" t="s">
        <v>10</v>
      </c>
      <c r="H3203" s="1" t="s">
        <v>10</v>
      </c>
      <c r="I3203" s="1" t="s">
        <v>10455</v>
      </c>
      <c r="J3203" s="1" t="s">
        <v>11126</v>
      </c>
      <c r="K3203" s="1" t="s">
        <v>7</v>
      </c>
      <c r="L3203" s="1" t="s">
        <v>11136</v>
      </c>
      <c r="M3203" s="1" t="s">
        <v>5</v>
      </c>
      <c r="N3203" s="1" t="s">
        <v>25</v>
      </c>
      <c r="O3203" s="1" t="s">
        <v>38</v>
      </c>
      <c r="P3203" s="5" t="s">
        <v>30270</v>
      </c>
    </row>
    <row r="3204" spans="1:16" x14ac:dyDescent="0.2">
      <c r="A3204" s="1" t="s">
        <v>10</v>
      </c>
      <c r="B3204" s="1" t="s">
        <v>10</v>
      </c>
      <c r="C3204" s="1" t="s">
        <v>11141</v>
      </c>
      <c r="D3204" s="1" t="s">
        <v>11142</v>
      </c>
      <c r="E3204" s="1" t="s">
        <v>11143</v>
      </c>
      <c r="F3204" s="1" t="s">
        <v>10</v>
      </c>
      <c r="G3204" s="1" t="s">
        <v>10</v>
      </c>
      <c r="H3204" s="1" t="s">
        <v>10</v>
      </c>
      <c r="I3204" s="1" t="s">
        <v>10455</v>
      </c>
      <c r="J3204" s="1" t="s">
        <v>11126</v>
      </c>
      <c r="K3204" s="1" t="s">
        <v>7</v>
      </c>
      <c r="L3204" s="1" t="s">
        <v>11140</v>
      </c>
      <c r="M3204" s="1" t="s">
        <v>5</v>
      </c>
      <c r="N3204" s="1" t="s">
        <v>25</v>
      </c>
      <c r="O3204" s="1" t="s">
        <v>38</v>
      </c>
      <c r="P3204" s="5" t="s">
        <v>31428</v>
      </c>
    </row>
    <row r="3205" spans="1:16" x14ac:dyDescent="0.2">
      <c r="A3205" s="1" t="s">
        <v>20</v>
      </c>
      <c r="B3205" s="1" t="s">
        <v>99</v>
      </c>
      <c r="C3205" s="1" t="s">
        <v>11145</v>
      </c>
      <c r="D3205" s="1" t="s">
        <v>11146</v>
      </c>
      <c r="E3205" s="1" t="s">
        <v>11147</v>
      </c>
      <c r="F3205" s="1" t="s">
        <v>10</v>
      </c>
      <c r="G3205" s="1" t="s">
        <v>10</v>
      </c>
      <c r="H3205" s="1" t="s">
        <v>10</v>
      </c>
      <c r="I3205" s="1" t="s">
        <v>10455</v>
      </c>
      <c r="J3205" s="1" t="s">
        <v>10604</v>
      </c>
      <c r="K3205" s="1" t="s">
        <v>27</v>
      </c>
      <c r="L3205" s="1" t="s">
        <v>11144</v>
      </c>
      <c r="M3205" s="1" t="s">
        <v>5</v>
      </c>
      <c r="N3205" s="1" t="s">
        <v>10</v>
      </c>
      <c r="O3205" s="1" t="s">
        <v>8</v>
      </c>
      <c r="P3205" s="5" t="s">
        <v>30240</v>
      </c>
    </row>
    <row r="3206" spans="1:16" x14ac:dyDescent="0.2">
      <c r="A3206" s="1" t="s">
        <v>329</v>
      </c>
      <c r="B3206" s="1" t="s">
        <v>691</v>
      </c>
      <c r="C3206" s="1" t="s">
        <v>11149</v>
      </c>
      <c r="D3206" s="1" t="s">
        <v>11150</v>
      </c>
      <c r="E3206" s="1" t="s">
        <v>11151</v>
      </c>
      <c r="F3206" s="1" t="s">
        <v>10</v>
      </c>
      <c r="G3206" s="1" t="s">
        <v>10</v>
      </c>
      <c r="H3206" s="1" t="s">
        <v>2878</v>
      </c>
      <c r="I3206" s="1" t="s">
        <v>10455</v>
      </c>
      <c r="J3206" s="1" t="s">
        <v>10462</v>
      </c>
      <c r="K3206" s="1" t="s">
        <v>27</v>
      </c>
      <c r="L3206" s="1" t="s">
        <v>11148</v>
      </c>
      <c r="M3206" s="1" t="s">
        <v>5</v>
      </c>
      <c r="N3206" s="1" t="s">
        <v>1009</v>
      </c>
      <c r="O3206" s="1" t="s">
        <v>38</v>
      </c>
      <c r="P3206" s="5" t="s">
        <v>10</v>
      </c>
    </row>
    <row r="3207" spans="1:16" x14ac:dyDescent="0.2">
      <c r="A3207" s="1" t="s">
        <v>10</v>
      </c>
      <c r="B3207" s="1" t="s">
        <v>10</v>
      </c>
      <c r="C3207" s="1" t="s">
        <v>11153</v>
      </c>
      <c r="D3207" s="1" t="s">
        <v>11154</v>
      </c>
      <c r="E3207" s="1" t="s">
        <v>11155</v>
      </c>
      <c r="F3207" s="1" t="s">
        <v>10</v>
      </c>
      <c r="G3207" s="1" t="s">
        <v>10</v>
      </c>
      <c r="H3207" s="1" t="s">
        <v>2878</v>
      </c>
      <c r="I3207" s="1" t="s">
        <v>10455</v>
      </c>
      <c r="J3207" s="1" t="s">
        <v>10458</v>
      </c>
      <c r="K3207" s="1" t="s">
        <v>27</v>
      </c>
      <c r="L3207" s="1" t="s">
        <v>11152</v>
      </c>
      <c r="M3207" s="1" t="s">
        <v>5</v>
      </c>
      <c r="N3207" s="1" t="s">
        <v>6</v>
      </c>
      <c r="O3207" s="1" t="s">
        <v>38</v>
      </c>
      <c r="P3207" s="5" t="s">
        <v>10</v>
      </c>
    </row>
    <row r="3208" spans="1:16" x14ac:dyDescent="0.2">
      <c r="A3208" s="1" t="s">
        <v>329</v>
      </c>
      <c r="B3208" s="1" t="s">
        <v>691</v>
      </c>
      <c r="C3208" s="1" t="s">
        <v>11157</v>
      </c>
      <c r="D3208" s="1" t="s">
        <v>11157</v>
      </c>
      <c r="E3208" s="1" t="s">
        <v>11158</v>
      </c>
      <c r="F3208" s="1" t="s">
        <v>10</v>
      </c>
      <c r="G3208" s="1" t="s">
        <v>10</v>
      </c>
      <c r="H3208" s="1" t="s">
        <v>2878</v>
      </c>
      <c r="I3208" s="1" t="s">
        <v>10455</v>
      </c>
      <c r="J3208" s="1" t="s">
        <v>10462</v>
      </c>
      <c r="K3208" s="1" t="s">
        <v>27</v>
      </c>
      <c r="L3208" s="1" t="s">
        <v>11156</v>
      </c>
      <c r="M3208" s="1" t="s">
        <v>5</v>
      </c>
      <c r="N3208" s="1" t="s">
        <v>25</v>
      </c>
      <c r="O3208" s="1" t="s">
        <v>38</v>
      </c>
      <c r="P3208" s="5" t="s">
        <v>10</v>
      </c>
    </row>
    <row r="3209" spans="1:16" x14ac:dyDescent="0.2">
      <c r="A3209" s="1" t="s">
        <v>329</v>
      </c>
      <c r="B3209" s="1" t="s">
        <v>691</v>
      </c>
      <c r="C3209" s="1" t="s">
        <v>11160</v>
      </c>
      <c r="D3209" s="1" t="s">
        <v>11160</v>
      </c>
      <c r="E3209" s="1" t="s">
        <v>11161</v>
      </c>
      <c r="F3209" s="1" t="s">
        <v>10</v>
      </c>
      <c r="G3209" s="1" t="s">
        <v>10</v>
      </c>
      <c r="H3209" s="1" t="s">
        <v>2878</v>
      </c>
      <c r="I3209" s="1" t="s">
        <v>10455</v>
      </c>
      <c r="J3209" s="1" t="s">
        <v>10462</v>
      </c>
      <c r="K3209" s="1" t="s">
        <v>27</v>
      </c>
      <c r="L3209" s="1" t="s">
        <v>11159</v>
      </c>
      <c r="M3209" s="1" t="s">
        <v>5</v>
      </c>
      <c r="N3209" s="1" t="s">
        <v>1009</v>
      </c>
      <c r="O3209" s="1" t="s">
        <v>38</v>
      </c>
      <c r="P3209" s="5" t="s">
        <v>10</v>
      </c>
    </row>
    <row r="3210" spans="1:16" x14ac:dyDescent="0.2">
      <c r="A3210" s="1" t="s">
        <v>329</v>
      </c>
      <c r="B3210" s="1" t="s">
        <v>2120</v>
      </c>
      <c r="C3210" s="1" t="s">
        <v>11163</v>
      </c>
      <c r="D3210" s="1" t="s">
        <v>11164</v>
      </c>
      <c r="E3210" s="1" t="s">
        <v>11165</v>
      </c>
      <c r="F3210" s="1" t="s">
        <v>10</v>
      </c>
      <c r="G3210" s="1" t="s">
        <v>10</v>
      </c>
      <c r="H3210" s="1" t="s">
        <v>2878</v>
      </c>
      <c r="I3210" s="1" t="s">
        <v>10455</v>
      </c>
      <c r="J3210" s="1" t="s">
        <v>10462</v>
      </c>
      <c r="K3210" s="1" t="s">
        <v>27</v>
      </c>
      <c r="L3210" s="1" t="s">
        <v>11162</v>
      </c>
      <c r="M3210" s="1" t="s">
        <v>5</v>
      </c>
      <c r="N3210" s="1" t="s">
        <v>1009</v>
      </c>
      <c r="O3210" s="1" t="s">
        <v>38</v>
      </c>
      <c r="P3210" s="5" t="s">
        <v>10673</v>
      </c>
    </row>
    <row r="3211" spans="1:16" x14ac:dyDescent="0.2">
      <c r="A3211" s="1" t="s">
        <v>194</v>
      </c>
      <c r="B3211" s="1" t="s">
        <v>4492</v>
      </c>
      <c r="C3211" s="1" t="s">
        <v>11167</v>
      </c>
      <c r="D3211" s="1" t="s">
        <v>11168</v>
      </c>
      <c r="E3211" s="1" t="s">
        <v>11169</v>
      </c>
      <c r="F3211" s="1" t="s">
        <v>10</v>
      </c>
      <c r="G3211" s="1" t="s">
        <v>10</v>
      </c>
      <c r="H3211" s="1" t="s">
        <v>2878</v>
      </c>
      <c r="I3211" s="1" t="s">
        <v>10455</v>
      </c>
      <c r="J3211" s="1" t="s">
        <v>10462</v>
      </c>
      <c r="K3211" s="1" t="s">
        <v>27</v>
      </c>
      <c r="L3211" s="1" t="s">
        <v>11166</v>
      </c>
      <c r="M3211" s="1" t="s">
        <v>5</v>
      </c>
      <c r="N3211" s="1" t="s">
        <v>25</v>
      </c>
      <c r="O3211" s="1" t="s">
        <v>38</v>
      </c>
      <c r="P3211" s="5" t="s">
        <v>10</v>
      </c>
    </row>
    <row r="3212" spans="1:16" x14ac:dyDescent="0.2">
      <c r="A3212" s="1" t="s">
        <v>194</v>
      </c>
      <c r="B3212" s="1" t="s">
        <v>6481</v>
      </c>
      <c r="C3212" s="1" t="s">
        <v>11171</v>
      </c>
      <c r="D3212" s="1" t="s">
        <v>11172</v>
      </c>
      <c r="E3212" s="1" t="s">
        <v>11173</v>
      </c>
      <c r="F3212" s="1" t="s">
        <v>10</v>
      </c>
      <c r="G3212" s="1" t="s">
        <v>10</v>
      </c>
      <c r="H3212" s="1" t="s">
        <v>2878</v>
      </c>
      <c r="I3212" s="1" t="s">
        <v>10455</v>
      </c>
      <c r="J3212" s="1" t="s">
        <v>10462</v>
      </c>
      <c r="K3212" s="1" t="s">
        <v>27</v>
      </c>
      <c r="L3212" s="1" t="s">
        <v>11170</v>
      </c>
      <c r="M3212" s="1" t="s">
        <v>5</v>
      </c>
      <c r="N3212" s="1" t="s">
        <v>6</v>
      </c>
      <c r="O3212" s="1" t="s">
        <v>38</v>
      </c>
      <c r="P3212" s="5" t="s">
        <v>10</v>
      </c>
    </row>
    <row r="3213" spans="1:16" x14ac:dyDescent="0.2">
      <c r="A3213" s="1" t="s">
        <v>66</v>
      </c>
      <c r="B3213" s="1" t="s">
        <v>1127</v>
      </c>
      <c r="C3213" s="1" t="s">
        <v>11175</v>
      </c>
      <c r="D3213" s="1" t="s">
        <v>11176</v>
      </c>
      <c r="E3213" s="1" t="s">
        <v>11177</v>
      </c>
      <c r="F3213" s="1" t="s">
        <v>10</v>
      </c>
      <c r="G3213" s="1" t="s">
        <v>10</v>
      </c>
      <c r="H3213" s="1" t="s">
        <v>2878</v>
      </c>
      <c r="I3213" s="1" t="s">
        <v>10455</v>
      </c>
      <c r="J3213" s="1" t="s">
        <v>10462</v>
      </c>
      <c r="K3213" s="1" t="s">
        <v>27</v>
      </c>
      <c r="L3213" s="1" t="s">
        <v>11174</v>
      </c>
      <c r="M3213" s="1" t="s">
        <v>5</v>
      </c>
      <c r="N3213" s="1" t="s">
        <v>6</v>
      </c>
      <c r="O3213" s="1" t="s">
        <v>38</v>
      </c>
      <c r="P3213" s="5" t="s">
        <v>10</v>
      </c>
    </row>
    <row r="3214" spans="1:16" x14ac:dyDescent="0.2">
      <c r="A3214" s="1" t="s">
        <v>329</v>
      </c>
      <c r="B3214" s="1" t="s">
        <v>2120</v>
      </c>
      <c r="C3214" s="1" t="s">
        <v>11179</v>
      </c>
      <c r="D3214" s="1" t="s">
        <v>11180</v>
      </c>
      <c r="E3214" s="1" t="s">
        <v>11181</v>
      </c>
      <c r="F3214" s="1" t="s">
        <v>10</v>
      </c>
      <c r="G3214" s="1" t="s">
        <v>10</v>
      </c>
      <c r="H3214" s="1" t="s">
        <v>2878</v>
      </c>
      <c r="I3214" s="1" t="s">
        <v>10455</v>
      </c>
      <c r="J3214" s="1" t="s">
        <v>10652</v>
      </c>
      <c r="K3214" s="1" t="s">
        <v>27</v>
      </c>
      <c r="L3214" s="1" t="s">
        <v>11178</v>
      </c>
      <c r="M3214" s="1" t="s">
        <v>5</v>
      </c>
      <c r="N3214" s="1" t="s">
        <v>1009</v>
      </c>
      <c r="O3214" s="1" t="s">
        <v>38</v>
      </c>
      <c r="P3214" s="5" t="s">
        <v>10</v>
      </c>
    </row>
    <row r="3215" spans="1:16" x14ac:dyDescent="0.2">
      <c r="A3215" s="1" t="s">
        <v>194</v>
      </c>
      <c r="B3215" s="1" t="s">
        <v>4492</v>
      </c>
      <c r="C3215" s="1" t="s">
        <v>11183</v>
      </c>
      <c r="D3215" s="1" t="s">
        <v>10921</v>
      </c>
      <c r="E3215" s="1" t="s">
        <v>11184</v>
      </c>
      <c r="F3215" s="1" t="s">
        <v>10</v>
      </c>
      <c r="G3215" s="1" t="s">
        <v>10</v>
      </c>
      <c r="H3215" s="1" t="s">
        <v>2878</v>
      </c>
      <c r="I3215" s="1" t="s">
        <v>10455</v>
      </c>
      <c r="J3215" s="1" t="s">
        <v>10652</v>
      </c>
      <c r="K3215" s="1" t="s">
        <v>27</v>
      </c>
      <c r="L3215" s="1" t="s">
        <v>11182</v>
      </c>
      <c r="M3215" s="1" t="s">
        <v>5</v>
      </c>
      <c r="N3215" s="1" t="s">
        <v>6</v>
      </c>
      <c r="O3215" s="1" t="s">
        <v>8</v>
      </c>
      <c r="P3215" s="5" t="s">
        <v>30271</v>
      </c>
    </row>
    <row r="3216" spans="1:16" x14ac:dyDescent="0.2">
      <c r="A3216" s="1" t="s">
        <v>329</v>
      </c>
      <c r="B3216" s="1" t="s">
        <v>691</v>
      </c>
      <c r="C3216" s="1" t="s">
        <v>11186</v>
      </c>
      <c r="D3216" s="1" t="s">
        <v>11187</v>
      </c>
      <c r="E3216" s="1" t="s">
        <v>11188</v>
      </c>
      <c r="F3216" s="1" t="s">
        <v>10</v>
      </c>
      <c r="G3216" s="1" t="s">
        <v>10</v>
      </c>
      <c r="H3216" s="1" t="s">
        <v>2878</v>
      </c>
      <c r="I3216" s="1" t="s">
        <v>10455</v>
      </c>
      <c r="J3216" s="1" t="s">
        <v>10652</v>
      </c>
      <c r="K3216" s="1" t="s">
        <v>27</v>
      </c>
      <c r="L3216" s="1" t="s">
        <v>11185</v>
      </c>
      <c r="M3216" s="1" t="s">
        <v>5</v>
      </c>
      <c r="N3216" s="1" t="s">
        <v>1009</v>
      </c>
      <c r="O3216" s="1" t="s">
        <v>38</v>
      </c>
      <c r="P3216" s="5" t="s">
        <v>30271</v>
      </c>
    </row>
    <row r="3217" spans="1:16" x14ac:dyDescent="0.2">
      <c r="A3217" s="1" t="s">
        <v>66</v>
      </c>
      <c r="B3217" s="1" t="s">
        <v>1127</v>
      </c>
      <c r="C3217" s="1" t="s">
        <v>11190</v>
      </c>
      <c r="D3217" s="1" t="s">
        <v>11191</v>
      </c>
      <c r="E3217" s="1" t="s">
        <v>11192</v>
      </c>
      <c r="F3217" s="1" t="s">
        <v>10</v>
      </c>
      <c r="G3217" s="1" t="s">
        <v>10</v>
      </c>
      <c r="H3217" s="1" t="s">
        <v>2878</v>
      </c>
      <c r="I3217" s="1" t="s">
        <v>10455</v>
      </c>
      <c r="J3217" s="1" t="s">
        <v>10652</v>
      </c>
      <c r="K3217" s="1" t="s">
        <v>27</v>
      </c>
      <c r="L3217" s="1" t="s">
        <v>11189</v>
      </c>
      <c r="M3217" s="1" t="s">
        <v>5</v>
      </c>
      <c r="N3217" s="1" t="s">
        <v>6</v>
      </c>
      <c r="O3217" s="1" t="s">
        <v>38</v>
      </c>
      <c r="P3217" s="5" t="s">
        <v>30271</v>
      </c>
    </row>
    <row r="3218" spans="1:16" x14ac:dyDescent="0.2">
      <c r="A3218" s="1" t="s">
        <v>10</v>
      </c>
      <c r="B3218" s="1" t="s">
        <v>10</v>
      </c>
      <c r="C3218" s="1" t="s">
        <v>11194</v>
      </c>
      <c r="D3218" s="1" t="s">
        <v>11195</v>
      </c>
      <c r="E3218" s="1" t="s">
        <v>11196</v>
      </c>
      <c r="F3218" s="1" t="s">
        <v>10</v>
      </c>
      <c r="G3218" s="1" t="s">
        <v>10</v>
      </c>
      <c r="H3218" s="1" t="s">
        <v>2878</v>
      </c>
      <c r="I3218" s="1" t="s">
        <v>10455</v>
      </c>
      <c r="J3218" s="1" t="s">
        <v>10652</v>
      </c>
      <c r="K3218" s="1" t="s">
        <v>27</v>
      </c>
      <c r="L3218" s="1" t="s">
        <v>11193</v>
      </c>
      <c r="M3218" s="1" t="s">
        <v>5</v>
      </c>
      <c r="N3218" s="1" t="s">
        <v>25</v>
      </c>
      <c r="O3218" s="1" t="s">
        <v>38</v>
      </c>
      <c r="P3218" s="5" t="s">
        <v>10</v>
      </c>
    </row>
    <row r="3219" spans="1:16" x14ac:dyDescent="0.2">
      <c r="A3219" s="1" t="s">
        <v>2187</v>
      </c>
      <c r="B3219" s="1" t="s">
        <v>10965</v>
      </c>
      <c r="C3219" s="1" t="s">
        <v>11198</v>
      </c>
      <c r="D3219" s="1" t="s">
        <v>11199</v>
      </c>
      <c r="E3219" s="1" t="s">
        <v>11200</v>
      </c>
      <c r="F3219" s="1" t="s">
        <v>10</v>
      </c>
      <c r="G3219" s="1" t="s">
        <v>10</v>
      </c>
      <c r="H3219" s="1" t="s">
        <v>2878</v>
      </c>
      <c r="I3219" s="1" t="s">
        <v>10455</v>
      </c>
      <c r="J3219" s="1" t="s">
        <v>10652</v>
      </c>
      <c r="K3219" s="1" t="s">
        <v>27</v>
      </c>
      <c r="L3219" s="1" t="s">
        <v>11197</v>
      </c>
      <c r="M3219" s="1" t="s">
        <v>5</v>
      </c>
      <c r="N3219" s="1" t="s">
        <v>6</v>
      </c>
      <c r="O3219" s="1" t="s">
        <v>38</v>
      </c>
      <c r="P3219" s="5" t="s">
        <v>30272</v>
      </c>
    </row>
    <row r="3220" spans="1:16" x14ac:dyDescent="0.2">
      <c r="A3220" s="1" t="s">
        <v>194</v>
      </c>
      <c r="B3220" s="1" t="s">
        <v>4492</v>
      </c>
      <c r="C3220" s="1" t="s">
        <v>11202</v>
      </c>
      <c r="D3220" s="1" t="s">
        <v>11203</v>
      </c>
      <c r="E3220" s="1" t="s">
        <v>11204</v>
      </c>
      <c r="F3220" s="1" t="s">
        <v>10</v>
      </c>
      <c r="G3220" s="1" t="s">
        <v>10</v>
      </c>
      <c r="H3220" s="1" t="s">
        <v>2878</v>
      </c>
      <c r="I3220" s="1" t="s">
        <v>10455</v>
      </c>
      <c r="J3220" s="1" t="s">
        <v>10652</v>
      </c>
      <c r="K3220" s="1" t="s">
        <v>27</v>
      </c>
      <c r="L3220" s="1" t="s">
        <v>11201</v>
      </c>
      <c r="M3220" s="1" t="s">
        <v>5</v>
      </c>
      <c r="N3220" s="1" t="s">
        <v>25</v>
      </c>
      <c r="O3220" s="1" t="s">
        <v>38</v>
      </c>
      <c r="P3220" s="5" t="s">
        <v>10</v>
      </c>
    </row>
    <row r="3221" spans="1:16" x14ac:dyDescent="0.2">
      <c r="A3221" s="1" t="s">
        <v>10</v>
      </c>
      <c r="B3221" s="1" t="s">
        <v>10</v>
      </c>
      <c r="C3221" s="1" t="s">
        <v>11206</v>
      </c>
      <c r="D3221" s="1" t="s">
        <v>11207</v>
      </c>
      <c r="E3221" s="1" t="s">
        <v>11208</v>
      </c>
      <c r="F3221" s="1" t="s">
        <v>10</v>
      </c>
      <c r="G3221" s="1" t="s">
        <v>10</v>
      </c>
      <c r="H3221" s="1" t="s">
        <v>2878</v>
      </c>
      <c r="I3221" s="1" t="s">
        <v>10455</v>
      </c>
      <c r="J3221" s="1" t="s">
        <v>10652</v>
      </c>
      <c r="K3221" s="1" t="s">
        <v>27</v>
      </c>
      <c r="L3221" s="1" t="s">
        <v>11205</v>
      </c>
      <c r="M3221" s="1" t="s">
        <v>5</v>
      </c>
      <c r="N3221" s="1" t="s">
        <v>1009</v>
      </c>
      <c r="O3221" s="1" t="s">
        <v>38</v>
      </c>
      <c r="P3221" s="5" t="s">
        <v>10</v>
      </c>
    </row>
    <row r="3222" spans="1:16" x14ac:dyDescent="0.2">
      <c r="A3222" s="1" t="s">
        <v>10</v>
      </c>
      <c r="B3222" s="1" t="s">
        <v>10</v>
      </c>
      <c r="C3222" s="1" t="s">
        <v>11210</v>
      </c>
      <c r="D3222" s="1" t="s">
        <v>11211</v>
      </c>
      <c r="E3222" s="1" t="s">
        <v>11212</v>
      </c>
      <c r="F3222" s="1" t="s">
        <v>10</v>
      </c>
      <c r="G3222" s="1" t="s">
        <v>10</v>
      </c>
      <c r="H3222" s="1" t="s">
        <v>2878</v>
      </c>
      <c r="I3222" s="1" t="s">
        <v>10455</v>
      </c>
      <c r="J3222" s="1" t="s">
        <v>10652</v>
      </c>
      <c r="K3222" s="1" t="s">
        <v>27</v>
      </c>
      <c r="L3222" s="1" t="s">
        <v>11209</v>
      </c>
      <c r="M3222" s="1" t="s">
        <v>5</v>
      </c>
      <c r="N3222" s="1" t="s">
        <v>1009</v>
      </c>
      <c r="O3222" s="1" t="s">
        <v>38</v>
      </c>
      <c r="P3222" s="5" t="s">
        <v>10</v>
      </c>
    </row>
    <row r="3223" spans="1:16" x14ac:dyDescent="0.2">
      <c r="A3223" s="1" t="s">
        <v>10</v>
      </c>
      <c r="B3223" s="1" t="s">
        <v>10</v>
      </c>
      <c r="C3223" s="1" t="s">
        <v>11214</v>
      </c>
      <c r="D3223" s="1" t="s">
        <v>1363</v>
      </c>
      <c r="E3223" s="1" t="s">
        <v>11215</v>
      </c>
      <c r="F3223" s="1" t="s">
        <v>10</v>
      </c>
      <c r="G3223" s="1" t="s">
        <v>10</v>
      </c>
      <c r="H3223" s="1" t="s">
        <v>2878</v>
      </c>
      <c r="I3223" s="1" t="s">
        <v>10455</v>
      </c>
      <c r="J3223" s="1" t="s">
        <v>10652</v>
      </c>
      <c r="K3223" s="1" t="s">
        <v>27</v>
      </c>
      <c r="L3223" s="1" t="s">
        <v>11213</v>
      </c>
      <c r="M3223" s="1" t="s">
        <v>5</v>
      </c>
      <c r="N3223" s="1" t="s">
        <v>1009</v>
      </c>
      <c r="O3223" s="1" t="s">
        <v>38</v>
      </c>
      <c r="P3223" s="5" t="s">
        <v>10</v>
      </c>
    </row>
    <row r="3224" spans="1:16" x14ac:dyDescent="0.2">
      <c r="A3224" s="1" t="s">
        <v>10</v>
      </c>
      <c r="B3224" s="1" t="s">
        <v>10</v>
      </c>
      <c r="C3224" s="1" t="s">
        <v>11094</v>
      </c>
      <c r="D3224" s="1" t="s">
        <v>1813</v>
      </c>
      <c r="E3224" s="1" t="s">
        <v>11217</v>
      </c>
      <c r="F3224" s="1" t="s">
        <v>10</v>
      </c>
      <c r="G3224" s="1" t="s">
        <v>10</v>
      </c>
      <c r="H3224" s="1" t="s">
        <v>2878</v>
      </c>
      <c r="I3224" s="1" t="s">
        <v>10455</v>
      </c>
      <c r="J3224" s="1" t="s">
        <v>10462</v>
      </c>
      <c r="K3224" s="1" t="s">
        <v>27</v>
      </c>
      <c r="L3224" s="1" t="s">
        <v>11216</v>
      </c>
      <c r="M3224" s="1" t="s">
        <v>5</v>
      </c>
      <c r="N3224" s="1" t="s">
        <v>25</v>
      </c>
      <c r="O3224" s="1" t="s">
        <v>38</v>
      </c>
      <c r="P3224" s="5" t="s">
        <v>10</v>
      </c>
    </row>
    <row r="3225" spans="1:16" x14ac:dyDescent="0.2">
      <c r="A3225" s="1" t="s">
        <v>10</v>
      </c>
      <c r="B3225" s="1" t="s">
        <v>10</v>
      </c>
      <c r="C3225" s="1" t="s">
        <v>11219</v>
      </c>
      <c r="D3225" s="1" t="s">
        <v>11220</v>
      </c>
      <c r="E3225" s="1" t="s">
        <v>11221</v>
      </c>
      <c r="F3225" s="1" t="s">
        <v>10</v>
      </c>
      <c r="G3225" s="1" t="s">
        <v>10</v>
      </c>
      <c r="H3225" s="1" t="s">
        <v>2878</v>
      </c>
      <c r="I3225" s="1" t="s">
        <v>10455</v>
      </c>
      <c r="J3225" s="1" t="s">
        <v>10462</v>
      </c>
      <c r="K3225" s="1" t="s">
        <v>27</v>
      </c>
      <c r="L3225" s="1" t="s">
        <v>11218</v>
      </c>
      <c r="M3225" s="1" t="s">
        <v>5</v>
      </c>
      <c r="N3225" s="1" t="s">
        <v>1009</v>
      </c>
      <c r="O3225" s="1" t="s">
        <v>38</v>
      </c>
      <c r="P3225" s="5" t="s">
        <v>10</v>
      </c>
    </row>
    <row r="3226" spans="1:16" x14ac:dyDescent="0.2">
      <c r="A3226" s="1" t="s">
        <v>10</v>
      </c>
      <c r="B3226" s="1" t="s">
        <v>10</v>
      </c>
      <c r="C3226" s="1" t="s">
        <v>11223</v>
      </c>
      <c r="D3226" s="1" t="s">
        <v>11224</v>
      </c>
      <c r="E3226" s="1" t="s">
        <v>11225</v>
      </c>
      <c r="F3226" s="1" t="s">
        <v>10</v>
      </c>
      <c r="G3226" s="1" t="s">
        <v>10</v>
      </c>
      <c r="H3226" s="1" t="s">
        <v>2878</v>
      </c>
      <c r="I3226" s="1" t="s">
        <v>10455</v>
      </c>
      <c r="J3226" s="1" t="s">
        <v>10462</v>
      </c>
      <c r="K3226" s="1" t="s">
        <v>27</v>
      </c>
      <c r="L3226" s="1" t="s">
        <v>11222</v>
      </c>
      <c r="M3226" s="1" t="s">
        <v>5</v>
      </c>
      <c r="N3226" s="1" t="s">
        <v>1009</v>
      </c>
      <c r="O3226" s="1" t="s">
        <v>38</v>
      </c>
      <c r="P3226" s="5" t="s">
        <v>10</v>
      </c>
    </row>
    <row r="3227" spans="1:16" x14ac:dyDescent="0.2">
      <c r="A3227" s="1" t="s">
        <v>10</v>
      </c>
      <c r="B3227" s="1" t="s">
        <v>10</v>
      </c>
      <c r="C3227" s="1" t="s">
        <v>11227</v>
      </c>
      <c r="D3227" s="1" t="s">
        <v>11228</v>
      </c>
      <c r="E3227" s="1" t="s">
        <v>11229</v>
      </c>
      <c r="F3227" s="1" t="s">
        <v>10</v>
      </c>
      <c r="G3227" s="1" t="s">
        <v>10</v>
      </c>
      <c r="H3227" s="1" t="s">
        <v>2878</v>
      </c>
      <c r="I3227" s="1" t="s">
        <v>10455</v>
      </c>
      <c r="J3227" s="1" t="s">
        <v>10462</v>
      </c>
      <c r="K3227" s="1" t="s">
        <v>27</v>
      </c>
      <c r="L3227" s="1" t="s">
        <v>11226</v>
      </c>
      <c r="M3227" s="1" t="s">
        <v>5</v>
      </c>
      <c r="N3227" s="1" t="s">
        <v>1009</v>
      </c>
      <c r="O3227" s="1" t="s">
        <v>38</v>
      </c>
      <c r="P3227" s="5" t="s">
        <v>10</v>
      </c>
    </row>
    <row r="3228" spans="1:16" x14ac:dyDescent="0.2">
      <c r="A3228" s="1" t="s">
        <v>10</v>
      </c>
      <c r="B3228" s="1" t="s">
        <v>10</v>
      </c>
      <c r="C3228" s="1" t="s">
        <v>11231</v>
      </c>
      <c r="D3228" s="1" t="s">
        <v>11232</v>
      </c>
      <c r="E3228" s="1" t="s">
        <v>11233</v>
      </c>
      <c r="F3228" s="1" t="s">
        <v>10</v>
      </c>
      <c r="G3228" s="1" t="s">
        <v>10</v>
      </c>
      <c r="H3228" s="1" t="s">
        <v>2878</v>
      </c>
      <c r="I3228" s="1" t="s">
        <v>10455</v>
      </c>
      <c r="J3228" s="1" t="s">
        <v>10462</v>
      </c>
      <c r="K3228" s="1" t="s">
        <v>27</v>
      </c>
      <c r="L3228" s="1" t="s">
        <v>11230</v>
      </c>
      <c r="M3228" s="1" t="s">
        <v>5</v>
      </c>
      <c r="N3228" s="1" t="s">
        <v>6</v>
      </c>
      <c r="O3228" s="1" t="s">
        <v>38</v>
      </c>
      <c r="P3228" s="5" t="s">
        <v>10</v>
      </c>
    </row>
    <row r="3229" spans="1:16" x14ac:dyDescent="0.2">
      <c r="A3229" s="1" t="s">
        <v>10</v>
      </c>
      <c r="B3229" s="1" t="s">
        <v>10</v>
      </c>
      <c r="C3229" s="1" t="s">
        <v>11235</v>
      </c>
      <c r="D3229" s="1" t="s">
        <v>11236</v>
      </c>
      <c r="E3229" s="1" t="s">
        <v>11237</v>
      </c>
      <c r="F3229" s="1" t="s">
        <v>10</v>
      </c>
      <c r="G3229" s="1" t="s">
        <v>10</v>
      </c>
      <c r="H3229" s="1" t="s">
        <v>2878</v>
      </c>
      <c r="I3229" s="1" t="s">
        <v>10455</v>
      </c>
      <c r="J3229" s="1" t="s">
        <v>10462</v>
      </c>
      <c r="K3229" s="1" t="s">
        <v>27</v>
      </c>
      <c r="L3229" s="1" t="s">
        <v>11234</v>
      </c>
      <c r="M3229" s="1" t="s">
        <v>5</v>
      </c>
      <c r="N3229" s="1" t="s">
        <v>25</v>
      </c>
      <c r="O3229" s="1" t="s">
        <v>38</v>
      </c>
      <c r="P3229" s="5" t="s">
        <v>10</v>
      </c>
    </row>
    <row r="3230" spans="1:16" x14ac:dyDescent="0.2">
      <c r="A3230" s="1" t="s">
        <v>194</v>
      </c>
      <c r="B3230" s="1" t="s">
        <v>4492</v>
      </c>
      <c r="C3230" s="1" t="s">
        <v>11239</v>
      </c>
      <c r="D3230" s="1" t="s">
        <v>11240</v>
      </c>
      <c r="E3230" s="1" t="s">
        <v>11241</v>
      </c>
      <c r="F3230" s="1" t="s">
        <v>10</v>
      </c>
      <c r="G3230" s="1" t="s">
        <v>10</v>
      </c>
      <c r="H3230" s="1" t="s">
        <v>10</v>
      </c>
      <c r="I3230" s="1" t="s">
        <v>10455</v>
      </c>
      <c r="J3230" s="1" t="s">
        <v>10462</v>
      </c>
      <c r="K3230" s="1" t="s">
        <v>27</v>
      </c>
      <c r="L3230" s="1" t="s">
        <v>11238</v>
      </c>
      <c r="M3230" s="1" t="s">
        <v>5</v>
      </c>
      <c r="N3230" s="1" t="s">
        <v>1009</v>
      </c>
      <c r="O3230" s="1" t="s">
        <v>38</v>
      </c>
      <c r="P3230" s="5"/>
    </row>
    <row r="3231" spans="1:16" x14ac:dyDescent="0.2">
      <c r="A3231" s="1" t="s">
        <v>194</v>
      </c>
      <c r="B3231" s="1" t="s">
        <v>4492</v>
      </c>
      <c r="C3231" s="1" t="s">
        <v>11243</v>
      </c>
      <c r="D3231" s="1" t="s">
        <v>11243</v>
      </c>
      <c r="E3231" s="1" t="s">
        <v>11244</v>
      </c>
      <c r="F3231" s="1" t="s">
        <v>10</v>
      </c>
      <c r="G3231" s="1" t="s">
        <v>10</v>
      </c>
      <c r="H3231" s="1" t="s">
        <v>10</v>
      </c>
      <c r="I3231" s="1" t="s">
        <v>10455</v>
      </c>
      <c r="J3231" s="1" t="s">
        <v>10462</v>
      </c>
      <c r="K3231" s="1" t="s">
        <v>27</v>
      </c>
      <c r="L3231" s="1" t="s">
        <v>11242</v>
      </c>
      <c r="M3231" s="1" t="s">
        <v>5</v>
      </c>
      <c r="N3231" s="1" t="s">
        <v>1009</v>
      </c>
      <c r="O3231" s="1" t="s">
        <v>38</v>
      </c>
      <c r="P3231" s="5"/>
    </row>
    <row r="3232" spans="1:16" x14ac:dyDescent="0.2">
      <c r="A3232" s="1" t="s">
        <v>194</v>
      </c>
      <c r="B3232" s="1" t="s">
        <v>396</v>
      </c>
      <c r="C3232" s="1" t="s">
        <v>11246</v>
      </c>
      <c r="D3232" s="1" t="s">
        <v>11246</v>
      </c>
      <c r="E3232" s="1" t="s">
        <v>11247</v>
      </c>
      <c r="F3232" s="1" t="s">
        <v>10</v>
      </c>
      <c r="G3232" s="1" t="s">
        <v>10</v>
      </c>
      <c r="H3232" s="1" t="s">
        <v>10</v>
      </c>
      <c r="I3232" s="1" t="s">
        <v>10455</v>
      </c>
      <c r="J3232" s="1" t="s">
        <v>11126</v>
      </c>
      <c r="K3232" s="1" t="s">
        <v>7</v>
      </c>
      <c r="L3232" s="1" t="s">
        <v>11245</v>
      </c>
      <c r="M3232" s="1" t="s">
        <v>5</v>
      </c>
      <c r="N3232" s="1" t="s">
        <v>6</v>
      </c>
      <c r="O3232" s="1" t="s">
        <v>38</v>
      </c>
      <c r="P3232" s="5" t="s">
        <v>31429</v>
      </c>
    </row>
    <row r="3233" spans="1:16" x14ac:dyDescent="0.2">
      <c r="A3233" s="1" t="s">
        <v>66</v>
      </c>
      <c r="B3233" s="1" t="s">
        <v>67</v>
      </c>
      <c r="C3233" s="1" t="s">
        <v>11249</v>
      </c>
      <c r="D3233" s="1" t="s">
        <v>11249</v>
      </c>
      <c r="E3233" s="1" t="s">
        <v>11250</v>
      </c>
      <c r="F3233" s="1" t="s">
        <v>10</v>
      </c>
      <c r="G3233" s="1" t="s">
        <v>10</v>
      </c>
      <c r="H3233" s="1" t="s">
        <v>10</v>
      </c>
      <c r="I3233" s="1" t="s">
        <v>10455</v>
      </c>
      <c r="J3233" s="1" t="s">
        <v>11126</v>
      </c>
      <c r="K3233" s="1" t="s">
        <v>7</v>
      </c>
      <c r="L3233" s="1" t="s">
        <v>11248</v>
      </c>
      <c r="M3233" s="1" t="s">
        <v>5</v>
      </c>
      <c r="N3233" s="1" t="s">
        <v>25</v>
      </c>
      <c r="O3233" s="1" t="s">
        <v>38</v>
      </c>
      <c r="P3233" s="5" t="s">
        <v>30273</v>
      </c>
    </row>
    <row r="3234" spans="1:16" x14ac:dyDescent="0.2">
      <c r="A3234" s="1" t="s">
        <v>32</v>
      </c>
      <c r="B3234" s="1" t="s">
        <v>3895</v>
      </c>
      <c r="C3234" s="1" t="s">
        <v>11253</v>
      </c>
      <c r="D3234" s="1" t="s">
        <v>11254</v>
      </c>
      <c r="E3234" s="1" t="s">
        <v>11255</v>
      </c>
      <c r="F3234" s="1" t="s">
        <v>10</v>
      </c>
      <c r="G3234" s="1" t="s">
        <v>10</v>
      </c>
      <c r="H3234" s="1" t="s">
        <v>2878</v>
      </c>
      <c r="I3234" s="1" t="s">
        <v>10455</v>
      </c>
      <c r="J3234" s="1" t="s">
        <v>10462</v>
      </c>
      <c r="K3234" s="1" t="s">
        <v>27</v>
      </c>
      <c r="L3234" s="1" t="s">
        <v>11252</v>
      </c>
      <c r="M3234" s="1" t="s">
        <v>5</v>
      </c>
      <c r="N3234" s="1" t="s">
        <v>1009</v>
      </c>
      <c r="O3234" s="1" t="s">
        <v>38</v>
      </c>
      <c r="P3234" s="5"/>
    </row>
    <row r="3235" spans="1:16" x14ac:dyDescent="0.2">
      <c r="A3235" s="1" t="s">
        <v>10</v>
      </c>
      <c r="B3235" s="1" t="s">
        <v>10</v>
      </c>
      <c r="C3235" s="1" t="s">
        <v>11257</v>
      </c>
      <c r="D3235" s="1" t="s">
        <v>11258</v>
      </c>
      <c r="E3235" s="1"/>
      <c r="F3235" s="1" t="s">
        <v>10</v>
      </c>
      <c r="G3235" s="1" t="s">
        <v>10</v>
      </c>
      <c r="H3235" s="1" t="s">
        <v>10</v>
      </c>
      <c r="I3235" s="1" t="s">
        <v>10455</v>
      </c>
      <c r="J3235" s="1" t="s">
        <v>10478</v>
      </c>
      <c r="K3235" s="1" t="s">
        <v>27</v>
      </c>
      <c r="L3235" s="1" t="s">
        <v>11256</v>
      </c>
      <c r="M3235" s="1" t="s">
        <v>5</v>
      </c>
      <c r="N3235" s="1" t="s">
        <v>10</v>
      </c>
      <c r="O3235" s="1" t="s">
        <v>38</v>
      </c>
      <c r="P3235" s="5" t="s">
        <v>30274</v>
      </c>
    </row>
    <row r="3236" spans="1:16" x14ac:dyDescent="0.2">
      <c r="A3236" s="1" t="s">
        <v>20</v>
      </c>
      <c r="B3236" s="1" t="s">
        <v>445</v>
      </c>
      <c r="C3236" s="1" t="s">
        <v>11260</v>
      </c>
      <c r="D3236" s="1" t="s">
        <v>11260</v>
      </c>
      <c r="E3236" s="1" t="s">
        <v>11261</v>
      </c>
      <c r="F3236" s="1" t="s">
        <v>10</v>
      </c>
      <c r="G3236" s="1" t="s">
        <v>10</v>
      </c>
      <c r="H3236" s="1" t="s">
        <v>10</v>
      </c>
      <c r="I3236" s="1" t="s">
        <v>10455</v>
      </c>
      <c r="J3236" s="1" t="s">
        <v>10604</v>
      </c>
      <c r="K3236" s="1" t="s">
        <v>27</v>
      </c>
      <c r="L3236" s="1" t="s">
        <v>11259</v>
      </c>
      <c r="M3236" s="1" t="s">
        <v>5</v>
      </c>
      <c r="N3236" s="1" t="s">
        <v>10</v>
      </c>
      <c r="O3236" s="1" t="s">
        <v>38</v>
      </c>
      <c r="P3236" s="5" t="s">
        <v>30428</v>
      </c>
    </row>
    <row r="3237" spans="1:16" x14ac:dyDescent="0.2">
      <c r="A3237" s="1" t="s">
        <v>20</v>
      </c>
      <c r="B3237" s="1" t="s">
        <v>99</v>
      </c>
      <c r="C3237" s="1" t="s">
        <v>11263</v>
      </c>
      <c r="D3237" s="1" t="s">
        <v>11264</v>
      </c>
      <c r="E3237" s="1" t="s">
        <v>11265</v>
      </c>
      <c r="F3237" s="1" t="s">
        <v>10</v>
      </c>
      <c r="G3237" s="1" t="s">
        <v>10</v>
      </c>
      <c r="H3237" s="1" t="s">
        <v>10</v>
      </c>
      <c r="I3237" s="1" t="s">
        <v>10455</v>
      </c>
      <c r="J3237" s="1" t="s">
        <v>10604</v>
      </c>
      <c r="K3237" s="1" t="s">
        <v>27</v>
      </c>
      <c r="L3237" s="1" t="s">
        <v>11262</v>
      </c>
      <c r="M3237" s="1" t="s">
        <v>5</v>
      </c>
      <c r="N3237" s="1" t="s">
        <v>10</v>
      </c>
      <c r="O3237" s="1" t="s">
        <v>8</v>
      </c>
      <c r="P3237" s="5" t="s">
        <v>32746</v>
      </c>
    </row>
    <row r="3238" spans="1:16" x14ac:dyDescent="0.2">
      <c r="A3238" s="1" t="s">
        <v>20</v>
      </c>
      <c r="B3238" s="1" t="s">
        <v>99</v>
      </c>
      <c r="C3238" s="1" t="s">
        <v>11267</v>
      </c>
      <c r="D3238" s="1" t="s">
        <v>11268</v>
      </c>
      <c r="E3238" s="1" t="s">
        <v>11269</v>
      </c>
      <c r="F3238" s="1" t="s">
        <v>10</v>
      </c>
      <c r="G3238" s="1" t="s">
        <v>10</v>
      </c>
      <c r="H3238" s="1" t="s">
        <v>10</v>
      </c>
      <c r="I3238" s="1" t="s">
        <v>10455</v>
      </c>
      <c r="J3238" s="1" t="s">
        <v>10604</v>
      </c>
      <c r="K3238" s="1" t="s">
        <v>27</v>
      </c>
      <c r="L3238" s="1" t="s">
        <v>11266</v>
      </c>
      <c r="M3238" s="1" t="s">
        <v>5</v>
      </c>
      <c r="N3238" s="1" t="s">
        <v>10</v>
      </c>
      <c r="O3238" s="1" t="s">
        <v>8</v>
      </c>
      <c r="P3238" s="5" t="s">
        <v>32747</v>
      </c>
    </row>
    <row r="3239" spans="1:16" x14ac:dyDescent="0.2">
      <c r="A3239" s="1" t="s">
        <v>66</v>
      </c>
      <c r="B3239" s="1" t="s">
        <v>574</v>
      </c>
      <c r="C3239" s="1" t="s">
        <v>11271</v>
      </c>
      <c r="D3239" s="1" t="s">
        <v>11272</v>
      </c>
      <c r="E3239" s="1"/>
      <c r="F3239" s="1" t="s">
        <v>10</v>
      </c>
      <c r="G3239" s="1" t="s">
        <v>10</v>
      </c>
      <c r="H3239" s="1" t="s">
        <v>10</v>
      </c>
      <c r="I3239" s="1" t="s">
        <v>10455</v>
      </c>
      <c r="J3239" s="1" t="s">
        <v>11273</v>
      </c>
      <c r="K3239" s="1" t="s">
        <v>27</v>
      </c>
      <c r="L3239" s="1" t="s">
        <v>11270</v>
      </c>
      <c r="M3239" s="1" t="s">
        <v>5</v>
      </c>
      <c r="N3239" s="1" t="s">
        <v>10</v>
      </c>
      <c r="O3239" s="1" t="s">
        <v>38</v>
      </c>
      <c r="P3239" s="5" t="s">
        <v>31430</v>
      </c>
    </row>
    <row r="3240" spans="1:16" x14ac:dyDescent="0.2">
      <c r="A3240" s="1" t="s">
        <v>20</v>
      </c>
      <c r="B3240" s="1" t="s">
        <v>21</v>
      </c>
      <c r="C3240" s="1" t="s">
        <v>11275</v>
      </c>
      <c r="D3240" s="1" t="s">
        <v>11276</v>
      </c>
      <c r="E3240" s="1" t="s">
        <v>11277</v>
      </c>
      <c r="F3240" s="1" t="s">
        <v>10</v>
      </c>
      <c r="G3240" s="1" t="s">
        <v>10</v>
      </c>
      <c r="H3240" s="1" t="s">
        <v>10</v>
      </c>
      <c r="I3240" s="1" t="s">
        <v>10455</v>
      </c>
      <c r="J3240" s="1" t="s">
        <v>10478</v>
      </c>
      <c r="K3240" s="1" t="s">
        <v>27</v>
      </c>
      <c r="L3240" s="1" t="s">
        <v>11274</v>
      </c>
      <c r="M3240" s="1" t="s">
        <v>5</v>
      </c>
      <c r="N3240" s="1" t="s">
        <v>10</v>
      </c>
      <c r="O3240" s="1" t="s">
        <v>38</v>
      </c>
      <c r="P3240" s="5" t="s">
        <v>30275</v>
      </c>
    </row>
    <row r="3241" spans="1:16" x14ac:dyDescent="0.2">
      <c r="A3241" s="1" t="s">
        <v>66</v>
      </c>
      <c r="B3241" s="1" t="s">
        <v>1127</v>
      </c>
      <c r="C3241" s="1" t="s">
        <v>11279</v>
      </c>
      <c r="D3241" s="1" t="s">
        <v>11280</v>
      </c>
      <c r="E3241" s="1" t="s">
        <v>11282</v>
      </c>
      <c r="F3241" s="1" t="s">
        <v>474</v>
      </c>
      <c r="G3241" s="1" t="s">
        <v>10</v>
      </c>
      <c r="H3241" s="1" t="s">
        <v>10</v>
      </c>
      <c r="I3241" s="1" t="s">
        <v>10455</v>
      </c>
      <c r="J3241" s="1" t="s">
        <v>11281</v>
      </c>
      <c r="K3241" s="1" t="s">
        <v>27</v>
      </c>
      <c r="L3241" s="1" t="s">
        <v>11278</v>
      </c>
      <c r="M3241" s="1" t="s">
        <v>5</v>
      </c>
      <c r="N3241" s="1" t="s">
        <v>10</v>
      </c>
      <c r="O3241" s="1" t="s">
        <v>38</v>
      </c>
      <c r="P3241" s="5" t="s">
        <v>31431</v>
      </c>
    </row>
    <row r="3242" spans="1:16" x14ac:dyDescent="0.2">
      <c r="A3242" s="1" t="s">
        <v>20</v>
      </c>
      <c r="B3242" s="1" t="s">
        <v>309</v>
      </c>
      <c r="C3242" s="1" t="s">
        <v>11284</v>
      </c>
      <c r="D3242" s="1" t="s">
        <v>11285</v>
      </c>
      <c r="E3242" s="1"/>
      <c r="F3242" s="1" t="s">
        <v>10</v>
      </c>
      <c r="G3242" s="1" t="s">
        <v>10</v>
      </c>
      <c r="H3242" s="1" t="s">
        <v>10</v>
      </c>
      <c r="I3242" s="1" t="s">
        <v>10455</v>
      </c>
      <c r="J3242" s="1" t="s">
        <v>10892</v>
      </c>
      <c r="K3242" s="1" t="s">
        <v>27</v>
      </c>
      <c r="L3242" s="1" t="s">
        <v>11283</v>
      </c>
      <c r="M3242" s="1" t="s">
        <v>5</v>
      </c>
      <c r="N3242" s="1" t="s">
        <v>10</v>
      </c>
      <c r="O3242" s="1" t="s">
        <v>38</v>
      </c>
      <c r="P3242" s="5" t="s">
        <v>30263</v>
      </c>
    </row>
    <row r="3243" spans="1:16" x14ac:dyDescent="0.2">
      <c r="A3243" s="1" t="s">
        <v>20</v>
      </c>
      <c r="B3243" s="1" t="s">
        <v>309</v>
      </c>
      <c r="C3243" s="1" t="s">
        <v>11287</v>
      </c>
      <c r="D3243" s="1" t="s">
        <v>11288</v>
      </c>
      <c r="E3243" s="1"/>
      <c r="F3243" s="1" t="s">
        <v>10</v>
      </c>
      <c r="G3243" s="1" t="s">
        <v>10</v>
      </c>
      <c r="H3243" s="1" t="s">
        <v>10</v>
      </c>
      <c r="I3243" s="1" t="s">
        <v>10455</v>
      </c>
      <c r="J3243" s="1" t="s">
        <v>10892</v>
      </c>
      <c r="K3243" s="1" t="s">
        <v>27</v>
      </c>
      <c r="L3243" s="1" t="s">
        <v>11286</v>
      </c>
      <c r="M3243" s="1" t="s">
        <v>5</v>
      </c>
      <c r="N3243" s="1" t="s">
        <v>10</v>
      </c>
      <c r="O3243" s="1" t="s">
        <v>38</v>
      </c>
      <c r="P3243" s="5" t="s">
        <v>30263</v>
      </c>
    </row>
    <row r="3244" spans="1:16" x14ac:dyDescent="0.2">
      <c r="A3244" s="1" t="s">
        <v>20</v>
      </c>
      <c r="B3244" s="1" t="s">
        <v>309</v>
      </c>
      <c r="C3244" s="1" t="s">
        <v>11290</v>
      </c>
      <c r="D3244" s="1" t="s">
        <v>11291</v>
      </c>
      <c r="E3244" s="1"/>
      <c r="F3244" s="1" t="s">
        <v>10</v>
      </c>
      <c r="G3244" s="1" t="s">
        <v>10</v>
      </c>
      <c r="H3244" s="1" t="s">
        <v>10</v>
      </c>
      <c r="I3244" s="1" t="s">
        <v>10455</v>
      </c>
      <c r="J3244" s="1" t="s">
        <v>10892</v>
      </c>
      <c r="K3244" s="1" t="s">
        <v>27</v>
      </c>
      <c r="L3244" s="1" t="s">
        <v>11289</v>
      </c>
      <c r="M3244" s="1" t="s">
        <v>5</v>
      </c>
      <c r="N3244" s="1" t="s">
        <v>10</v>
      </c>
      <c r="O3244" s="1" t="s">
        <v>38</v>
      </c>
      <c r="P3244" s="5" t="s">
        <v>30263</v>
      </c>
    </row>
    <row r="3245" spans="1:16" x14ac:dyDescent="0.2">
      <c r="A3245" s="1" t="s">
        <v>20</v>
      </c>
      <c r="B3245" s="1" t="s">
        <v>309</v>
      </c>
      <c r="C3245" s="1" t="s">
        <v>11293</v>
      </c>
      <c r="D3245" s="1" t="s">
        <v>11294</v>
      </c>
      <c r="E3245" s="1"/>
      <c r="F3245" s="1" t="s">
        <v>10</v>
      </c>
      <c r="G3245" s="1" t="s">
        <v>10</v>
      </c>
      <c r="H3245" s="1" t="s">
        <v>10</v>
      </c>
      <c r="I3245" s="1" t="s">
        <v>10455</v>
      </c>
      <c r="J3245" s="1" t="s">
        <v>10892</v>
      </c>
      <c r="K3245" s="1" t="s">
        <v>27</v>
      </c>
      <c r="L3245" s="1" t="s">
        <v>11292</v>
      </c>
      <c r="M3245" s="1" t="s">
        <v>5</v>
      </c>
      <c r="N3245" s="1" t="s">
        <v>10</v>
      </c>
      <c r="O3245" s="1" t="s">
        <v>38</v>
      </c>
      <c r="P3245" s="5" t="s">
        <v>30263</v>
      </c>
    </row>
    <row r="3246" spans="1:16" x14ac:dyDescent="0.2">
      <c r="A3246" s="1" t="s">
        <v>20</v>
      </c>
      <c r="B3246" s="1" t="s">
        <v>99</v>
      </c>
      <c r="C3246" s="1" t="s">
        <v>11296</v>
      </c>
      <c r="D3246" s="1" t="s">
        <v>11297</v>
      </c>
      <c r="E3246" s="1" t="s">
        <v>11299</v>
      </c>
      <c r="F3246" s="1" t="s">
        <v>10</v>
      </c>
      <c r="G3246" s="1" t="s">
        <v>10</v>
      </c>
      <c r="H3246" s="1" t="s">
        <v>10</v>
      </c>
      <c r="I3246" s="1" t="s">
        <v>10455</v>
      </c>
      <c r="J3246" s="1" t="s">
        <v>11298</v>
      </c>
      <c r="K3246" s="1" t="s">
        <v>27</v>
      </c>
      <c r="L3246" s="1" t="s">
        <v>11295</v>
      </c>
      <c r="M3246" s="1" t="s">
        <v>5</v>
      </c>
      <c r="N3246" s="1" t="s">
        <v>10</v>
      </c>
      <c r="O3246" s="1" t="s">
        <v>38</v>
      </c>
      <c r="P3246" s="5" t="s">
        <v>30276</v>
      </c>
    </row>
    <row r="3247" spans="1:16" x14ac:dyDescent="0.2">
      <c r="A3247" s="1" t="s">
        <v>20</v>
      </c>
      <c r="B3247" s="1" t="s">
        <v>445</v>
      </c>
      <c r="C3247" s="1" t="s">
        <v>11301</v>
      </c>
      <c r="D3247" s="1" t="s">
        <v>11302</v>
      </c>
      <c r="E3247" s="1" t="s">
        <v>11304</v>
      </c>
      <c r="F3247" s="1" t="s">
        <v>27</v>
      </c>
      <c r="G3247" s="1" t="s">
        <v>10</v>
      </c>
      <c r="H3247" s="1" t="s">
        <v>11305</v>
      </c>
      <c r="I3247" s="1" t="s">
        <v>10455</v>
      </c>
      <c r="J3247" s="1" t="s">
        <v>11303</v>
      </c>
      <c r="K3247" s="1" t="s">
        <v>27</v>
      </c>
      <c r="L3247" s="1" t="s">
        <v>11300</v>
      </c>
      <c r="M3247" s="1" t="s">
        <v>5</v>
      </c>
      <c r="N3247" s="1" t="s">
        <v>10</v>
      </c>
      <c r="O3247" s="1" t="s">
        <v>8</v>
      </c>
      <c r="P3247" s="5" t="s">
        <v>31432</v>
      </c>
    </row>
    <row r="3248" spans="1:16" x14ac:dyDescent="0.2">
      <c r="A3248" s="1" t="s">
        <v>10</v>
      </c>
      <c r="B3248" s="1" t="s">
        <v>10</v>
      </c>
      <c r="C3248" s="1" t="s">
        <v>11307</v>
      </c>
      <c r="D3248" s="1" t="s">
        <v>3498</v>
      </c>
      <c r="E3248" s="1" t="s">
        <v>11308</v>
      </c>
      <c r="F3248" s="1" t="s">
        <v>10</v>
      </c>
      <c r="G3248" s="1" t="s">
        <v>10</v>
      </c>
      <c r="H3248" s="1" t="s">
        <v>10</v>
      </c>
      <c r="I3248" s="1" t="s">
        <v>10455</v>
      </c>
      <c r="J3248" s="1" t="s">
        <v>10901</v>
      </c>
      <c r="K3248" s="1" t="s">
        <v>10</v>
      </c>
      <c r="L3248" s="1" t="s">
        <v>11306</v>
      </c>
      <c r="M3248" s="1" t="s">
        <v>5</v>
      </c>
      <c r="N3248" s="1" t="s">
        <v>10</v>
      </c>
      <c r="O3248" s="1" t="s">
        <v>38</v>
      </c>
      <c r="P3248" s="5" t="s">
        <v>10</v>
      </c>
    </row>
    <row r="3249" spans="1:16" x14ac:dyDescent="0.2">
      <c r="A3249" s="1" t="s">
        <v>329</v>
      </c>
      <c r="B3249" s="1" t="s">
        <v>330</v>
      </c>
      <c r="C3249" s="1" t="s">
        <v>11310</v>
      </c>
      <c r="D3249" s="1" t="s">
        <v>11311</v>
      </c>
      <c r="E3249" s="1" t="s">
        <v>11312</v>
      </c>
      <c r="F3249" s="1" t="s">
        <v>10</v>
      </c>
      <c r="G3249" s="1" t="s">
        <v>10</v>
      </c>
      <c r="H3249" s="1" t="s">
        <v>2878</v>
      </c>
      <c r="I3249" s="1" t="s">
        <v>10455</v>
      </c>
      <c r="J3249" s="1" t="s">
        <v>10462</v>
      </c>
      <c r="K3249" s="1" t="s">
        <v>27</v>
      </c>
      <c r="L3249" s="1" t="s">
        <v>11309</v>
      </c>
      <c r="M3249" s="1" t="s">
        <v>5</v>
      </c>
      <c r="N3249" s="1" t="s">
        <v>1009</v>
      </c>
      <c r="O3249" s="1" t="s">
        <v>38</v>
      </c>
      <c r="P3249" s="5"/>
    </row>
    <row r="3250" spans="1:16" x14ac:dyDescent="0.2">
      <c r="A3250" s="1" t="s">
        <v>20</v>
      </c>
      <c r="B3250" s="1" t="s">
        <v>99</v>
      </c>
      <c r="C3250" s="1" t="s">
        <v>11314</v>
      </c>
      <c r="D3250" s="1" t="s">
        <v>11315</v>
      </c>
      <c r="E3250" s="1" t="s">
        <v>11316</v>
      </c>
      <c r="F3250" s="1" t="s">
        <v>10</v>
      </c>
      <c r="G3250" s="1" t="s">
        <v>10</v>
      </c>
      <c r="H3250" s="1" t="s">
        <v>10</v>
      </c>
      <c r="I3250" s="1" t="s">
        <v>10455</v>
      </c>
      <c r="J3250" s="1" t="s">
        <v>10844</v>
      </c>
      <c r="K3250" s="1" t="s">
        <v>27</v>
      </c>
      <c r="L3250" s="1" t="s">
        <v>11313</v>
      </c>
      <c r="M3250" s="1" t="s">
        <v>5</v>
      </c>
      <c r="N3250" s="1" t="s">
        <v>25</v>
      </c>
      <c r="O3250" s="1" t="s">
        <v>8</v>
      </c>
      <c r="P3250" s="5" t="s">
        <v>32748</v>
      </c>
    </row>
    <row r="3251" spans="1:16" x14ac:dyDescent="0.2">
      <c r="A3251" s="1" t="s">
        <v>20</v>
      </c>
      <c r="B3251" s="1" t="s">
        <v>21</v>
      </c>
      <c r="C3251" s="1" t="s">
        <v>11318</v>
      </c>
      <c r="D3251" s="1" t="s">
        <v>11319</v>
      </c>
      <c r="E3251" s="1"/>
      <c r="F3251" s="1" t="s">
        <v>10</v>
      </c>
      <c r="G3251" s="1" t="s">
        <v>10</v>
      </c>
      <c r="H3251" s="1" t="s">
        <v>10</v>
      </c>
      <c r="I3251" s="1" t="s">
        <v>10455</v>
      </c>
      <c r="J3251" s="1" t="s">
        <v>10892</v>
      </c>
      <c r="K3251" s="1" t="s">
        <v>27</v>
      </c>
      <c r="L3251" s="1" t="s">
        <v>11317</v>
      </c>
      <c r="M3251" s="1" t="s">
        <v>5</v>
      </c>
      <c r="N3251" s="1" t="s">
        <v>10</v>
      </c>
      <c r="O3251" s="1" t="s">
        <v>38</v>
      </c>
      <c r="P3251" s="5" t="s">
        <v>30277</v>
      </c>
    </row>
    <row r="3252" spans="1:16" x14ac:dyDescent="0.2">
      <c r="A3252" s="1" t="s">
        <v>194</v>
      </c>
      <c r="B3252" s="1" t="s">
        <v>4492</v>
      </c>
      <c r="C3252" s="1" t="s">
        <v>11321</v>
      </c>
      <c r="D3252" s="1" t="s">
        <v>11322</v>
      </c>
      <c r="E3252" s="1" t="s">
        <v>11323</v>
      </c>
      <c r="F3252" s="1" t="s">
        <v>474</v>
      </c>
      <c r="G3252" s="1" t="s">
        <v>4490</v>
      </c>
      <c r="H3252" s="1" t="s">
        <v>10</v>
      </c>
      <c r="I3252" s="1" t="s">
        <v>10455</v>
      </c>
      <c r="J3252" s="1" t="s">
        <v>10691</v>
      </c>
      <c r="K3252" s="1" t="s">
        <v>27</v>
      </c>
      <c r="L3252" s="1" t="s">
        <v>11320</v>
      </c>
      <c r="M3252" s="1" t="s">
        <v>5</v>
      </c>
      <c r="N3252" s="1" t="s">
        <v>10</v>
      </c>
      <c r="O3252" s="1" t="s">
        <v>8</v>
      </c>
      <c r="P3252" s="5" t="s">
        <v>31433</v>
      </c>
    </row>
    <row r="3253" spans="1:16" x14ac:dyDescent="0.2">
      <c r="A3253" s="1" t="s">
        <v>20</v>
      </c>
      <c r="B3253" s="1" t="s">
        <v>93</v>
      </c>
      <c r="C3253" s="1" t="s">
        <v>3883</v>
      </c>
      <c r="D3253" s="1" t="s">
        <v>2585</v>
      </c>
      <c r="E3253" s="1" t="s">
        <v>11327</v>
      </c>
      <c r="F3253" s="1" t="s">
        <v>9</v>
      </c>
      <c r="G3253" s="1" t="s">
        <v>18</v>
      </c>
      <c r="H3253" s="1" t="s">
        <v>10</v>
      </c>
      <c r="I3253" s="1" t="s">
        <v>10455</v>
      </c>
      <c r="J3253" s="1" t="s">
        <v>10901</v>
      </c>
      <c r="K3253" s="1" t="s">
        <v>11326</v>
      </c>
      <c r="L3253" s="1" t="s">
        <v>11325</v>
      </c>
      <c r="M3253" s="1" t="s">
        <v>5</v>
      </c>
      <c r="N3253" s="1" t="s">
        <v>25</v>
      </c>
      <c r="O3253" s="1" t="s">
        <v>8</v>
      </c>
      <c r="P3253" s="5" t="s">
        <v>31434</v>
      </c>
    </row>
    <row r="3254" spans="1:16" x14ac:dyDescent="0.2">
      <c r="A3254" s="1" t="s">
        <v>32</v>
      </c>
      <c r="B3254" s="1" t="s">
        <v>140</v>
      </c>
      <c r="C3254" s="1" t="s">
        <v>11329</v>
      </c>
      <c r="D3254" s="1" t="s">
        <v>11330</v>
      </c>
      <c r="E3254" s="1" t="s">
        <v>11331</v>
      </c>
      <c r="F3254" s="1" t="s">
        <v>27</v>
      </c>
      <c r="G3254" s="1" t="s">
        <v>10</v>
      </c>
      <c r="H3254" s="1" t="s">
        <v>11332</v>
      </c>
      <c r="I3254" s="1" t="s">
        <v>10455</v>
      </c>
      <c r="J3254" s="1" t="s">
        <v>10602</v>
      </c>
      <c r="K3254" s="1" t="s">
        <v>443</v>
      </c>
      <c r="L3254" s="1" t="s">
        <v>11328</v>
      </c>
      <c r="M3254" s="1" t="s">
        <v>5</v>
      </c>
      <c r="N3254" s="1" t="s">
        <v>10</v>
      </c>
      <c r="O3254" s="1" t="s">
        <v>8</v>
      </c>
      <c r="P3254" s="5" t="s">
        <v>31435</v>
      </c>
    </row>
    <row r="3255" spans="1:16" x14ac:dyDescent="0.2">
      <c r="A3255" s="1" t="s">
        <v>20</v>
      </c>
      <c r="B3255" s="1" t="s">
        <v>99</v>
      </c>
      <c r="C3255" s="1" t="s">
        <v>11334</v>
      </c>
      <c r="D3255" s="1" t="s">
        <v>11335</v>
      </c>
      <c r="E3255" s="1" t="s">
        <v>11337</v>
      </c>
      <c r="F3255" s="1" t="s">
        <v>10</v>
      </c>
      <c r="G3255" s="1" t="s">
        <v>10</v>
      </c>
      <c r="H3255" s="1" t="s">
        <v>10</v>
      </c>
      <c r="I3255" s="1" t="s">
        <v>10455</v>
      </c>
      <c r="J3255" s="1" t="s">
        <v>11336</v>
      </c>
      <c r="K3255" s="1" t="s">
        <v>3004</v>
      </c>
      <c r="L3255" s="1" t="s">
        <v>11333</v>
      </c>
      <c r="M3255" s="1" t="s">
        <v>5</v>
      </c>
      <c r="N3255" s="1" t="s">
        <v>10</v>
      </c>
      <c r="O3255" s="1" t="s">
        <v>38</v>
      </c>
      <c r="P3255" s="5" t="s">
        <v>30278</v>
      </c>
    </row>
    <row r="3256" spans="1:16" x14ac:dyDescent="0.2">
      <c r="A3256" s="1" t="s">
        <v>20</v>
      </c>
      <c r="B3256" s="1" t="s">
        <v>99</v>
      </c>
      <c r="C3256" s="1" t="s">
        <v>11339</v>
      </c>
      <c r="D3256" s="1" t="s">
        <v>11340</v>
      </c>
      <c r="E3256" s="1" t="s">
        <v>11341</v>
      </c>
      <c r="F3256" s="1" t="s">
        <v>10</v>
      </c>
      <c r="G3256" s="1" t="s">
        <v>10</v>
      </c>
      <c r="H3256" s="1" t="s">
        <v>10</v>
      </c>
      <c r="I3256" s="1" t="s">
        <v>10455</v>
      </c>
      <c r="J3256" s="1" t="s">
        <v>10883</v>
      </c>
      <c r="K3256" s="1" t="s">
        <v>586</v>
      </c>
      <c r="L3256" s="1" t="s">
        <v>11338</v>
      </c>
      <c r="M3256" s="1" t="s">
        <v>5</v>
      </c>
      <c r="N3256" s="1" t="s">
        <v>10</v>
      </c>
      <c r="O3256" s="1" t="s">
        <v>38</v>
      </c>
      <c r="P3256" s="5" t="s">
        <v>31436</v>
      </c>
    </row>
    <row r="3257" spans="1:16" x14ac:dyDescent="0.2">
      <c r="A3257" s="1" t="s">
        <v>20</v>
      </c>
      <c r="B3257" s="1" t="s">
        <v>99</v>
      </c>
      <c r="C3257" s="1" t="s">
        <v>11343</v>
      </c>
      <c r="D3257" s="1" t="s">
        <v>11344</v>
      </c>
      <c r="E3257" s="1" t="s">
        <v>11345</v>
      </c>
      <c r="F3257" s="1" t="s">
        <v>10</v>
      </c>
      <c r="G3257" s="1" t="s">
        <v>10</v>
      </c>
      <c r="H3257" s="1" t="s">
        <v>10</v>
      </c>
      <c r="I3257" s="1" t="s">
        <v>10455</v>
      </c>
      <c r="J3257" s="1" t="s">
        <v>10883</v>
      </c>
      <c r="K3257" s="1" t="s">
        <v>586</v>
      </c>
      <c r="L3257" s="1" t="s">
        <v>11342</v>
      </c>
      <c r="M3257" s="1" t="s">
        <v>5</v>
      </c>
      <c r="N3257" s="1" t="s">
        <v>10</v>
      </c>
      <c r="O3257" s="1" t="s">
        <v>38</v>
      </c>
      <c r="P3257" s="5" t="s">
        <v>31437</v>
      </c>
    </row>
    <row r="3258" spans="1:16" x14ac:dyDescent="0.2">
      <c r="A3258" s="1" t="s">
        <v>194</v>
      </c>
      <c r="B3258" s="1" t="s">
        <v>7175</v>
      </c>
      <c r="C3258" s="1" t="s">
        <v>11347</v>
      </c>
      <c r="D3258" s="1" t="s">
        <v>11348</v>
      </c>
      <c r="E3258" s="1" t="s">
        <v>11349</v>
      </c>
      <c r="F3258" s="1" t="s">
        <v>27</v>
      </c>
      <c r="G3258" s="1" t="s">
        <v>10</v>
      </c>
      <c r="H3258" s="1" t="s">
        <v>11350</v>
      </c>
      <c r="I3258" s="1" t="s">
        <v>10455</v>
      </c>
      <c r="J3258" s="1" t="s">
        <v>11017</v>
      </c>
      <c r="K3258" s="1" t="s">
        <v>27</v>
      </c>
      <c r="L3258" s="1" t="s">
        <v>11346</v>
      </c>
      <c r="M3258" s="1" t="s">
        <v>5</v>
      </c>
      <c r="N3258" s="1" t="s">
        <v>10</v>
      </c>
      <c r="O3258" s="1" t="s">
        <v>8</v>
      </c>
      <c r="P3258" s="5" t="s">
        <v>31438</v>
      </c>
    </row>
    <row r="3259" spans="1:16" x14ac:dyDescent="0.2">
      <c r="A3259" s="1" t="s">
        <v>20</v>
      </c>
      <c r="B3259" s="1" t="s">
        <v>1047</v>
      </c>
      <c r="C3259" s="1" t="s">
        <v>11352</v>
      </c>
      <c r="D3259" s="1" t="s">
        <v>3953</v>
      </c>
      <c r="E3259" s="1" t="s">
        <v>11353</v>
      </c>
      <c r="F3259" s="1" t="s">
        <v>27</v>
      </c>
      <c r="G3259" s="1" t="s">
        <v>10</v>
      </c>
      <c r="H3259" s="1" t="s">
        <v>11354</v>
      </c>
      <c r="I3259" s="1" t="s">
        <v>10455</v>
      </c>
      <c r="J3259" s="1" t="s">
        <v>10602</v>
      </c>
      <c r="K3259" s="1" t="s">
        <v>7</v>
      </c>
      <c r="L3259" s="1" t="s">
        <v>11351</v>
      </c>
      <c r="M3259" s="1" t="s">
        <v>5</v>
      </c>
      <c r="N3259" s="1" t="s">
        <v>10</v>
      </c>
      <c r="O3259" s="1" t="s">
        <v>38</v>
      </c>
      <c r="P3259" s="5" t="s">
        <v>31439</v>
      </c>
    </row>
    <row r="3260" spans="1:16" x14ac:dyDescent="0.2">
      <c r="A3260" s="1" t="s">
        <v>20</v>
      </c>
      <c r="B3260" s="1" t="s">
        <v>99</v>
      </c>
      <c r="C3260" s="1" t="s">
        <v>11359</v>
      </c>
      <c r="D3260" s="1" t="s">
        <v>11360</v>
      </c>
      <c r="E3260" s="1" t="s">
        <v>11361</v>
      </c>
      <c r="F3260" s="1" t="s">
        <v>10</v>
      </c>
      <c r="G3260" s="1" t="s">
        <v>10</v>
      </c>
      <c r="H3260" s="1" t="s">
        <v>10</v>
      </c>
      <c r="I3260" s="1" t="s">
        <v>10455</v>
      </c>
      <c r="J3260" s="1" t="s">
        <v>11357</v>
      </c>
      <c r="K3260" s="1" t="s">
        <v>47</v>
      </c>
      <c r="L3260" s="1" t="s">
        <v>11358</v>
      </c>
      <c r="M3260" s="1" t="s">
        <v>5</v>
      </c>
      <c r="N3260" s="1" t="s">
        <v>10</v>
      </c>
      <c r="O3260" s="1" t="s">
        <v>38</v>
      </c>
      <c r="P3260" s="5" t="s">
        <v>31440</v>
      </c>
    </row>
    <row r="3261" spans="1:16" x14ac:dyDescent="0.2">
      <c r="A3261" s="1" t="s">
        <v>20</v>
      </c>
      <c r="B3261" s="1" t="s">
        <v>253</v>
      </c>
      <c r="C3261" s="1" t="s">
        <v>11363</v>
      </c>
      <c r="D3261" s="1" t="s">
        <v>11364</v>
      </c>
      <c r="E3261" s="1"/>
      <c r="F3261" s="1" t="s">
        <v>10</v>
      </c>
      <c r="G3261" s="1" t="s">
        <v>10</v>
      </c>
      <c r="H3261" s="1" t="s">
        <v>10</v>
      </c>
      <c r="I3261" s="1" t="s">
        <v>10455</v>
      </c>
      <c r="J3261" s="1" t="s">
        <v>11365</v>
      </c>
      <c r="K3261" s="1" t="s">
        <v>27</v>
      </c>
      <c r="L3261" s="1" t="s">
        <v>11362</v>
      </c>
      <c r="M3261" s="1" t="s">
        <v>5</v>
      </c>
      <c r="N3261" s="1" t="s">
        <v>10</v>
      </c>
      <c r="O3261" s="1" t="s">
        <v>38</v>
      </c>
      <c r="P3261" s="5" t="s">
        <v>31441</v>
      </c>
    </row>
    <row r="3262" spans="1:16" x14ac:dyDescent="0.2">
      <c r="A3262" s="1" t="s">
        <v>20</v>
      </c>
      <c r="B3262" s="1" t="s">
        <v>21</v>
      </c>
      <c r="C3262" s="1" t="s">
        <v>11367</v>
      </c>
      <c r="D3262" s="1" t="s">
        <v>11368</v>
      </c>
      <c r="E3262" s="1" t="s">
        <v>11277</v>
      </c>
      <c r="F3262" s="1" t="s">
        <v>10</v>
      </c>
      <c r="G3262" s="1" t="s">
        <v>10</v>
      </c>
      <c r="H3262" s="1" t="s">
        <v>10</v>
      </c>
      <c r="I3262" s="1" t="s">
        <v>10455</v>
      </c>
      <c r="J3262" s="1" t="s">
        <v>10691</v>
      </c>
      <c r="K3262" s="1" t="s">
        <v>27</v>
      </c>
      <c r="L3262" s="1" t="s">
        <v>11366</v>
      </c>
      <c r="M3262" s="1" t="s">
        <v>5</v>
      </c>
      <c r="N3262" s="1" t="s">
        <v>10</v>
      </c>
      <c r="O3262" s="1" t="s">
        <v>38</v>
      </c>
      <c r="P3262" s="5" t="s">
        <v>30279</v>
      </c>
    </row>
    <row r="3263" spans="1:16" x14ac:dyDescent="0.2">
      <c r="A3263" s="1" t="s">
        <v>20</v>
      </c>
      <c r="B3263" s="1" t="s">
        <v>99</v>
      </c>
      <c r="C3263" s="1" t="s">
        <v>11370</v>
      </c>
      <c r="D3263" s="1" t="s">
        <v>11371</v>
      </c>
      <c r="E3263" s="1" t="s">
        <v>11372</v>
      </c>
      <c r="F3263" s="1" t="s">
        <v>10</v>
      </c>
      <c r="G3263" s="1" t="s">
        <v>10</v>
      </c>
      <c r="H3263" s="1" t="s">
        <v>10</v>
      </c>
      <c r="I3263" s="1" t="s">
        <v>10455</v>
      </c>
      <c r="J3263" s="1" t="s">
        <v>10604</v>
      </c>
      <c r="K3263" s="1" t="s">
        <v>27</v>
      </c>
      <c r="L3263" s="1" t="s">
        <v>11369</v>
      </c>
      <c r="M3263" s="1" t="s">
        <v>5</v>
      </c>
      <c r="N3263" s="1" t="s">
        <v>10</v>
      </c>
      <c r="O3263" s="1" t="s">
        <v>8</v>
      </c>
      <c r="P3263" s="5" t="s">
        <v>32749</v>
      </c>
    </row>
    <row r="3264" spans="1:16" x14ac:dyDescent="0.2">
      <c r="A3264" s="1" t="s">
        <v>20</v>
      </c>
      <c r="B3264" s="1" t="s">
        <v>99</v>
      </c>
      <c r="C3264" s="1" t="s">
        <v>11374</v>
      </c>
      <c r="D3264" s="1" t="s">
        <v>7604</v>
      </c>
      <c r="E3264" s="1" t="s">
        <v>11375</v>
      </c>
      <c r="F3264" s="1" t="s">
        <v>10</v>
      </c>
      <c r="G3264" s="1" t="s">
        <v>10</v>
      </c>
      <c r="H3264" s="1" t="s">
        <v>10</v>
      </c>
      <c r="I3264" s="1" t="s">
        <v>10455</v>
      </c>
      <c r="J3264" s="1" t="s">
        <v>10602</v>
      </c>
      <c r="K3264" s="1" t="s">
        <v>27</v>
      </c>
      <c r="L3264" s="1" t="s">
        <v>11373</v>
      </c>
      <c r="M3264" s="1" t="s">
        <v>5</v>
      </c>
      <c r="N3264" s="1" t="s">
        <v>10</v>
      </c>
      <c r="O3264" s="1" t="s">
        <v>38</v>
      </c>
      <c r="P3264" s="5" t="s">
        <v>31442</v>
      </c>
    </row>
    <row r="3265" spans="1:16" x14ac:dyDescent="0.2">
      <c r="A3265" s="1" t="s">
        <v>66</v>
      </c>
      <c r="B3265" s="1" t="s">
        <v>574</v>
      </c>
      <c r="C3265" s="1" t="s">
        <v>11377</v>
      </c>
      <c r="D3265" s="1" t="s">
        <v>11378</v>
      </c>
      <c r="E3265" s="1"/>
      <c r="F3265" s="1" t="s">
        <v>27</v>
      </c>
      <c r="G3265" s="1" t="s">
        <v>10</v>
      </c>
      <c r="H3265" s="1" t="s">
        <v>11379</v>
      </c>
      <c r="I3265" s="1" t="s">
        <v>10455</v>
      </c>
      <c r="J3265" s="1" t="s">
        <v>11357</v>
      </c>
      <c r="K3265" s="1" t="s">
        <v>47</v>
      </c>
      <c r="L3265" s="1" t="s">
        <v>11376</v>
      </c>
      <c r="M3265" s="1" t="s">
        <v>5</v>
      </c>
      <c r="N3265" s="1" t="s">
        <v>10</v>
      </c>
      <c r="O3265" s="1" t="s">
        <v>8</v>
      </c>
      <c r="P3265" s="5" t="s">
        <v>31443</v>
      </c>
    </row>
    <row r="3266" spans="1:16" x14ac:dyDescent="0.2">
      <c r="A3266" s="1" t="s">
        <v>66</v>
      </c>
      <c r="B3266" s="1" t="s">
        <v>574</v>
      </c>
      <c r="C3266" s="1" t="s">
        <v>11381</v>
      </c>
      <c r="D3266" s="1" t="s">
        <v>11382</v>
      </c>
      <c r="E3266" s="1"/>
      <c r="F3266" s="1" t="s">
        <v>27</v>
      </c>
      <c r="G3266" s="1" t="s">
        <v>10</v>
      </c>
      <c r="H3266" s="1" t="s">
        <v>11379</v>
      </c>
      <c r="I3266" s="1" t="s">
        <v>10455</v>
      </c>
      <c r="J3266" s="1" t="s">
        <v>11336</v>
      </c>
      <c r="K3266" s="1" t="s">
        <v>37</v>
      </c>
      <c r="L3266" s="1" t="s">
        <v>11380</v>
      </c>
      <c r="M3266" s="1" t="s">
        <v>5</v>
      </c>
      <c r="N3266" s="1" t="s">
        <v>10</v>
      </c>
      <c r="O3266" s="1" t="s">
        <v>8</v>
      </c>
      <c r="P3266" s="5" t="s">
        <v>31444</v>
      </c>
    </row>
    <row r="3267" spans="1:16" x14ac:dyDescent="0.2">
      <c r="A3267" s="1" t="s">
        <v>20</v>
      </c>
      <c r="B3267" s="1" t="s">
        <v>93</v>
      </c>
      <c r="C3267" s="1" t="s">
        <v>10914</v>
      </c>
      <c r="D3267" s="1" t="s">
        <v>11385</v>
      </c>
      <c r="E3267" s="1" t="s">
        <v>11386</v>
      </c>
      <c r="F3267" s="1" t="s">
        <v>27</v>
      </c>
      <c r="G3267" s="1" t="s">
        <v>10</v>
      </c>
      <c r="H3267" s="1" t="s">
        <v>11387</v>
      </c>
      <c r="I3267" s="1" t="s">
        <v>10455</v>
      </c>
      <c r="J3267" s="1" t="s">
        <v>10632</v>
      </c>
      <c r="K3267" s="1" t="s">
        <v>7</v>
      </c>
      <c r="L3267" s="1" t="s">
        <v>11384</v>
      </c>
      <c r="M3267" s="1" t="s">
        <v>5</v>
      </c>
      <c r="N3267" s="1" t="s">
        <v>10</v>
      </c>
      <c r="O3267" s="1" t="s">
        <v>8</v>
      </c>
      <c r="P3267" s="5" t="s">
        <v>32750</v>
      </c>
    </row>
    <row r="3268" spans="1:16" x14ac:dyDescent="0.2">
      <c r="A3268" s="1" t="s">
        <v>10</v>
      </c>
      <c r="B3268" s="1" t="s">
        <v>10</v>
      </c>
      <c r="C3268" s="1" t="s">
        <v>11389</v>
      </c>
      <c r="D3268" s="1" t="s">
        <v>188</v>
      </c>
      <c r="E3268" s="1"/>
      <c r="F3268" s="1" t="s">
        <v>10</v>
      </c>
      <c r="G3268" s="1" t="s">
        <v>10</v>
      </c>
      <c r="H3268" s="1" t="s">
        <v>10</v>
      </c>
      <c r="I3268" s="1" t="s">
        <v>10455</v>
      </c>
      <c r="J3268" s="1" t="s">
        <v>11390</v>
      </c>
      <c r="K3268" s="1" t="s">
        <v>10</v>
      </c>
      <c r="L3268" s="1" t="s">
        <v>11388</v>
      </c>
      <c r="M3268" s="1" t="s">
        <v>5</v>
      </c>
      <c r="N3268" s="1" t="s">
        <v>10</v>
      </c>
      <c r="O3268" s="1" t="s">
        <v>38</v>
      </c>
      <c r="P3268" s="5" t="s">
        <v>10</v>
      </c>
    </row>
    <row r="3269" spans="1:16" x14ac:dyDescent="0.2">
      <c r="A3269" s="1" t="s">
        <v>10</v>
      </c>
      <c r="B3269" s="1" t="s">
        <v>10</v>
      </c>
      <c r="C3269" s="1" t="s">
        <v>11392</v>
      </c>
      <c r="D3269" s="1" t="s">
        <v>8030</v>
      </c>
      <c r="E3269" s="1" t="s">
        <v>11393</v>
      </c>
      <c r="F3269" s="1" t="s">
        <v>10</v>
      </c>
      <c r="G3269" s="1" t="s">
        <v>10</v>
      </c>
      <c r="H3269" s="1" t="s">
        <v>10</v>
      </c>
      <c r="I3269" s="1" t="s">
        <v>10455</v>
      </c>
      <c r="J3269" s="1" t="s">
        <v>11251</v>
      </c>
      <c r="K3269" s="1" t="s">
        <v>10</v>
      </c>
      <c r="L3269" s="1" t="s">
        <v>11391</v>
      </c>
      <c r="M3269" s="1" t="s">
        <v>5</v>
      </c>
      <c r="N3269" s="1" t="s">
        <v>10</v>
      </c>
      <c r="O3269" s="1" t="s">
        <v>38</v>
      </c>
      <c r="P3269" s="5" t="s">
        <v>10</v>
      </c>
    </row>
    <row r="3270" spans="1:16" x14ac:dyDescent="0.2">
      <c r="A3270" s="1" t="s">
        <v>66</v>
      </c>
      <c r="B3270" s="1" t="s">
        <v>574</v>
      </c>
      <c r="C3270" s="1" t="s">
        <v>11395</v>
      </c>
      <c r="D3270" s="1" t="s">
        <v>11396</v>
      </c>
      <c r="E3270" s="1"/>
      <c r="F3270" s="1" t="s">
        <v>27</v>
      </c>
      <c r="G3270" s="1" t="s">
        <v>10</v>
      </c>
      <c r="H3270" s="1" t="s">
        <v>11397</v>
      </c>
      <c r="I3270" s="1" t="s">
        <v>10455</v>
      </c>
      <c r="J3270" s="1" t="s">
        <v>11357</v>
      </c>
      <c r="K3270" s="1" t="s">
        <v>47</v>
      </c>
      <c r="L3270" s="1" t="s">
        <v>11394</v>
      </c>
      <c r="M3270" s="1" t="s">
        <v>5</v>
      </c>
      <c r="N3270" s="1" t="s">
        <v>10</v>
      </c>
      <c r="O3270" s="1" t="s">
        <v>8</v>
      </c>
      <c r="P3270" s="5" t="s">
        <v>31443</v>
      </c>
    </row>
    <row r="3271" spans="1:16" x14ac:dyDescent="0.2">
      <c r="A3271" s="1" t="s">
        <v>66</v>
      </c>
      <c r="B3271" s="1" t="s">
        <v>1117</v>
      </c>
      <c r="C3271" s="1" t="s">
        <v>11399</v>
      </c>
      <c r="D3271" s="1" t="s">
        <v>11400</v>
      </c>
      <c r="E3271" s="1" t="s">
        <v>11401</v>
      </c>
      <c r="F3271" s="1" t="s">
        <v>10</v>
      </c>
      <c r="G3271" s="1" t="s">
        <v>10</v>
      </c>
      <c r="H3271" s="1" t="s">
        <v>10</v>
      </c>
      <c r="I3271" s="1" t="s">
        <v>10455</v>
      </c>
      <c r="J3271" s="1" t="s">
        <v>10870</v>
      </c>
      <c r="K3271" s="1" t="s">
        <v>27</v>
      </c>
      <c r="L3271" s="1" t="s">
        <v>11398</v>
      </c>
      <c r="M3271" s="1" t="s">
        <v>5</v>
      </c>
      <c r="N3271" s="1" t="s">
        <v>10</v>
      </c>
      <c r="O3271" s="1" t="s">
        <v>38</v>
      </c>
      <c r="P3271" s="5" t="s">
        <v>14</v>
      </c>
    </row>
    <row r="3272" spans="1:16" x14ac:dyDescent="0.2">
      <c r="A3272" s="1" t="s">
        <v>66</v>
      </c>
      <c r="B3272" s="1" t="s">
        <v>1117</v>
      </c>
      <c r="C3272" s="1" t="s">
        <v>11403</v>
      </c>
      <c r="D3272" s="1" t="s">
        <v>11404</v>
      </c>
      <c r="E3272" s="1" t="s">
        <v>11405</v>
      </c>
      <c r="F3272" s="1" t="s">
        <v>10</v>
      </c>
      <c r="G3272" s="1" t="s">
        <v>10</v>
      </c>
      <c r="H3272" s="1" t="s">
        <v>10</v>
      </c>
      <c r="I3272" s="1" t="s">
        <v>10455</v>
      </c>
      <c r="J3272" s="1" t="s">
        <v>11017</v>
      </c>
      <c r="K3272" s="1" t="s">
        <v>27</v>
      </c>
      <c r="L3272" s="1" t="s">
        <v>11402</v>
      </c>
      <c r="M3272" s="1" t="s">
        <v>5</v>
      </c>
      <c r="N3272" s="1" t="s">
        <v>10</v>
      </c>
      <c r="O3272" s="1" t="s">
        <v>38</v>
      </c>
      <c r="P3272" s="5" t="s">
        <v>31445</v>
      </c>
    </row>
    <row r="3273" spans="1:16" x14ac:dyDescent="0.2">
      <c r="A3273" s="1" t="s">
        <v>66</v>
      </c>
      <c r="B3273" s="1" t="s">
        <v>1117</v>
      </c>
      <c r="C3273" s="1" t="s">
        <v>11407</v>
      </c>
      <c r="D3273" s="1" t="s">
        <v>11408</v>
      </c>
      <c r="E3273" s="1" t="s">
        <v>11409</v>
      </c>
      <c r="F3273" s="1" t="s">
        <v>10</v>
      </c>
      <c r="G3273" s="1" t="s">
        <v>10</v>
      </c>
      <c r="H3273" s="1" t="s">
        <v>10</v>
      </c>
      <c r="I3273" s="1" t="s">
        <v>10455</v>
      </c>
      <c r="J3273" s="1" t="s">
        <v>11017</v>
      </c>
      <c r="K3273" s="1" t="s">
        <v>27</v>
      </c>
      <c r="L3273" s="1" t="s">
        <v>11406</v>
      </c>
      <c r="M3273" s="1" t="s">
        <v>5</v>
      </c>
      <c r="N3273" s="1" t="s">
        <v>10</v>
      </c>
      <c r="O3273" s="1" t="s">
        <v>38</v>
      </c>
      <c r="P3273" s="5" t="s">
        <v>31446</v>
      </c>
    </row>
    <row r="3274" spans="1:16" x14ac:dyDescent="0.2">
      <c r="A3274" s="1" t="s">
        <v>194</v>
      </c>
      <c r="B3274" s="1" t="s">
        <v>195</v>
      </c>
      <c r="C3274" s="1" t="s">
        <v>11411</v>
      </c>
      <c r="D3274" s="1" t="s">
        <v>11412</v>
      </c>
      <c r="E3274" s="1" t="s">
        <v>11413</v>
      </c>
      <c r="F3274" s="1" t="s">
        <v>27</v>
      </c>
      <c r="G3274" s="1" t="s">
        <v>10</v>
      </c>
      <c r="H3274" s="1" t="s">
        <v>11414</v>
      </c>
      <c r="I3274" s="1" t="s">
        <v>10455</v>
      </c>
      <c r="J3274" s="1" t="s">
        <v>11017</v>
      </c>
      <c r="K3274" s="1" t="s">
        <v>27</v>
      </c>
      <c r="L3274" s="1" t="s">
        <v>11410</v>
      </c>
      <c r="M3274" s="1" t="s">
        <v>5</v>
      </c>
      <c r="N3274" s="1" t="s">
        <v>10</v>
      </c>
      <c r="O3274" s="1" t="s">
        <v>8</v>
      </c>
      <c r="P3274" s="5" t="s">
        <v>31447</v>
      </c>
    </row>
    <row r="3275" spans="1:16" x14ac:dyDescent="0.2">
      <c r="A3275" s="1" t="s">
        <v>66</v>
      </c>
      <c r="B3275" s="1" t="s">
        <v>1117</v>
      </c>
      <c r="C3275" s="1" t="s">
        <v>11416</v>
      </c>
      <c r="D3275" s="1" t="s">
        <v>11417</v>
      </c>
      <c r="E3275" s="1" t="s">
        <v>11418</v>
      </c>
      <c r="F3275" s="1" t="s">
        <v>10</v>
      </c>
      <c r="G3275" s="1" t="s">
        <v>10</v>
      </c>
      <c r="H3275" s="1" t="s">
        <v>10</v>
      </c>
      <c r="I3275" s="1" t="s">
        <v>10455</v>
      </c>
      <c r="J3275" s="1" t="s">
        <v>11034</v>
      </c>
      <c r="K3275" s="1" t="s">
        <v>27</v>
      </c>
      <c r="L3275" s="1" t="s">
        <v>11415</v>
      </c>
      <c r="M3275" s="1" t="s">
        <v>5</v>
      </c>
      <c r="N3275" s="1" t="s">
        <v>10</v>
      </c>
      <c r="O3275" s="1" t="s">
        <v>38</v>
      </c>
      <c r="P3275" s="5" t="s">
        <v>31448</v>
      </c>
    </row>
    <row r="3276" spans="1:16" x14ac:dyDescent="0.2">
      <c r="A3276" s="1" t="s">
        <v>66</v>
      </c>
      <c r="B3276" s="1" t="s">
        <v>1117</v>
      </c>
      <c r="C3276" s="1" t="s">
        <v>11420</v>
      </c>
      <c r="D3276" s="1" t="s">
        <v>11421</v>
      </c>
      <c r="E3276" s="1" t="s">
        <v>11422</v>
      </c>
      <c r="F3276" s="1" t="s">
        <v>10</v>
      </c>
      <c r="G3276" s="1" t="s">
        <v>10</v>
      </c>
      <c r="H3276" s="1" t="s">
        <v>10</v>
      </c>
      <c r="I3276" s="1" t="s">
        <v>10455</v>
      </c>
      <c r="J3276" s="1" t="s">
        <v>11017</v>
      </c>
      <c r="K3276" s="1" t="s">
        <v>27</v>
      </c>
      <c r="L3276" s="1" t="s">
        <v>11419</v>
      </c>
      <c r="M3276" s="1" t="s">
        <v>5</v>
      </c>
      <c r="N3276" s="1" t="s">
        <v>10</v>
      </c>
      <c r="O3276" s="1" t="s">
        <v>8</v>
      </c>
      <c r="P3276" s="5" t="s">
        <v>30280</v>
      </c>
    </row>
    <row r="3277" spans="1:16" x14ac:dyDescent="0.2">
      <c r="A3277" s="1" t="s">
        <v>66</v>
      </c>
      <c r="B3277" s="1" t="s">
        <v>1117</v>
      </c>
      <c r="C3277" s="1" t="s">
        <v>11424</v>
      </c>
      <c r="D3277" s="1" t="s">
        <v>11425</v>
      </c>
      <c r="E3277" s="1" t="s">
        <v>11426</v>
      </c>
      <c r="F3277" s="1" t="s">
        <v>10</v>
      </c>
      <c r="G3277" s="1" t="s">
        <v>10</v>
      </c>
      <c r="H3277" s="1" t="s">
        <v>10</v>
      </c>
      <c r="I3277" s="1" t="s">
        <v>10455</v>
      </c>
      <c r="J3277" s="1" t="s">
        <v>11017</v>
      </c>
      <c r="K3277" s="1" t="s">
        <v>27</v>
      </c>
      <c r="L3277" s="1" t="s">
        <v>11423</v>
      </c>
      <c r="M3277" s="1" t="s">
        <v>5</v>
      </c>
      <c r="N3277" s="1" t="s">
        <v>10</v>
      </c>
      <c r="O3277" s="1" t="s">
        <v>8</v>
      </c>
      <c r="P3277" s="5" t="s">
        <v>30280</v>
      </c>
    </row>
    <row r="3278" spans="1:16" x14ac:dyDescent="0.2">
      <c r="A3278" s="1" t="s">
        <v>20</v>
      </c>
      <c r="B3278" s="1" t="s">
        <v>21</v>
      </c>
      <c r="C3278" s="1" t="s">
        <v>11428</v>
      </c>
      <c r="D3278" s="1" t="s">
        <v>11429</v>
      </c>
      <c r="E3278" s="1" t="s">
        <v>11430</v>
      </c>
      <c r="F3278" s="1" t="s">
        <v>10</v>
      </c>
      <c r="G3278" s="1" t="s">
        <v>10</v>
      </c>
      <c r="H3278" s="1" t="s">
        <v>10</v>
      </c>
      <c r="I3278" s="1" t="s">
        <v>10455</v>
      </c>
      <c r="J3278" s="1" t="s">
        <v>10632</v>
      </c>
      <c r="K3278" s="1" t="s">
        <v>27</v>
      </c>
      <c r="L3278" s="1" t="s">
        <v>11427</v>
      </c>
      <c r="M3278" s="1" t="s">
        <v>5</v>
      </c>
      <c r="N3278" s="1" t="s">
        <v>10</v>
      </c>
      <c r="O3278" s="1" t="s">
        <v>38</v>
      </c>
      <c r="P3278" s="5" t="s">
        <v>31449</v>
      </c>
    </row>
    <row r="3279" spans="1:16" x14ac:dyDescent="0.2">
      <c r="A3279" s="1" t="s">
        <v>20</v>
      </c>
      <c r="B3279" s="1" t="s">
        <v>253</v>
      </c>
      <c r="C3279" s="1" t="s">
        <v>11432</v>
      </c>
      <c r="D3279" s="1" t="s">
        <v>427</v>
      </c>
      <c r="E3279" s="1"/>
      <c r="F3279" s="1" t="s">
        <v>27</v>
      </c>
      <c r="G3279" s="1" t="s">
        <v>10</v>
      </c>
      <c r="H3279" s="1" t="s">
        <v>11433</v>
      </c>
      <c r="I3279" s="1" t="s">
        <v>10455</v>
      </c>
      <c r="J3279" s="1" t="s">
        <v>11281</v>
      </c>
      <c r="K3279" s="1" t="s">
        <v>130</v>
      </c>
      <c r="L3279" s="1" t="s">
        <v>11431</v>
      </c>
      <c r="M3279" s="1" t="s">
        <v>5</v>
      </c>
      <c r="N3279" s="1" t="s">
        <v>10</v>
      </c>
      <c r="O3279" s="1" t="s">
        <v>8</v>
      </c>
      <c r="P3279" s="5" t="s">
        <v>30281</v>
      </c>
    </row>
    <row r="3280" spans="1:16" x14ac:dyDescent="0.2">
      <c r="A3280" s="1" t="s">
        <v>194</v>
      </c>
      <c r="B3280" s="1" t="s">
        <v>6481</v>
      </c>
      <c r="C3280" s="1" t="s">
        <v>11436</v>
      </c>
      <c r="D3280" s="1" t="s">
        <v>11437</v>
      </c>
      <c r="E3280" s="1" t="s">
        <v>11438</v>
      </c>
      <c r="F3280" s="1" t="s">
        <v>10</v>
      </c>
      <c r="G3280" s="1" t="s">
        <v>10</v>
      </c>
      <c r="H3280" s="1" t="s">
        <v>2878</v>
      </c>
      <c r="I3280" s="1" t="s">
        <v>10455</v>
      </c>
      <c r="J3280" s="1" t="s">
        <v>10462</v>
      </c>
      <c r="K3280" s="1" t="s">
        <v>27</v>
      </c>
      <c r="L3280" s="1" t="s">
        <v>11435</v>
      </c>
      <c r="M3280" s="1" t="s">
        <v>5</v>
      </c>
      <c r="N3280" s="1" t="s">
        <v>1009</v>
      </c>
      <c r="O3280" s="1" t="s">
        <v>38</v>
      </c>
      <c r="P3280" s="5" t="s">
        <v>31450</v>
      </c>
    </row>
    <row r="3281" spans="1:16" x14ac:dyDescent="0.2">
      <c r="A3281" s="1" t="s">
        <v>194</v>
      </c>
      <c r="B3281" s="1" t="s">
        <v>4492</v>
      </c>
      <c r="C3281" s="1" t="s">
        <v>11440</v>
      </c>
      <c r="D3281" s="1" t="s">
        <v>11441</v>
      </c>
      <c r="E3281" s="1" t="s">
        <v>11442</v>
      </c>
      <c r="F3281" s="1" t="s">
        <v>10</v>
      </c>
      <c r="G3281" s="1" t="s">
        <v>10</v>
      </c>
      <c r="H3281" s="1" t="s">
        <v>2878</v>
      </c>
      <c r="I3281" s="1" t="s">
        <v>10455</v>
      </c>
      <c r="J3281" s="1" t="s">
        <v>10462</v>
      </c>
      <c r="K3281" s="1" t="s">
        <v>27</v>
      </c>
      <c r="L3281" s="1" t="s">
        <v>11439</v>
      </c>
      <c r="M3281" s="1" t="s">
        <v>5</v>
      </c>
      <c r="N3281" s="1" t="s">
        <v>25</v>
      </c>
      <c r="O3281" s="1" t="s">
        <v>38</v>
      </c>
      <c r="P3281" s="5" t="s">
        <v>31451</v>
      </c>
    </row>
    <row r="3282" spans="1:16" x14ac:dyDescent="0.2">
      <c r="A3282" s="1" t="s">
        <v>66</v>
      </c>
      <c r="B3282" s="1" t="s">
        <v>212</v>
      </c>
      <c r="C3282" s="1" t="s">
        <v>11444</v>
      </c>
      <c r="D3282" s="1" t="s">
        <v>11445</v>
      </c>
      <c r="E3282" s="1" t="s">
        <v>11446</v>
      </c>
      <c r="F3282" s="1" t="s">
        <v>10</v>
      </c>
      <c r="G3282" s="1" t="s">
        <v>10</v>
      </c>
      <c r="H3282" s="1" t="s">
        <v>2878</v>
      </c>
      <c r="I3282" s="1" t="s">
        <v>10455</v>
      </c>
      <c r="J3282" s="1" t="s">
        <v>10462</v>
      </c>
      <c r="K3282" s="1" t="s">
        <v>27</v>
      </c>
      <c r="L3282" s="1" t="s">
        <v>11443</v>
      </c>
      <c r="M3282" s="1" t="s">
        <v>5</v>
      </c>
      <c r="N3282" s="1" t="s">
        <v>6</v>
      </c>
      <c r="O3282" s="1" t="s">
        <v>38</v>
      </c>
      <c r="P3282" s="5" t="s">
        <v>31452</v>
      </c>
    </row>
    <row r="3283" spans="1:16" x14ac:dyDescent="0.2">
      <c r="A3283" s="1" t="s">
        <v>194</v>
      </c>
      <c r="B3283" s="1" t="s">
        <v>4492</v>
      </c>
      <c r="C3283" s="1" t="s">
        <v>11448</v>
      </c>
      <c r="D3283" s="1" t="s">
        <v>11448</v>
      </c>
      <c r="E3283" s="1" t="s">
        <v>11449</v>
      </c>
      <c r="F3283" s="1" t="s">
        <v>10</v>
      </c>
      <c r="G3283" s="1" t="s">
        <v>10</v>
      </c>
      <c r="H3283" s="1" t="s">
        <v>2878</v>
      </c>
      <c r="I3283" s="1" t="s">
        <v>10455</v>
      </c>
      <c r="J3283" s="1" t="s">
        <v>10462</v>
      </c>
      <c r="K3283" s="1" t="s">
        <v>27</v>
      </c>
      <c r="L3283" s="1" t="s">
        <v>11447</v>
      </c>
      <c r="M3283" s="1" t="s">
        <v>5</v>
      </c>
      <c r="N3283" s="1" t="s">
        <v>1009</v>
      </c>
      <c r="O3283" s="1" t="s">
        <v>38</v>
      </c>
      <c r="P3283" s="5" t="s">
        <v>31453</v>
      </c>
    </row>
    <row r="3284" spans="1:16" x14ac:dyDescent="0.2">
      <c r="A3284" s="1" t="s">
        <v>194</v>
      </c>
      <c r="B3284" s="1" t="s">
        <v>6481</v>
      </c>
      <c r="C3284" s="1" t="s">
        <v>11451</v>
      </c>
      <c r="D3284" s="1" t="s">
        <v>11452</v>
      </c>
      <c r="E3284" s="1" t="s">
        <v>11453</v>
      </c>
      <c r="F3284" s="1" t="s">
        <v>10</v>
      </c>
      <c r="G3284" s="1" t="s">
        <v>10</v>
      </c>
      <c r="H3284" s="1" t="s">
        <v>2878</v>
      </c>
      <c r="I3284" s="1" t="s">
        <v>10455</v>
      </c>
      <c r="J3284" s="1" t="s">
        <v>10462</v>
      </c>
      <c r="K3284" s="1" t="s">
        <v>27</v>
      </c>
      <c r="L3284" s="1" t="s">
        <v>11450</v>
      </c>
      <c r="M3284" s="1" t="s">
        <v>5</v>
      </c>
      <c r="N3284" s="1" t="s">
        <v>1009</v>
      </c>
      <c r="O3284" s="1" t="s">
        <v>38</v>
      </c>
      <c r="P3284" s="5" t="s">
        <v>11454</v>
      </c>
    </row>
    <row r="3285" spans="1:16" x14ac:dyDescent="0.2">
      <c r="A3285" s="1" t="s">
        <v>329</v>
      </c>
      <c r="B3285" s="1" t="s">
        <v>2120</v>
      </c>
      <c r="C3285" s="1" t="s">
        <v>11456</v>
      </c>
      <c r="D3285" s="1" t="s">
        <v>11457</v>
      </c>
      <c r="E3285" s="1" t="s">
        <v>11458</v>
      </c>
      <c r="F3285" s="1" t="s">
        <v>10</v>
      </c>
      <c r="G3285" s="1" t="s">
        <v>10</v>
      </c>
      <c r="H3285" s="1" t="s">
        <v>2878</v>
      </c>
      <c r="I3285" s="1" t="s">
        <v>10455</v>
      </c>
      <c r="J3285" s="1" t="s">
        <v>10462</v>
      </c>
      <c r="K3285" s="1" t="s">
        <v>27</v>
      </c>
      <c r="L3285" s="1" t="s">
        <v>11455</v>
      </c>
      <c r="M3285" s="1" t="s">
        <v>5</v>
      </c>
      <c r="N3285" s="1" t="s">
        <v>1009</v>
      </c>
      <c r="O3285" s="1" t="s">
        <v>38</v>
      </c>
      <c r="P3285" s="5" t="s">
        <v>10673</v>
      </c>
    </row>
    <row r="3286" spans="1:16" x14ac:dyDescent="0.2">
      <c r="A3286" s="1" t="s">
        <v>66</v>
      </c>
      <c r="B3286" s="1" t="s">
        <v>1812</v>
      </c>
      <c r="C3286" s="1" t="s">
        <v>11460</v>
      </c>
      <c r="D3286" s="1" t="s">
        <v>11461</v>
      </c>
      <c r="E3286" s="1" t="s">
        <v>11462</v>
      </c>
      <c r="F3286" s="1" t="s">
        <v>10</v>
      </c>
      <c r="G3286" s="1" t="s">
        <v>10</v>
      </c>
      <c r="H3286" s="1" t="s">
        <v>2878</v>
      </c>
      <c r="I3286" s="1" t="s">
        <v>10455</v>
      </c>
      <c r="J3286" s="1" t="s">
        <v>10462</v>
      </c>
      <c r="K3286" s="1" t="s">
        <v>27</v>
      </c>
      <c r="L3286" s="1" t="s">
        <v>11459</v>
      </c>
      <c r="M3286" s="1" t="s">
        <v>5</v>
      </c>
      <c r="N3286" s="1" t="s">
        <v>1009</v>
      </c>
      <c r="O3286" s="1" t="s">
        <v>38</v>
      </c>
      <c r="P3286" s="5"/>
    </row>
    <row r="3287" spans="1:16" x14ac:dyDescent="0.2">
      <c r="A3287" s="1" t="s">
        <v>66</v>
      </c>
      <c r="B3287" s="1" t="s">
        <v>1812</v>
      </c>
      <c r="C3287" s="1" t="s">
        <v>11464</v>
      </c>
      <c r="D3287" s="1" t="s">
        <v>1705</v>
      </c>
      <c r="E3287" s="1" t="s">
        <v>11465</v>
      </c>
      <c r="F3287" s="1" t="s">
        <v>10</v>
      </c>
      <c r="G3287" s="1" t="s">
        <v>10</v>
      </c>
      <c r="H3287" s="1" t="s">
        <v>2878</v>
      </c>
      <c r="I3287" s="1" t="s">
        <v>10455</v>
      </c>
      <c r="J3287" s="1" t="s">
        <v>10462</v>
      </c>
      <c r="K3287" s="1" t="s">
        <v>27</v>
      </c>
      <c r="L3287" s="1" t="s">
        <v>11463</v>
      </c>
      <c r="M3287" s="1" t="s">
        <v>5</v>
      </c>
      <c r="N3287" s="1" t="s">
        <v>1009</v>
      </c>
      <c r="O3287" s="1" t="s">
        <v>38</v>
      </c>
      <c r="P3287" s="5" t="s">
        <v>30282</v>
      </c>
    </row>
    <row r="3288" spans="1:16" x14ac:dyDescent="0.2">
      <c r="A3288" s="1" t="s">
        <v>194</v>
      </c>
      <c r="B3288" s="1" t="s">
        <v>6481</v>
      </c>
      <c r="C3288" s="1" t="s">
        <v>11467</v>
      </c>
      <c r="D3288" s="1" t="s">
        <v>11468</v>
      </c>
      <c r="E3288" s="1" t="s">
        <v>11469</v>
      </c>
      <c r="F3288" s="1" t="s">
        <v>10</v>
      </c>
      <c r="G3288" s="1" t="s">
        <v>10</v>
      </c>
      <c r="H3288" s="1" t="s">
        <v>2878</v>
      </c>
      <c r="I3288" s="1" t="s">
        <v>10455</v>
      </c>
      <c r="J3288" s="1" t="s">
        <v>10462</v>
      </c>
      <c r="K3288" s="1" t="s">
        <v>27</v>
      </c>
      <c r="L3288" s="1" t="s">
        <v>11466</v>
      </c>
      <c r="M3288" s="1" t="s">
        <v>5</v>
      </c>
      <c r="N3288" s="1" t="s">
        <v>1009</v>
      </c>
      <c r="O3288" s="1" t="s">
        <v>38</v>
      </c>
      <c r="P3288" s="5" t="s">
        <v>31454</v>
      </c>
    </row>
    <row r="3289" spans="1:16" x14ac:dyDescent="0.2">
      <c r="A3289" s="1" t="s">
        <v>194</v>
      </c>
      <c r="B3289" s="1" t="s">
        <v>4492</v>
      </c>
      <c r="C3289" s="1" t="s">
        <v>11471</v>
      </c>
      <c r="D3289" s="1" t="s">
        <v>11472</v>
      </c>
      <c r="E3289" s="1" t="s">
        <v>11473</v>
      </c>
      <c r="F3289" s="1" t="s">
        <v>10</v>
      </c>
      <c r="G3289" s="1" t="s">
        <v>10</v>
      </c>
      <c r="H3289" s="1" t="s">
        <v>10</v>
      </c>
      <c r="I3289" s="1" t="s">
        <v>10455</v>
      </c>
      <c r="J3289" s="1" t="s">
        <v>10652</v>
      </c>
      <c r="K3289" s="1" t="s">
        <v>27</v>
      </c>
      <c r="L3289" s="1" t="s">
        <v>11470</v>
      </c>
      <c r="M3289" s="1" t="s">
        <v>5</v>
      </c>
      <c r="N3289" s="1" t="s">
        <v>1009</v>
      </c>
      <c r="O3289" s="1" t="s">
        <v>38</v>
      </c>
      <c r="P3289" s="5" t="s">
        <v>31455</v>
      </c>
    </row>
    <row r="3290" spans="1:16" x14ac:dyDescent="0.2">
      <c r="A3290" s="1" t="s">
        <v>194</v>
      </c>
      <c r="B3290" s="1" t="s">
        <v>4492</v>
      </c>
      <c r="C3290" s="1" t="s">
        <v>11475</v>
      </c>
      <c r="D3290" s="1" t="s">
        <v>11476</v>
      </c>
      <c r="E3290" s="1" t="s">
        <v>11477</v>
      </c>
      <c r="F3290" s="1" t="s">
        <v>10</v>
      </c>
      <c r="G3290" s="1" t="s">
        <v>10</v>
      </c>
      <c r="H3290" s="1" t="s">
        <v>10</v>
      </c>
      <c r="I3290" s="1" t="s">
        <v>10455</v>
      </c>
      <c r="J3290" s="1" t="s">
        <v>10652</v>
      </c>
      <c r="K3290" s="1" t="s">
        <v>27</v>
      </c>
      <c r="L3290" s="1" t="s">
        <v>11474</v>
      </c>
      <c r="M3290" s="1" t="s">
        <v>5</v>
      </c>
      <c r="N3290" s="1" t="s">
        <v>1009</v>
      </c>
      <c r="O3290" s="1" t="s">
        <v>38</v>
      </c>
      <c r="P3290" s="5" t="s">
        <v>31456</v>
      </c>
    </row>
    <row r="3291" spans="1:16" x14ac:dyDescent="0.2">
      <c r="A3291" s="1" t="s">
        <v>194</v>
      </c>
      <c r="B3291" s="1" t="s">
        <v>4492</v>
      </c>
      <c r="C3291" s="1" t="s">
        <v>11479</v>
      </c>
      <c r="D3291" s="1" t="s">
        <v>11480</v>
      </c>
      <c r="E3291" s="1" t="s">
        <v>11481</v>
      </c>
      <c r="F3291" s="1" t="s">
        <v>10</v>
      </c>
      <c r="G3291" s="1" t="s">
        <v>10</v>
      </c>
      <c r="H3291" s="1" t="s">
        <v>10</v>
      </c>
      <c r="I3291" s="1" t="s">
        <v>10455</v>
      </c>
      <c r="J3291" s="1" t="s">
        <v>10652</v>
      </c>
      <c r="K3291" s="1" t="s">
        <v>27</v>
      </c>
      <c r="L3291" s="1" t="s">
        <v>11478</v>
      </c>
      <c r="M3291" s="1" t="s">
        <v>5</v>
      </c>
      <c r="N3291" s="1" t="s">
        <v>1009</v>
      </c>
      <c r="O3291" s="1" t="s">
        <v>38</v>
      </c>
      <c r="P3291" s="5" t="s">
        <v>31457</v>
      </c>
    </row>
    <row r="3292" spans="1:16" x14ac:dyDescent="0.2">
      <c r="A3292" s="1" t="s">
        <v>194</v>
      </c>
      <c r="B3292" s="1" t="s">
        <v>4492</v>
      </c>
      <c r="C3292" s="1" t="s">
        <v>11483</v>
      </c>
      <c r="D3292" s="1" t="s">
        <v>11484</v>
      </c>
      <c r="E3292" s="1" t="s">
        <v>11485</v>
      </c>
      <c r="F3292" s="1" t="s">
        <v>10</v>
      </c>
      <c r="G3292" s="1" t="s">
        <v>10</v>
      </c>
      <c r="H3292" s="1" t="s">
        <v>10</v>
      </c>
      <c r="I3292" s="1" t="s">
        <v>10455</v>
      </c>
      <c r="J3292" s="1" t="s">
        <v>10652</v>
      </c>
      <c r="K3292" s="1" t="s">
        <v>27</v>
      </c>
      <c r="L3292" s="1" t="s">
        <v>11482</v>
      </c>
      <c r="M3292" s="1" t="s">
        <v>5</v>
      </c>
      <c r="N3292" s="1" t="s">
        <v>1009</v>
      </c>
      <c r="O3292" s="1" t="s">
        <v>38</v>
      </c>
      <c r="P3292" s="5" t="s">
        <v>31458</v>
      </c>
    </row>
    <row r="3293" spans="1:16" x14ac:dyDescent="0.2">
      <c r="A3293" s="1" t="s">
        <v>194</v>
      </c>
      <c r="B3293" s="1" t="s">
        <v>4492</v>
      </c>
      <c r="C3293" s="1" t="s">
        <v>11487</v>
      </c>
      <c r="D3293" s="1" t="s">
        <v>11488</v>
      </c>
      <c r="E3293" s="1" t="s">
        <v>11489</v>
      </c>
      <c r="F3293" s="1" t="s">
        <v>10</v>
      </c>
      <c r="G3293" s="1" t="s">
        <v>10</v>
      </c>
      <c r="H3293" s="1" t="s">
        <v>10</v>
      </c>
      <c r="I3293" s="1" t="s">
        <v>10455</v>
      </c>
      <c r="J3293" s="1" t="s">
        <v>10652</v>
      </c>
      <c r="K3293" s="1" t="s">
        <v>27</v>
      </c>
      <c r="L3293" s="1" t="s">
        <v>11486</v>
      </c>
      <c r="M3293" s="1" t="s">
        <v>5</v>
      </c>
      <c r="N3293" s="1" t="s">
        <v>6</v>
      </c>
      <c r="O3293" s="1" t="s">
        <v>38</v>
      </c>
      <c r="P3293" s="5" t="s">
        <v>31459</v>
      </c>
    </row>
    <row r="3294" spans="1:16" x14ac:dyDescent="0.2">
      <c r="A3294" s="1" t="s">
        <v>194</v>
      </c>
      <c r="B3294" s="1" t="s">
        <v>4492</v>
      </c>
      <c r="C3294" s="1" t="s">
        <v>11491</v>
      </c>
      <c r="D3294" s="1" t="s">
        <v>11491</v>
      </c>
      <c r="E3294" s="1" t="s">
        <v>11492</v>
      </c>
      <c r="F3294" s="1" t="s">
        <v>10</v>
      </c>
      <c r="G3294" s="1" t="s">
        <v>10</v>
      </c>
      <c r="H3294" s="1" t="s">
        <v>10</v>
      </c>
      <c r="I3294" s="1" t="s">
        <v>10455</v>
      </c>
      <c r="J3294" s="1" t="s">
        <v>10652</v>
      </c>
      <c r="K3294" s="1" t="s">
        <v>27</v>
      </c>
      <c r="L3294" s="1" t="s">
        <v>11490</v>
      </c>
      <c r="M3294" s="1" t="s">
        <v>5</v>
      </c>
      <c r="N3294" s="1" t="s">
        <v>6</v>
      </c>
      <c r="O3294" s="1" t="s">
        <v>38</v>
      </c>
      <c r="P3294" s="5" t="s">
        <v>31460</v>
      </c>
    </row>
    <row r="3295" spans="1:16" x14ac:dyDescent="0.2">
      <c r="A3295" s="1" t="s">
        <v>194</v>
      </c>
      <c r="B3295" s="1" t="s">
        <v>4492</v>
      </c>
      <c r="C3295" s="1" t="s">
        <v>11496</v>
      </c>
      <c r="D3295" s="1" t="s">
        <v>11496</v>
      </c>
      <c r="E3295" s="1" t="s">
        <v>11497</v>
      </c>
      <c r="F3295" s="1" t="s">
        <v>10</v>
      </c>
      <c r="G3295" s="1" t="s">
        <v>10</v>
      </c>
      <c r="H3295" s="1" t="s">
        <v>10</v>
      </c>
      <c r="I3295" s="1" t="s">
        <v>10455</v>
      </c>
      <c r="J3295" s="1" t="s">
        <v>10652</v>
      </c>
      <c r="K3295" s="1" t="s">
        <v>27</v>
      </c>
      <c r="L3295" s="1" t="s">
        <v>11495</v>
      </c>
      <c r="M3295" s="1" t="s">
        <v>5</v>
      </c>
      <c r="N3295" s="1" t="s">
        <v>1009</v>
      </c>
      <c r="O3295" s="1" t="s">
        <v>38</v>
      </c>
      <c r="P3295" s="5" t="s">
        <v>31461</v>
      </c>
    </row>
    <row r="3296" spans="1:16" x14ac:dyDescent="0.2">
      <c r="A3296" s="1" t="s">
        <v>194</v>
      </c>
      <c r="B3296" s="1" t="s">
        <v>4492</v>
      </c>
      <c r="C3296" s="1" t="s">
        <v>11499</v>
      </c>
      <c r="D3296" s="1" t="s">
        <v>11499</v>
      </c>
      <c r="E3296" s="1" t="s">
        <v>11500</v>
      </c>
      <c r="F3296" s="1" t="s">
        <v>10</v>
      </c>
      <c r="G3296" s="1" t="s">
        <v>10</v>
      </c>
      <c r="H3296" s="1" t="s">
        <v>10</v>
      </c>
      <c r="I3296" s="1" t="s">
        <v>10455</v>
      </c>
      <c r="J3296" s="1" t="s">
        <v>10652</v>
      </c>
      <c r="K3296" s="1" t="s">
        <v>27</v>
      </c>
      <c r="L3296" s="1" t="s">
        <v>11498</v>
      </c>
      <c r="M3296" s="1" t="s">
        <v>5</v>
      </c>
      <c r="N3296" s="1" t="s">
        <v>1009</v>
      </c>
      <c r="O3296" s="1" t="s">
        <v>38</v>
      </c>
      <c r="P3296" s="5" t="s">
        <v>31462</v>
      </c>
    </row>
    <row r="3297" spans="1:16" x14ac:dyDescent="0.2">
      <c r="A3297" s="1" t="s">
        <v>194</v>
      </c>
      <c r="B3297" s="1" t="s">
        <v>6481</v>
      </c>
      <c r="C3297" s="1" t="s">
        <v>11502</v>
      </c>
      <c r="D3297" s="1" t="s">
        <v>11503</v>
      </c>
      <c r="E3297" s="1" t="s">
        <v>11504</v>
      </c>
      <c r="F3297" s="1" t="s">
        <v>10</v>
      </c>
      <c r="G3297" s="1" t="s">
        <v>10</v>
      </c>
      <c r="H3297" s="1" t="s">
        <v>2878</v>
      </c>
      <c r="I3297" s="1" t="s">
        <v>10455</v>
      </c>
      <c r="J3297" s="1" t="s">
        <v>10652</v>
      </c>
      <c r="K3297" s="1" t="s">
        <v>27</v>
      </c>
      <c r="L3297" s="1" t="s">
        <v>11501</v>
      </c>
      <c r="M3297" s="1" t="s">
        <v>5</v>
      </c>
      <c r="N3297" s="1" t="s">
        <v>1009</v>
      </c>
      <c r="O3297" s="1" t="s">
        <v>38</v>
      </c>
      <c r="P3297" s="5" t="s">
        <v>11082</v>
      </c>
    </row>
    <row r="3298" spans="1:16" x14ac:dyDescent="0.2">
      <c r="A3298" s="1" t="s">
        <v>194</v>
      </c>
      <c r="B3298" s="1" t="s">
        <v>6481</v>
      </c>
      <c r="C3298" s="1" t="s">
        <v>11506</v>
      </c>
      <c r="D3298" s="1" t="s">
        <v>11507</v>
      </c>
      <c r="E3298" s="1" t="s">
        <v>11508</v>
      </c>
      <c r="F3298" s="1" t="s">
        <v>10</v>
      </c>
      <c r="G3298" s="1" t="s">
        <v>10</v>
      </c>
      <c r="H3298" s="1" t="s">
        <v>2878</v>
      </c>
      <c r="I3298" s="1" t="s">
        <v>10455</v>
      </c>
      <c r="J3298" s="1" t="s">
        <v>10652</v>
      </c>
      <c r="K3298" s="1" t="s">
        <v>27</v>
      </c>
      <c r="L3298" s="1" t="s">
        <v>11505</v>
      </c>
      <c r="M3298" s="1" t="s">
        <v>5</v>
      </c>
      <c r="N3298" s="1" t="s">
        <v>960</v>
      </c>
      <c r="O3298" s="1" t="s">
        <v>38</v>
      </c>
      <c r="P3298" s="5" t="s">
        <v>11082</v>
      </c>
    </row>
    <row r="3299" spans="1:16" x14ac:dyDescent="0.2">
      <c r="A3299" s="1" t="s">
        <v>194</v>
      </c>
      <c r="B3299" s="1" t="s">
        <v>4492</v>
      </c>
      <c r="C3299" s="1" t="s">
        <v>11510</v>
      </c>
      <c r="D3299" s="1" t="s">
        <v>11511</v>
      </c>
      <c r="E3299" s="1" t="s">
        <v>11512</v>
      </c>
      <c r="F3299" s="1" t="s">
        <v>10</v>
      </c>
      <c r="G3299" s="1" t="s">
        <v>10</v>
      </c>
      <c r="H3299" s="1" t="s">
        <v>10</v>
      </c>
      <c r="I3299" s="1" t="s">
        <v>10455</v>
      </c>
      <c r="J3299" s="1" t="s">
        <v>10652</v>
      </c>
      <c r="K3299" s="1" t="s">
        <v>27</v>
      </c>
      <c r="L3299" s="1" t="s">
        <v>11509</v>
      </c>
      <c r="M3299" s="1" t="s">
        <v>5</v>
      </c>
      <c r="N3299" s="1" t="s">
        <v>1009</v>
      </c>
      <c r="O3299" s="1" t="s">
        <v>38</v>
      </c>
      <c r="P3299" s="5" t="s">
        <v>31463</v>
      </c>
    </row>
    <row r="3300" spans="1:16" x14ac:dyDescent="0.2">
      <c r="A3300" s="1" t="s">
        <v>194</v>
      </c>
      <c r="B3300" s="1" t="s">
        <v>195</v>
      </c>
      <c r="C3300" s="1" t="s">
        <v>11514</v>
      </c>
      <c r="D3300" s="1" t="s">
        <v>11515</v>
      </c>
      <c r="E3300" s="1" t="s">
        <v>11516</v>
      </c>
      <c r="F3300" s="1" t="s">
        <v>10</v>
      </c>
      <c r="G3300" s="1" t="s">
        <v>10</v>
      </c>
      <c r="H3300" s="1" t="s">
        <v>2878</v>
      </c>
      <c r="I3300" s="1" t="s">
        <v>10455</v>
      </c>
      <c r="J3300" s="1" t="s">
        <v>10462</v>
      </c>
      <c r="K3300" s="1" t="s">
        <v>27</v>
      </c>
      <c r="L3300" s="1" t="s">
        <v>11513</v>
      </c>
      <c r="M3300" s="1" t="s">
        <v>5</v>
      </c>
      <c r="N3300" s="1" t="s">
        <v>1009</v>
      </c>
      <c r="O3300" s="1" t="s">
        <v>38</v>
      </c>
      <c r="P3300" s="5"/>
    </row>
    <row r="3301" spans="1:16" x14ac:dyDescent="0.2">
      <c r="A3301" s="1" t="s">
        <v>194</v>
      </c>
      <c r="B3301" s="1" t="s">
        <v>6481</v>
      </c>
      <c r="C3301" s="1" t="s">
        <v>11518</v>
      </c>
      <c r="D3301" s="1" t="s">
        <v>11519</v>
      </c>
      <c r="E3301" s="1" t="s">
        <v>11520</v>
      </c>
      <c r="F3301" s="1" t="s">
        <v>10</v>
      </c>
      <c r="G3301" s="1" t="s">
        <v>10</v>
      </c>
      <c r="H3301" s="1" t="s">
        <v>2878</v>
      </c>
      <c r="I3301" s="1" t="s">
        <v>10455</v>
      </c>
      <c r="J3301" s="1" t="s">
        <v>10462</v>
      </c>
      <c r="K3301" s="1" t="s">
        <v>27</v>
      </c>
      <c r="L3301" s="1" t="s">
        <v>11517</v>
      </c>
      <c r="M3301" s="1" t="s">
        <v>5</v>
      </c>
      <c r="N3301" s="1" t="s">
        <v>960</v>
      </c>
      <c r="O3301" s="1" t="s">
        <v>38</v>
      </c>
      <c r="P3301" s="5"/>
    </row>
    <row r="3302" spans="1:16" x14ac:dyDescent="0.2">
      <c r="A3302" s="1" t="s">
        <v>194</v>
      </c>
      <c r="B3302" s="1" t="s">
        <v>6481</v>
      </c>
      <c r="C3302" s="1" t="s">
        <v>11522</v>
      </c>
      <c r="D3302" s="1" t="s">
        <v>11523</v>
      </c>
      <c r="E3302" s="1" t="s">
        <v>11524</v>
      </c>
      <c r="F3302" s="1" t="s">
        <v>10</v>
      </c>
      <c r="G3302" s="1" t="s">
        <v>10</v>
      </c>
      <c r="H3302" s="1" t="s">
        <v>2878</v>
      </c>
      <c r="I3302" s="1" t="s">
        <v>10455</v>
      </c>
      <c r="J3302" s="1" t="s">
        <v>10462</v>
      </c>
      <c r="K3302" s="1" t="s">
        <v>27</v>
      </c>
      <c r="L3302" s="1" t="s">
        <v>11521</v>
      </c>
      <c r="M3302" s="1" t="s">
        <v>5</v>
      </c>
      <c r="N3302" s="1" t="s">
        <v>1009</v>
      </c>
      <c r="O3302" s="1" t="s">
        <v>38</v>
      </c>
      <c r="P3302" s="5" t="s">
        <v>31464</v>
      </c>
    </row>
    <row r="3303" spans="1:16" x14ac:dyDescent="0.2">
      <c r="A3303" s="1" t="s">
        <v>2187</v>
      </c>
      <c r="B3303" s="1" t="s">
        <v>2206</v>
      </c>
      <c r="C3303" s="1" t="s">
        <v>11526</v>
      </c>
      <c r="D3303" s="1" t="s">
        <v>11526</v>
      </c>
      <c r="E3303" s="1" t="s">
        <v>11527</v>
      </c>
      <c r="F3303" s="1" t="s">
        <v>10</v>
      </c>
      <c r="G3303" s="1" t="s">
        <v>10</v>
      </c>
      <c r="H3303" s="1" t="s">
        <v>2878</v>
      </c>
      <c r="I3303" s="1" t="s">
        <v>10455</v>
      </c>
      <c r="J3303" s="1" t="s">
        <v>10462</v>
      </c>
      <c r="K3303" s="1" t="s">
        <v>27</v>
      </c>
      <c r="L3303" s="1" t="s">
        <v>11525</v>
      </c>
      <c r="M3303" s="1" t="s">
        <v>5</v>
      </c>
      <c r="N3303" s="1" t="s">
        <v>1009</v>
      </c>
      <c r="O3303" s="1" t="s">
        <v>38</v>
      </c>
      <c r="P3303" s="5" t="s">
        <v>31465</v>
      </c>
    </row>
    <row r="3304" spans="1:16" x14ac:dyDescent="0.2">
      <c r="A3304" s="1" t="s">
        <v>329</v>
      </c>
      <c r="B3304" s="1" t="s">
        <v>2120</v>
      </c>
      <c r="C3304" s="1" t="s">
        <v>11529</v>
      </c>
      <c r="D3304" s="1" t="s">
        <v>11530</v>
      </c>
      <c r="E3304" s="1" t="s">
        <v>11531</v>
      </c>
      <c r="F3304" s="1" t="s">
        <v>10</v>
      </c>
      <c r="G3304" s="1" t="s">
        <v>10</v>
      </c>
      <c r="H3304" s="1" t="s">
        <v>2878</v>
      </c>
      <c r="I3304" s="1" t="s">
        <v>10455</v>
      </c>
      <c r="J3304" s="1" t="s">
        <v>10462</v>
      </c>
      <c r="K3304" s="1" t="s">
        <v>27</v>
      </c>
      <c r="L3304" s="1" t="s">
        <v>11528</v>
      </c>
      <c r="M3304" s="1" t="s">
        <v>5</v>
      </c>
      <c r="N3304" s="1" t="s">
        <v>1009</v>
      </c>
      <c r="O3304" s="1" t="s">
        <v>38</v>
      </c>
      <c r="P3304" s="5" t="s">
        <v>31466</v>
      </c>
    </row>
    <row r="3305" spans="1:16" x14ac:dyDescent="0.2">
      <c r="A3305" s="1" t="s">
        <v>66</v>
      </c>
      <c r="B3305" s="1" t="s">
        <v>1127</v>
      </c>
      <c r="C3305" s="1" t="s">
        <v>11533</v>
      </c>
      <c r="D3305" s="1" t="s">
        <v>11534</v>
      </c>
      <c r="E3305" s="1" t="s">
        <v>11536</v>
      </c>
      <c r="F3305" s="1" t="s">
        <v>10</v>
      </c>
      <c r="G3305" s="1" t="s">
        <v>10</v>
      </c>
      <c r="H3305" s="1" t="s">
        <v>2878</v>
      </c>
      <c r="I3305" s="1" t="s">
        <v>10455</v>
      </c>
      <c r="J3305" s="1" t="s">
        <v>11535</v>
      </c>
      <c r="K3305" s="1" t="s">
        <v>27</v>
      </c>
      <c r="L3305" s="1" t="s">
        <v>11532</v>
      </c>
      <c r="M3305" s="1" t="s">
        <v>5</v>
      </c>
      <c r="N3305" s="1" t="s">
        <v>1009</v>
      </c>
      <c r="O3305" s="1" t="s">
        <v>8</v>
      </c>
      <c r="P3305" s="5" t="s">
        <v>31467</v>
      </c>
    </row>
    <row r="3306" spans="1:16" x14ac:dyDescent="0.2">
      <c r="A3306" s="1" t="s">
        <v>66</v>
      </c>
      <c r="B3306" s="1" t="s">
        <v>1127</v>
      </c>
      <c r="C3306" s="1" t="s">
        <v>11538</v>
      </c>
      <c r="D3306" s="1" t="s">
        <v>11539</v>
      </c>
      <c r="E3306" s="1" t="s">
        <v>11540</v>
      </c>
      <c r="F3306" s="1" t="s">
        <v>10</v>
      </c>
      <c r="G3306" s="1" t="s">
        <v>10</v>
      </c>
      <c r="H3306" s="1" t="s">
        <v>2878</v>
      </c>
      <c r="I3306" s="1" t="s">
        <v>10455</v>
      </c>
      <c r="J3306" s="1" t="s">
        <v>10462</v>
      </c>
      <c r="K3306" s="1" t="s">
        <v>27</v>
      </c>
      <c r="L3306" s="1" t="s">
        <v>11537</v>
      </c>
      <c r="M3306" s="1" t="s">
        <v>5</v>
      </c>
      <c r="N3306" s="1" t="s">
        <v>6</v>
      </c>
      <c r="O3306" s="1" t="s">
        <v>8</v>
      </c>
      <c r="P3306" s="5"/>
    </row>
    <row r="3307" spans="1:16" x14ac:dyDescent="0.2">
      <c r="A3307" s="1" t="s">
        <v>329</v>
      </c>
      <c r="B3307" s="1" t="s">
        <v>691</v>
      </c>
      <c r="C3307" s="1" t="s">
        <v>11542</v>
      </c>
      <c r="D3307" s="1" t="s">
        <v>11542</v>
      </c>
      <c r="E3307" s="1" t="s">
        <v>11543</v>
      </c>
      <c r="F3307" s="1" t="s">
        <v>10</v>
      </c>
      <c r="G3307" s="1" t="s">
        <v>10</v>
      </c>
      <c r="H3307" s="1" t="s">
        <v>2878</v>
      </c>
      <c r="I3307" s="1" t="s">
        <v>10455</v>
      </c>
      <c r="J3307" s="1" t="s">
        <v>10462</v>
      </c>
      <c r="K3307" s="1" t="s">
        <v>27</v>
      </c>
      <c r="L3307" s="1" t="s">
        <v>11541</v>
      </c>
      <c r="M3307" s="1" t="s">
        <v>5</v>
      </c>
      <c r="N3307" s="1" t="s">
        <v>1009</v>
      </c>
      <c r="O3307" s="1" t="s">
        <v>38</v>
      </c>
      <c r="P3307" s="5" t="s">
        <v>31381</v>
      </c>
    </row>
    <row r="3308" spans="1:16" x14ac:dyDescent="0.2">
      <c r="A3308" s="1" t="s">
        <v>329</v>
      </c>
      <c r="B3308" s="1" t="s">
        <v>2120</v>
      </c>
      <c r="C3308" s="1" t="s">
        <v>11545</v>
      </c>
      <c r="D3308" s="1" t="s">
        <v>11546</v>
      </c>
      <c r="E3308" s="1" t="s">
        <v>11547</v>
      </c>
      <c r="F3308" s="1" t="s">
        <v>10</v>
      </c>
      <c r="G3308" s="1" t="s">
        <v>10</v>
      </c>
      <c r="H3308" s="1" t="s">
        <v>2878</v>
      </c>
      <c r="I3308" s="1" t="s">
        <v>10455</v>
      </c>
      <c r="J3308" s="1" t="s">
        <v>11535</v>
      </c>
      <c r="K3308" s="1" t="s">
        <v>27</v>
      </c>
      <c r="L3308" s="1" t="s">
        <v>11544</v>
      </c>
      <c r="M3308" s="1" t="s">
        <v>5</v>
      </c>
      <c r="N3308" s="1" t="s">
        <v>1009</v>
      </c>
      <c r="O3308" s="1" t="s">
        <v>38</v>
      </c>
      <c r="P3308" s="5" t="s">
        <v>31468</v>
      </c>
    </row>
    <row r="3309" spans="1:16" x14ac:dyDescent="0.2">
      <c r="A3309" s="1" t="s">
        <v>329</v>
      </c>
      <c r="B3309" s="1" t="s">
        <v>691</v>
      </c>
      <c r="C3309" s="1" t="s">
        <v>11549</v>
      </c>
      <c r="D3309" s="1" t="s">
        <v>11550</v>
      </c>
      <c r="E3309" s="1" t="s">
        <v>11551</v>
      </c>
      <c r="F3309" s="1" t="s">
        <v>10</v>
      </c>
      <c r="G3309" s="1" t="s">
        <v>10</v>
      </c>
      <c r="H3309" s="1" t="s">
        <v>2878</v>
      </c>
      <c r="I3309" s="1" t="s">
        <v>10455</v>
      </c>
      <c r="J3309" s="1" t="s">
        <v>10462</v>
      </c>
      <c r="K3309" s="1" t="s">
        <v>27</v>
      </c>
      <c r="L3309" s="1" t="s">
        <v>11548</v>
      </c>
      <c r="M3309" s="1" t="s">
        <v>5</v>
      </c>
      <c r="N3309" s="1" t="s">
        <v>1009</v>
      </c>
      <c r="O3309" s="1" t="s">
        <v>38</v>
      </c>
      <c r="P3309" s="5" t="s">
        <v>31381</v>
      </c>
    </row>
    <row r="3310" spans="1:16" x14ac:dyDescent="0.2">
      <c r="A3310" s="1" t="s">
        <v>2187</v>
      </c>
      <c r="B3310" s="1" t="s">
        <v>10965</v>
      </c>
      <c r="C3310" s="1" t="s">
        <v>11553</v>
      </c>
      <c r="D3310" s="1" t="s">
        <v>11554</v>
      </c>
      <c r="E3310" s="1" t="s">
        <v>11555</v>
      </c>
      <c r="F3310" s="1" t="s">
        <v>10</v>
      </c>
      <c r="G3310" s="1" t="s">
        <v>10</v>
      </c>
      <c r="H3310" s="1" t="s">
        <v>2878</v>
      </c>
      <c r="I3310" s="1" t="s">
        <v>10455</v>
      </c>
      <c r="J3310" s="1" t="s">
        <v>10462</v>
      </c>
      <c r="K3310" s="1" t="s">
        <v>27</v>
      </c>
      <c r="L3310" s="1" t="s">
        <v>11552</v>
      </c>
      <c r="M3310" s="1" t="s">
        <v>5</v>
      </c>
      <c r="N3310" s="1" t="s">
        <v>1009</v>
      </c>
      <c r="O3310" s="1" t="s">
        <v>38</v>
      </c>
      <c r="P3310" s="5"/>
    </row>
    <row r="3311" spans="1:16" x14ac:dyDescent="0.2">
      <c r="A3311" s="1" t="s">
        <v>194</v>
      </c>
      <c r="B3311" s="1" t="s">
        <v>7175</v>
      </c>
      <c r="C3311" s="1" t="s">
        <v>11559</v>
      </c>
      <c r="D3311" s="1" t="s">
        <v>11559</v>
      </c>
      <c r="E3311" s="1" t="s">
        <v>11560</v>
      </c>
      <c r="F3311" s="1" t="s">
        <v>27</v>
      </c>
      <c r="G3311" s="1" t="s">
        <v>10</v>
      </c>
      <c r="H3311" s="1" t="s">
        <v>10</v>
      </c>
      <c r="I3311" s="1" t="s">
        <v>10455</v>
      </c>
      <c r="J3311" s="1" t="s">
        <v>11556</v>
      </c>
      <c r="K3311" s="1" t="s">
        <v>27</v>
      </c>
      <c r="L3311" s="1" t="s">
        <v>11558</v>
      </c>
      <c r="M3311" s="1" t="s">
        <v>5</v>
      </c>
      <c r="N3311" s="1" t="s">
        <v>10</v>
      </c>
      <c r="O3311" s="1" t="s">
        <v>8</v>
      </c>
      <c r="P3311" s="5" t="s">
        <v>31469</v>
      </c>
    </row>
    <row r="3312" spans="1:16" x14ac:dyDescent="0.2">
      <c r="A3312" s="1" t="s">
        <v>20</v>
      </c>
      <c r="B3312" s="1" t="s">
        <v>93</v>
      </c>
      <c r="C3312" s="1" t="s">
        <v>11562</v>
      </c>
      <c r="D3312" s="1" t="s">
        <v>11563</v>
      </c>
      <c r="E3312" s="1" t="s">
        <v>11565</v>
      </c>
      <c r="F3312" s="1" t="s">
        <v>10</v>
      </c>
      <c r="G3312" s="1" t="s">
        <v>10</v>
      </c>
      <c r="H3312" s="1" t="s">
        <v>2878</v>
      </c>
      <c r="I3312" s="1" t="s">
        <v>10455</v>
      </c>
      <c r="J3312" s="1" t="s">
        <v>11564</v>
      </c>
      <c r="K3312" s="1" t="s">
        <v>27</v>
      </c>
      <c r="L3312" s="1" t="s">
        <v>11561</v>
      </c>
      <c r="M3312" s="1" t="s">
        <v>5</v>
      </c>
      <c r="N3312" s="1" t="s">
        <v>25</v>
      </c>
      <c r="O3312" s="1" t="s">
        <v>38</v>
      </c>
      <c r="P3312" s="5" t="s">
        <v>31470</v>
      </c>
    </row>
    <row r="3313" spans="1:16" x14ac:dyDescent="0.2">
      <c r="A3313" s="1" t="s">
        <v>20</v>
      </c>
      <c r="B3313" s="1" t="s">
        <v>10</v>
      </c>
      <c r="C3313" s="1" t="s">
        <v>11567</v>
      </c>
      <c r="D3313" s="1" t="s">
        <v>11568</v>
      </c>
      <c r="E3313" s="1" t="s">
        <v>11570</v>
      </c>
      <c r="F3313" s="1" t="s">
        <v>10</v>
      </c>
      <c r="G3313" s="1" t="s">
        <v>10</v>
      </c>
      <c r="H3313" s="1" t="s">
        <v>10</v>
      </c>
      <c r="I3313" s="1" t="s">
        <v>10455</v>
      </c>
      <c r="J3313" s="1" t="s">
        <v>11569</v>
      </c>
      <c r="K3313" s="1" t="s">
        <v>27</v>
      </c>
      <c r="L3313" s="1" t="s">
        <v>11566</v>
      </c>
      <c r="M3313" s="1" t="s">
        <v>5</v>
      </c>
      <c r="N3313" s="1" t="s">
        <v>10</v>
      </c>
      <c r="O3313" s="1" t="s">
        <v>38</v>
      </c>
      <c r="P3313" s="5" t="s">
        <v>32748</v>
      </c>
    </row>
    <row r="3314" spans="1:16" x14ac:dyDescent="0.2">
      <c r="A3314" s="1" t="s">
        <v>20</v>
      </c>
      <c r="B3314" s="1" t="s">
        <v>10</v>
      </c>
      <c r="C3314" s="1" t="s">
        <v>11572</v>
      </c>
      <c r="D3314" s="1" t="s">
        <v>11572</v>
      </c>
      <c r="E3314" s="1" t="s">
        <v>11574</v>
      </c>
      <c r="F3314" s="1" t="s">
        <v>10</v>
      </c>
      <c r="G3314" s="1" t="s">
        <v>10</v>
      </c>
      <c r="H3314" s="1" t="s">
        <v>10</v>
      </c>
      <c r="I3314" s="1" t="s">
        <v>10455</v>
      </c>
      <c r="J3314" s="1" t="s">
        <v>11573</v>
      </c>
      <c r="K3314" s="1" t="s">
        <v>27</v>
      </c>
      <c r="L3314" s="1" t="s">
        <v>11571</v>
      </c>
      <c r="M3314" s="1" t="s">
        <v>5</v>
      </c>
      <c r="N3314" s="1" t="s">
        <v>10</v>
      </c>
      <c r="O3314" s="1" t="s">
        <v>38</v>
      </c>
      <c r="P3314" s="5" t="s">
        <v>31471</v>
      </c>
    </row>
    <row r="3315" spans="1:16" x14ac:dyDescent="0.2">
      <c r="A3315" s="1" t="s">
        <v>66</v>
      </c>
      <c r="B3315" s="1" t="s">
        <v>1812</v>
      </c>
      <c r="C3315" s="1" t="s">
        <v>11576</v>
      </c>
      <c r="D3315" s="1" t="s">
        <v>11577</v>
      </c>
      <c r="E3315" s="1" t="s">
        <v>11578</v>
      </c>
      <c r="F3315" s="1" t="s">
        <v>10</v>
      </c>
      <c r="G3315" s="1" t="s">
        <v>10</v>
      </c>
      <c r="H3315" s="1" t="s">
        <v>10</v>
      </c>
      <c r="I3315" s="1" t="s">
        <v>10455</v>
      </c>
      <c r="J3315" s="1" t="s">
        <v>11273</v>
      </c>
      <c r="K3315" s="1" t="s">
        <v>27</v>
      </c>
      <c r="L3315" s="1" t="s">
        <v>11575</v>
      </c>
      <c r="M3315" s="1" t="s">
        <v>5</v>
      </c>
      <c r="N3315" s="1" t="s">
        <v>10</v>
      </c>
      <c r="O3315" s="1" t="s">
        <v>38</v>
      </c>
      <c r="P3315" s="5" t="s">
        <v>31472</v>
      </c>
    </row>
    <row r="3316" spans="1:16" x14ac:dyDescent="0.2">
      <c r="A3316" s="1" t="s">
        <v>66</v>
      </c>
      <c r="B3316" s="1" t="s">
        <v>574</v>
      </c>
      <c r="C3316" s="1" t="s">
        <v>11580</v>
      </c>
      <c r="D3316" s="1" t="s">
        <v>11581</v>
      </c>
      <c r="E3316" s="1" t="s">
        <v>11582</v>
      </c>
      <c r="F3316" s="1" t="s">
        <v>10</v>
      </c>
      <c r="G3316" s="1" t="s">
        <v>10</v>
      </c>
      <c r="H3316" s="1" t="s">
        <v>10</v>
      </c>
      <c r="I3316" s="1" t="s">
        <v>10455</v>
      </c>
      <c r="J3316" s="1" t="s">
        <v>11064</v>
      </c>
      <c r="K3316" s="1" t="s">
        <v>27</v>
      </c>
      <c r="L3316" s="1" t="s">
        <v>11579</v>
      </c>
      <c r="M3316" s="1" t="s">
        <v>5</v>
      </c>
      <c r="N3316" s="1" t="s">
        <v>10</v>
      </c>
      <c r="O3316" s="1" t="s">
        <v>38</v>
      </c>
      <c r="P3316" s="5" t="s">
        <v>30257</v>
      </c>
    </row>
    <row r="3317" spans="1:16" x14ac:dyDescent="0.2">
      <c r="A3317" s="1" t="s">
        <v>20</v>
      </c>
      <c r="B3317" s="1" t="s">
        <v>99</v>
      </c>
      <c r="C3317" s="1" t="s">
        <v>11585</v>
      </c>
      <c r="D3317" s="1" t="s">
        <v>11586</v>
      </c>
      <c r="E3317" s="1" t="s">
        <v>11587</v>
      </c>
      <c r="F3317" s="1" t="s">
        <v>10</v>
      </c>
      <c r="G3317" s="1" t="s">
        <v>10</v>
      </c>
      <c r="H3317" s="1" t="s">
        <v>10</v>
      </c>
      <c r="I3317" s="1" t="s">
        <v>10455</v>
      </c>
      <c r="J3317" s="1" t="s">
        <v>10632</v>
      </c>
      <c r="K3317" s="1" t="s">
        <v>37</v>
      </c>
      <c r="L3317" s="1" t="s">
        <v>11584</v>
      </c>
      <c r="M3317" s="1" t="s">
        <v>5</v>
      </c>
      <c r="N3317" s="1" t="s">
        <v>10</v>
      </c>
      <c r="O3317" s="1" t="s">
        <v>38</v>
      </c>
      <c r="P3317" s="5" t="s">
        <v>31473</v>
      </c>
    </row>
    <row r="3318" spans="1:16" x14ac:dyDescent="0.2">
      <c r="A3318" s="1" t="s">
        <v>10</v>
      </c>
      <c r="B3318" s="1" t="s">
        <v>10</v>
      </c>
      <c r="C3318" s="1" t="s">
        <v>11589</v>
      </c>
      <c r="D3318" s="1" t="s">
        <v>11590</v>
      </c>
      <c r="E3318" s="1" t="s">
        <v>11591</v>
      </c>
      <c r="F3318" s="1" t="s">
        <v>10</v>
      </c>
      <c r="G3318" s="1" t="s">
        <v>10</v>
      </c>
      <c r="H3318" s="1" t="s">
        <v>10</v>
      </c>
      <c r="I3318" s="1" t="s">
        <v>10455</v>
      </c>
      <c r="J3318" s="1" t="s">
        <v>11251</v>
      </c>
      <c r="K3318" s="1" t="s">
        <v>27</v>
      </c>
      <c r="L3318" s="1" t="s">
        <v>11588</v>
      </c>
      <c r="M3318" s="1" t="s">
        <v>5</v>
      </c>
      <c r="N3318" s="1" t="s">
        <v>10</v>
      </c>
      <c r="O3318" s="1" t="s">
        <v>8</v>
      </c>
      <c r="P3318" s="5" t="s">
        <v>30283</v>
      </c>
    </row>
    <row r="3319" spans="1:16" x14ac:dyDescent="0.2">
      <c r="A3319" s="1" t="s">
        <v>20</v>
      </c>
      <c r="B3319" s="1" t="s">
        <v>93</v>
      </c>
      <c r="C3319" s="1" t="s">
        <v>11593</v>
      </c>
      <c r="D3319" s="1" t="s">
        <v>7113</v>
      </c>
      <c r="E3319" s="1" t="s">
        <v>11594</v>
      </c>
      <c r="F3319" s="1" t="s">
        <v>27</v>
      </c>
      <c r="G3319" s="1" t="s">
        <v>10</v>
      </c>
      <c r="H3319" s="1" t="s">
        <v>11595</v>
      </c>
      <c r="I3319" s="1" t="s">
        <v>10455</v>
      </c>
      <c r="J3319" s="1" t="s">
        <v>10632</v>
      </c>
      <c r="K3319" s="1" t="s">
        <v>7</v>
      </c>
      <c r="L3319" s="1" t="s">
        <v>11592</v>
      </c>
      <c r="M3319" s="1" t="s">
        <v>5</v>
      </c>
      <c r="N3319" s="1" t="s">
        <v>10</v>
      </c>
      <c r="O3319" s="1" t="s">
        <v>8</v>
      </c>
      <c r="P3319" s="5" t="s">
        <v>30284</v>
      </c>
    </row>
    <row r="3320" spans="1:16" x14ac:dyDescent="0.2">
      <c r="A3320" s="1" t="s">
        <v>20</v>
      </c>
      <c r="B3320" s="1" t="s">
        <v>172</v>
      </c>
      <c r="C3320" s="1" t="s">
        <v>11597</v>
      </c>
      <c r="D3320" s="1" t="s">
        <v>11598</v>
      </c>
      <c r="E3320" s="1" t="s">
        <v>11599</v>
      </c>
      <c r="F3320" s="1" t="s">
        <v>10</v>
      </c>
      <c r="G3320" s="1" t="s">
        <v>10</v>
      </c>
      <c r="H3320" s="1" t="s">
        <v>10</v>
      </c>
      <c r="I3320" s="1" t="s">
        <v>10455</v>
      </c>
      <c r="J3320" s="1" t="s">
        <v>11281</v>
      </c>
      <c r="K3320" s="1" t="s">
        <v>7</v>
      </c>
      <c r="L3320" s="1" t="s">
        <v>11596</v>
      </c>
      <c r="M3320" s="1" t="s">
        <v>5</v>
      </c>
      <c r="N3320" s="1" t="s">
        <v>10</v>
      </c>
      <c r="O3320" s="1" t="s">
        <v>8</v>
      </c>
      <c r="P3320" s="5" t="s">
        <v>30285</v>
      </c>
    </row>
    <row r="3321" spans="1:16" x14ac:dyDescent="0.2">
      <c r="A3321" s="1" t="s">
        <v>66</v>
      </c>
      <c r="B3321" s="1" t="s">
        <v>574</v>
      </c>
      <c r="C3321" s="1" t="s">
        <v>11601</v>
      </c>
      <c r="D3321" s="1" t="s">
        <v>2744</v>
      </c>
      <c r="E3321" s="1" t="s">
        <v>11602</v>
      </c>
      <c r="F3321" s="1" t="s">
        <v>27</v>
      </c>
      <c r="G3321" s="1" t="s">
        <v>10</v>
      </c>
      <c r="H3321" s="1" t="s">
        <v>11603</v>
      </c>
      <c r="I3321" s="1" t="s">
        <v>10455</v>
      </c>
      <c r="J3321" s="1" t="s">
        <v>11273</v>
      </c>
      <c r="K3321" s="1" t="s">
        <v>27</v>
      </c>
      <c r="L3321" s="1" t="s">
        <v>11600</v>
      </c>
      <c r="M3321" s="1" t="s">
        <v>5</v>
      </c>
      <c r="N3321" s="1" t="s">
        <v>10</v>
      </c>
      <c r="O3321" s="1" t="s">
        <v>8</v>
      </c>
      <c r="P3321" s="5" t="s">
        <v>31474</v>
      </c>
    </row>
    <row r="3322" spans="1:16" x14ac:dyDescent="0.2">
      <c r="A3322" s="1" t="s">
        <v>66</v>
      </c>
      <c r="B3322" s="1" t="s">
        <v>67</v>
      </c>
      <c r="C3322" s="1" t="s">
        <v>11605</v>
      </c>
      <c r="D3322" s="1" t="s">
        <v>11606</v>
      </c>
      <c r="E3322" s="1" t="s">
        <v>11608</v>
      </c>
      <c r="F3322" s="1" t="s">
        <v>414</v>
      </c>
      <c r="G3322" s="1" t="s">
        <v>10701</v>
      </c>
      <c r="H3322" s="1" t="s">
        <v>2878</v>
      </c>
      <c r="I3322" s="1" t="s">
        <v>10455</v>
      </c>
      <c r="J3322" s="1" t="s">
        <v>10652</v>
      </c>
      <c r="K3322" s="1" t="s">
        <v>11607</v>
      </c>
      <c r="L3322" s="1" t="s">
        <v>11604</v>
      </c>
      <c r="M3322" s="1" t="s">
        <v>5</v>
      </c>
      <c r="N3322" s="1" t="s">
        <v>1009</v>
      </c>
      <c r="O3322" s="1" t="s">
        <v>38</v>
      </c>
      <c r="P3322" s="5" t="s">
        <v>31475</v>
      </c>
    </row>
    <row r="3323" spans="1:16" x14ac:dyDescent="0.2">
      <c r="A3323" s="1" t="s">
        <v>20</v>
      </c>
      <c r="B3323" s="1" t="s">
        <v>99</v>
      </c>
      <c r="C3323" s="1" t="s">
        <v>11610</v>
      </c>
      <c r="D3323" s="1" t="s">
        <v>11611</v>
      </c>
      <c r="E3323" s="1" t="s">
        <v>11612</v>
      </c>
      <c r="F3323" s="1" t="s">
        <v>10</v>
      </c>
      <c r="G3323" s="1" t="s">
        <v>10</v>
      </c>
      <c r="H3323" s="1" t="s">
        <v>2878</v>
      </c>
      <c r="I3323" s="1" t="s">
        <v>10455</v>
      </c>
      <c r="J3323" s="1" t="s">
        <v>10711</v>
      </c>
      <c r="K3323" s="1" t="s">
        <v>27</v>
      </c>
      <c r="L3323" s="1" t="s">
        <v>11609</v>
      </c>
      <c r="M3323" s="1" t="s">
        <v>5</v>
      </c>
      <c r="N3323" s="1" t="s">
        <v>1009</v>
      </c>
      <c r="O3323" s="1" t="s">
        <v>38</v>
      </c>
      <c r="P3323" s="5"/>
    </row>
    <row r="3324" spans="1:16" x14ac:dyDescent="0.2">
      <c r="A3324" s="1" t="s">
        <v>20</v>
      </c>
      <c r="B3324" s="1" t="s">
        <v>99</v>
      </c>
      <c r="C3324" s="1" t="s">
        <v>11614</v>
      </c>
      <c r="D3324" s="1" t="s">
        <v>11615</v>
      </c>
      <c r="E3324" s="1" t="s">
        <v>11616</v>
      </c>
      <c r="F3324" s="1" t="s">
        <v>10</v>
      </c>
      <c r="G3324" s="1" t="s">
        <v>10</v>
      </c>
      <c r="H3324" s="1" t="s">
        <v>2878</v>
      </c>
      <c r="I3324" s="1" t="s">
        <v>10455</v>
      </c>
      <c r="J3324" s="1" t="s">
        <v>10711</v>
      </c>
      <c r="K3324" s="1" t="s">
        <v>27</v>
      </c>
      <c r="L3324" s="1" t="s">
        <v>11613</v>
      </c>
      <c r="M3324" s="1" t="s">
        <v>5</v>
      </c>
      <c r="N3324" s="1" t="s">
        <v>1009</v>
      </c>
      <c r="O3324" s="1" t="s">
        <v>38</v>
      </c>
      <c r="P3324" s="5"/>
    </row>
    <row r="3325" spans="1:16" x14ac:dyDescent="0.2">
      <c r="A3325" s="1" t="s">
        <v>20</v>
      </c>
      <c r="B3325" s="1" t="s">
        <v>99</v>
      </c>
      <c r="C3325" s="1" t="s">
        <v>11618</v>
      </c>
      <c r="D3325" s="1" t="s">
        <v>11619</v>
      </c>
      <c r="E3325" s="1" t="s">
        <v>11620</v>
      </c>
      <c r="F3325" s="1" t="s">
        <v>10</v>
      </c>
      <c r="G3325" s="1" t="s">
        <v>10</v>
      </c>
      <c r="H3325" s="1" t="s">
        <v>10</v>
      </c>
      <c r="I3325" s="1" t="s">
        <v>10455</v>
      </c>
      <c r="J3325" s="1" t="s">
        <v>11052</v>
      </c>
      <c r="K3325" s="1" t="s">
        <v>7</v>
      </c>
      <c r="L3325" s="1" t="s">
        <v>11617</v>
      </c>
      <c r="M3325" s="1" t="s">
        <v>5</v>
      </c>
      <c r="N3325" s="1" t="s">
        <v>1009</v>
      </c>
      <c r="O3325" s="1" t="s">
        <v>38</v>
      </c>
      <c r="P3325" s="5"/>
    </row>
    <row r="3326" spans="1:16" x14ac:dyDescent="0.2">
      <c r="A3326" s="1" t="s">
        <v>20</v>
      </c>
      <c r="B3326" s="1" t="s">
        <v>99</v>
      </c>
      <c r="C3326" s="1" t="s">
        <v>11622</v>
      </c>
      <c r="D3326" s="1" t="s">
        <v>11623</v>
      </c>
      <c r="E3326" s="1" t="s">
        <v>11624</v>
      </c>
      <c r="F3326" s="1" t="s">
        <v>10</v>
      </c>
      <c r="G3326" s="1" t="s">
        <v>10</v>
      </c>
      <c r="H3326" s="1" t="s">
        <v>2878</v>
      </c>
      <c r="I3326" s="1" t="s">
        <v>10455</v>
      </c>
      <c r="J3326" s="1" t="s">
        <v>10468</v>
      </c>
      <c r="K3326" s="1" t="s">
        <v>27</v>
      </c>
      <c r="L3326" s="1" t="s">
        <v>11621</v>
      </c>
      <c r="M3326" s="1" t="s">
        <v>5</v>
      </c>
      <c r="N3326" s="1" t="s">
        <v>1009</v>
      </c>
      <c r="O3326" s="1" t="s">
        <v>38</v>
      </c>
      <c r="P3326" s="5"/>
    </row>
    <row r="3327" spans="1:16" x14ac:dyDescent="0.2">
      <c r="A3327" s="1" t="s">
        <v>20</v>
      </c>
      <c r="B3327" s="1" t="s">
        <v>99</v>
      </c>
      <c r="C3327" s="1" t="s">
        <v>11626</v>
      </c>
      <c r="D3327" s="1" t="s">
        <v>11627</v>
      </c>
      <c r="E3327" s="1" t="s">
        <v>11628</v>
      </c>
      <c r="F3327" s="1" t="s">
        <v>10</v>
      </c>
      <c r="G3327" s="1" t="s">
        <v>10</v>
      </c>
      <c r="H3327" s="1" t="s">
        <v>2878</v>
      </c>
      <c r="I3327" s="1" t="s">
        <v>10455</v>
      </c>
      <c r="J3327" s="1" t="s">
        <v>10711</v>
      </c>
      <c r="K3327" s="1" t="s">
        <v>27</v>
      </c>
      <c r="L3327" s="1" t="s">
        <v>11625</v>
      </c>
      <c r="M3327" s="1" t="s">
        <v>5</v>
      </c>
      <c r="N3327" s="1" t="s">
        <v>1009</v>
      </c>
      <c r="O3327" s="1" t="s">
        <v>38</v>
      </c>
      <c r="P3327" s="5"/>
    </row>
    <row r="3328" spans="1:16" x14ac:dyDescent="0.2">
      <c r="A3328" s="1" t="s">
        <v>20</v>
      </c>
      <c r="B3328" s="1" t="s">
        <v>99</v>
      </c>
      <c r="C3328" s="1" t="s">
        <v>11630</v>
      </c>
      <c r="D3328" s="1" t="s">
        <v>11631</v>
      </c>
      <c r="E3328" s="1" t="s">
        <v>11632</v>
      </c>
      <c r="F3328" s="1" t="s">
        <v>10</v>
      </c>
      <c r="G3328" s="1" t="s">
        <v>10</v>
      </c>
      <c r="H3328" s="1" t="s">
        <v>2878</v>
      </c>
      <c r="I3328" s="1" t="s">
        <v>10455</v>
      </c>
      <c r="J3328" s="1" t="s">
        <v>10711</v>
      </c>
      <c r="K3328" s="1" t="s">
        <v>27</v>
      </c>
      <c r="L3328" s="1" t="s">
        <v>11629</v>
      </c>
      <c r="M3328" s="1" t="s">
        <v>5</v>
      </c>
      <c r="N3328" s="1" t="s">
        <v>1009</v>
      </c>
      <c r="O3328" s="1" t="s">
        <v>38</v>
      </c>
      <c r="P3328" s="5"/>
    </row>
    <row r="3329" spans="1:16" x14ac:dyDescent="0.2">
      <c r="A3329" s="1" t="s">
        <v>329</v>
      </c>
      <c r="B3329" s="1" t="s">
        <v>2120</v>
      </c>
      <c r="C3329" s="1" t="s">
        <v>11634</v>
      </c>
      <c r="D3329" s="1" t="s">
        <v>11635</v>
      </c>
      <c r="E3329" s="1" t="s">
        <v>11636</v>
      </c>
      <c r="F3329" s="1" t="s">
        <v>10</v>
      </c>
      <c r="G3329" s="1" t="s">
        <v>10</v>
      </c>
      <c r="H3329" s="1" t="s">
        <v>2878</v>
      </c>
      <c r="I3329" s="1" t="s">
        <v>10455</v>
      </c>
      <c r="J3329" s="1" t="s">
        <v>10711</v>
      </c>
      <c r="K3329" s="1" t="s">
        <v>27</v>
      </c>
      <c r="L3329" s="1" t="s">
        <v>11633</v>
      </c>
      <c r="M3329" s="1" t="s">
        <v>5</v>
      </c>
      <c r="N3329" s="1" t="s">
        <v>6</v>
      </c>
      <c r="O3329" s="1" t="s">
        <v>38</v>
      </c>
      <c r="P3329" s="5"/>
    </row>
    <row r="3330" spans="1:16" x14ac:dyDescent="0.2">
      <c r="A3330" s="1" t="s">
        <v>20</v>
      </c>
      <c r="B3330" s="1" t="s">
        <v>99</v>
      </c>
      <c r="C3330" s="1" t="s">
        <v>11638</v>
      </c>
      <c r="D3330" s="1" t="s">
        <v>11638</v>
      </c>
      <c r="E3330" s="1" t="s">
        <v>11639</v>
      </c>
      <c r="F3330" s="1" t="s">
        <v>10</v>
      </c>
      <c r="G3330" s="1" t="s">
        <v>10</v>
      </c>
      <c r="H3330" s="1" t="s">
        <v>2878</v>
      </c>
      <c r="I3330" s="1" t="s">
        <v>10455</v>
      </c>
      <c r="J3330" s="1" t="s">
        <v>10468</v>
      </c>
      <c r="K3330" s="1" t="s">
        <v>27</v>
      </c>
      <c r="L3330" s="1" t="s">
        <v>11637</v>
      </c>
      <c r="M3330" s="1" t="s">
        <v>5</v>
      </c>
      <c r="N3330" s="1" t="s">
        <v>1009</v>
      </c>
      <c r="O3330" s="1" t="s">
        <v>8</v>
      </c>
      <c r="P3330" s="5"/>
    </row>
    <row r="3331" spans="1:16" x14ac:dyDescent="0.2">
      <c r="A3331" s="1" t="s">
        <v>10</v>
      </c>
      <c r="B3331" s="1" t="s">
        <v>10</v>
      </c>
      <c r="C3331" s="1" t="s">
        <v>11641</v>
      </c>
      <c r="D3331" s="1" t="s">
        <v>11642</v>
      </c>
      <c r="E3331" s="1" t="s">
        <v>11643</v>
      </c>
      <c r="F3331" s="1" t="s">
        <v>10</v>
      </c>
      <c r="G3331" s="1" t="s">
        <v>10</v>
      </c>
      <c r="H3331" s="1" t="s">
        <v>2878</v>
      </c>
      <c r="I3331" s="1" t="s">
        <v>10455</v>
      </c>
      <c r="J3331" s="1" t="s">
        <v>10468</v>
      </c>
      <c r="K3331" s="1" t="s">
        <v>27</v>
      </c>
      <c r="L3331" s="1" t="s">
        <v>11640</v>
      </c>
      <c r="M3331" s="1" t="s">
        <v>5</v>
      </c>
      <c r="N3331" s="1" t="s">
        <v>1009</v>
      </c>
      <c r="O3331" s="1" t="s">
        <v>38</v>
      </c>
      <c r="P3331" s="5"/>
    </row>
    <row r="3332" spans="1:16" x14ac:dyDescent="0.2">
      <c r="A3332" s="1" t="s">
        <v>329</v>
      </c>
      <c r="B3332" s="1" t="s">
        <v>691</v>
      </c>
      <c r="C3332" s="1" t="s">
        <v>11645</v>
      </c>
      <c r="D3332" s="1" t="s">
        <v>11646</v>
      </c>
      <c r="E3332" s="1" t="s">
        <v>11647</v>
      </c>
      <c r="F3332" s="1" t="s">
        <v>10</v>
      </c>
      <c r="G3332" s="1" t="s">
        <v>10</v>
      </c>
      <c r="H3332" s="1" t="s">
        <v>2878</v>
      </c>
      <c r="I3332" s="1" t="s">
        <v>10455</v>
      </c>
      <c r="J3332" s="1" t="s">
        <v>10468</v>
      </c>
      <c r="K3332" s="1" t="s">
        <v>27</v>
      </c>
      <c r="L3332" s="1" t="s">
        <v>11644</v>
      </c>
      <c r="M3332" s="1" t="s">
        <v>5</v>
      </c>
      <c r="N3332" s="1" t="s">
        <v>6</v>
      </c>
      <c r="O3332" s="1" t="s">
        <v>8</v>
      </c>
      <c r="P3332" s="5"/>
    </row>
    <row r="3333" spans="1:16" x14ac:dyDescent="0.2">
      <c r="A3333" s="1" t="s">
        <v>66</v>
      </c>
      <c r="B3333" s="1" t="s">
        <v>67</v>
      </c>
      <c r="C3333" s="1" t="s">
        <v>11649</v>
      </c>
      <c r="D3333" s="1" t="s">
        <v>11649</v>
      </c>
      <c r="E3333" s="1" t="s">
        <v>11650</v>
      </c>
      <c r="F3333" s="1" t="s">
        <v>10</v>
      </c>
      <c r="G3333" s="1" t="s">
        <v>10</v>
      </c>
      <c r="H3333" s="1" t="s">
        <v>2878</v>
      </c>
      <c r="I3333" s="1" t="s">
        <v>10455</v>
      </c>
      <c r="J3333" s="1" t="s">
        <v>10462</v>
      </c>
      <c r="K3333" s="1" t="s">
        <v>27</v>
      </c>
      <c r="L3333" s="1" t="s">
        <v>11648</v>
      </c>
      <c r="M3333" s="1" t="s">
        <v>5</v>
      </c>
      <c r="N3333" s="1" t="s">
        <v>1009</v>
      </c>
      <c r="O3333" s="1" t="s">
        <v>38</v>
      </c>
      <c r="P3333" s="5" t="s">
        <v>31476</v>
      </c>
    </row>
    <row r="3334" spans="1:16" x14ac:dyDescent="0.2">
      <c r="A3334" s="1" t="s">
        <v>194</v>
      </c>
      <c r="B3334" s="1" t="s">
        <v>6481</v>
      </c>
      <c r="C3334" s="1" t="s">
        <v>11652</v>
      </c>
      <c r="D3334" s="1" t="s">
        <v>11652</v>
      </c>
      <c r="E3334" s="1" t="s">
        <v>11653</v>
      </c>
      <c r="F3334" s="1" t="s">
        <v>10</v>
      </c>
      <c r="G3334" s="1" t="s">
        <v>10</v>
      </c>
      <c r="H3334" s="1" t="s">
        <v>2878</v>
      </c>
      <c r="I3334" s="1" t="s">
        <v>10455</v>
      </c>
      <c r="J3334" s="1" t="s">
        <v>10468</v>
      </c>
      <c r="K3334" s="1" t="s">
        <v>27</v>
      </c>
      <c r="L3334" s="1" t="s">
        <v>11651</v>
      </c>
      <c r="M3334" s="1" t="s">
        <v>5</v>
      </c>
      <c r="N3334" s="1" t="s">
        <v>6</v>
      </c>
      <c r="O3334" s="1" t="s">
        <v>38</v>
      </c>
      <c r="P3334" s="5"/>
    </row>
    <row r="3335" spans="1:16" x14ac:dyDescent="0.2">
      <c r="A3335" s="1" t="s">
        <v>194</v>
      </c>
      <c r="B3335" s="1" t="s">
        <v>6481</v>
      </c>
      <c r="C3335" s="1" t="s">
        <v>11655</v>
      </c>
      <c r="D3335" s="1" t="s">
        <v>11656</v>
      </c>
      <c r="E3335" s="1" t="s">
        <v>11657</v>
      </c>
      <c r="F3335" s="1" t="s">
        <v>10</v>
      </c>
      <c r="G3335" s="1" t="s">
        <v>10</v>
      </c>
      <c r="H3335" s="1" t="s">
        <v>2878</v>
      </c>
      <c r="I3335" s="1" t="s">
        <v>10455</v>
      </c>
      <c r="J3335" s="1" t="s">
        <v>10468</v>
      </c>
      <c r="K3335" s="1" t="s">
        <v>27</v>
      </c>
      <c r="L3335" s="1" t="s">
        <v>11654</v>
      </c>
      <c r="M3335" s="1" t="s">
        <v>5</v>
      </c>
      <c r="N3335" s="1" t="s">
        <v>6</v>
      </c>
      <c r="O3335" s="1" t="s">
        <v>38</v>
      </c>
      <c r="P3335" s="5"/>
    </row>
    <row r="3336" spans="1:16" x14ac:dyDescent="0.2">
      <c r="A3336" s="1" t="s">
        <v>66</v>
      </c>
      <c r="B3336" s="1" t="s">
        <v>1117</v>
      </c>
      <c r="C3336" s="1" t="s">
        <v>11659</v>
      </c>
      <c r="D3336" s="1" t="s">
        <v>11660</v>
      </c>
      <c r="E3336" s="1" t="s">
        <v>11661</v>
      </c>
      <c r="F3336" s="1" t="s">
        <v>10</v>
      </c>
      <c r="G3336" s="1" t="s">
        <v>10</v>
      </c>
      <c r="H3336" s="1" t="s">
        <v>2878</v>
      </c>
      <c r="I3336" s="1" t="s">
        <v>10455</v>
      </c>
      <c r="J3336" s="1" t="s">
        <v>10462</v>
      </c>
      <c r="K3336" s="1" t="s">
        <v>27</v>
      </c>
      <c r="L3336" s="1" t="s">
        <v>11658</v>
      </c>
      <c r="M3336" s="1" t="s">
        <v>5</v>
      </c>
      <c r="N3336" s="1" t="s">
        <v>6</v>
      </c>
      <c r="O3336" s="1" t="s">
        <v>38</v>
      </c>
      <c r="P3336" s="5"/>
    </row>
    <row r="3337" spans="1:16" x14ac:dyDescent="0.2">
      <c r="A3337" s="1" t="s">
        <v>32</v>
      </c>
      <c r="B3337" s="1" t="s">
        <v>3895</v>
      </c>
      <c r="C3337" s="1" t="s">
        <v>11663</v>
      </c>
      <c r="D3337" s="1" t="s">
        <v>11664</v>
      </c>
      <c r="E3337" s="1" t="s">
        <v>11665</v>
      </c>
      <c r="F3337" s="1" t="s">
        <v>10</v>
      </c>
      <c r="G3337" s="1" t="s">
        <v>10</v>
      </c>
      <c r="H3337" s="1" t="s">
        <v>2878</v>
      </c>
      <c r="I3337" s="1" t="s">
        <v>10455</v>
      </c>
      <c r="J3337" s="1" t="s">
        <v>10462</v>
      </c>
      <c r="K3337" s="1" t="s">
        <v>27</v>
      </c>
      <c r="L3337" s="1" t="s">
        <v>11662</v>
      </c>
      <c r="M3337" s="1" t="s">
        <v>5</v>
      </c>
      <c r="N3337" s="1" t="s">
        <v>1009</v>
      </c>
      <c r="O3337" s="1" t="s">
        <v>38</v>
      </c>
      <c r="P3337" s="5" t="s">
        <v>31381</v>
      </c>
    </row>
    <row r="3338" spans="1:16" x14ac:dyDescent="0.2">
      <c r="A3338" s="1" t="s">
        <v>66</v>
      </c>
      <c r="B3338" s="1" t="s">
        <v>1127</v>
      </c>
      <c r="C3338" s="1" t="s">
        <v>11667</v>
      </c>
      <c r="D3338" s="1" t="s">
        <v>11668</v>
      </c>
      <c r="E3338" s="1" t="s">
        <v>11669</v>
      </c>
      <c r="F3338" s="1" t="s">
        <v>10</v>
      </c>
      <c r="G3338" s="1" t="s">
        <v>10</v>
      </c>
      <c r="H3338" s="1" t="s">
        <v>2878</v>
      </c>
      <c r="I3338" s="1" t="s">
        <v>10455</v>
      </c>
      <c r="J3338" s="1" t="s">
        <v>10462</v>
      </c>
      <c r="K3338" s="1" t="s">
        <v>27</v>
      </c>
      <c r="L3338" s="1" t="s">
        <v>11666</v>
      </c>
      <c r="M3338" s="1" t="s">
        <v>5</v>
      </c>
      <c r="N3338" s="1" t="s">
        <v>6</v>
      </c>
      <c r="O3338" s="1" t="s">
        <v>38</v>
      </c>
      <c r="P3338" s="5"/>
    </row>
    <row r="3339" spans="1:16" x14ac:dyDescent="0.2">
      <c r="A3339" s="1" t="s">
        <v>329</v>
      </c>
      <c r="B3339" s="1" t="s">
        <v>691</v>
      </c>
      <c r="C3339" s="1" t="s">
        <v>11671</v>
      </c>
      <c r="D3339" s="1" t="s">
        <v>11672</v>
      </c>
      <c r="E3339" s="1" t="s">
        <v>11673</v>
      </c>
      <c r="F3339" s="1" t="s">
        <v>10</v>
      </c>
      <c r="G3339" s="1" t="s">
        <v>10</v>
      </c>
      <c r="H3339" s="1" t="s">
        <v>2878</v>
      </c>
      <c r="I3339" s="1" t="s">
        <v>10455</v>
      </c>
      <c r="J3339" s="1" t="s">
        <v>10907</v>
      </c>
      <c r="K3339" s="1" t="s">
        <v>27</v>
      </c>
      <c r="L3339" s="1" t="s">
        <v>11670</v>
      </c>
      <c r="M3339" s="1" t="s">
        <v>5</v>
      </c>
      <c r="N3339" s="1" t="s">
        <v>25</v>
      </c>
      <c r="O3339" s="1" t="s">
        <v>38</v>
      </c>
      <c r="P3339" s="5" t="s">
        <v>31477</v>
      </c>
    </row>
    <row r="3340" spans="1:16" x14ac:dyDescent="0.2">
      <c r="A3340" s="1" t="s">
        <v>329</v>
      </c>
      <c r="B3340" s="1" t="s">
        <v>691</v>
      </c>
      <c r="C3340" s="1" t="s">
        <v>11675</v>
      </c>
      <c r="D3340" s="1" t="s">
        <v>11676</v>
      </c>
      <c r="E3340" s="1" t="s">
        <v>11677</v>
      </c>
      <c r="F3340" s="1" t="s">
        <v>10</v>
      </c>
      <c r="G3340" s="1" t="s">
        <v>10</v>
      </c>
      <c r="H3340" s="1" t="s">
        <v>2878</v>
      </c>
      <c r="I3340" s="1" t="s">
        <v>10455</v>
      </c>
      <c r="J3340" s="1" t="s">
        <v>11535</v>
      </c>
      <c r="K3340" s="1" t="s">
        <v>27</v>
      </c>
      <c r="L3340" s="1" t="s">
        <v>11674</v>
      </c>
      <c r="M3340" s="1" t="s">
        <v>5</v>
      </c>
      <c r="N3340" s="1" t="s">
        <v>25</v>
      </c>
      <c r="O3340" s="1" t="s">
        <v>38</v>
      </c>
      <c r="P3340" s="5"/>
    </row>
    <row r="3341" spans="1:16" x14ac:dyDescent="0.2">
      <c r="A3341" s="1" t="s">
        <v>329</v>
      </c>
      <c r="B3341" s="1" t="s">
        <v>2120</v>
      </c>
      <c r="C3341" s="1" t="s">
        <v>11679</v>
      </c>
      <c r="D3341" s="1" t="s">
        <v>11680</v>
      </c>
      <c r="E3341" s="1" t="s">
        <v>11681</v>
      </c>
      <c r="F3341" s="1" t="s">
        <v>10</v>
      </c>
      <c r="G3341" s="1" t="s">
        <v>10</v>
      </c>
      <c r="H3341" s="1" t="s">
        <v>2878</v>
      </c>
      <c r="I3341" s="1" t="s">
        <v>10455</v>
      </c>
      <c r="J3341" s="1" t="s">
        <v>10462</v>
      </c>
      <c r="K3341" s="1" t="s">
        <v>27</v>
      </c>
      <c r="L3341" s="1" t="s">
        <v>11678</v>
      </c>
      <c r="M3341" s="1" t="s">
        <v>5</v>
      </c>
      <c r="N3341" s="1" t="s">
        <v>1009</v>
      </c>
      <c r="O3341" s="1" t="s">
        <v>38</v>
      </c>
      <c r="P3341" s="5"/>
    </row>
    <row r="3342" spans="1:16" x14ac:dyDescent="0.2">
      <c r="A3342" s="1" t="s">
        <v>2187</v>
      </c>
      <c r="B3342" s="1" t="s">
        <v>10965</v>
      </c>
      <c r="C3342" s="1" t="s">
        <v>1444</v>
      </c>
      <c r="D3342" s="1" t="s">
        <v>1445</v>
      </c>
      <c r="E3342" s="1" t="s">
        <v>11683</v>
      </c>
      <c r="F3342" s="1" t="s">
        <v>10</v>
      </c>
      <c r="G3342" s="1" t="s">
        <v>10</v>
      </c>
      <c r="H3342" s="1" t="s">
        <v>2878</v>
      </c>
      <c r="I3342" s="1" t="s">
        <v>10455</v>
      </c>
      <c r="J3342" s="1" t="s">
        <v>10652</v>
      </c>
      <c r="K3342" s="1" t="s">
        <v>27</v>
      </c>
      <c r="L3342" s="1" t="s">
        <v>11682</v>
      </c>
      <c r="M3342" s="1" t="s">
        <v>5</v>
      </c>
      <c r="N3342" s="1" t="s">
        <v>1009</v>
      </c>
      <c r="O3342" s="1" t="s">
        <v>38</v>
      </c>
      <c r="P3342" s="5" t="s">
        <v>31465</v>
      </c>
    </row>
    <row r="3343" spans="1:16" x14ac:dyDescent="0.2">
      <c r="A3343" s="1" t="s">
        <v>329</v>
      </c>
      <c r="B3343" s="1" t="s">
        <v>691</v>
      </c>
      <c r="C3343" s="1" t="s">
        <v>11685</v>
      </c>
      <c r="D3343" s="1" t="s">
        <v>11686</v>
      </c>
      <c r="E3343" s="1" t="s">
        <v>11687</v>
      </c>
      <c r="F3343" s="1" t="s">
        <v>10</v>
      </c>
      <c r="G3343" s="1" t="s">
        <v>10</v>
      </c>
      <c r="H3343" s="1" t="s">
        <v>2878</v>
      </c>
      <c r="I3343" s="1" t="s">
        <v>10455</v>
      </c>
      <c r="J3343" s="1" t="s">
        <v>10462</v>
      </c>
      <c r="K3343" s="1" t="s">
        <v>27</v>
      </c>
      <c r="L3343" s="1" t="s">
        <v>11684</v>
      </c>
      <c r="M3343" s="1" t="s">
        <v>5</v>
      </c>
      <c r="N3343" s="1" t="s">
        <v>1009</v>
      </c>
      <c r="O3343" s="1" t="s">
        <v>38</v>
      </c>
      <c r="P3343" s="5"/>
    </row>
    <row r="3344" spans="1:16" x14ac:dyDescent="0.2">
      <c r="A3344" s="1" t="s">
        <v>329</v>
      </c>
      <c r="B3344" s="1" t="s">
        <v>2120</v>
      </c>
      <c r="C3344" s="1" t="s">
        <v>11689</v>
      </c>
      <c r="D3344" s="1" t="s">
        <v>11690</v>
      </c>
      <c r="E3344" s="1" t="s">
        <v>11691</v>
      </c>
      <c r="F3344" s="1" t="s">
        <v>10</v>
      </c>
      <c r="G3344" s="1" t="s">
        <v>10</v>
      </c>
      <c r="H3344" s="1" t="s">
        <v>2878</v>
      </c>
      <c r="I3344" s="1" t="s">
        <v>10455</v>
      </c>
      <c r="J3344" s="1" t="s">
        <v>11535</v>
      </c>
      <c r="K3344" s="1" t="s">
        <v>27</v>
      </c>
      <c r="L3344" s="1" t="s">
        <v>11688</v>
      </c>
      <c r="M3344" s="1" t="s">
        <v>5</v>
      </c>
      <c r="N3344" s="1" t="s">
        <v>1009</v>
      </c>
      <c r="O3344" s="1" t="s">
        <v>38</v>
      </c>
      <c r="P3344" s="5"/>
    </row>
    <row r="3345" spans="1:16" x14ac:dyDescent="0.2">
      <c r="A3345" s="1" t="s">
        <v>66</v>
      </c>
      <c r="B3345" s="1" t="s">
        <v>1117</v>
      </c>
      <c r="C3345" s="1" t="s">
        <v>11693</v>
      </c>
      <c r="D3345" s="1" t="s">
        <v>11694</v>
      </c>
      <c r="E3345" s="1" t="s">
        <v>11695</v>
      </c>
      <c r="F3345" s="1" t="s">
        <v>10</v>
      </c>
      <c r="G3345" s="1" t="s">
        <v>10</v>
      </c>
      <c r="H3345" s="1" t="s">
        <v>85</v>
      </c>
      <c r="I3345" s="1" t="s">
        <v>10455</v>
      </c>
      <c r="J3345" s="1" t="s">
        <v>10462</v>
      </c>
      <c r="K3345" s="1" t="s">
        <v>27</v>
      </c>
      <c r="L3345" s="1" t="s">
        <v>11692</v>
      </c>
      <c r="M3345" s="1" t="s">
        <v>5</v>
      </c>
      <c r="N3345" s="1" t="s">
        <v>25</v>
      </c>
      <c r="O3345" s="1" t="s">
        <v>8</v>
      </c>
      <c r="P3345" s="5"/>
    </row>
    <row r="3346" spans="1:16" x14ac:dyDescent="0.2">
      <c r="A3346" s="1" t="s">
        <v>329</v>
      </c>
      <c r="B3346" s="1" t="s">
        <v>2120</v>
      </c>
      <c r="C3346" s="1" t="s">
        <v>11697</v>
      </c>
      <c r="D3346" s="1" t="s">
        <v>11697</v>
      </c>
      <c r="E3346" s="1" t="s">
        <v>11698</v>
      </c>
      <c r="F3346" s="1" t="s">
        <v>10</v>
      </c>
      <c r="G3346" s="1" t="s">
        <v>10</v>
      </c>
      <c r="H3346" s="1" t="s">
        <v>2878</v>
      </c>
      <c r="I3346" s="1" t="s">
        <v>10455</v>
      </c>
      <c r="J3346" s="1" t="s">
        <v>11535</v>
      </c>
      <c r="K3346" s="1" t="s">
        <v>27</v>
      </c>
      <c r="L3346" s="1" t="s">
        <v>11696</v>
      </c>
      <c r="M3346" s="1" t="s">
        <v>5</v>
      </c>
      <c r="N3346" s="1" t="s">
        <v>1009</v>
      </c>
      <c r="O3346" s="1" t="s">
        <v>38</v>
      </c>
      <c r="P3346" s="5" t="s">
        <v>31381</v>
      </c>
    </row>
    <row r="3347" spans="1:16" x14ac:dyDescent="0.2">
      <c r="A3347" s="1" t="s">
        <v>329</v>
      </c>
      <c r="B3347" s="1" t="s">
        <v>691</v>
      </c>
      <c r="C3347" s="1" t="s">
        <v>11700</v>
      </c>
      <c r="D3347" s="1" t="s">
        <v>11701</v>
      </c>
      <c r="E3347" s="1" t="s">
        <v>11702</v>
      </c>
      <c r="F3347" s="1" t="s">
        <v>10</v>
      </c>
      <c r="G3347" s="1" t="s">
        <v>10</v>
      </c>
      <c r="H3347" s="1" t="s">
        <v>2878</v>
      </c>
      <c r="I3347" s="1" t="s">
        <v>10455</v>
      </c>
      <c r="J3347" s="1" t="s">
        <v>10462</v>
      </c>
      <c r="K3347" s="1" t="s">
        <v>27</v>
      </c>
      <c r="L3347" s="1" t="s">
        <v>11699</v>
      </c>
      <c r="M3347" s="1" t="s">
        <v>5</v>
      </c>
      <c r="N3347" s="1" t="s">
        <v>1009</v>
      </c>
      <c r="O3347" s="1" t="s">
        <v>38</v>
      </c>
      <c r="P3347" s="5"/>
    </row>
    <row r="3348" spans="1:16" x14ac:dyDescent="0.2">
      <c r="A3348" s="1" t="s">
        <v>329</v>
      </c>
      <c r="B3348" s="1" t="s">
        <v>2120</v>
      </c>
      <c r="C3348" s="1" t="s">
        <v>11704</v>
      </c>
      <c r="D3348" s="1" t="s">
        <v>11705</v>
      </c>
      <c r="E3348" s="1" t="s">
        <v>11706</v>
      </c>
      <c r="F3348" s="1" t="s">
        <v>10</v>
      </c>
      <c r="G3348" s="1" t="s">
        <v>10</v>
      </c>
      <c r="H3348" s="1" t="s">
        <v>2878</v>
      </c>
      <c r="I3348" s="1" t="s">
        <v>10455</v>
      </c>
      <c r="J3348" s="1" t="s">
        <v>10468</v>
      </c>
      <c r="K3348" s="1" t="s">
        <v>27</v>
      </c>
      <c r="L3348" s="1" t="s">
        <v>11703</v>
      </c>
      <c r="M3348" s="1" t="s">
        <v>5</v>
      </c>
      <c r="N3348" s="1" t="s">
        <v>6</v>
      </c>
      <c r="O3348" s="1" t="s">
        <v>38</v>
      </c>
      <c r="P3348" s="5"/>
    </row>
    <row r="3349" spans="1:16" x14ac:dyDescent="0.2">
      <c r="A3349" s="1" t="s">
        <v>66</v>
      </c>
      <c r="B3349" s="1" t="s">
        <v>1812</v>
      </c>
      <c r="C3349" s="1" t="s">
        <v>11708</v>
      </c>
      <c r="D3349" s="1" t="s">
        <v>11709</v>
      </c>
      <c r="E3349" s="1" t="s">
        <v>11710</v>
      </c>
      <c r="F3349" s="1" t="s">
        <v>414</v>
      </c>
      <c r="G3349" s="1" t="s">
        <v>11711</v>
      </c>
      <c r="H3349" s="1" t="s">
        <v>11712</v>
      </c>
      <c r="I3349" s="1" t="s">
        <v>10455</v>
      </c>
      <c r="J3349" s="1" t="s">
        <v>10468</v>
      </c>
      <c r="K3349" s="1" t="s">
        <v>27</v>
      </c>
      <c r="L3349" s="1" t="s">
        <v>11707</v>
      </c>
      <c r="M3349" s="1" t="s">
        <v>5</v>
      </c>
      <c r="N3349" s="1" t="s">
        <v>6</v>
      </c>
      <c r="O3349" s="1" t="s">
        <v>8</v>
      </c>
      <c r="P3349" s="5" t="s">
        <v>32599</v>
      </c>
    </row>
    <row r="3350" spans="1:16" x14ac:dyDescent="0.2">
      <c r="A3350" s="1" t="s">
        <v>329</v>
      </c>
      <c r="B3350" s="1" t="s">
        <v>691</v>
      </c>
      <c r="C3350" s="1" t="s">
        <v>11714</v>
      </c>
      <c r="D3350" s="1" t="s">
        <v>11714</v>
      </c>
      <c r="E3350" s="1" t="s">
        <v>11715</v>
      </c>
      <c r="F3350" s="1" t="s">
        <v>10</v>
      </c>
      <c r="G3350" s="1" t="s">
        <v>10</v>
      </c>
      <c r="H3350" s="1" t="s">
        <v>2878</v>
      </c>
      <c r="I3350" s="1" t="s">
        <v>10455</v>
      </c>
      <c r="J3350" s="1" t="s">
        <v>10462</v>
      </c>
      <c r="K3350" s="1" t="s">
        <v>27</v>
      </c>
      <c r="L3350" s="1" t="s">
        <v>11713</v>
      </c>
      <c r="M3350" s="1" t="s">
        <v>5</v>
      </c>
      <c r="N3350" s="1" t="s">
        <v>1009</v>
      </c>
      <c r="O3350" s="1" t="s">
        <v>38</v>
      </c>
      <c r="P3350" s="5"/>
    </row>
    <row r="3351" spans="1:16" x14ac:dyDescent="0.2">
      <c r="A3351" s="1" t="s">
        <v>329</v>
      </c>
      <c r="B3351" s="1" t="s">
        <v>691</v>
      </c>
      <c r="C3351" s="1" t="s">
        <v>11717</v>
      </c>
      <c r="D3351" s="1" t="s">
        <v>11717</v>
      </c>
      <c r="E3351" s="1" t="s">
        <v>11718</v>
      </c>
      <c r="F3351" s="1" t="s">
        <v>10</v>
      </c>
      <c r="G3351" s="1" t="s">
        <v>10</v>
      </c>
      <c r="H3351" s="1" t="s">
        <v>2878</v>
      </c>
      <c r="I3351" s="1" t="s">
        <v>10455</v>
      </c>
      <c r="J3351" s="1" t="s">
        <v>10462</v>
      </c>
      <c r="K3351" s="1" t="s">
        <v>27</v>
      </c>
      <c r="L3351" s="1" t="s">
        <v>11716</v>
      </c>
      <c r="M3351" s="1" t="s">
        <v>5</v>
      </c>
      <c r="N3351" s="1" t="s">
        <v>1009</v>
      </c>
      <c r="O3351" s="1" t="s">
        <v>38</v>
      </c>
      <c r="P3351" s="5"/>
    </row>
    <row r="3352" spans="1:16" x14ac:dyDescent="0.2">
      <c r="A3352" s="1" t="s">
        <v>329</v>
      </c>
      <c r="B3352" s="1" t="s">
        <v>691</v>
      </c>
      <c r="C3352" s="1" t="s">
        <v>11720</v>
      </c>
      <c r="D3352" s="1" t="s">
        <v>11721</v>
      </c>
      <c r="E3352" s="1" t="s">
        <v>11722</v>
      </c>
      <c r="F3352" s="1" t="s">
        <v>10</v>
      </c>
      <c r="G3352" s="1" t="s">
        <v>10</v>
      </c>
      <c r="H3352" s="1" t="s">
        <v>2878</v>
      </c>
      <c r="I3352" s="1" t="s">
        <v>10455</v>
      </c>
      <c r="J3352" s="1" t="s">
        <v>10462</v>
      </c>
      <c r="K3352" s="1" t="s">
        <v>27</v>
      </c>
      <c r="L3352" s="1" t="s">
        <v>11719</v>
      </c>
      <c r="M3352" s="1" t="s">
        <v>5</v>
      </c>
      <c r="N3352" s="1" t="s">
        <v>1009</v>
      </c>
      <c r="O3352" s="1" t="s">
        <v>38</v>
      </c>
      <c r="P3352" s="5"/>
    </row>
    <row r="3353" spans="1:16" x14ac:dyDescent="0.2">
      <c r="A3353" s="1" t="s">
        <v>194</v>
      </c>
      <c r="B3353" s="1" t="s">
        <v>6481</v>
      </c>
      <c r="C3353" s="1" t="s">
        <v>11724</v>
      </c>
      <c r="D3353" s="1" t="s">
        <v>11725</v>
      </c>
      <c r="E3353" s="1" t="s">
        <v>11726</v>
      </c>
      <c r="F3353" s="1" t="s">
        <v>10</v>
      </c>
      <c r="G3353" s="1" t="s">
        <v>10</v>
      </c>
      <c r="H3353" s="1" t="s">
        <v>2878</v>
      </c>
      <c r="I3353" s="1" t="s">
        <v>10455</v>
      </c>
      <c r="J3353" s="1" t="s">
        <v>10468</v>
      </c>
      <c r="K3353" s="1" t="s">
        <v>27</v>
      </c>
      <c r="L3353" s="1" t="s">
        <v>11723</v>
      </c>
      <c r="M3353" s="1" t="s">
        <v>5</v>
      </c>
      <c r="N3353" s="1" t="s">
        <v>6</v>
      </c>
      <c r="O3353" s="1" t="s">
        <v>38</v>
      </c>
      <c r="P3353" s="5"/>
    </row>
    <row r="3354" spans="1:16" x14ac:dyDescent="0.2">
      <c r="A3354" s="1" t="s">
        <v>66</v>
      </c>
      <c r="B3354" s="1" t="s">
        <v>67</v>
      </c>
      <c r="C3354" s="1" t="s">
        <v>11728</v>
      </c>
      <c r="D3354" s="1" t="s">
        <v>11729</v>
      </c>
      <c r="E3354" s="1" t="s">
        <v>11730</v>
      </c>
      <c r="F3354" s="1" t="s">
        <v>10</v>
      </c>
      <c r="G3354" s="1" t="s">
        <v>10</v>
      </c>
      <c r="H3354" s="1" t="s">
        <v>2878</v>
      </c>
      <c r="I3354" s="1" t="s">
        <v>10455</v>
      </c>
      <c r="J3354" s="1" t="s">
        <v>10462</v>
      </c>
      <c r="K3354" s="1" t="s">
        <v>27</v>
      </c>
      <c r="L3354" s="1" t="s">
        <v>11727</v>
      </c>
      <c r="M3354" s="1" t="s">
        <v>5</v>
      </c>
      <c r="N3354" s="1" t="s">
        <v>1009</v>
      </c>
      <c r="O3354" s="1" t="s">
        <v>38</v>
      </c>
      <c r="P3354" s="5" t="s">
        <v>31478</v>
      </c>
    </row>
    <row r="3355" spans="1:16" x14ac:dyDescent="0.2">
      <c r="A3355" s="1" t="s">
        <v>329</v>
      </c>
      <c r="B3355" s="1" t="s">
        <v>691</v>
      </c>
      <c r="C3355" s="1" t="s">
        <v>11732</v>
      </c>
      <c r="D3355" s="1" t="s">
        <v>11733</v>
      </c>
      <c r="E3355" s="1" t="s">
        <v>11734</v>
      </c>
      <c r="F3355" s="1" t="s">
        <v>10</v>
      </c>
      <c r="G3355" s="1" t="s">
        <v>10</v>
      </c>
      <c r="H3355" s="1" t="s">
        <v>2878</v>
      </c>
      <c r="I3355" s="1" t="s">
        <v>10455</v>
      </c>
      <c r="J3355" s="1" t="s">
        <v>10462</v>
      </c>
      <c r="K3355" s="1" t="s">
        <v>27</v>
      </c>
      <c r="L3355" s="1" t="s">
        <v>11731</v>
      </c>
      <c r="M3355" s="1" t="s">
        <v>5</v>
      </c>
      <c r="N3355" s="1" t="s">
        <v>25</v>
      </c>
      <c r="O3355" s="1" t="s">
        <v>38</v>
      </c>
      <c r="P3355" s="5"/>
    </row>
    <row r="3356" spans="1:16" x14ac:dyDescent="0.2">
      <c r="A3356" s="1" t="s">
        <v>329</v>
      </c>
      <c r="B3356" s="1" t="s">
        <v>691</v>
      </c>
      <c r="C3356" s="1" t="s">
        <v>11736</v>
      </c>
      <c r="D3356" s="1" t="s">
        <v>11736</v>
      </c>
      <c r="E3356" s="1" t="s">
        <v>11737</v>
      </c>
      <c r="F3356" s="1" t="s">
        <v>10</v>
      </c>
      <c r="G3356" s="1" t="s">
        <v>10</v>
      </c>
      <c r="H3356" s="1" t="s">
        <v>2878</v>
      </c>
      <c r="I3356" s="1" t="s">
        <v>10455</v>
      </c>
      <c r="J3356" s="1" t="s">
        <v>10462</v>
      </c>
      <c r="K3356" s="1" t="s">
        <v>27</v>
      </c>
      <c r="L3356" s="1" t="s">
        <v>11735</v>
      </c>
      <c r="M3356" s="1" t="s">
        <v>5</v>
      </c>
      <c r="N3356" s="1" t="s">
        <v>1009</v>
      </c>
      <c r="O3356" s="1" t="s">
        <v>38</v>
      </c>
      <c r="P3356" s="5"/>
    </row>
    <row r="3357" spans="1:16" x14ac:dyDescent="0.2">
      <c r="A3357" s="1" t="s">
        <v>66</v>
      </c>
      <c r="B3357" s="1" t="s">
        <v>1127</v>
      </c>
      <c r="C3357" s="1" t="s">
        <v>11739</v>
      </c>
      <c r="D3357" s="1" t="s">
        <v>11740</v>
      </c>
      <c r="E3357" s="1" t="s">
        <v>11741</v>
      </c>
      <c r="F3357" s="1" t="s">
        <v>10</v>
      </c>
      <c r="G3357" s="1" t="s">
        <v>10</v>
      </c>
      <c r="H3357" s="1" t="s">
        <v>2878</v>
      </c>
      <c r="I3357" s="1" t="s">
        <v>10455</v>
      </c>
      <c r="J3357" s="1" t="s">
        <v>10462</v>
      </c>
      <c r="K3357" s="1" t="s">
        <v>27</v>
      </c>
      <c r="L3357" s="1" t="s">
        <v>11738</v>
      </c>
      <c r="M3357" s="1" t="s">
        <v>5</v>
      </c>
      <c r="N3357" s="1" t="s">
        <v>1009</v>
      </c>
      <c r="O3357" s="1" t="s">
        <v>38</v>
      </c>
      <c r="P3357" s="5"/>
    </row>
    <row r="3358" spans="1:16" x14ac:dyDescent="0.2">
      <c r="A3358" s="1" t="s">
        <v>329</v>
      </c>
      <c r="B3358" s="1" t="s">
        <v>691</v>
      </c>
      <c r="C3358" s="1" t="s">
        <v>11743</v>
      </c>
      <c r="D3358" s="1" t="s">
        <v>1074</v>
      </c>
      <c r="E3358" s="1" t="s">
        <v>11744</v>
      </c>
      <c r="F3358" s="1" t="s">
        <v>10</v>
      </c>
      <c r="G3358" s="1" t="s">
        <v>10</v>
      </c>
      <c r="H3358" s="1" t="s">
        <v>2878</v>
      </c>
      <c r="I3358" s="1" t="s">
        <v>10455</v>
      </c>
      <c r="J3358" s="1" t="s">
        <v>10462</v>
      </c>
      <c r="K3358" s="1" t="s">
        <v>27</v>
      </c>
      <c r="L3358" s="1" t="s">
        <v>11742</v>
      </c>
      <c r="M3358" s="1" t="s">
        <v>5</v>
      </c>
      <c r="N3358" s="1" t="s">
        <v>25</v>
      </c>
      <c r="O3358" s="1" t="s">
        <v>38</v>
      </c>
      <c r="P3358" s="5"/>
    </row>
    <row r="3359" spans="1:16" x14ac:dyDescent="0.2">
      <c r="A3359" s="1" t="s">
        <v>20</v>
      </c>
      <c r="B3359" s="1" t="s">
        <v>445</v>
      </c>
      <c r="C3359" s="1" t="s">
        <v>11746</v>
      </c>
      <c r="D3359" s="1" t="s">
        <v>11747</v>
      </c>
      <c r="E3359" s="1" t="s">
        <v>11748</v>
      </c>
      <c r="F3359" s="1" t="s">
        <v>10</v>
      </c>
      <c r="G3359" s="1" t="s">
        <v>10</v>
      </c>
      <c r="H3359" s="1" t="s">
        <v>2878</v>
      </c>
      <c r="I3359" s="1" t="s">
        <v>10455</v>
      </c>
      <c r="J3359" s="1" t="s">
        <v>10711</v>
      </c>
      <c r="K3359" s="1" t="s">
        <v>27</v>
      </c>
      <c r="L3359" s="1" t="s">
        <v>11745</v>
      </c>
      <c r="M3359" s="1" t="s">
        <v>5</v>
      </c>
      <c r="N3359" s="1" t="s">
        <v>25</v>
      </c>
      <c r="O3359" s="1" t="s">
        <v>38</v>
      </c>
      <c r="P3359" s="5"/>
    </row>
    <row r="3360" spans="1:16" x14ac:dyDescent="0.2">
      <c r="A3360" s="1" t="s">
        <v>194</v>
      </c>
      <c r="B3360" s="1" t="s">
        <v>6481</v>
      </c>
      <c r="C3360" s="1" t="s">
        <v>11750</v>
      </c>
      <c r="D3360" s="1" t="s">
        <v>11751</v>
      </c>
      <c r="E3360" s="1" t="s">
        <v>11752</v>
      </c>
      <c r="F3360" s="1" t="s">
        <v>10</v>
      </c>
      <c r="G3360" s="1" t="s">
        <v>10</v>
      </c>
      <c r="H3360" s="1" t="s">
        <v>2878</v>
      </c>
      <c r="I3360" s="1" t="s">
        <v>10455</v>
      </c>
      <c r="J3360" s="1" t="s">
        <v>10468</v>
      </c>
      <c r="K3360" s="1" t="s">
        <v>27</v>
      </c>
      <c r="L3360" s="1" t="s">
        <v>11749</v>
      </c>
      <c r="M3360" s="1" t="s">
        <v>5</v>
      </c>
      <c r="N3360" s="1" t="s">
        <v>6</v>
      </c>
      <c r="O3360" s="1" t="s">
        <v>38</v>
      </c>
      <c r="P3360" s="5"/>
    </row>
    <row r="3361" spans="1:16" x14ac:dyDescent="0.2">
      <c r="A3361" s="1" t="s">
        <v>194</v>
      </c>
      <c r="B3361" s="1" t="s">
        <v>396</v>
      </c>
      <c r="C3361" s="1" t="s">
        <v>11754</v>
      </c>
      <c r="D3361" s="1" t="s">
        <v>11755</v>
      </c>
      <c r="E3361" s="1" t="s">
        <v>11756</v>
      </c>
      <c r="F3361" s="1" t="s">
        <v>10</v>
      </c>
      <c r="G3361" s="1" t="s">
        <v>10</v>
      </c>
      <c r="H3361" s="1" t="s">
        <v>2878</v>
      </c>
      <c r="I3361" s="1" t="s">
        <v>10455</v>
      </c>
      <c r="J3361" s="1" t="s">
        <v>10468</v>
      </c>
      <c r="K3361" s="1" t="s">
        <v>27</v>
      </c>
      <c r="L3361" s="1" t="s">
        <v>11753</v>
      </c>
      <c r="M3361" s="1" t="s">
        <v>5</v>
      </c>
      <c r="N3361" s="1" t="s">
        <v>25</v>
      </c>
      <c r="O3361" s="1" t="s">
        <v>38</v>
      </c>
      <c r="P3361" s="5" t="s">
        <v>60</v>
      </c>
    </row>
    <row r="3362" spans="1:16" x14ac:dyDescent="0.2">
      <c r="A3362" s="1" t="s">
        <v>194</v>
      </c>
      <c r="B3362" s="1" t="s">
        <v>6481</v>
      </c>
      <c r="C3362" s="1" t="s">
        <v>11758</v>
      </c>
      <c r="D3362" s="1" t="s">
        <v>11759</v>
      </c>
      <c r="E3362" s="1" t="s">
        <v>11760</v>
      </c>
      <c r="F3362" s="1" t="s">
        <v>10</v>
      </c>
      <c r="G3362" s="1" t="s">
        <v>10</v>
      </c>
      <c r="H3362" s="1" t="s">
        <v>2878</v>
      </c>
      <c r="I3362" s="1" t="s">
        <v>10455</v>
      </c>
      <c r="J3362" s="1" t="s">
        <v>10468</v>
      </c>
      <c r="K3362" s="1" t="s">
        <v>27</v>
      </c>
      <c r="L3362" s="1" t="s">
        <v>11757</v>
      </c>
      <c r="M3362" s="1" t="s">
        <v>5</v>
      </c>
      <c r="N3362" s="1" t="s">
        <v>1009</v>
      </c>
      <c r="O3362" s="1" t="s">
        <v>38</v>
      </c>
      <c r="P3362" s="5"/>
    </row>
    <row r="3363" spans="1:16" x14ac:dyDescent="0.2">
      <c r="A3363" s="1" t="s">
        <v>329</v>
      </c>
      <c r="B3363" s="1" t="s">
        <v>691</v>
      </c>
      <c r="C3363" s="1" t="s">
        <v>11762</v>
      </c>
      <c r="D3363" s="1" t="s">
        <v>11763</v>
      </c>
      <c r="E3363" s="1" t="s">
        <v>11764</v>
      </c>
      <c r="F3363" s="1" t="s">
        <v>10</v>
      </c>
      <c r="G3363" s="1" t="s">
        <v>10</v>
      </c>
      <c r="H3363" s="1" t="s">
        <v>2878</v>
      </c>
      <c r="I3363" s="1" t="s">
        <v>10455</v>
      </c>
      <c r="J3363" s="1" t="s">
        <v>10462</v>
      </c>
      <c r="K3363" s="1" t="s">
        <v>27</v>
      </c>
      <c r="L3363" s="1" t="s">
        <v>11761</v>
      </c>
      <c r="M3363" s="1" t="s">
        <v>5</v>
      </c>
      <c r="N3363" s="1" t="s">
        <v>1009</v>
      </c>
      <c r="O3363" s="1" t="s">
        <v>38</v>
      </c>
      <c r="P3363" s="5"/>
    </row>
    <row r="3364" spans="1:16" x14ac:dyDescent="0.2">
      <c r="A3364" s="1" t="s">
        <v>66</v>
      </c>
      <c r="B3364" s="1" t="s">
        <v>1127</v>
      </c>
      <c r="C3364" s="1" t="s">
        <v>11766</v>
      </c>
      <c r="D3364" s="1" t="s">
        <v>11767</v>
      </c>
      <c r="E3364" s="1" t="s">
        <v>11768</v>
      </c>
      <c r="F3364" s="1" t="s">
        <v>10</v>
      </c>
      <c r="G3364" s="1" t="s">
        <v>10</v>
      </c>
      <c r="H3364" s="1" t="s">
        <v>2878</v>
      </c>
      <c r="I3364" s="1" t="s">
        <v>10455</v>
      </c>
      <c r="J3364" s="1" t="s">
        <v>10468</v>
      </c>
      <c r="K3364" s="1" t="s">
        <v>27</v>
      </c>
      <c r="L3364" s="1" t="s">
        <v>11765</v>
      </c>
      <c r="M3364" s="1" t="s">
        <v>5</v>
      </c>
      <c r="N3364" s="1" t="s">
        <v>1009</v>
      </c>
      <c r="O3364" s="1" t="s">
        <v>38</v>
      </c>
      <c r="P3364" s="5"/>
    </row>
    <row r="3365" spans="1:16" x14ac:dyDescent="0.2">
      <c r="A3365" s="1" t="s">
        <v>194</v>
      </c>
      <c r="B3365" s="1" t="s">
        <v>6481</v>
      </c>
      <c r="C3365" s="1" t="s">
        <v>11770</v>
      </c>
      <c r="D3365" s="1" t="s">
        <v>11771</v>
      </c>
      <c r="E3365" s="1" t="s">
        <v>11772</v>
      </c>
      <c r="F3365" s="1" t="s">
        <v>10</v>
      </c>
      <c r="G3365" s="1" t="s">
        <v>10</v>
      </c>
      <c r="H3365" s="1" t="s">
        <v>2878</v>
      </c>
      <c r="I3365" s="1" t="s">
        <v>10455</v>
      </c>
      <c r="J3365" s="1" t="s">
        <v>10462</v>
      </c>
      <c r="K3365" s="1" t="s">
        <v>27</v>
      </c>
      <c r="L3365" s="1" t="s">
        <v>11769</v>
      </c>
      <c r="M3365" s="1" t="s">
        <v>5</v>
      </c>
      <c r="N3365" s="1" t="s">
        <v>1009</v>
      </c>
      <c r="O3365" s="1" t="s">
        <v>38</v>
      </c>
      <c r="P3365" s="5"/>
    </row>
    <row r="3366" spans="1:16" x14ac:dyDescent="0.2">
      <c r="A3366" s="1" t="s">
        <v>66</v>
      </c>
      <c r="B3366" s="1" t="s">
        <v>1127</v>
      </c>
      <c r="C3366" s="1" t="s">
        <v>11774</v>
      </c>
      <c r="D3366" s="1" t="s">
        <v>11775</v>
      </c>
      <c r="E3366" s="1" t="s">
        <v>11776</v>
      </c>
      <c r="F3366" s="1" t="s">
        <v>10</v>
      </c>
      <c r="G3366" s="1" t="s">
        <v>10</v>
      </c>
      <c r="H3366" s="1" t="s">
        <v>2878</v>
      </c>
      <c r="I3366" s="1" t="s">
        <v>10455</v>
      </c>
      <c r="J3366" s="1" t="s">
        <v>10462</v>
      </c>
      <c r="K3366" s="1" t="s">
        <v>27</v>
      </c>
      <c r="L3366" s="1" t="s">
        <v>11773</v>
      </c>
      <c r="M3366" s="1" t="s">
        <v>5</v>
      </c>
      <c r="N3366" s="1" t="s">
        <v>1009</v>
      </c>
      <c r="O3366" s="1" t="s">
        <v>38</v>
      </c>
      <c r="P3366" s="5"/>
    </row>
    <row r="3367" spans="1:16" x14ac:dyDescent="0.2">
      <c r="A3367" s="1" t="s">
        <v>329</v>
      </c>
      <c r="B3367" s="1" t="s">
        <v>691</v>
      </c>
      <c r="C3367" s="1" t="s">
        <v>11778</v>
      </c>
      <c r="D3367" s="1" t="s">
        <v>11778</v>
      </c>
      <c r="E3367" s="1" t="s">
        <v>11779</v>
      </c>
      <c r="F3367" s="1" t="s">
        <v>10</v>
      </c>
      <c r="G3367" s="1" t="s">
        <v>10</v>
      </c>
      <c r="H3367" s="1" t="s">
        <v>2878</v>
      </c>
      <c r="I3367" s="1" t="s">
        <v>10455</v>
      </c>
      <c r="J3367" s="1" t="s">
        <v>10458</v>
      </c>
      <c r="K3367" s="1" t="s">
        <v>27</v>
      </c>
      <c r="L3367" s="1" t="s">
        <v>11777</v>
      </c>
      <c r="M3367" s="1" t="s">
        <v>5</v>
      </c>
      <c r="N3367" s="1" t="s">
        <v>1009</v>
      </c>
      <c r="O3367" s="1" t="s">
        <v>38</v>
      </c>
      <c r="P3367" s="5"/>
    </row>
    <row r="3368" spans="1:16" x14ac:dyDescent="0.2">
      <c r="A3368" s="1" t="s">
        <v>329</v>
      </c>
      <c r="B3368" s="1" t="s">
        <v>691</v>
      </c>
      <c r="C3368" s="1" t="s">
        <v>11781</v>
      </c>
      <c r="D3368" s="1" t="s">
        <v>11782</v>
      </c>
      <c r="E3368" s="1" t="s">
        <v>11783</v>
      </c>
      <c r="F3368" s="1" t="s">
        <v>10</v>
      </c>
      <c r="G3368" s="1" t="s">
        <v>10</v>
      </c>
      <c r="H3368" s="1" t="s">
        <v>2878</v>
      </c>
      <c r="I3368" s="1" t="s">
        <v>10455</v>
      </c>
      <c r="J3368" s="1" t="s">
        <v>10462</v>
      </c>
      <c r="K3368" s="1" t="s">
        <v>27</v>
      </c>
      <c r="L3368" s="1" t="s">
        <v>11780</v>
      </c>
      <c r="M3368" s="1" t="s">
        <v>5</v>
      </c>
      <c r="N3368" s="1" t="s">
        <v>25</v>
      </c>
      <c r="O3368" s="1" t="s">
        <v>38</v>
      </c>
      <c r="P3368" s="5"/>
    </row>
    <row r="3369" spans="1:16" x14ac:dyDescent="0.2">
      <c r="A3369" s="1" t="s">
        <v>329</v>
      </c>
      <c r="B3369" s="1" t="s">
        <v>691</v>
      </c>
      <c r="C3369" s="1" t="s">
        <v>11785</v>
      </c>
      <c r="D3369" s="1" t="s">
        <v>11785</v>
      </c>
      <c r="E3369" s="1" t="s">
        <v>11786</v>
      </c>
      <c r="F3369" s="1" t="s">
        <v>10</v>
      </c>
      <c r="G3369" s="1" t="s">
        <v>10</v>
      </c>
      <c r="H3369" s="1" t="s">
        <v>2878</v>
      </c>
      <c r="I3369" s="1" t="s">
        <v>10455</v>
      </c>
      <c r="J3369" s="1" t="s">
        <v>10462</v>
      </c>
      <c r="K3369" s="1" t="s">
        <v>27</v>
      </c>
      <c r="L3369" s="1" t="s">
        <v>11784</v>
      </c>
      <c r="M3369" s="1" t="s">
        <v>5</v>
      </c>
      <c r="N3369" s="1" t="s">
        <v>1009</v>
      </c>
      <c r="O3369" s="1" t="s">
        <v>38</v>
      </c>
      <c r="P3369" s="5"/>
    </row>
    <row r="3370" spans="1:16" x14ac:dyDescent="0.2">
      <c r="A3370" s="1" t="s">
        <v>20</v>
      </c>
      <c r="B3370" s="1" t="s">
        <v>172</v>
      </c>
      <c r="C3370" s="1" t="s">
        <v>11787</v>
      </c>
      <c r="D3370" s="1" t="s">
        <v>11788</v>
      </c>
      <c r="E3370" s="1" t="s">
        <v>11789</v>
      </c>
      <c r="F3370" s="1" t="s">
        <v>10</v>
      </c>
      <c r="G3370" s="1" t="s">
        <v>10</v>
      </c>
      <c r="H3370" s="1" t="s">
        <v>10</v>
      </c>
      <c r="I3370" s="1" t="s">
        <v>10455</v>
      </c>
      <c r="J3370" s="1" t="s">
        <v>10844</v>
      </c>
      <c r="K3370" s="1" t="s">
        <v>27</v>
      </c>
      <c r="L3370" s="1" t="s">
        <v>11790</v>
      </c>
      <c r="M3370" s="1" t="s">
        <v>5</v>
      </c>
      <c r="N3370" s="1" t="s">
        <v>10</v>
      </c>
      <c r="O3370" s="1" t="s">
        <v>38</v>
      </c>
      <c r="P3370" s="5" t="s">
        <v>31479</v>
      </c>
    </row>
    <row r="3371" spans="1:16" x14ac:dyDescent="0.2">
      <c r="A3371" s="1" t="s">
        <v>329</v>
      </c>
      <c r="B3371" s="1" t="s">
        <v>691</v>
      </c>
      <c r="C3371" s="1" t="s">
        <v>11792</v>
      </c>
      <c r="D3371" s="1" t="s">
        <v>11793</v>
      </c>
      <c r="E3371" s="1" t="s">
        <v>11794</v>
      </c>
      <c r="F3371" s="1" t="s">
        <v>10</v>
      </c>
      <c r="G3371" s="1" t="s">
        <v>10</v>
      </c>
      <c r="H3371" s="1" t="s">
        <v>2878</v>
      </c>
      <c r="I3371" s="1" t="s">
        <v>10455</v>
      </c>
      <c r="J3371" s="1" t="s">
        <v>10711</v>
      </c>
      <c r="K3371" s="1" t="s">
        <v>27</v>
      </c>
      <c r="L3371" s="1" t="s">
        <v>11791</v>
      </c>
      <c r="M3371" s="1" t="s">
        <v>5</v>
      </c>
      <c r="N3371" s="1" t="s">
        <v>6</v>
      </c>
      <c r="O3371" s="1" t="s">
        <v>38</v>
      </c>
      <c r="P3371" s="5"/>
    </row>
    <row r="3372" spans="1:16" x14ac:dyDescent="0.2">
      <c r="A3372" s="1" t="s">
        <v>32</v>
      </c>
      <c r="B3372" s="1" t="s">
        <v>3895</v>
      </c>
      <c r="C3372" s="1" t="s">
        <v>11796</v>
      </c>
      <c r="D3372" s="1" t="s">
        <v>11797</v>
      </c>
      <c r="E3372" s="1" t="s">
        <v>11798</v>
      </c>
      <c r="F3372" s="1" t="s">
        <v>10</v>
      </c>
      <c r="G3372" s="1" t="s">
        <v>10</v>
      </c>
      <c r="H3372" s="1" t="s">
        <v>2878</v>
      </c>
      <c r="I3372" s="1" t="s">
        <v>10455</v>
      </c>
      <c r="J3372" s="1" t="s">
        <v>10462</v>
      </c>
      <c r="K3372" s="1" t="s">
        <v>27</v>
      </c>
      <c r="L3372" s="1" t="s">
        <v>11795</v>
      </c>
      <c r="M3372" s="1" t="s">
        <v>5</v>
      </c>
      <c r="N3372" s="1" t="s">
        <v>1009</v>
      </c>
      <c r="O3372" s="1" t="s">
        <v>38</v>
      </c>
      <c r="P3372" s="5"/>
    </row>
    <row r="3373" spans="1:16" x14ac:dyDescent="0.2">
      <c r="A3373" s="1" t="s">
        <v>42</v>
      </c>
      <c r="B3373" s="1" t="s">
        <v>118</v>
      </c>
      <c r="C3373" s="1" t="s">
        <v>11800</v>
      </c>
      <c r="D3373" s="1" t="s">
        <v>11800</v>
      </c>
      <c r="E3373" s="1" t="s">
        <v>11801</v>
      </c>
      <c r="F3373" s="1" t="s">
        <v>10</v>
      </c>
      <c r="G3373" s="1" t="s">
        <v>10</v>
      </c>
      <c r="H3373" s="1" t="s">
        <v>2878</v>
      </c>
      <c r="I3373" s="1" t="s">
        <v>10455</v>
      </c>
      <c r="J3373" s="1" t="s">
        <v>10462</v>
      </c>
      <c r="K3373" s="1" t="s">
        <v>27</v>
      </c>
      <c r="L3373" s="1" t="s">
        <v>11799</v>
      </c>
      <c r="M3373" s="1" t="s">
        <v>5</v>
      </c>
      <c r="N3373" s="1" t="s">
        <v>6</v>
      </c>
      <c r="O3373" s="1" t="s">
        <v>38</v>
      </c>
      <c r="P3373" s="5"/>
    </row>
    <row r="3374" spans="1:16" x14ac:dyDescent="0.2">
      <c r="A3374" s="1" t="s">
        <v>32</v>
      </c>
      <c r="B3374" s="1" t="s">
        <v>3895</v>
      </c>
      <c r="C3374" s="1" t="s">
        <v>11803</v>
      </c>
      <c r="D3374" s="1" t="s">
        <v>11804</v>
      </c>
      <c r="E3374" s="1" t="s">
        <v>11805</v>
      </c>
      <c r="F3374" s="1" t="s">
        <v>522</v>
      </c>
      <c r="G3374" s="1" t="s">
        <v>10</v>
      </c>
      <c r="H3374" s="1" t="s">
        <v>2878</v>
      </c>
      <c r="I3374" s="1" t="s">
        <v>10455</v>
      </c>
      <c r="J3374" s="1" t="s">
        <v>10462</v>
      </c>
      <c r="K3374" s="1" t="s">
        <v>27</v>
      </c>
      <c r="L3374" s="1" t="s">
        <v>11802</v>
      </c>
      <c r="M3374" s="1" t="s">
        <v>5</v>
      </c>
      <c r="N3374" s="1" t="s">
        <v>1009</v>
      </c>
      <c r="O3374" s="1" t="s">
        <v>8</v>
      </c>
      <c r="P3374" s="5"/>
    </row>
    <row r="3375" spans="1:16" x14ac:dyDescent="0.2">
      <c r="A3375" s="1" t="s">
        <v>329</v>
      </c>
      <c r="B3375" s="1" t="s">
        <v>691</v>
      </c>
      <c r="C3375" s="1" t="s">
        <v>11807</v>
      </c>
      <c r="D3375" s="1" t="s">
        <v>11808</v>
      </c>
      <c r="E3375" s="1" t="s">
        <v>11809</v>
      </c>
      <c r="F3375" s="1" t="s">
        <v>10</v>
      </c>
      <c r="G3375" s="1" t="s">
        <v>10</v>
      </c>
      <c r="H3375" s="1" t="s">
        <v>2878</v>
      </c>
      <c r="I3375" s="1" t="s">
        <v>10455</v>
      </c>
      <c r="J3375" s="1" t="s">
        <v>10462</v>
      </c>
      <c r="K3375" s="1" t="s">
        <v>27</v>
      </c>
      <c r="L3375" s="1" t="s">
        <v>11806</v>
      </c>
      <c r="M3375" s="1" t="s">
        <v>5</v>
      </c>
      <c r="N3375" s="1" t="s">
        <v>1009</v>
      </c>
      <c r="O3375" s="1" t="s">
        <v>38</v>
      </c>
      <c r="P3375" s="5"/>
    </row>
    <row r="3376" spans="1:16" x14ac:dyDescent="0.2">
      <c r="A3376" s="1" t="s">
        <v>42</v>
      </c>
      <c r="B3376" s="1" t="s">
        <v>118</v>
      </c>
      <c r="C3376" s="1" t="s">
        <v>11811</v>
      </c>
      <c r="D3376" s="1" t="s">
        <v>11812</v>
      </c>
      <c r="E3376" s="1" t="s">
        <v>11813</v>
      </c>
      <c r="F3376" s="1" t="s">
        <v>27</v>
      </c>
      <c r="G3376" s="1" t="s">
        <v>10</v>
      </c>
      <c r="H3376" s="1" t="s">
        <v>2878</v>
      </c>
      <c r="I3376" s="1" t="s">
        <v>10455</v>
      </c>
      <c r="J3376" s="1" t="s">
        <v>10462</v>
      </c>
      <c r="K3376" s="1" t="s">
        <v>27</v>
      </c>
      <c r="L3376" s="1" t="s">
        <v>11810</v>
      </c>
      <c r="M3376" s="1" t="s">
        <v>5</v>
      </c>
      <c r="N3376" s="1" t="s">
        <v>1009</v>
      </c>
      <c r="O3376" s="1" t="s">
        <v>8</v>
      </c>
      <c r="P3376" s="5"/>
    </row>
    <row r="3377" spans="1:16" x14ac:dyDescent="0.2">
      <c r="A3377" s="1" t="s">
        <v>42</v>
      </c>
      <c r="B3377" s="1" t="s">
        <v>118</v>
      </c>
      <c r="C3377" s="1" t="s">
        <v>11815</v>
      </c>
      <c r="D3377" s="1" t="s">
        <v>11816</v>
      </c>
      <c r="E3377" s="1" t="s">
        <v>11817</v>
      </c>
      <c r="F3377" s="1" t="s">
        <v>10</v>
      </c>
      <c r="G3377" s="1" t="s">
        <v>10</v>
      </c>
      <c r="H3377" s="1" t="s">
        <v>2878</v>
      </c>
      <c r="I3377" s="1" t="s">
        <v>10455</v>
      </c>
      <c r="J3377" s="1" t="s">
        <v>10462</v>
      </c>
      <c r="K3377" s="1" t="s">
        <v>27</v>
      </c>
      <c r="L3377" s="1" t="s">
        <v>11814</v>
      </c>
      <c r="M3377" s="1" t="s">
        <v>5</v>
      </c>
      <c r="N3377" s="1" t="s">
        <v>6</v>
      </c>
      <c r="O3377" s="1" t="s">
        <v>38</v>
      </c>
      <c r="P3377" s="5" t="s">
        <v>29846</v>
      </c>
    </row>
    <row r="3378" spans="1:16" x14ac:dyDescent="0.2">
      <c r="A3378" s="1" t="s">
        <v>20</v>
      </c>
      <c r="B3378" s="1" t="s">
        <v>99</v>
      </c>
      <c r="C3378" s="1" t="s">
        <v>11819</v>
      </c>
      <c r="D3378" s="1" t="s">
        <v>11820</v>
      </c>
      <c r="E3378" s="1" t="s">
        <v>11821</v>
      </c>
      <c r="F3378" s="1" t="s">
        <v>10</v>
      </c>
      <c r="G3378" s="1" t="s">
        <v>10</v>
      </c>
      <c r="H3378" s="1" t="s">
        <v>2878</v>
      </c>
      <c r="I3378" s="1" t="s">
        <v>10455</v>
      </c>
      <c r="J3378" s="1" t="s">
        <v>10458</v>
      </c>
      <c r="K3378" s="1" t="s">
        <v>27</v>
      </c>
      <c r="L3378" s="1" t="s">
        <v>11818</v>
      </c>
      <c r="M3378" s="1" t="s">
        <v>5</v>
      </c>
      <c r="N3378" s="1" t="s">
        <v>6</v>
      </c>
      <c r="O3378" s="1" t="s">
        <v>38</v>
      </c>
      <c r="P3378" s="5"/>
    </row>
    <row r="3379" spans="1:16" x14ac:dyDescent="0.2">
      <c r="A3379" s="1" t="s">
        <v>10</v>
      </c>
      <c r="B3379" s="1" t="s">
        <v>10</v>
      </c>
      <c r="C3379" s="1" t="s">
        <v>11823</v>
      </c>
      <c r="D3379" s="1" t="s">
        <v>11824</v>
      </c>
      <c r="E3379" s="1" t="s">
        <v>11825</v>
      </c>
      <c r="F3379" s="1" t="s">
        <v>10</v>
      </c>
      <c r="G3379" s="1" t="s">
        <v>10</v>
      </c>
      <c r="H3379" s="1" t="s">
        <v>10</v>
      </c>
      <c r="I3379" s="1" t="s">
        <v>10455</v>
      </c>
      <c r="J3379" s="1" t="s">
        <v>10</v>
      </c>
      <c r="K3379" s="1" t="s">
        <v>10</v>
      </c>
      <c r="L3379" s="1" t="s">
        <v>11822</v>
      </c>
      <c r="M3379" s="1" t="s">
        <v>5</v>
      </c>
      <c r="N3379" s="1" t="s">
        <v>10</v>
      </c>
      <c r="O3379" s="1" t="s">
        <v>38</v>
      </c>
      <c r="P3379" s="5" t="s">
        <v>30286</v>
      </c>
    </row>
    <row r="3380" spans="1:16" x14ac:dyDescent="0.2">
      <c r="A3380" s="1" t="s">
        <v>10</v>
      </c>
      <c r="B3380" s="1" t="s">
        <v>10</v>
      </c>
      <c r="C3380" s="1" t="s">
        <v>11827</v>
      </c>
      <c r="D3380" s="1" t="s">
        <v>11828</v>
      </c>
      <c r="E3380" s="1" t="s">
        <v>11829</v>
      </c>
      <c r="F3380" s="1" t="s">
        <v>10</v>
      </c>
      <c r="G3380" s="1" t="s">
        <v>10</v>
      </c>
      <c r="H3380" s="1" t="s">
        <v>10</v>
      </c>
      <c r="I3380" s="1" t="s">
        <v>10455</v>
      </c>
      <c r="J3380" s="1" t="s">
        <v>11034</v>
      </c>
      <c r="K3380" s="1" t="s">
        <v>10</v>
      </c>
      <c r="L3380" s="1" t="s">
        <v>11826</v>
      </c>
      <c r="M3380" s="1" t="s">
        <v>5</v>
      </c>
      <c r="N3380" s="1" t="s">
        <v>6</v>
      </c>
      <c r="O3380" s="1" t="s">
        <v>38</v>
      </c>
      <c r="P3380" s="5" t="s">
        <v>10</v>
      </c>
    </row>
    <row r="3381" spans="1:16" x14ac:dyDescent="0.2">
      <c r="A3381" s="1" t="s">
        <v>10</v>
      </c>
      <c r="B3381" s="1" t="s">
        <v>10</v>
      </c>
      <c r="C3381" s="1" t="s">
        <v>11831</v>
      </c>
      <c r="D3381" s="1" t="s">
        <v>11832</v>
      </c>
      <c r="E3381" s="1" t="s">
        <v>11833</v>
      </c>
      <c r="F3381" s="1" t="s">
        <v>10</v>
      </c>
      <c r="G3381" s="1" t="s">
        <v>10</v>
      </c>
      <c r="H3381" s="1" t="s">
        <v>10</v>
      </c>
      <c r="I3381" s="1" t="s">
        <v>10455</v>
      </c>
      <c r="J3381" s="1" t="s">
        <v>10</v>
      </c>
      <c r="K3381" s="1" t="s">
        <v>10</v>
      </c>
      <c r="L3381" s="1" t="s">
        <v>11830</v>
      </c>
      <c r="M3381" s="1" t="s">
        <v>5</v>
      </c>
      <c r="N3381" s="1" t="s">
        <v>10</v>
      </c>
      <c r="O3381" s="1" t="s">
        <v>38</v>
      </c>
      <c r="P3381" s="5" t="s">
        <v>10</v>
      </c>
    </row>
    <row r="3382" spans="1:16" x14ac:dyDescent="0.2">
      <c r="A3382" s="1" t="s">
        <v>10</v>
      </c>
      <c r="B3382" s="1" t="s">
        <v>10</v>
      </c>
      <c r="C3382" s="1" t="s">
        <v>11835</v>
      </c>
      <c r="D3382" s="1" t="s">
        <v>11836</v>
      </c>
      <c r="E3382" s="1" t="s">
        <v>11837</v>
      </c>
      <c r="F3382" s="1" t="s">
        <v>10</v>
      </c>
      <c r="G3382" s="1" t="s">
        <v>10</v>
      </c>
      <c r="H3382" s="1" t="s">
        <v>10</v>
      </c>
      <c r="I3382" s="1" t="s">
        <v>10455</v>
      </c>
      <c r="J3382" s="1" t="s">
        <v>10</v>
      </c>
      <c r="K3382" s="1" t="s">
        <v>10</v>
      </c>
      <c r="L3382" s="1" t="s">
        <v>11834</v>
      </c>
      <c r="M3382" s="1" t="s">
        <v>5</v>
      </c>
      <c r="N3382" s="1" t="s">
        <v>10</v>
      </c>
      <c r="O3382" s="1" t="s">
        <v>38</v>
      </c>
      <c r="P3382" s="5" t="s">
        <v>10</v>
      </c>
    </row>
    <row r="3383" spans="1:16" x14ac:dyDescent="0.2">
      <c r="A3383" s="1" t="s">
        <v>10</v>
      </c>
      <c r="B3383" s="1" t="s">
        <v>10</v>
      </c>
      <c r="C3383" s="1" t="s">
        <v>11839</v>
      </c>
      <c r="D3383" s="1" t="s">
        <v>11840</v>
      </c>
      <c r="E3383" s="1" t="s">
        <v>11841</v>
      </c>
      <c r="F3383" s="1" t="s">
        <v>10</v>
      </c>
      <c r="G3383" s="1" t="s">
        <v>10</v>
      </c>
      <c r="H3383" s="1" t="s">
        <v>10</v>
      </c>
      <c r="I3383" s="1" t="s">
        <v>10455</v>
      </c>
      <c r="J3383" s="1" t="s">
        <v>10</v>
      </c>
      <c r="K3383" s="1" t="s">
        <v>10</v>
      </c>
      <c r="L3383" s="1" t="s">
        <v>11838</v>
      </c>
      <c r="M3383" s="1" t="s">
        <v>5</v>
      </c>
      <c r="N3383" s="1" t="s">
        <v>10</v>
      </c>
      <c r="O3383" s="1" t="s">
        <v>38</v>
      </c>
      <c r="P3383" s="5" t="s">
        <v>10</v>
      </c>
    </row>
    <row r="3384" spans="1:16" x14ac:dyDescent="0.2">
      <c r="A3384" s="1" t="s">
        <v>20</v>
      </c>
      <c r="B3384" s="1" t="s">
        <v>1047</v>
      </c>
      <c r="C3384" s="1" t="s">
        <v>11847</v>
      </c>
      <c r="D3384" s="1" t="s">
        <v>10</v>
      </c>
      <c r="E3384" s="1" t="s">
        <v>11848</v>
      </c>
      <c r="F3384" s="1" t="s">
        <v>10</v>
      </c>
      <c r="G3384" s="1" t="s">
        <v>10</v>
      </c>
      <c r="H3384" s="1" t="s">
        <v>10</v>
      </c>
      <c r="I3384" s="1" t="s">
        <v>11842</v>
      </c>
      <c r="J3384" s="1" t="s">
        <v>19</v>
      </c>
      <c r="K3384" s="1" t="s">
        <v>10</v>
      </c>
      <c r="L3384" s="1" t="s">
        <v>11846</v>
      </c>
      <c r="M3384" s="1" t="s">
        <v>5</v>
      </c>
      <c r="N3384" s="1" t="s">
        <v>10</v>
      </c>
      <c r="O3384" s="1" t="s">
        <v>38</v>
      </c>
      <c r="P3384" s="5" t="s">
        <v>10</v>
      </c>
    </row>
    <row r="3385" spans="1:16" x14ac:dyDescent="0.2">
      <c r="A3385" s="1" t="s">
        <v>20</v>
      </c>
      <c r="B3385" s="1" t="s">
        <v>1047</v>
      </c>
      <c r="C3385" s="1" t="s">
        <v>11850</v>
      </c>
      <c r="D3385" s="1" t="s">
        <v>10</v>
      </c>
      <c r="E3385" s="1" t="s">
        <v>11851</v>
      </c>
      <c r="F3385" s="1" t="s">
        <v>10</v>
      </c>
      <c r="G3385" s="1" t="s">
        <v>10</v>
      </c>
      <c r="H3385" s="1" t="s">
        <v>10</v>
      </c>
      <c r="I3385" s="1" t="s">
        <v>11842</v>
      </c>
      <c r="J3385" s="1" t="s">
        <v>19</v>
      </c>
      <c r="K3385" s="1" t="s">
        <v>10</v>
      </c>
      <c r="L3385" s="1" t="s">
        <v>11849</v>
      </c>
      <c r="M3385" s="1" t="s">
        <v>5</v>
      </c>
      <c r="N3385" s="1" t="s">
        <v>10</v>
      </c>
      <c r="O3385" s="1" t="s">
        <v>38</v>
      </c>
      <c r="P3385" s="5" t="s">
        <v>10</v>
      </c>
    </row>
    <row r="3386" spans="1:16" x14ac:dyDescent="0.2">
      <c r="A3386" s="1" t="s">
        <v>20</v>
      </c>
      <c r="B3386" s="1" t="s">
        <v>1047</v>
      </c>
      <c r="C3386" s="1" t="s">
        <v>11853</v>
      </c>
      <c r="D3386" s="1" t="s">
        <v>10</v>
      </c>
      <c r="E3386" s="1" t="s">
        <v>11854</v>
      </c>
      <c r="F3386" s="1" t="s">
        <v>10</v>
      </c>
      <c r="G3386" s="1" t="s">
        <v>10</v>
      </c>
      <c r="H3386" s="1" t="s">
        <v>10</v>
      </c>
      <c r="I3386" s="1" t="s">
        <v>11842</v>
      </c>
      <c r="J3386" s="1" t="s">
        <v>19</v>
      </c>
      <c r="K3386" s="1" t="s">
        <v>10</v>
      </c>
      <c r="L3386" s="1" t="s">
        <v>11852</v>
      </c>
      <c r="M3386" s="1" t="s">
        <v>5</v>
      </c>
      <c r="N3386" s="1" t="s">
        <v>10</v>
      </c>
      <c r="O3386" s="1" t="s">
        <v>38</v>
      </c>
      <c r="P3386" s="5" t="s">
        <v>10</v>
      </c>
    </row>
    <row r="3387" spans="1:16" x14ac:dyDescent="0.2">
      <c r="A3387" s="1" t="s">
        <v>20</v>
      </c>
      <c r="B3387" s="1" t="s">
        <v>1047</v>
      </c>
      <c r="C3387" s="1" t="s">
        <v>11856</v>
      </c>
      <c r="D3387" s="1" t="s">
        <v>10</v>
      </c>
      <c r="E3387" s="1" t="s">
        <v>11857</v>
      </c>
      <c r="F3387" s="1" t="s">
        <v>10</v>
      </c>
      <c r="G3387" s="1" t="s">
        <v>10</v>
      </c>
      <c r="H3387" s="1" t="s">
        <v>10</v>
      </c>
      <c r="I3387" s="1" t="s">
        <v>11842</v>
      </c>
      <c r="J3387" s="1" t="s">
        <v>19</v>
      </c>
      <c r="K3387" s="1" t="s">
        <v>10</v>
      </c>
      <c r="L3387" s="1" t="s">
        <v>11855</v>
      </c>
      <c r="M3387" s="1" t="s">
        <v>5</v>
      </c>
      <c r="N3387" s="1" t="s">
        <v>10</v>
      </c>
      <c r="O3387" s="1" t="s">
        <v>38</v>
      </c>
      <c r="P3387" s="5" t="s">
        <v>10</v>
      </c>
    </row>
    <row r="3388" spans="1:16" x14ac:dyDescent="0.2">
      <c r="A3388" s="1" t="s">
        <v>42</v>
      </c>
      <c r="B3388" s="1" t="s">
        <v>109</v>
      </c>
      <c r="C3388" s="1" t="s">
        <v>11859</v>
      </c>
      <c r="D3388" s="1" t="s">
        <v>11860</v>
      </c>
      <c r="E3388" s="1" t="s">
        <v>11861</v>
      </c>
      <c r="F3388" s="1" t="s">
        <v>10</v>
      </c>
      <c r="G3388" s="1" t="s">
        <v>10</v>
      </c>
      <c r="H3388" s="1" t="s">
        <v>10</v>
      </c>
      <c r="I3388" s="1" t="s">
        <v>11842</v>
      </c>
      <c r="J3388" s="1" t="s">
        <v>11845</v>
      </c>
      <c r="K3388" s="1" t="s">
        <v>10</v>
      </c>
      <c r="L3388" s="1" t="s">
        <v>11858</v>
      </c>
      <c r="M3388" s="1" t="s">
        <v>5</v>
      </c>
      <c r="N3388" s="1" t="s">
        <v>10</v>
      </c>
      <c r="O3388" s="1" t="s">
        <v>38</v>
      </c>
      <c r="P3388" s="5" t="s">
        <v>10</v>
      </c>
    </row>
    <row r="3389" spans="1:16" x14ac:dyDescent="0.2">
      <c r="A3389" s="1" t="s">
        <v>1385</v>
      </c>
      <c r="B3389" s="1" t="s">
        <v>1490</v>
      </c>
      <c r="C3389" s="1" t="s">
        <v>11863</v>
      </c>
      <c r="D3389" s="1" t="s">
        <v>10</v>
      </c>
      <c r="E3389" s="1" t="s">
        <v>11864</v>
      </c>
      <c r="F3389" s="1" t="s">
        <v>10</v>
      </c>
      <c r="G3389" s="1" t="s">
        <v>10</v>
      </c>
      <c r="H3389" s="1" t="s">
        <v>10</v>
      </c>
      <c r="I3389" s="1" t="s">
        <v>11842</v>
      </c>
      <c r="J3389" s="1" t="s">
        <v>11845</v>
      </c>
      <c r="K3389" s="1" t="s">
        <v>10</v>
      </c>
      <c r="L3389" s="1" t="s">
        <v>11862</v>
      </c>
      <c r="M3389" s="1" t="s">
        <v>5</v>
      </c>
      <c r="N3389" s="1" t="s">
        <v>10</v>
      </c>
      <c r="O3389" s="1" t="s">
        <v>38</v>
      </c>
      <c r="P3389" s="5" t="s">
        <v>10</v>
      </c>
    </row>
    <row r="3390" spans="1:16" x14ac:dyDescent="0.2">
      <c r="A3390" s="1" t="s">
        <v>20</v>
      </c>
      <c r="B3390" s="1" t="s">
        <v>132</v>
      </c>
      <c r="C3390" s="1" t="s">
        <v>11866</v>
      </c>
      <c r="D3390" s="1" t="s">
        <v>11867</v>
      </c>
      <c r="E3390" s="1" t="s">
        <v>11868</v>
      </c>
      <c r="F3390" s="1" t="s">
        <v>10</v>
      </c>
      <c r="G3390" s="1" t="s">
        <v>10</v>
      </c>
      <c r="H3390" s="1" t="s">
        <v>10</v>
      </c>
      <c r="I3390" s="1" t="s">
        <v>11842</v>
      </c>
      <c r="J3390" s="1" t="s">
        <v>19</v>
      </c>
      <c r="K3390" s="1" t="s">
        <v>10</v>
      </c>
      <c r="L3390" s="1" t="s">
        <v>11865</v>
      </c>
      <c r="M3390" s="1" t="s">
        <v>5</v>
      </c>
      <c r="N3390" s="1" t="s">
        <v>10</v>
      </c>
      <c r="O3390" s="1" t="s">
        <v>38</v>
      </c>
      <c r="P3390" s="5" t="s">
        <v>10</v>
      </c>
    </row>
    <row r="3391" spans="1:16" x14ac:dyDescent="0.2">
      <c r="A3391" s="1" t="s">
        <v>42</v>
      </c>
      <c r="B3391" s="1" t="s">
        <v>118</v>
      </c>
      <c r="C3391" s="1" t="s">
        <v>11870</v>
      </c>
      <c r="D3391" s="1" t="s">
        <v>10</v>
      </c>
      <c r="E3391" s="1" t="s">
        <v>11872</v>
      </c>
      <c r="F3391" s="1" t="s">
        <v>11871</v>
      </c>
      <c r="G3391" s="1" t="s">
        <v>11873</v>
      </c>
      <c r="H3391" s="1" t="s">
        <v>10</v>
      </c>
      <c r="I3391" s="1" t="s">
        <v>11842</v>
      </c>
      <c r="J3391" s="1" t="s">
        <v>19</v>
      </c>
      <c r="K3391" s="1" t="s">
        <v>113</v>
      </c>
      <c r="L3391" s="1" t="s">
        <v>11869</v>
      </c>
      <c r="M3391" s="1" t="s">
        <v>5</v>
      </c>
      <c r="N3391" s="1" t="s">
        <v>10</v>
      </c>
      <c r="O3391" s="1" t="s">
        <v>8</v>
      </c>
      <c r="P3391" s="5" t="s">
        <v>10</v>
      </c>
    </row>
    <row r="3392" spans="1:16" x14ac:dyDescent="0.2">
      <c r="A3392" s="1" t="s">
        <v>20</v>
      </c>
      <c r="B3392" s="1" t="s">
        <v>253</v>
      </c>
      <c r="C3392" s="1" t="s">
        <v>11876</v>
      </c>
      <c r="D3392" s="1" t="s">
        <v>1261</v>
      </c>
      <c r="E3392" s="1" t="s">
        <v>11877</v>
      </c>
      <c r="F3392" s="1" t="s">
        <v>10</v>
      </c>
      <c r="G3392" s="1" t="s">
        <v>1042</v>
      </c>
      <c r="H3392" s="1" t="s">
        <v>10</v>
      </c>
      <c r="I3392" s="1" t="s">
        <v>11842</v>
      </c>
      <c r="J3392" s="1" t="s">
        <v>19</v>
      </c>
      <c r="K3392" s="1" t="s">
        <v>7</v>
      </c>
      <c r="L3392" s="1" t="s">
        <v>11875</v>
      </c>
      <c r="M3392" s="1" t="s">
        <v>5</v>
      </c>
      <c r="N3392" s="1" t="s">
        <v>10</v>
      </c>
      <c r="O3392" s="1" t="s">
        <v>8</v>
      </c>
      <c r="P3392" s="5" t="s">
        <v>29943</v>
      </c>
    </row>
    <row r="3393" spans="1:16" x14ac:dyDescent="0.2">
      <c r="A3393" s="1" t="s">
        <v>20</v>
      </c>
      <c r="B3393" s="1" t="s">
        <v>445</v>
      </c>
      <c r="C3393" s="1" t="s">
        <v>11880</v>
      </c>
      <c r="D3393" s="1" t="s">
        <v>11881</v>
      </c>
      <c r="E3393" s="1" t="s">
        <v>11883</v>
      </c>
      <c r="F3393" s="1" t="s">
        <v>10</v>
      </c>
      <c r="G3393" s="1" t="s">
        <v>10</v>
      </c>
      <c r="H3393" s="1" t="s">
        <v>10</v>
      </c>
      <c r="I3393" s="1" t="s">
        <v>11878</v>
      </c>
      <c r="J3393" s="1" t="s">
        <v>11882</v>
      </c>
      <c r="K3393" s="1" t="s">
        <v>27</v>
      </c>
      <c r="L3393" s="1" t="s">
        <v>11879</v>
      </c>
      <c r="M3393" s="1" t="s">
        <v>5</v>
      </c>
      <c r="N3393" s="1" t="s">
        <v>25</v>
      </c>
      <c r="O3393" s="1" t="s">
        <v>38</v>
      </c>
      <c r="P3393" s="5" t="s">
        <v>31480</v>
      </c>
    </row>
    <row r="3394" spans="1:16" x14ac:dyDescent="0.2">
      <c r="A3394" s="1" t="s">
        <v>487</v>
      </c>
      <c r="B3394" s="1" t="s">
        <v>765</v>
      </c>
      <c r="C3394" s="1" t="s">
        <v>11885</v>
      </c>
      <c r="D3394" s="1" t="s">
        <v>762</v>
      </c>
      <c r="E3394" s="1"/>
      <c r="F3394" s="1" t="s">
        <v>27</v>
      </c>
      <c r="G3394" s="1" t="s">
        <v>1042</v>
      </c>
      <c r="H3394" s="1" t="s">
        <v>11887</v>
      </c>
      <c r="I3394" s="1" t="s">
        <v>11878</v>
      </c>
      <c r="J3394" s="1" t="s">
        <v>11886</v>
      </c>
      <c r="K3394" s="1" t="s">
        <v>64</v>
      </c>
      <c r="L3394" s="1" t="s">
        <v>11884</v>
      </c>
      <c r="M3394" s="1" t="s">
        <v>5</v>
      </c>
      <c r="N3394" s="1" t="s">
        <v>10</v>
      </c>
      <c r="O3394" s="1" t="s">
        <v>8</v>
      </c>
      <c r="P3394" s="5" t="s">
        <v>31481</v>
      </c>
    </row>
    <row r="3395" spans="1:16" x14ac:dyDescent="0.2">
      <c r="A3395" s="1" t="s">
        <v>1086</v>
      </c>
      <c r="B3395" s="1" t="s">
        <v>11891</v>
      </c>
      <c r="C3395" s="1" t="s">
        <v>11889</v>
      </c>
      <c r="D3395" s="1" t="s">
        <v>10</v>
      </c>
      <c r="E3395" s="1"/>
      <c r="F3395" s="1" t="s">
        <v>27</v>
      </c>
      <c r="G3395" s="1" t="s">
        <v>10</v>
      </c>
      <c r="H3395" s="1" t="s">
        <v>11890</v>
      </c>
      <c r="I3395" s="1" t="s">
        <v>11878</v>
      </c>
      <c r="J3395" s="1" t="s">
        <v>11886</v>
      </c>
      <c r="K3395" s="1" t="s">
        <v>64</v>
      </c>
      <c r="L3395" s="1" t="s">
        <v>11888</v>
      </c>
      <c r="M3395" s="1" t="s">
        <v>5</v>
      </c>
      <c r="N3395" s="1" t="s">
        <v>10</v>
      </c>
      <c r="O3395" s="1" t="s">
        <v>8</v>
      </c>
      <c r="P3395" s="5"/>
    </row>
    <row r="3396" spans="1:16" x14ac:dyDescent="0.2">
      <c r="A3396" s="1" t="s">
        <v>487</v>
      </c>
      <c r="B3396" s="1" t="s">
        <v>488</v>
      </c>
      <c r="C3396" s="1" t="s">
        <v>11889</v>
      </c>
      <c r="D3396" s="1" t="s">
        <v>10</v>
      </c>
      <c r="E3396" s="1"/>
      <c r="F3396" s="1" t="s">
        <v>27</v>
      </c>
      <c r="G3396" s="1" t="s">
        <v>10</v>
      </c>
      <c r="H3396" s="1" t="s">
        <v>106</v>
      </c>
      <c r="I3396" s="1" t="s">
        <v>11878</v>
      </c>
      <c r="J3396" s="1" t="s">
        <v>11886</v>
      </c>
      <c r="K3396" s="1" t="s">
        <v>64</v>
      </c>
      <c r="L3396" s="1" t="s">
        <v>11892</v>
      </c>
      <c r="M3396" s="1" t="s">
        <v>5</v>
      </c>
      <c r="N3396" s="1" t="s">
        <v>10</v>
      </c>
      <c r="O3396" s="1" t="s">
        <v>8</v>
      </c>
      <c r="P3396" s="5"/>
    </row>
    <row r="3397" spans="1:16" x14ac:dyDescent="0.2">
      <c r="A3397" s="1" t="s">
        <v>329</v>
      </c>
      <c r="B3397" s="1" t="s">
        <v>1738</v>
      </c>
      <c r="C3397" s="1" t="s">
        <v>11889</v>
      </c>
      <c r="D3397" s="1" t="s">
        <v>10</v>
      </c>
      <c r="E3397" s="1"/>
      <c r="F3397" s="1" t="s">
        <v>27</v>
      </c>
      <c r="G3397" s="1" t="s">
        <v>10</v>
      </c>
      <c r="H3397" s="1" t="s">
        <v>11894</v>
      </c>
      <c r="I3397" s="1" t="s">
        <v>11878</v>
      </c>
      <c r="J3397" s="1" t="s">
        <v>11886</v>
      </c>
      <c r="K3397" s="1" t="s">
        <v>64</v>
      </c>
      <c r="L3397" s="1" t="s">
        <v>11893</v>
      </c>
      <c r="M3397" s="1" t="s">
        <v>5</v>
      </c>
      <c r="N3397" s="1" t="s">
        <v>10</v>
      </c>
      <c r="O3397" s="1" t="s">
        <v>8</v>
      </c>
      <c r="P3397" s="5"/>
    </row>
    <row r="3398" spans="1:16" x14ac:dyDescent="0.2">
      <c r="A3398" s="1" t="s">
        <v>1385</v>
      </c>
      <c r="B3398" s="1" t="s">
        <v>1670</v>
      </c>
      <c r="C3398" s="1" t="s">
        <v>11889</v>
      </c>
      <c r="D3398" s="1" t="s">
        <v>10</v>
      </c>
      <c r="E3398" s="1"/>
      <c r="F3398" s="1" t="s">
        <v>27</v>
      </c>
      <c r="G3398" s="1" t="s">
        <v>10</v>
      </c>
      <c r="H3398" s="1" t="s">
        <v>1982</v>
      </c>
      <c r="I3398" s="1" t="s">
        <v>11878</v>
      </c>
      <c r="J3398" s="1" t="s">
        <v>11886</v>
      </c>
      <c r="K3398" s="1" t="s">
        <v>64</v>
      </c>
      <c r="L3398" s="1" t="s">
        <v>11895</v>
      </c>
      <c r="M3398" s="1" t="s">
        <v>5</v>
      </c>
      <c r="N3398" s="1" t="s">
        <v>10</v>
      </c>
      <c r="O3398" s="1" t="s">
        <v>8</v>
      </c>
      <c r="P3398" s="5"/>
    </row>
    <row r="3399" spans="1:16" x14ac:dyDescent="0.2">
      <c r="A3399" s="1" t="s">
        <v>329</v>
      </c>
      <c r="B3399" s="1" t="s">
        <v>2622</v>
      </c>
      <c r="C3399" s="1" t="s">
        <v>11897</v>
      </c>
      <c r="D3399" s="1" t="s">
        <v>10</v>
      </c>
      <c r="E3399" s="1"/>
      <c r="F3399" s="1" t="s">
        <v>27</v>
      </c>
      <c r="G3399" s="1" t="s">
        <v>10</v>
      </c>
      <c r="H3399" s="1" t="s">
        <v>2244</v>
      </c>
      <c r="I3399" s="1" t="s">
        <v>11878</v>
      </c>
      <c r="J3399" s="1" t="s">
        <v>11886</v>
      </c>
      <c r="K3399" s="1" t="s">
        <v>64</v>
      </c>
      <c r="L3399" s="1" t="s">
        <v>11896</v>
      </c>
      <c r="M3399" s="1" t="s">
        <v>5</v>
      </c>
      <c r="N3399" s="1" t="s">
        <v>10</v>
      </c>
      <c r="O3399" s="1" t="s">
        <v>8</v>
      </c>
      <c r="P3399" s="5"/>
    </row>
    <row r="3400" spans="1:16" x14ac:dyDescent="0.2">
      <c r="A3400" s="1" t="s">
        <v>1385</v>
      </c>
      <c r="B3400" s="1" t="s">
        <v>1490</v>
      </c>
      <c r="C3400" s="1" t="s">
        <v>11889</v>
      </c>
      <c r="D3400" s="1" t="s">
        <v>10</v>
      </c>
      <c r="E3400" s="1"/>
      <c r="F3400" s="1" t="s">
        <v>27</v>
      </c>
      <c r="G3400" s="1" t="s">
        <v>10</v>
      </c>
      <c r="H3400" s="1" t="s">
        <v>11899</v>
      </c>
      <c r="I3400" s="1" t="s">
        <v>11878</v>
      </c>
      <c r="J3400" s="1" t="s">
        <v>11886</v>
      </c>
      <c r="K3400" s="1" t="s">
        <v>64</v>
      </c>
      <c r="L3400" s="1" t="s">
        <v>11898</v>
      </c>
      <c r="M3400" s="1" t="s">
        <v>5</v>
      </c>
      <c r="N3400" s="1" t="s">
        <v>10</v>
      </c>
      <c r="O3400" s="1" t="s">
        <v>8</v>
      </c>
      <c r="P3400" s="5"/>
    </row>
    <row r="3401" spans="1:16" x14ac:dyDescent="0.2">
      <c r="A3401" s="1" t="s">
        <v>1086</v>
      </c>
      <c r="B3401" s="1" t="s">
        <v>1177</v>
      </c>
      <c r="C3401" s="1" t="s">
        <v>11901</v>
      </c>
      <c r="D3401" s="1" t="s">
        <v>10</v>
      </c>
      <c r="E3401" s="1"/>
      <c r="F3401" s="1" t="s">
        <v>27</v>
      </c>
      <c r="G3401" s="1" t="s">
        <v>10</v>
      </c>
      <c r="H3401" s="1" t="s">
        <v>11902</v>
      </c>
      <c r="I3401" s="1" t="s">
        <v>11878</v>
      </c>
      <c r="J3401" s="1" t="s">
        <v>11886</v>
      </c>
      <c r="K3401" s="1" t="s">
        <v>64</v>
      </c>
      <c r="L3401" s="1" t="s">
        <v>11900</v>
      </c>
      <c r="M3401" s="1" t="s">
        <v>5</v>
      </c>
      <c r="N3401" s="1" t="s">
        <v>10</v>
      </c>
      <c r="O3401" s="1" t="s">
        <v>8</v>
      </c>
      <c r="P3401" s="5"/>
    </row>
    <row r="3402" spans="1:16" x14ac:dyDescent="0.2">
      <c r="A3402" s="1" t="s">
        <v>329</v>
      </c>
      <c r="B3402" s="1" t="s">
        <v>2622</v>
      </c>
      <c r="C3402" s="1" t="s">
        <v>11889</v>
      </c>
      <c r="D3402" s="1" t="s">
        <v>10</v>
      </c>
      <c r="E3402" s="1"/>
      <c r="F3402" s="1" t="s">
        <v>27</v>
      </c>
      <c r="G3402" s="1" t="s">
        <v>10</v>
      </c>
      <c r="H3402" s="1" t="s">
        <v>11904</v>
      </c>
      <c r="I3402" s="1" t="s">
        <v>11878</v>
      </c>
      <c r="J3402" s="1" t="s">
        <v>11886</v>
      </c>
      <c r="K3402" s="1" t="s">
        <v>64</v>
      </c>
      <c r="L3402" s="1" t="s">
        <v>11903</v>
      </c>
      <c r="M3402" s="1" t="s">
        <v>5</v>
      </c>
      <c r="N3402" s="1" t="s">
        <v>10</v>
      </c>
      <c r="O3402" s="1" t="s">
        <v>8</v>
      </c>
      <c r="P3402" s="5"/>
    </row>
    <row r="3403" spans="1:16" x14ac:dyDescent="0.2">
      <c r="A3403" s="1" t="s">
        <v>329</v>
      </c>
      <c r="B3403" s="1" t="s">
        <v>2622</v>
      </c>
      <c r="C3403" s="1" t="s">
        <v>11906</v>
      </c>
      <c r="D3403" s="1" t="s">
        <v>10</v>
      </c>
      <c r="E3403" s="1"/>
      <c r="F3403" s="1" t="s">
        <v>27</v>
      </c>
      <c r="G3403" s="1" t="s">
        <v>10</v>
      </c>
      <c r="H3403" s="1" t="s">
        <v>11907</v>
      </c>
      <c r="I3403" s="1" t="s">
        <v>11878</v>
      </c>
      <c r="J3403" s="1" t="s">
        <v>11886</v>
      </c>
      <c r="K3403" s="1" t="s">
        <v>37</v>
      </c>
      <c r="L3403" s="1" t="s">
        <v>11905</v>
      </c>
      <c r="M3403" s="1" t="s">
        <v>5</v>
      </c>
      <c r="N3403" s="1" t="s">
        <v>10</v>
      </c>
      <c r="O3403" s="1" t="s">
        <v>8</v>
      </c>
      <c r="P3403" s="5"/>
    </row>
    <row r="3404" spans="1:16" x14ac:dyDescent="0.2">
      <c r="A3404" s="1" t="s">
        <v>1086</v>
      </c>
      <c r="B3404" s="1" t="s">
        <v>4482</v>
      </c>
      <c r="C3404" s="1" t="s">
        <v>11889</v>
      </c>
      <c r="D3404" s="1" t="s">
        <v>10</v>
      </c>
      <c r="E3404" s="1"/>
      <c r="F3404" s="1" t="s">
        <v>27</v>
      </c>
      <c r="G3404" s="1" t="s">
        <v>10</v>
      </c>
      <c r="H3404" s="1" t="s">
        <v>11909</v>
      </c>
      <c r="I3404" s="1" t="s">
        <v>11878</v>
      </c>
      <c r="J3404" s="1" t="s">
        <v>11886</v>
      </c>
      <c r="K3404" s="1" t="s">
        <v>64</v>
      </c>
      <c r="L3404" s="1" t="s">
        <v>11908</v>
      </c>
      <c r="M3404" s="1" t="s">
        <v>5</v>
      </c>
      <c r="N3404" s="1" t="s">
        <v>10</v>
      </c>
      <c r="O3404" s="1" t="s">
        <v>8</v>
      </c>
      <c r="P3404" s="5"/>
    </row>
    <row r="3405" spans="1:16" x14ac:dyDescent="0.2">
      <c r="A3405" s="1" t="s">
        <v>32</v>
      </c>
      <c r="B3405" s="1" t="s">
        <v>140</v>
      </c>
      <c r="C3405" s="1" t="s">
        <v>11911</v>
      </c>
      <c r="D3405" s="1" t="s">
        <v>1698</v>
      </c>
      <c r="E3405" s="1"/>
      <c r="F3405" s="1" t="s">
        <v>27</v>
      </c>
      <c r="G3405" s="1" t="s">
        <v>1042</v>
      </c>
      <c r="H3405" s="1" t="s">
        <v>11912</v>
      </c>
      <c r="I3405" s="1" t="s">
        <v>11878</v>
      </c>
      <c r="J3405" s="1" t="s">
        <v>11886</v>
      </c>
      <c r="K3405" s="1" t="s">
        <v>443</v>
      </c>
      <c r="L3405" s="1" t="s">
        <v>11910</v>
      </c>
      <c r="M3405" s="1" t="s">
        <v>5</v>
      </c>
      <c r="N3405" s="1" t="s">
        <v>10</v>
      </c>
      <c r="O3405" s="1" t="s">
        <v>8</v>
      </c>
      <c r="P3405" s="5" t="s">
        <v>30287</v>
      </c>
    </row>
    <row r="3406" spans="1:16" x14ac:dyDescent="0.2">
      <c r="A3406" s="1" t="s">
        <v>329</v>
      </c>
      <c r="B3406" s="1" t="s">
        <v>2622</v>
      </c>
      <c r="C3406" s="1" t="s">
        <v>11914</v>
      </c>
      <c r="D3406" s="1" t="s">
        <v>10</v>
      </c>
      <c r="E3406" s="1"/>
      <c r="F3406" s="1" t="s">
        <v>27</v>
      </c>
      <c r="G3406" s="1" t="s">
        <v>10</v>
      </c>
      <c r="H3406" s="1" t="s">
        <v>11915</v>
      </c>
      <c r="I3406" s="1" t="s">
        <v>11878</v>
      </c>
      <c r="J3406" s="1" t="s">
        <v>11886</v>
      </c>
      <c r="K3406" s="1" t="s">
        <v>37</v>
      </c>
      <c r="L3406" s="1" t="s">
        <v>11913</v>
      </c>
      <c r="M3406" s="1" t="s">
        <v>5</v>
      </c>
      <c r="N3406" s="1" t="s">
        <v>10</v>
      </c>
      <c r="O3406" s="1" t="s">
        <v>8</v>
      </c>
      <c r="P3406" s="5"/>
    </row>
    <row r="3407" spans="1:16" x14ac:dyDescent="0.2">
      <c r="A3407" s="1" t="s">
        <v>487</v>
      </c>
      <c r="B3407" s="1" t="s">
        <v>488</v>
      </c>
      <c r="C3407" s="1" t="s">
        <v>11914</v>
      </c>
      <c r="D3407" s="1" t="s">
        <v>10</v>
      </c>
      <c r="E3407" s="1"/>
      <c r="F3407" s="1" t="s">
        <v>27</v>
      </c>
      <c r="G3407" s="1" t="s">
        <v>10</v>
      </c>
      <c r="H3407" s="1" t="s">
        <v>11917</v>
      </c>
      <c r="I3407" s="1" t="s">
        <v>11878</v>
      </c>
      <c r="J3407" s="1" t="s">
        <v>11886</v>
      </c>
      <c r="K3407" s="1" t="s">
        <v>64</v>
      </c>
      <c r="L3407" s="1" t="s">
        <v>11916</v>
      </c>
      <c r="M3407" s="1" t="s">
        <v>5</v>
      </c>
      <c r="N3407" s="1" t="s">
        <v>10</v>
      </c>
      <c r="O3407" s="1" t="s">
        <v>8</v>
      </c>
      <c r="P3407" s="5"/>
    </row>
    <row r="3408" spans="1:16" x14ac:dyDescent="0.2">
      <c r="A3408" s="1" t="s">
        <v>487</v>
      </c>
      <c r="B3408" s="1" t="s">
        <v>488</v>
      </c>
      <c r="C3408" s="1" t="s">
        <v>11914</v>
      </c>
      <c r="D3408" s="1" t="s">
        <v>10</v>
      </c>
      <c r="E3408" s="1"/>
      <c r="F3408" s="1" t="s">
        <v>27</v>
      </c>
      <c r="G3408" s="1" t="s">
        <v>10</v>
      </c>
      <c r="H3408" s="1" t="s">
        <v>11919</v>
      </c>
      <c r="I3408" s="1" t="s">
        <v>11878</v>
      </c>
      <c r="J3408" s="1" t="s">
        <v>11886</v>
      </c>
      <c r="K3408" s="1" t="s">
        <v>64</v>
      </c>
      <c r="L3408" s="1" t="s">
        <v>11918</v>
      </c>
      <c r="M3408" s="1" t="s">
        <v>5</v>
      </c>
      <c r="N3408" s="1" t="s">
        <v>10</v>
      </c>
      <c r="O3408" s="1" t="s">
        <v>8</v>
      </c>
      <c r="P3408" s="5"/>
    </row>
    <row r="3409" spans="1:16" x14ac:dyDescent="0.2">
      <c r="A3409" s="1" t="s">
        <v>487</v>
      </c>
      <c r="B3409" s="1" t="s">
        <v>488</v>
      </c>
      <c r="C3409" s="1" t="s">
        <v>11914</v>
      </c>
      <c r="D3409" s="1" t="s">
        <v>10</v>
      </c>
      <c r="E3409" s="1"/>
      <c r="F3409" s="1" t="s">
        <v>27</v>
      </c>
      <c r="G3409" s="1" t="s">
        <v>10</v>
      </c>
      <c r="H3409" s="1" t="s">
        <v>11921</v>
      </c>
      <c r="I3409" s="1" t="s">
        <v>11878</v>
      </c>
      <c r="J3409" s="1" t="s">
        <v>11886</v>
      </c>
      <c r="K3409" s="1" t="s">
        <v>64</v>
      </c>
      <c r="L3409" s="1" t="s">
        <v>11920</v>
      </c>
      <c r="M3409" s="1" t="s">
        <v>5</v>
      </c>
      <c r="N3409" s="1" t="s">
        <v>10</v>
      </c>
      <c r="O3409" s="1" t="s">
        <v>8</v>
      </c>
      <c r="P3409" s="5"/>
    </row>
    <row r="3410" spans="1:16" x14ac:dyDescent="0.2">
      <c r="A3410" s="1" t="s">
        <v>487</v>
      </c>
      <c r="B3410" s="1" t="s">
        <v>488</v>
      </c>
      <c r="C3410" s="1" t="s">
        <v>11914</v>
      </c>
      <c r="D3410" s="1" t="s">
        <v>10</v>
      </c>
      <c r="E3410" s="1"/>
      <c r="F3410" s="1" t="s">
        <v>27</v>
      </c>
      <c r="G3410" s="1" t="s">
        <v>10</v>
      </c>
      <c r="H3410" s="1" t="s">
        <v>11923</v>
      </c>
      <c r="I3410" s="1" t="s">
        <v>11878</v>
      </c>
      <c r="J3410" s="1" t="s">
        <v>11886</v>
      </c>
      <c r="K3410" s="1" t="s">
        <v>64</v>
      </c>
      <c r="L3410" s="1" t="s">
        <v>11922</v>
      </c>
      <c r="M3410" s="1" t="s">
        <v>5</v>
      </c>
      <c r="N3410" s="1" t="s">
        <v>10</v>
      </c>
      <c r="O3410" s="1" t="s">
        <v>8</v>
      </c>
      <c r="P3410" s="5"/>
    </row>
    <row r="3411" spans="1:16" x14ac:dyDescent="0.2">
      <c r="A3411" s="1" t="s">
        <v>487</v>
      </c>
      <c r="B3411" s="1" t="s">
        <v>488</v>
      </c>
      <c r="C3411" s="1" t="s">
        <v>11914</v>
      </c>
      <c r="D3411" s="1" t="s">
        <v>10</v>
      </c>
      <c r="E3411" s="1"/>
      <c r="F3411" s="1" t="s">
        <v>27</v>
      </c>
      <c r="G3411" s="1" t="s">
        <v>10</v>
      </c>
      <c r="H3411" s="1" t="s">
        <v>11925</v>
      </c>
      <c r="I3411" s="1" t="s">
        <v>11878</v>
      </c>
      <c r="J3411" s="1" t="s">
        <v>11886</v>
      </c>
      <c r="K3411" s="1" t="s">
        <v>64</v>
      </c>
      <c r="L3411" s="1" t="s">
        <v>11924</v>
      </c>
      <c r="M3411" s="1" t="s">
        <v>5</v>
      </c>
      <c r="N3411" s="1" t="s">
        <v>10</v>
      </c>
      <c r="O3411" s="1" t="s">
        <v>8</v>
      </c>
      <c r="P3411" s="5"/>
    </row>
    <row r="3412" spans="1:16" x14ac:dyDescent="0.2">
      <c r="A3412" s="1" t="s">
        <v>487</v>
      </c>
      <c r="B3412" s="1" t="s">
        <v>1651</v>
      </c>
      <c r="C3412" s="1" t="s">
        <v>11914</v>
      </c>
      <c r="D3412" s="1" t="s">
        <v>10</v>
      </c>
      <c r="E3412" s="1"/>
      <c r="F3412" s="1" t="s">
        <v>27</v>
      </c>
      <c r="G3412" s="1" t="s">
        <v>10</v>
      </c>
      <c r="H3412" s="1" t="s">
        <v>11927</v>
      </c>
      <c r="I3412" s="1" t="s">
        <v>11878</v>
      </c>
      <c r="J3412" s="1" t="s">
        <v>11886</v>
      </c>
      <c r="K3412" s="1" t="s">
        <v>64</v>
      </c>
      <c r="L3412" s="1" t="s">
        <v>11926</v>
      </c>
      <c r="M3412" s="1" t="s">
        <v>5</v>
      </c>
      <c r="N3412" s="1" t="s">
        <v>10</v>
      </c>
      <c r="O3412" s="1" t="s">
        <v>8</v>
      </c>
      <c r="P3412" s="5"/>
    </row>
    <row r="3413" spans="1:16" x14ac:dyDescent="0.2">
      <c r="A3413" s="1" t="s">
        <v>487</v>
      </c>
      <c r="B3413" s="1" t="s">
        <v>488</v>
      </c>
      <c r="C3413" s="1" t="s">
        <v>11914</v>
      </c>
      <c r="D3413" s="1" t="s">
        <v>10</v>
      </c>
      <c r="E3413" s="1"/>
      <c r="F3413" s="1" t="s">
        <v>10</v>
      </c>
      <c r="G3413" s="1" t="s">
        <v>10</v>
      </c>
      <c r="H3413" s="1" t="s">
        <v>10</v>
      </c>
      <c r="I3413" s="1" t="s">
        <v>11878</v>
      </c>
      <c r="J3413" s="1" t="s">
        <v>11886</v>
      </c>
      <c r="K3413" s="1" t="s">
        <v>64</v>
      </c>
      <c r="L3413" s="1" t="s">
        <v>11928</v>
      </c>
      <c r="M3413" s="1" t="s">
        <v>5</v>
      </c>
      <c r="N3413" s="1" t="s">
        <v>10</v>
      </c>
      <c r="O3413" s="1" t="s">
        <v>38</v>
      </c>
      <c r="P3413" s="5"/>
    </row>
    <row r="3414" spans="1:16" x14ac:dyDescent="0.2">
      <c r="A3414" s="1" t="s">
        <v>487</v>
      </c>
      <c r="B3414" s="1" t="s">
        <v>488</v>
      </c>
      <c r="C3414" s="1" t="s">
        <v>11914</v>
      </c>
      <c r="D3414" s="1" t="s">
        <v>10</v>
      </c>
      <c r="E3414" s="1"/>
      <c r="F3414" s="1" t="s">
        <v>10</v>
      </c>
      <c r="G3414" s="1" t="s">
        <v>10</v>
      </c>
      <c r="H3414" s="1" t="s">
        <v>10</v>
      </c>
      <c r="I3414" s="1" t="s">
        <v>11878</v>
      </c>
      <c r="J3414" s="1" t="s">
        <v>11886</v>
      </c>
      <c r="K3414" s="1" t="s">
        <v>64</v>
      </c>
      <c r="L3414" s="1" t="s">
        <v>11929</v>
      </c>
      <c r="M3414" s="1" t="s">
        <v>5</v>
      </c>
      <c r="N3414" s="1" t="s">
        <v>10</v>
      </c>
      <c r="O3414" s="1" t="s">
        <v>38</v>
      </c>
      <c r="P3414" s="5"/>
    </row>
    <row r="3415" spans="1:16" x14ac:dyDescent="0.2">
      <c r="A3415" s="1" t="s">
        <v>487</v>
      </c>
      <c r="B3415" s="1" t="s">
        <v>488</v>
      </c>
      <c r="C3415" s="1" t="s">
        <v>11889</v>
      </c>
      <c r="D3415" s="1" t="s">
        <v>10</v>
      </c>
      <c r="E3415" s="1"/>
      <c r="F3415" s="1" t="s">
        <v>10</v>
      </c>
      <c r="G3415" s="1" t="s">
        <v>10</v>
      </c>
      <c r="H3415" s="1" t="s">
        <v>10</v>
      </c>
      <c r="I3415" s="1" t="s">
        <v>11878</v>
      </c>
      <c r="J3415" s="1" t="s">
        <v>11886</v>
      </c>
      <c r="K3415" s="1" t="s">
        <v>64</v>
      </c>
      <c r="L3415" s="1" t="s">
        <v>11930</v>
      </c>
      <c r="M3415" s="1" t="s">
        <v>5</v>
      </c>
      <c r="N3415" s="1" t="s">
        <v>10</v>
      </c>
      <c r="O3415" s="1" t="s">
        <v>38</v>
      </c>
      <c r="P3415" s="5"/>
    </row>
    <row r="3416" spans="1:16" x14ac:dyDescent="0.2">
      <c r="A3416" s="1" t="s">
        <v>487</v>
      </c>
      <c r="B3416" s="1" t="s">
        <v>488</v>
      </c>
      <c r="C3416" s="1" t="s">
        <v>11914</v>
      </c>
      <c r="D3416" s="1" t="s">
        <v>10</v>
      </c>
      <c r="E3416" s="1"/>
      <c r="F3416" s="1" t="s">
        <v>10</v>
      </c>
      <c r="G3416" s="1" t="s">
        <v>10</v>
      </c>
      <c r="H3416" s="1" t="s">
        <v>10</v>
      </c>
      <c r="I3416" s="1" t="s">
        <v>11878</v>
      </c>
      <c r="J3416" s="1" t="s">
        <v>11886</v>
      </c>
      <c r="K3416" s="1" t="s">
        <v>64</v>
      </c>
      <c r="L3416" s="1" t="s">
        <v>11933</v>
      </c>
      <c r="M3416" s="1" t="s">
        <v>5</v>
      </c>
      <c r="N3416" s="1" t="s">
        <v>10</v>
      </c>
      <c r="O3416" s="1" t="s">
        <v>38</v>
      </c>
      <c r="P3416" s="5"/>
    </row>
    <row r="3417" spans="1:16" x14ac:dyDescent="0.2">
      <c r="A3417" s="1" t="s">
        <v>487</v>
      </c>
      <c r="B3417" s="1" t="s">
        <v>488</v>
      </c>
      <c r="C3417" s="1" t="s">
        <v>11889</v>
      </c>
      <c r="D3417" s="1" t="s">
        <v>10</v>
      </c>
      <c r="E3417" s="1"/>
      <c r="F3417" s="1" t="s">
        <v>10</v>
      </c>
      <c r="G3417" s="1" t="s">
        <v>10</v>
      </c>
      <c r="H3417" s="1" t="s">
        <v>10</v>
      </c>
      <c r="I3417" s="1" t="s">
        <v>11878</v>
      </c>
      <c r="J3417" s="1" t="s">
        <v>11886</v>
      </c>
      <c r="K3417" s="1" t="s">
        <v>64</v>
      </c>
      <c r="L3417" s="1" t="s">
        <v>11934</v>
      </c>
      <c r="M3417" s="1" t="s">
        <v>5</v>
      </c>
      <c r="N3417" s="1" t="s">
        <v>10</v>
      </c>
      <c r="O3417" s="1" t="s">
        <v>38</v>
      </c>
      <c r="P3417" s="5"/>
    </row>
    <row r="3418" spans="1:16" x14ac:dyDescent="0.2">
      <c r="A3418" s="1" t="s">
        <v>10</v>
      </c>
      <c r="B3418" s="1" t="s">
        <v>10</v>
      </c>
      <c r="C3418" s="1" t="s">
        <v>11889</v>
      </c>
      <c r="D3418" s="1" t="s">
        <v>10</v>
      </c>
      <c r="E3418" s="1" t="s">
        <v>10</v>
      </c>
      <c r="F3418" s="1" t="s">
        <v>10</v>
      </c>
      <c r="G3418" s="1" t="s">
        <v>10</v>
      </c>
      <c r="H3418" s="1" t="s">
        <v>10</v>
      </c>
      <c r="I3418" s="1" t="s">
        <v>11878</v>
      </c>
      <c r="J3418" s="1" t="s">
        <v>10</v>
      </c>
      <c r="K3418" s="1" t="s">
        <v>10</v>
      </c>
      <c r="L3418" s="1" t="s">
        <v>11935</v>
      </c>
      <c r="M3418" s="1" t="s">
        <v>5</v>
      </c>
      <c r="N3418" s="1" t="s">
        <v>10</v>
      </c>
      <c r="O3418" s="1" t="s">
        <v>10</v>
      </c>
      <c r="P3418" s="5"/>
    </row>
    <row r="3419" spans="1:16" x14ac:dyDescent="0.2">
      <c r="A3419" s="1" t="s">
        <v>1086</v>
      </c>
      <c r="B3419" s="1" t="s">
        <v>2193</v>
      </c>
      <c r="C3419" s="1" t="s">
        <v>11889</v>
      </c>
      <c r="D3419" s="1" t="s">
        <v>10</v>
      </c>
      <c r="E3419" s="1"/>
      <c r="F3419" s="1" t="s">
        <v>27</v>
      </c>
      <c r="G3419" s="1" t="s">
        <v>10</v>
      </c>
      <c r="H3419" s="1" t="s">
        <v>2190</v>
      </c>
      <c r="I3419" s="1" t="s">
        <v>11878</v>
      </c>
      <c r="J3419" s="1" t="s">
        <v>11886</v>
      </c>
      <c r="K3419" s="1" t="s">
        <v>64</v>
      </c>
      <c r="L3419" s="1" t="s">
        <v>11936</v>
      </c>
      <c r="M3419" s="1" t="s">
        <v>5</v>
      </c>
      <c r="N3419" s="1" t="s">
        <v>10</v>
      </c>
      <c r="O3419" s="1" t="s">
        <v>8</v>
      </c>
      <c r="P3419" s="5"/>
    </row>
    <row r="3420" spans="1:16" x14ac:dyDescent="0.2">
      <c r="A3420" s="1" t="s">
        <v>1385</v>
      </c>
      <c r="B3420" s="1" t="s">
        <v>2028</v>
      </c>
      <c r="C3420" s="1" t="s">
        <v>11889</v>
      </c>
      <c r="D3420" s="1" t="s">
        <v>10</v>
      </c>
      <c r="E3420" s="1"/>
      <c r="F3420" s="1" t="s">
        <v>27</v>
      </c>
      <c r="G3420" s="1" t="s">
        <v>10</v>
      </c>
      <c r="H3420" s="1" t="s">
        <v>11938</v>
      </c>
      <c r="I3420" s="1" t="s">
        <v>11878</v>
      </c>
      <c r="J3420" s="1" t="s">
        <v>11886</v>
      </c>
      <c r="K3420" s="1" t="s">
        <v>64</v>
      </c>
      <c r="L3420" s="1" t="s">
        <v>11937</v>
      </c>
      <c r="M3420" s="1" t="s">
        <v>5</v>
      </c>
      <c r="N3420" s="1" t="s">
        <v>10</v>
      </c>
      <c r="O3420" s="1" t="s">
        <v>8</v>
      </c>
      <c r="P3420" s="5"/>
    </row>
    <row r="3421" spans="1:16" x14ac:dyDescent="0.2">
      <c r="A3421" s="1" t="s">
        <v>2187</v>
      </c>
      <c r="B3421" s="1" t="s">
        <v>2206</v>
      </c>
      <c r="C3421" s="1" t="s">
        <v>11889</v>
      </c>
      <c r="D3421" s="1" t="s">
        <v>10</v>
      </c>
      <c r="E3421" s="1"/>
      <c r="F3421" s="1" t="s">
        <v>27</v>
      </c>
      <c r="G3421" s="1" t="s">
        <v>10</v>
      </c>
      <c r="H3421" s="1" t="s">
        <v>11940</v>
      </c>
      <c r="I3421" s="1" t="s">
        <v>11878</v>
      </c>
      <c r="J3421" s="1" t="s">
        <v>11886</v>
      </c>
      <c r="K3421" s="1" t="s">
        <v>64</v>
      </c>
      <c r="L3421" s="1" t="s">
        <v>11939</v>
      </c>
      <c r="M3421" s="1" t="s">
        <v>5</v>
      </c>
      <c r="N3421" s="1" t="s">
        <v>10</v>
      </c>
      <c r="O3421" s="1" t="s">
        <v>8</v>
      </c>
      <c r="P3421" s="5"/>
    </row>
    <row r="3422" spans="1:16" x14ac:dyDescent="0.2">
      <c r="A3422" s="1" t="s">
        <v>487</v>
      </c>
      <c r="B3422" s="1" t="s">
        <v>488</v>
      </c>
      <c r="C3422" s="1" t="s">
        <v>11889</v>
      </c>
      <c r="D3422" s="1" t="s">
        <v>10</v>
      </c>
      <c r="E3422" s="1"/>
      <c r="F3422" s="1" t="s">
        <v>27</v>
      </c>
      <c r="G3422" s="1" t="s">
        <v>10</v>
      </c>
      <c r="H3422" s="1" t="s">
        <v>11942</v>
      </c>
      <c r="I3422" s="1" t="s">
        <v>11878</v>
      </c>
      <c r="J3422" s="1" t="s">
        <v>11886</v>
      </c>
      <c r="K3422" s="1" t="s">
        <v>64</v>
      </c>
      <c r="L3422" s="1" t="s">
        <v>11941</v>
      </c>
      <c r="M3422" s="1" t="s">
        <v>5</v>
      </c>
      <c r="N3422" s="1" t="s">
        <v>10</v>
      </c>
      <c r="O3422" s="1" t="s">
        <v>8</v>
      </c>
      <c r="P3422" s="5"/>
    </row>
    <row r="3423" spans="1:16" x14ac:dyDescent="0.2">
      <c r="A3423" s="1" t="s">
        <v>487</v>
      </c>
      <c r="B3423" s="1" t="s">
        <v>488</v>
      </c>
      <c r="C3423" s="1" t="s">
        <v>11944</v>
      </c>
      <c r="D3423" s="1" t="s">
        <v>10</v>
      </c>
      <c r="E3423" s="1"/>
      <c r="F3423" s="1" t="s">
        <v>10</v>
      </c>
      <c r="G3423" s="1" t="s">
        <v>10</v>
      </c>
      <c r="H3423" s="1" t="s">
        <v>10</v>
      </c>
      <c r="I3423" s="1" t="s">
        <v>11878</v>
      </c>
      <c r="J3423" s="1" t="s">
        <v>11886</v>
      </c>
      <c r="K3423" s="1" t="s">
        <v>64</v>
      </c>
      <c r="L3423" s="1" t="s">
        <v>11943</v>
      </c>
      <c r="M3423" s="1" t="s">
        <v>5</v>
      </c>
      <c r="N3423" s="1" t="s">
        <v>10</v>
      </c>
      <c r="O3423" s="1" t="s">
        <v>38</v>
      </c>
      <c r="P3423" s="5"/>
    </row>
    <row r="3424" spans="1:16" x14ac:dyDescent="0.2">
      <c r="A3424" s="1" t="s">
        <v>487</v>
      </c>
      <c r="B3424" s="1" t="s">
        <v>488</v>
      </c>
      <c r="C3424" s="1" t="s">
        <v>11946</v>
      </c>
      <c r="D3424" s="1" t="s">
        <v>10</v>
      </c>
      <c r="E3424" s="1"/>
      <c r="F3424" s="1" t="s">
        <v>10</v>
      </c>
      <c r="G3424" s="1" t="s">
        <v>10</v>
      </c>
      <c r="H3424" s="1" t="s">
        <v>10</v>
      </c>
      <c r="I3424" s="1" t="s">
        <v>11878</v>
      </c>
      <c r="J3424" s="1" t="s">
        <v>11886</v>
      </c>
      <c r="K3424" s="1" t="s">
        <v>64</v>
      </c>
      <c r="L3424" s="1" t="s">
        <v>11945</v>
      </c>
      <c r="M3424" s="1" t="s">
        <v>5</v>
      </c>
      <c r="N3424" s="1" t="s">
        <v>10</v>
      </c>
      <c r="O3424" s="1" t="s">
        <v>38</v>
      </c>
      <c r="P3424" s="5"/>
    </row>
    <row r="3425" spans="1:16" x14ac:dyDescent="0.2">
      <c r="A3425" s="1" t="s">
        <v>487</v>
      </c>
      <c r="B3425" s="1" t="s">
        <v>488</v>
      </c>
      <c r="C3425" s="1" t="s">
        <v>2164</v>
      </c>
      <c r="D3425" s="1" t="s">
        <v>10</v>
      </c>
      <c r="E3425" s="1"/>
      <c r="F3425" s="1" t="s">
        <v>10</v>
      </c>
      <c r="G3425" s="1" t="s">
        <v>10</v>
      </c>
      <c r="H3425" s="1" t="s">
        <v>10</v>
      </c>
      <c r="I3425" s="1" t="s">
        <v>11878</v>
      </c>
      <c r="J3425" s="1" t="s">
        <v>11886</v>
      </c>
      <c r="K3425" s="1" t="s">
        <v>64</v>
      </c>
      <c r="L3425" s="1" t="s">
        <v>11947</v>
      </c>
      <c r="M3425" s="1" t="s">
        <v>5</v>
      </c>
      <c r="N3425" s="1" t="s">
        <v>10</v>
      </c>
      <c r="O3425" s="1" t="s">
        <v>38</v>
      </c>
      <c r="P3425" s="5"/>
    </row>
    <row r="3426" spans="1:16" x14ac:dyDescent="0.2">
      <c r="A3426" s="1" t="s">
        <v>20</v>
      </c>
      <c r="B3426" s="1" t="s">
        <v>93</v>
      </c>
      <c r="C3426" s="1" t="s">
        <v>11949</v>
      </c>
      <c r="D3426" s="1" t="s">
        <v>11950</v>
      </c>
      <c r="E3426" s="1"/>
      <c r="F3426" s="1" t="s">
        <v>27</v>
      </c>
      <c r="G3426" s="1" t="s">
        <v>1042</v>
      </c>
      <c r="H3426" s="1" t="s">
        <v>11951</v>
      </c>
      <c r="I3426" s="1" t="s">
        <v>11878</v>
      </c>
      <c r="J3426" s="1" t="s">
        <v>11886</v>
      </c>
      <c r="K3426" s="1" t="s">
        <v>443</v>
      </c>
      <c r="L3426" s="1" t="s">
        <v>11948</v>
      </c>
      <c r="M3426" s="1" t="s">
        <v>5</v>
      </c>
      <c r="N3426" s="1" t="s">
        <v>10</v>
      </c>
      <c r="O3426" s="1" t="s">
        <v>8</v>
      </c>
      <c r="P3426" s="5" t="s">
        <v>31482</v>
      </c>
    </row>
    <row r="3427" spans="1:16" x14ac:dyDescent="0.2">
      <c r="A3427" s="1" t="s">
        <v>20</v>
      </c>
      <c r="B3427" s="1" t="s">
        <v>101</v>
      </c>
      <c r="C3427" s="1" t="s">
        <v>11953</v>
      </c>
      <c r="D3427" s="1" t="s">
        <v>10</v>
      </c>
      <c r="E3427" s="1"/>
      <c r="F3427" s="1" t="s">
        <v>10</v>
      </c>
      <c r="G3427" s="1" t="s">
        <v>10</v>
      </c>
      <c r="H3427" s="1" t="s">
        <v>10</v>
      </c>
      <c r="I3427" s="1" t="s">
        <v>11878</v>
      </c>
      <c r="J3427" s="1" t="s">
        <v>11886</v>
      </c>
      <c r="K3427" s="1" t="s">
        <v>64</v>
      </c>
      <c r="L3427" s="1" t="s">
        <v>11952</v>
      </c>
      <c r="M3427" s="1" t="s">
        <v>5</v>
      </c>
      <c r="N3427" s="1" t="s">
        <v>10</v>
      </c>
      <c r="O3427" s="1" t="s">
        <v>38</v>
      </c>
      <c r="P3427" s="5"/>
    </row>
    <row r="3428" spans="1:16" x14ac:dyDescent="0.2">
      <c r="A3428" s="1" t="s">
        <v>487</v>
      </c>
      <c r="B3428" s="1" t="s">
        <v>488</v>
      </c>
      <c r="C3428" s="1" t="s">
        <v>11955</v>
      </c>
      <c r="D3428" s="1" t="s">
        <v>10</v>
      </c>
      <c r="E3428" s="1"/>
      <c r="F3428" s="1" t="s">
        <v>10</v>
      </c>
      <c r="G3428" s="1" t="s">
        <v>10</v>
      </c>
      <c r="H3428" s="1" t="s">
        <v>10</v>
      </c>
      <c r="I3428" s="1" t="s">
        <v>11878</v>
      </c>
      <c r="J3428" s="1" t="s">
        <v>11886</v>
      </c>
      <c r="K3428" s="1" t="s">
        <v>64</v>
      </c>
      <c r="L3428" s="1" t="s">
        <v>11954</v>
      </c>
      <c r="M3428" s="1" t="s">
        <v>5</v>
      </c>
      <c r="N3428" s="1" t="s">
        <v>10</v>
      </c>
      <c r="O3428" s="1" t="s">
        <v>38</v>
      </c>
      <c r="P3428" s="5"/>
    </row>
    <row r="3429" spans="1:16" x14ac:dyDescent="0.2">
      <c r="A3429" s="1" t="s">
        <v>20</v>
      </c>
      <c r="B3429" s="1" t="s">
        <v>172</v>
      </c>
      <c r="C3429" s="1" t="s">
        <v>11957</v>
      </c>
      <c r="D3429" s="1" t="s">
        <v>1781</v>
      </c>
      <c r="E3429" s="1"/>
      <c r="F3429" s="1" t="s">
        <v>10</v>
      </c>
      <c r="G3429" s="1" t="s">
        <v>10</v>
      </c>
      <c r="H3429" s="1" t="s">
        <v>10</v>
      </c>
      <c r="I3429" s="1" t="s">
        <v>11878</v>
      </c>
      <c r="J3429" s="1" t="s">
        <v>11886</v>
      </c>
      <c r="K3429" s="1" t="s">
        <v>443</v>
      </c>
      <c r="L3429" s="1" t="s">
        <v>11956</v>
      </c>
      <c r="M3429" s="1" t="s">
        <v>5</v>
      </c>
      <c r="N3429" s="1" t="s">
        <v>10</v>
      </c>
      <c r="O3429" s="1" t="s">
        <v>38</v>
      </c>
      <c r="P3429" s="5" t="s">
        <v>31483</v>
      </c>
    </row>
    <row r="3430" spans="1:16" x14ac:dyDescent="0.2">
      <c r="A3430" s="1" t="s">
        <v>487</v>
      </c>
      <c r="B3430" s="1" t="s">
        <v>765</v>
      </c>
      <c r="C3430" s="1" t="s">
        <v>11959</v>
      </c>
      <c r="D3430" s="1" t="s">
        <v>11960</v>
      </c>
      <c r="E3430" s="1"/>
      <c r="F3430" s="1" t="s">
        <v>27</v>
      </c>
      <c r="G3430" s="1" t="s">
        <v>1042</v>
      </c>
      <c r="H3430" s="1" t="s">
        <v>11961</v>
      </c>
      <c r="I3430" s="1" t="s">
        <v>11878</v>
      </c>
      <c r="J3430" s="1" t="s">
        <v>11886</v>
      </c>
      <c r="K3430" s="1" t="s">
        <v>443</v>
      </c>
      <c r="L3430" s="1" t="s">
        <v>11958</v>
      </c>
      <c r="M3430" s="1" t="s">
        <v>5</v>
      </c>
      <c r="N3430" s="1" t="s">
        <v>10</v>
      </c>
      <c r="O3430" s="1" t="s">
        <v>8</v>
      </c>
      <c r="P3430" s="5" t="s">
        <v>30288</v>
      </c>
    </row>
    <row r="3431" spans="1:16" x14ac:dyDescent="0.2">
      <c r="A3431" s="1" t="s">
        <v>20</v>
      </c>
      <c r="B3431" s="1" t="s">
        <v>309</v>
      </c>
      <c r="C3431" s="1" t="s">
        <v>11963</v>
      </c>
      <c r="D3431" s="1" t="s">
        <v>10</v>
      </c>
      <c r="E3431" s="1" t="s">
        <v>11964</v>
      </c>
      <c r="F3431" s="1" t="s">
        <v>10</v>
      </c>
      <c r="G3431" s="1" t="s">
        <v>10</v>
      </c>
      <c r="H3431" s="1" t="s">
        <v>10</v>
      </c>
      <c r="I3431" s="1" t="s">
        <v>11878</v>
      </c>
      <c r="J3431" s="1" t="s">
        <v>11882</v>
      </c>
      <c r="K3431" s="1" t="s">
        <v>27</v>
      </c>
      <c r="L3431" s="1" t="s">
        <v>11962</v>
      </c>
      <c r="M3431" s="1" t="s">
        <v>5</v>
      </c>
      <c r="N3431" s="1" t="s">
        <v>25</v>
      </c>
      <c r="O3431" s="1" t="s">
        <v>38</v>
      </c>
      <c r="P3431" s="5" t="s">
        <v>10</v>
      </c>
    </row>
    <row r="3432" spans="1:16" x14ac:dyDescent="0.2">
      <c r="A3432" s="1" t="s">
        <v>1086</v>
      </c>
      <c r="B3432" s="1" t="s">
        <v>1087</v>
      </c>
      <c r="C3432" s="1" t="s">
        <v>11966</v>
      </c>
      <c r="D3432" s="1" t="s">
        <v>10</v>
      </c>
      <c r="E3432" s="1"/>
      <c r="F3432" s="1" t="s">
        <v>27</v>
      </c>
      <c r="G3432" s="1" t="s">
        <v>10</v>
      </c>
      <c r="H3432" s="1" t="s">
        <v>11968</v>
      </c>
      <c r="I3432" s="1" t="s">
        <v>11878</v>
      </c>
      <c r="J3432" s="1" t="s">
        <v>11967</v>
      </c>
      <c r="K3432" s="1" t="s">
        <v>11</v>
      </c>
      <c r="L3432" s="1" t="s">
        <v>11965</v>
      </c>
      <c r="M3432" s="1" t="s">
        <v>5</v>
      </c>
      <c r="N3432" s="1" t="s">
        <v>10</v>
      </c>
      <c r="O3432" s="1" t="s">
        <v>8</v>
      </c>
      <c r="P3432" s="5"/>
    </row>
    <row r="3433" spans="1:16" x14ac:dyDescent="0.2">
      <c r="A3433" s="1" t="s">
        <v>1086</v>
      </c>
      <c r="B3433" s="1" t="s">
        <v>1400</v>
      </c>
      <c r="C3433" s="1" t="s">
        <v>11970</v>
      </c>
      <c r="D3433" s="1" t="s">
        <v>10</v>
      </c>
      <c r="E3433" s="1"/>
      <c r="F3433" s="1" t="s">
        <v>27</v>
      </c>
      <c r="G3433" s="1" t="s">
        <v>10</v>
      </c>
      <c r="H3433" s="1" t="s">
        <v>11971</v>
      </c>
      <c r="I3433" s="1" t="s">
        <v>11878</v>
      </c>
      <c r="J3433" s="1" t="s">
        <v>11967</v>
      </c>
      <c r="K3433" s="1" t="s">
        <v>11</v>
      </c>
      <c r="L3433" s="1" t="s">
        <v>11969</v>
      </c>
      <c r="M3433" s="1" t="s">
        <v>5</v>
      </c>
      <c r="N3433" s="1" t="s">
        <v>10</v>
      </c>
      <c r="O3433" s="1" t="s">
        <v>8</v>
      </c>
      <c r="P3433" s="5"/>
    </row>
    <row r="3434" spans="1:16" x14ac:dyDescent="0.2">
      <c r="A3434" s="1" t="s">
        <v>1385</v>
      </c>
      <c r="B3434" s="1" t="s">
        <v>2028</v>
      </c>
      <c r="C3434" s="1" t="s">
        <v>11973</v>
      </c>
      <c r="D3434" s="1" t="s">
        <v>10</v>
      </c>
      <c r="E3434" s="1"/>
      <c r="F3434" s="1" t="s">
        <v>10</v>
      </c>
      <c r="G3434" s="1" t="s">
        <v>10</v>
      </c>
      <c r="H3434" s="1" t="s">
        <v>10</v>
      </c>
      <c r="I3434" s="1" t="s">
        <v>11878</v>
      </c>
      <c r="J3434" s="1" t="s">
        <v>11882</v>
      </c>
      <c r="K3434" s="1" t="s">
        <v>2555</v>
      </c>
      <c r="L3434" s="1" t="s">
        <v>11972</v>
      </c>
      <c r="M3434" s="1" t="s">
        <v>5</v>
      </c>
      <c r="N3434" s="1" t="s">
        <v>10</v>
      </c>
      <c r="O3434" s="1" t="s">
        <v>38</v>
      </c>
      <c r="P3434" s="5"/>
    </row>
    <row r="3435" spans="1:16" x14ac:dyDescent="0.2">
      <c r="A3435" s="1" t="s">
        <v>194</v>
      </c>
      <c r="B3435" s="1" t="s">
        <v>396</v>
      </c>
      <c r="C3435" s="1" t="s">
        <v>11975</v>
      </c>
      <c r="D3435" s="1" t="s">
        <v>10</v>
      </c>
      <c r="E3435" s="1"/>
      <c r="F3435" s="1" t="s">
        <v>27</v>
      </c>
      <c r="G3435" s="1" t="s">
        <v>1042</v>
      </c>
      <c r="H3435" s="1" t="s">
        <v>8465</v>
      </c>
      <c r="I3435" s="1" t="s">
        <v>11878</v>
      </c>
      <c r="J3435" s="1" t="s">
        <v>11882</v>
      </c>
      <c r="K3435" s="1" t="s">
        <v>27</v>
      </c>
      <c r="L3435" s="1" t="s">
        <v>11974</v>
      </c>
      <c r="M3435" s="1" t="s">
        <v>5</v>
      </c>
      <c r="N3435" s="1" t="s">
        <v>10</v>
      </c>
      <c r="O3435" s="1" t="s">
        <v>8</v>
      </c>
      <c r="P3435" s="5" t="s">
        <v>31484</v>
      </c>
    </row>
    <row r="3436" spans="1:16" x14ac:dyDescent="0.2">
      <c r="A3436" s="1" t="s">
        <v>20</v>
      </c>
      <c r="B3436" s="1" t="s">
        <v>309</v>
      </c>
      <c r="C3436" s="1" t="s">
        <v>11977</v>
      </c>
      <c r="D3436" s="1" t="s">
        <v>10</v>
      </c>
      <c r="E3436" s="1"/>
      <c r="F3436" s="1" t="s">
        <v>10</v>
      </c>
      <c r="G3436" s="1" t="s">
        <v>10</v>
      </c>
      <c r="H3436" s="1" t="s">
        <v>10</v>
      </c>
      <c r="I3436" s="1" t="s">
        <v>11878</v>
      </c>
      <c r="J3436" s="1" t="s">
        <v>11882</v>
      </c>
      <c r="K3436" s="1" t="s">
        <v>27</v>
      </c>
      <c r="L3436" s="1" t="s">
        <v>11976</v>
      </c>
      <c r="M3436" s="1" t="s">
        <v>5</v>
      </c>
      <c r="N3436" s="1" t="s">
        <v>10</v>
      </c>
      <c r="O3436" s="1" t="s">
        <v>38</v>
      </c>
      <c r="P3436" s="5"/>
    </row>
    <row r="3437" spans="1:16" x14ac:dyDescent="0.2">
      <c r="A3437" s="1" t="s">
        <v>20</v>
      </c>
      <c r="B3437" s="1" t="s">
        <v>253</v>
      </c>
      <c r="C3437" s="1" t="s">
        <v>11979</v>
      </c>
      <c r="D3437" s="1" t="s">
        <v>10</v>
      </c>
      <c r="E3437" s="1"/>
      <c r="F3437" s="1" t="s">
        <v>10</v>
      </c>
      <c r="G3437" s="1" t="s">
        <v>10</v>
      </c>
      <c r="H3437" s="1" t="s">
        <v>10</v>
      </c>
      <c r="I3437" s="1" t="s">
        <v>11878</v>
      </c>
      <c r="J3437" s="1" t="s">
        <v>11882</v>
      </c>
      <c r="K3437" s="1" t="s">
        <v>27</v>
      </c>
      <c r="L3437" s="1" t="s">
        <v>11978</v>
      </c>
      <c r="M3437" s="1" t="s">
        <v>5</v>
      </c>
      <c r="N3437" s="1" t="s">
        <v>10</v>
      </c>
      <c r="O3437" s="1" t="s">
        <v>38</v>
      </c>
      <c r="P3437" s="5"/>
    </row>
    <row r="3438" spans="1:16" x14ac:dyDescent="0.2">
      <c r="A3438" s="1" t="s">
        <v>20</v>
      </c>
      <c r="B3438" s="1" t="s">
        <v>253</v>
      </c>
      <c r="C3438" s="1" t="s">
        <v>11981</v>
      </c>
      <c r="D3438" s="1" t="s">
        <v>10</v>
      </c>
      <c r="E3438" s="1"/>
      <c r="F3438" s="1" t="s">
        <v>10</v>
      </c>
      <c r="G3438" s="1" t="s">
        <v>10</v>
      </c>
      <c r="H3438" s="1" t="s">
        <v>10</v>
      </c>
      <c r="I3438" s="1" t="s">
        <v>11878</v>
      </c>
      <c r="J3438" s="1" t="s">
        <v>11882</v>
      </c>
      <c r="K3438" s="1" t="s">
        <v>27</v>
      </c>
      <c r="L3438" s="1" t="s">
        <v>11980</v>
      </c>
      <c r="M3438" s="1" t="s">
        <v>5</v>
      </c>
      <c r="N3438" s="1" t="s">
        <v>10</v>
      </c>
      <c r="O3438" s="1" t="s">
        <v>38</v>
      </c>
      <c r="P3438" s="5"/>
    </row>
    <row r="3439" spans="1:16" x14ac:dyDescent="0.2">
      <c r="A3439" s="1" t="s">
        <v>32</v>
      </c>
      <c r="B3439" s="1" t="s">
        <v>140</v>
      </c>
      <c r="C3439" s="1" t="s">
        <v>11983</v>
      </c>
      <c r="D3439" s="1" t="s">
        <v>10</v>
      </c>
      <c r="E3439" s="1"/>
      <c r="F3439" s="1" t="s">
        <v>10</v>
      </c>
      <c r="G3439" s="1" t="s">
        <v>10</v>
      </c>
      <c r="H3439" s="1" t="s">
        <v>10</v>
      </c>
      <c r="I3439" s="1" t="s">
        <v>11878</v>
      </c>
      <c r="J3439" s="1" t="s">
        <v>11882</v>
      </c>
      <c r="K3439" s="1" t="s">
        <v>27</v>
      </c>
      <c r="L3439" s="1" t="s">
        <v>11982</v>
      </c>
      <c r="M3439" s="1" t="s">
        <v>5</v>
      </c>
      <c r="N3439" s="1" t="s">
        <v>10</v>
      </c>
      <c r="O3439" s="1" t="s">
        <v>38</v>
      </c>
      <c r="P3439" s="5"/>
    </row>
    <row r="3440" spans="1:16" x14ac:dyDescent="0.2">
      <c r="A3440" s="1" t="s">
        <v>20</v>
      </c>
      <c r="B3440" s="1" t="s">
        <v>253</v>
      </c>
      <c r="C3440" s="1" t="s">
        <v>11985</v>
      </c>
      <c r="D3440" s="1" t="s">
        <v>10</v>
      </c>
      <c r="E3440" s="1"/>
      <c r="F3440" s="1" t="s">
        <v>10</v>
      </c>
      <c r="G3440" s="1" t="s">
        <v>10</v>
      </c>
      <c r="H3440" s="1" t="s">
        <v>10</v>
      </c>
      <c r="I3440" s="1" t="s">
        <v>11878</v>
      </c>
      <c r="J3440" s="1" t="s">
        <v>11882</v>
      </c>
      <c r="K3440" s="1" t="s">
        <v>27</v>
      </c>
      <c r="L3440" s="1" t="s">
        <v>11984</v>
      </c>
      <c r="M3440" s="1" t="s">
        <v>5</v>
      </c>
      <c r="N3440" s="1" t="s">
        <v>10</v>
      </c>
      <c r="O3440" s="1" t="s">
        <v>38</v>
      </c>
      <c r="P3440" s="5"/>
    </row>
    <row r="3441" spans="1:16" x14ac:dyDescent="0.2">
      <c r="A3441" s="1" t="s">
        <v>20</v>
      </c>
      <c r="B3441" s="1" t="s">
        <v>253</v>
      </c>
      <c r="C3441" s="1" t="s">
        <v>11987</v>
      </c>
      <c r="D3441" s="1" t="s">
        <v>10</v>
      </c>
      <c r="E3441" s="1"/>
      <c r="F3441" s="1" t="s">
        <v>10</v>
      </c>
      <c r="G3441" s="1" t="s">
        <v>10</v>
      </c>
      <c r="H3441" s="1" t="s">
        <v>10</v>
      </c>
      <c r="I3441" s="1" t="s">
        <v>11878</v>
      </c>
      <c r="J3441" s="1" t="s">
        <v>11882</v>
      </c>
      <c r="K3441" s="1" t="s">
        <v>27</v>
      </c>
      <c r="L3441" s="1" t="s">
        <v>11986</v>
      </c>
      <c r="M3441" s="1" t="s">
        <v>5</v>
      </c>
      <c r="N3441" s="1" t="s">
        <v>10</v>
      </c>
      <c r="O3441" s="1" t="s">
        <v>38</v>
      </c>
      <c r="P3441" s="5"/>
    </row>
    <row r="3442" spans="1:16" x14ac:dyDescent="0.2">
      <c r="A3442" s="1" t="s">
        <v>1385</v>
      </c>
      <c r="B3442" s="1" t="s">
        <v>1687</v>
      </c>
      <c r="C3442" s="1" t="s">
        <v>11989</v>
      </c>
      <c r="D3442" s="1" t="s">
        <v>10</v>
      </c>
      <c r="E3442" s="1"/>
      <c r="F3442" s="1" t="s">
        <v>10</v>
      </c>
      <c r="G3442" s="1" t="s">
        <v>10</v>
      </c>
      <c r="H3442" s="1" t="s">
        <v>10</v>
      </c>
      <c r="I3442" s="1" t="s">
        <v>11878</v>
      </c>
      <c r="J3442" s="1" t="s">
        <v>11882</v>
      </c>
      <c r="K3442" s="1" t="s">
        <v>27</v>
      </c>
      <c r="L3442" s="1" t="s">
        <v>11988</v>
      </c>
      <c r="M3442" s="1" t="s">
        <v>5</v>
      </c>
      <c r="N3442" s="1" t="s">
        <v>10</v>
      </c>
      <c r="O3442" s="1" t="s">
        <v>38</v>
      </c>
      <c r="P3442" s="5"/>
    </row>
    <row r="3443" spans="1:16" x14ac:dyDescent="0.2">
      <c r="A3443" s="1" t="s">
        <v>20</v>
      </c>
      <c r="B3443" s="1" t="s">
        <v>253</v>
      </c>
      <c r="C3443" s="1" t="s">
        <v>11991</v>
      </c>
      <c r="D3443" s="1" t="s">
        <v>10</v>
      </c>
      <c r="E3443" s="1"/>
      <c r="F3443" s="1" t="s">
        <v>10</v>
      </c>
      <c r="G3443" s="1" t="s">
        <v>10</v>
      </c>
      <c r="H3443" s="1" t="s">
        <v>10</v>
      </c>
      <c r="I3443" s="1" t="s">
        <v>11878</v>
      </c>
      <c r="J3443" s="1" t="s">
        <v>11882</v>
      </c>
      <c r="K3443" s="1" t="s">
        <v>27</v>
      </c>
      <c r="L3443" s="1" t="s">
        <v>11990</v>
      </c>
      <c r="M3443" s="1" t="s">
        <v>5</v>
      </c>
      <c r="N3443" s="1" t="s">
        <v>10</v>
      </c>
      <c r="O3443" s="1" t="s">
        <v>38</v>
      </c>
      <c r="P3443" s="5"/>
    </row>
    <row r="3444" spans="1:16" x14ac:dyDescent="0.2">
      <c r="A3444" s="1" t="s">
        <v>20</v>
      </c>
      <c r="B3444" s="1" t="s">
        <v>253</v>
      </c>
      <c r="C3444" s="1" t="s">
        <v>11993</v>
      </c>
      <c r="D3444" s="1" t="s">
        <v>10</v>
      </c>
      <c r="E3444" s="1"/>
      <c r="F3444" s="1" t="s">
        <v>10</v>
      </c>
      <c r="G3444" s="1" t="s">
        <v>10</v>
      </c>
      <c r="H3444" s="1" t="s">
        <v>10</v>
      </c>
      <c r="I3444" s="1" t="s">
        <v>11878</v>
      </c>
      <c r="J3444" s="1" t="s">
        <v>11882</v>
      </c>
      <c r="K3444" s="1" t="s">
        <v>747</v>
      </c>
      <c r="L3444" s="1" t="s">
        <v>11992</v>
      </c>
      <c r="M3444" s="1" t="s">
        <v>5</v>
      </c>
      <c r="N3444" s="1" t="s">
        <v>10</v>
      </c>
      <c r="O3444" s="1" t="s">
        <v>38</v>
      </c>
      <c r="P3444" s="5"/>
    </row>
    <row r="3445" spans="1:16" x14ac:dyDescent="0.2">
      <c r="A3445" s="1" t="s">
        <v>42</v>
      </c>
      <c r="B3445" s="1" t="s">
        <v>118</v>
      </c>
      <c r="C3445" s="1" t="s">
        <v>11995</v>
      </c>
      <c r="D3445" s="1" t="s">
        <v>11873</v>
      </c>
      <c r="E3445" s="1"/>
      <c r="F3445" s="1" t="s">
        <v>11996</v>
      </c>
      <c r="G3445" s="1" t="s">
        <v>11873</v>
      </c>
      <c r="H3445" s="1" t="s">
        <v>10</v>
      </c>
      <c r="I3445" s="1" t="s">
        <v>11878</v>
      </c>
      <c r="J3445" s="1" t="s">
        <v>11997</v>
      </c>
      <c r="K3445" s="1" t="s">
        <v>6674</v>
      </c>
      <c r="L3445" s="1" t="s">
        <v>11994</v>
      </c>
      <c r="M3445" s="1" t="s">
        <v>5</v>
      </c>
      <c r="N3445" s="1" t="s">
        <v>10</v>
      </c>
      <c r="O3445" s="1" t="s">
        <v>8</v>
      </c>
      <c r="P3445" s="5" t="s">
        <v>30289</v>
      </c>
    </row>
    <row r="3446" spans="1:16" x14ac:dyDescent="0.2">
      <c r="A3446" s="1" t="s">
        <v>1385</v>
      </c>
      <c r="B3446" s="1" t="s">
        <v>2028</v>
      </c>
      <c r="C3446" s="1" t="s">
        <v>11999</v>
      </c>
      <c r="D3446" s="1" t="s">
        <v>10</v>
      </c>
      <c r="E3446" s="1"/>
      <c r="F3446" s="1" t="s">
        <v>10</v>
      </c>
      <c r="G3446" s="1" t="s">
        <v>10</v>
      </c>
      <c r="H3446" s="1" t="s">
        <v>10</v>
      </c>
      <c r="I3446" s="1" t="s">
        <v>11878</v>
      </c>
      <c r="J3446" s="1" t="s">
        <v>11882</v>
      </c>
      <c r="K3446" s="1" t="s">
        <v>27</v>
      </c>
      <c r="L3446" s="1" t="s">
        <v>11998</v>
      </c>
      <c r="M3446" s="1" t="s">
        <v>5</v>
      </c>
      <c r="N3446" s="1" t="s">
        <v>10</v>
      </c>
      <c r="O3446" s="1" t="s">
        <v>38</v>
      </c>
      <c r="P3446" s="5"/>
    </row>
    <row r="3447" spans="1:16" x14ac:dyDescent="0.2">
      <c r="A3447" s="1" t="s">
        <v>20</v>
      </c>
      <c r="B3447" s="1" t="s">
        <v>309</v>
      </c>
      <c r="C3447" s="1" t="s">
        <v>12001</v>
      </c>
      <c r="D3447" s="1" t="s">
        <v>10</v>
      </c>
      <c r="E3447" s="1"/>
      <c r="F3447" s="1" t="s">
        <v>10</v>
      </c>
      <c r="G3447" s="1" t="s">
        <v>10</v>
      </c>
      <c r="H3447" s="1" t="s">
        <v>10</v>
      </c>
      <c r="I3447" s="1" t="s">
        <v>11878</v>
      </c>
      <c r="J3447" s="1" t="s">
        <v>11882</v>
      </c>
      <c r="K3447" s="1" t="s">
        <v>27</v>
      </c>
      <c r="L3447" s="1" t="s">
        <v>12000</v>
      </c>
      <c r="M3447" s="1" t="s">
        <v>5</v>
      </c>
      <c r="N3447" s="1" t="s">
        <v>10</v>
      </c>
      <c r="O3447" s="1" t="s">
        <v>38</v>
      </c>
      <c r="P3447" s="5"/>
    </row>
    <row r="3448" spans="1:16" x14ac:dyDescent="0.2">
      <c r="A3448" s="1" t="s">
        <v>1385</v>
      </c>
      <c r="B3448" s="1" t="s">
        <v>2028</v>
      </c>
      <c r="C3448" s="1" t="s">
        <v>12003</v>
      </c>
      <c r="D3448" s="1" t="s">
        <v>10</v>
      </c>
      <c r="E3448" s="1"/>
      <c r="F3448" s="1" t="s">
        <v>27</v>
      </c>
      <c r="G3448" s="1" t="s">
        <v>10</v>
      </c>
      <c r="H3448" s="1" t="s">
        <v>12004</v>
      </c>
      <c r="I3448" s="1" t="s">
        <v>11878</v>
      </c>
      <c r="J3448" s="1" t="s">
        <v>11882</v>
      </c>
      <c r="K3448" s="1" t="s">
        <v>27</v>
      </c>
      <c r="L3448" s="1" t="s">
        <v>12002</v>
      </c>
      <c r="M3448" s="1" t="s">
        <v>5</v>
      </c>
      <c r="N3448" s="1" t="s">
        <v>10</v>
      </c>
      <c r="O3448" s="1" t="s">
        <v>8</v>
      </c>
      <c r="P3448" s="5"/>
    </row>
    <row r="3449" spans="1:16" x14ac:dyDescent="0.2">
      <c r="A3449" s="1" t="s">
        <v>20</v>
      </c>
      <c r="B3449" s="1" t="s">
        <v>93</v>
      </c>
      <c r="C3449" s="1" t="s">
        <v>11949</v>
      </c>
      <c r="D3449" s="1" t="s">
        <v>10</v>
      </c>
      <c r="E3449" s="1"/>
      <c r="F3449" s="1" t="s">
        <v>27</v>
      </c>
      <c r="G3449" s="1" t="s">
        <v>10</v>
      </c>
      <c r="H3449" s="1" t="s">
        <v>7122</v>
      </c>
      <c r="I3449" s="1" t="s">
        <v>11878</v>
      </c>
      <c r="J3449" s="1" t="s">
        <v>11886</v>
      </c>
      <c r="K3449" s="1" t="s">
        <v>7</v>
      </c>
      <c r="L3449" s="1" t="s">
        <v>12005</v>
      </c>
      <c r="M3449" s="1" t="s">
        <v>5</v>
      </c>
      <c r="N3449" s="1" t="s">
        <v>10</v>
      </c>
      <c r="O3449" s="1" t="s">
        <v>8</v>
      </c>
      <c r="P3449" s="5"/>
    </row>
    <row r="3450" spans="1:16" x14ac:dyDescent="0.2">
      <c r="A3450" s="1" t="s">
        <v>20</v>
      </c>
      <c r="B3450" s="1" t="s">
        <v>445</v>
      </c>
      <c r="C3450" s="1" t="s">
        <v>12007</v>
      </c>
      <c r="D3450" s="1" t="s">
        <v>10</v>
      </c>
      <c r="E3450" s="1"/>
      <c r="F3450" s="1" t="s">
        <v>27</v>
      </c>
      <c r="G3450" s="1" t="s">
        <v>10</v>
      </c>
      <c r="H3450" s="1" t="s">
        <v>10</v>
      </c>
      <c r="I3450" s="1" t="s">
        <v>11878</v>
      </c>
      <c r="J3450" s="1" t="s">
        <v>11882</v>
      </c>
      <c r="K3450" s="1" t="s">
        <v>27</v>
      </c>
      <c r="L3450" s="1" t="s">
        <v>12006</v>
      </c>
      <c r="M3450" s="1" t="s">
        <v>5</v>
      </c>
      <c r="N3450" s="1" t="s">
        <v>10</v>
      </c>
      <c r="O3450" s="1" t="s">
        <v>8</v>
      </c>
      <c r="P3450" s="5"/>
    </row>
    <row r="3451" spans="1:16" x14ac:dyDescent="0.2">
      <c r="A3451" s="1" t="s">
        <v>194</v>
      </c>
      <c r="B3451" s="1" t="s">
        <v>396</v>
      </c>
      <c r="C3451" s="1" t="s">
        <v>12009</v>
      </c>
      <c r="D3451" s="1" t="s">
        <v>10</v>
      </c>
      <c r="E3451" s="1"/>
      <c r="F3451" s="1" t="s">
        <v>27</v>
      </c>
      <c r="G3451" s="1" t="s">
        <v>10</v>
      </c>
      <c r="H3451" s="1" t="s">
        <v>10</v>
      </c>
      <c r="I3451" s="1" t="s">
        <v>11878</v>
      </c>
      <c r="J3451" s="1" t="s">
        <v>11882</v>
      </c>
      <c r="K3451" s="1" t="s">
        <v>27</v>
      </c>
      <c r="L3451" s="1" t="s">
        <v>12008</v>
      </c>
      <c r="M3451" s="1" t="s">
        <v>5</v>
      </c>
      <c r="N3451" s="1" t="s">
        <v>10</v>
      </c>
      <c r="O3451" s="1" t="s">
        <v>8</v>
      </c>
      <c r="P3451" s="5"/>
    </row>
    <row r="3452" spans="1:16" x14ac:dyDescent="0.2">
      <c r="A3452" s="1" t="s">
        <v>20</v>
      </c>
      <c r="B3452" s="1" t="s">
        <v>253</v>
      </c>
      <c r="C3452" s="1" t="s">
        <v>12011</v>
      </c>
      <c r="D3452" s="1" t="s">
        <v>10</v>
      </c>
      <c r="E3452" s="1"/>
      <c r="F3452" s="1" t="s">
        <v>27</v>
      </c>
      <c r="G3452" s="1" t="s">
        <v>10</v>
      </c>
      <c r="H3452" s="1" t="s">
        <v>10</v>
      </c>
      <c r="I3452" s="1" t="s">
        <v>11878</v>
      </c>
      <c r="J3452" s="1" t="s">
        <v>12012</v>
      </c>
      <c r="K3452" s="1" t="s">
        <v>27</v>
      </c>
      <c r="L3452" s="1" t="s">
        <v>12010</v>
      </c>
      <c r="M3452" s="1" t="s">
        <v>5</v>
      </c>
      <c r="N3452" s="1" t="s">
        <v>10</v>
      </c>
      <c r="O3452" s="1" t="s">
        <v>8</v>
      </c>
      <c r="P3452" s="5"/>
    </row>
    <row r="3453" spans="1:16" x14ac:dyDescent="0.2">
      <c r="A3453" s="1" t="s">
        <v>194</v>
      </c>
      <c r="B3453" s="1" t="s">
        <v>6481</v>
      </c>
      <c r="C3453" s="1" t="s">
        <v>12014</v>
      </c>
      <c r="D3453" s="1" t="s">
        <v>10</v>
      </c>
      <c r="E3453" s="1"/>
      <c r="F3453" s="1" t="s">
        <v>27</v>
      </c>
      <c r="G3453" s="1" t="s">
        <v>10</v>
      </c>
      <c r="H3453" s="1" t="s">
        <v>10</v>
      </c>
      <c r="I3453" s="1" t="s">
        <v>11878</v>
      </c>
      <c r="J3453" s="1" t="s">
        <v>12015</v>
      </c>
      <c r="K3453" s="1" t="s">
        <v>27</v>
      </c>
      <c r="L3453" s="1" t="s">
        <v>12013</v>
      </c>
      <c r="M3453" s="1" t="s">
        <v>5</v>
      </c>
      <c r="N3453" s="1" t="s">
        <v>10</v>
      </c>
      <c r="O3453" s="1" t="s">
        <v>8</v>
      </c>
      <c r="P3453" s="5"/>
    </row>
    <row r="3454" spans="1:16" x14ac:dyDescent="0.2">
      <c r="A3454" s="1" t="s">
        <v>194</v>
      </c>
      <c r="B3454" s="1" t="s">
        <v>6481</v>
      </c>
      <c r="C3454" s="1" t="s">
        <v>12014</v>
      </c>
      <c r="D3454" s="1" t="s">
        <v>10</v>
      </c>
      <c r="E3454" s="1"/>
      <c r="F3454" s="1" t="s">
        <v>27</v>
      </c>
      <c r="G3454" s="1" t="s">
        <v>10</v>
      </c>
      <c r="H3454" s="1" t="s">
        <v>10</v>
      </c>
      <c r="I3454" s="1" t="s">
        <v>11878</v>
      </c>
      <c r="J3454" s="1" t="s">
        <v>12015</v>
      </c>
      <c r="K3454" s="1" t="s">
        <v>27</v>
      </c>
      <c r="L3454" s="1" t="s">
        <v>12016</v>
      </c>
      <c r="M3454" s="1" t="s">
        <v>5</v>
      </c>
      <c r="N3454" s="1" t="s">
        <v>10</v>
      </c>
      <c r="O3454" s="1" t="s">
        <v>8</v>
      </c>
      <c r="P3454" s="5"/>
    </row>
    <row r="3455" spans="1:16" x14ac:dyDescent="0.2">
      <c r="A3455" s="1" t="s">
        <v>20</v>
      </c>
      <c r="B3455" s="1" t="s">
        <v>445</v>
      </c>
      <c r="C3455" s="1" t="s">
        <v>12007</v>
      </c>
      <c r="D3455" s="1" t="s">
        <v>10</v>
      </c>
      <c r="E3455" s="1"/>
      <c r="F3455" s="1" t="s">
        <v>27</v>
      </c>
      <c r="G3455" s="1" t="s">
        <v>10</v>
      </c>
      <c r="H3455" s="1" t="s">
        <v>10</v>
      </c>
      <c r="I3455" s="1" t="s">
        <v>11878</v>
      </c>
      <c r="J3455" s="1" t="s">
        <v>12015</v>
      </c>
      <c r="K3455" s="1" t="s">
        <v>27</v>
      </c>
      <c r="L3455" s="1" t="s">
        <v>12017</v>
      </c>
      <c r="M3455" s="1" t="s">
        <v>5</v>
      </c>
      <c r="N3455" s="1" t="s">
        <v>10</v>
      </c>
      <c r="O3455" s="1" t="s">
        <v>8</v>
      </c>
      <c r="P3455" s="5"/>
    </row>
    <row r="3456" spans="1:16" x14ac:dyDescent="0.2">
      <c r="A3456" s="1" t="s">
        <v>194</v>
      </c>
      <c r="B3456" s="1" t="s">
        <v>396</v>
      </c>
      <c r="C3456" s="1" t="s">
        <v>12009</v>
      </c>
      <c r="D3456" s="1" t="s">
        <v>10</v>
      </c>
      <c r="E3456" s="1"/>
      <c r="F3456" s="1" t="s">
        <v>27</v>
      </c>
      <c r="G3456" s="1" t="s">
        <v>10</v>
      </c>
      <c r="H3456" s="1" t="s">
        <v>10</v>
      </c>
      <c r="I3456" s="1" t="s">
        <v>11878</v>
      </c>
      <c r="J3456" s="1" t="s">
        <v>12015</v>
      </c>
      <c r="K3456" s="1" t="s">
        <v>27</v>
      </c>
      <c r="L3456" s="1" t="s">
        <v>12018</v>
      </c>
      <c r="M3456" s="1" t="s">
        <v>5</v>
      </c>
      <c r="N3456" s="1" t="s">
        <v>10</v>
      </c>
      <c r="O3456" s="1" t="s">
        <v>8</v>
      </c>
      <c r="P3456" s="5"/>
    </row>
    <row r="3457" spans="1:16" x14ac:dyDescent="0.2">
      <c r="A3457" s="1" t="s">
        <v>194</v>
      </c>
      <c r="B3457" s="1" t="s">
        <v>4492</v>
      </c>
      <c r="C3457" s="1" t="s">
        <v>12020</v>
      </c>
      <c r="D3457" s="1" t="s">
        <v>10</v>
      </c>
      <c r="E3457" s="1"/>
      <c r="F3457" s="1" t="s">
        <v>27</v>
      </c>
      <c r="G3457" s="1" t="s">
        <v>10</v>
      </c>
      <c r="H3457" s="1" t="s">
        <v>10</v>
      </c>
      <c r="I3457" s="1" t="s">
        <v>11878</v>
      </c>
      <c r="J3457" s="1" t="s">
        <v>12015</v>
      </c>
      <c r="K3457" s="1" t="s">
        <v>27</v>
      </c>
      <c r="L3457" s="1" t="s">
        <v>12019</v>
      </c>
      <c r="M3457" s="1" t="s">
        <v>5</v>
      </c>
      <c r="N3457" s="1" t="s">
        <v>10</v>
      </c>
      <c r="O3457" s="1" t="s">
        <v>8</v>
      </c>
      <c r="P3457" s="5"/>
    </row>
    <row r="3458" spans="1:16" x14ac:dyDescent="0.2">
      <c r="A3458" s="1" t="s">
        <v>42</v>
      </c>
      <c r="B3458" s="1" t="s">
        <v>43</v>
      </c>
      <c r="C3458" s="1" t="s">
        <v>12022</v>
      </c>
      <c r="D3458" s="1" t="s">
        <v>7140</v>
      </c>
      <c r="E3458" s="1"/>
      <c r="F3458" s="1" t="s">
        <v>27</v>
      </c>
      <c r="G3458" s="1" t="s">
        <v>1042</v>
      </c>
      <c r="H3458" s="1" t="s">
        <v>7860</v>
      </c>
      <c r="I3458" s="1" t="s">
        <v>11878</v>
      </c>
      <c r="J3458" s="1" t="s">
        <v>11886</v>
      </c>
      <c r="K3458" s="1" t="s">
        <v>2629</v>
      </c>
      <c r="L3458" s="1" t="s">
        <v>12021</v>
      </c>
      <c r="M3458" s="1" t="s">
        <v>5</v>
      </c>
      <c r="N3458" s="1" t="s">
        <v>10</v>
      </c>
      <c r="O3458" s="1" t="s">
        <v>8</v>
      </c>
      <c r="P3458" s="5" t="s">
        <v>31485</v>
      </c>
    </row>
    <row r="3459" spans="1:16" x14ac:dyDescent="0.2">
      <c r="A3459" s="1" t="s">
        <v>20</v>
      </c>
      <c r="B3459" s="1" t="s">
        <v>93</v>
      </c>
      <c r="C3459" s="1" t="s">
        <v>11949</v>
      </c>
      <c r="D3459" s="1" t="s">
        <v>10</v>
      </c>
      <c r="E3459" s="1"/>
      <c r="F3459" s="1" t="s">
        <v>27</v>
      </c>
      <c r="G3459" s="1" t="s">
        <v>10</v>
      </c>
      <c r="H3459" s="1" t="s">
        <v>12024</v>
      </c>
      <c r="I3459" s="1" t="s">
        <v>11878</v>
      </c>
      <c r="J3459" s="1" t="s">
        <v>11886</v>
      </c>
      <c r="K3459" s="1" t="s">
        <v>27</v>
      </c>
      <c r="L3459" s="1" t="s">
        <v>12023</v>
      </c>
      <c r="M3459" s="1" t="s">
        <v>5</v>
      </c>
      <c r="N3459" s="1" t="s">
        <v>10</v>
      </c>
      <c r="O3459" s="1" t="s">
        <v>8</v>
      </c>
      <c r="P3459" s="5"/>
    </row>
    <row r="3460" spans="1:16" x14ac:dyDescent="0.2">
      <c r="A3460" s="1" t="s">
        <v>10</v>
      </c>
      <c r="B3460" s="1" t="s">
        <v>10</v>
      </c>
      <c r="C3460" s="1" t="s">
        <v>12026</v>
      </c>
      <c r="D3460" s="1" t="s">
        <v>10</v>
      </c>
      <c r="E3460" s="1"/>
      <c r="F3460" s="1" t="s">
        <v>10</v>
      </c>
      <c r="G3460" s="1" t="s">
        <v>10</v>
      </c>
      <c r="H3460" s="1" t="s">
        <v>10</v>
      </c>
      <c r="I3460" s="1" t="s">
        <v>11878</v>
      </c>
      <c r="J3460" s="1" t="s">
        <v>11886</v>
      </c>
      <c r="K3460" s="1" t="s">
        <v>64</v>
      </c>
      <c r="L3460" s="1" t="s">
        <v>12025</v>
      </c>
      <c r="M3460" s="1" t="s">
        <v>5</v>
      </c>
      <c r="N3460" s="1" t="s">
        <v>10</v>
      </c>
      <c r="O3460" s="1" t="s">
        <v>38</v>
      </c>
      <c r="P3460" s="5"/>
    </row>
    <row r="3461" spans="1:16" x14ac:dyDescent="0.2">
      <c r="A3461" s="1" t="s">
        <v>487</v>
      </c>
      <c r="B3461" s="1" t="s">
        <v>784</v>
      </c>
      <c r="C3461" s="1" t="s">
        <v>8374</v>
      </c>
      <c r="D3461" s="1" t="s">
        <v>10</v>
      </c>
      <c r="E3461" s="1"/>
      <c r="F3461" s="1" t="s">
        <v>27</v>
      </c>
      <c r="G3461" s="1" t="s">
        <v>10</v>
      </c>
      <c r="H3461" s="1" t="s">
        <v>12028</v>
      </c>
      <c r="I3461" s="1" t="s">
        <v>11878</v>
      </c>
      <c r="J3461" s="1" t="s">
        <v>11886</v>
      </c>
      <c r="K3461" s="1" t="s">
        <v>64</v>
      </c>
      <c r="L3461" s="1" t="s">
        <v>12027</v>
      </c>
      <c r="M3461" s="1" t="s">
        <v>5</v>
      </c>
      <c r="N3461" s="1" t="s">
        <v>10</v>
      </c>
      <c r="O3461" s="1" t="s">
        <v>8</v>
      </c>
      <c r="P3461" s="5"/>
    </row>
    <row r="3462" spans="1:16" x14ac:dyDescent="0.2">
      <c r="A3462" s="1" t="s">
        <v>487</v>
      </c>
      <c r="B3462" s="1" t="s">
        <v>784</v>
      </c>
      <c r="C3462" s="1" t="s">
        <v>11914</v>
      </c>
      <c r="D3462" s="1" t="s">
        <v>10</v>
      </c>
      <c r="E3462" s="1"/>
      <c r="F3462" s="1" t="s">
        <v>27</v>
      </c>
      <c r="G3462" s="1" t="s">
        <v>10</v>
      </c>
      <c r="H3462" s="1" t="s">
        <v>806</v>
      </c>
      <c r="I3462" s="1" t="s">
        <v>11878</v>
      </c>
      <c r="J3462" s="1" t="s">
        <v>11886</v>
      </c>
      <c r="K3462" s="1" t="s">
        <v>64</v>
      </c>
      <c r="L3462" s="1" t="s">
        <v>12029</v>
      </c>
      <c r="M3462" s="1" t="s">
        <v>5</v>
      </c>
      <c r="N3462" s="1" t="s">
        <v>10</v>
      </c>
      <c r="O3462" s="1" t="s">
        <v>8</v>
      </c>
      <c r="P3462" s="5"/>
    </row>
    <row r="3463" spans="1:16" x14ac:dyDescent="0.2">
      <c r="A3463" s="1" t="s">
        <v>487</v>
      </c>
      <c r="B3463" s="1" t="s">
        <v>784</v>
      </c>
      <c r="C3463" s="1" t="s">
        <v>11914</v>
      </c>
      <c r="D3463" s="1" t="s">
        <v>10</v>
      </c>
      <c r="E3463" s="1"/>
      <c r="F3463" s="1" t="s">
        <v>27</v>
      </c>
      <c r="G3463" s="1" t="s">
        <v>10</v>
      </c>
      <c r="H3463" s="1" t="s">
        <v>12031</v>
      </c>
      <c r="I3463" s="1" t="s">
        <v>11878</v>
      </c>
      <c r="J3463" s="1" t="s">
        <v>11886</v>
      </c>
      <c r="K3463" s="1" t="s">
        <v>64</v>
      </c>
      <c r="L3463" s="1" t="s">
        <v>12030</v>
      </c>
      <c r="M3463" s="1" t="s">
        <v>5</v>
      </c>
      <c r="N3463" s="1" t="s">
        <v>10</v>
      </c>
      <c r="O3463" s="1" t="s">
        <v>8</v>
      </c>
      <c r="P3463" s="5"/>
    </row>
    <row r="3464" spans="1:16" x14ac:dyDescent="0.2">
      <c r="A3464" s="1" t="s">
        <v>329</v>
      </c>
      <c r="B3464" s="1" t="s">
        <v>753</v>
      </c>
      <c r="C3464" s="1" t="s">
        <v>12033</v>
      </c>
      <c r="D3464" s="1" t="s">
        <v>10</v>
      </c>
      <c r="E3464" s="1"/>
      <c r="F3464" s="1" t="s">
        <v>105</v>
      </c>
      <c r="G3464" s="1" t="s">
        <v>10</v>
      </c>
      <c r="H3464" s="1" t="s">
        <v>10</v>
      </c>
      <c r="I3464" s="1" t="s">
        <v>11878</v>
      </c>
      <c r="J3464" s="1" t="s">
        <v>11886</v>
      </c>
      <c r="K3464" s="1" t="s">
        <v>27</v>
      </c>
      <c r="L3464" s="1" t="s">
        <v>12032</v>
      </c>
      <c r="M3464" s="1" t="s">
        <v>5</v>
      </c>
      <c r="N3464" s="1" t="s">
        <v>10</v>
      </c>
      <c r="O3464" s="1" t="s">
        <v>8</v>
      </c>
      <c r="P3464" s="5"/>
    </row>
    <row r="3465" spans="1:16" x14ac:dyDescent="0.2">
      <c r="A3465" s="1" t="s">
        <v>42</v>
      </c>
      <c r="B3465" s="1" t="s">
        <v>1890</v>
      </c>
      <c r="C3465" s="1" t="s">
        <v>12035</v>
      </c>
      <c r="D3465" s="1" t="s">
        <v>1855</v>
      </c>
      <c r="E3465" s="1"/>
      <c r="F3465" s="1" t="s">
        <v>27</v>
      </c>
      <c r="G3465" s="1" t="s">
        <v>1042</v>
      </c>
      <c r="H3465" s="1" t="s">
        <v>12037</v>
      </c>
      <c r="I3465" s="1" t="s">
        <v>11878</v>
      </c>
      <c r="J3465" s="1" t="s">
        <v>11886</v>
      </c>
      <c r="K3465" s="1" t="s">
        <v>179</v>
      </c>
      <c r="L3465" s="1" t="s">
        <v>12034</v>
      </c>
      <c r="M3465" s="1" t="s">
        <v>5</v>
      </c>
      <c r="N3465" s="1" t="s">
        <v>10</v>
      </c>
      <c r="O3465" s="1" t="s">
        <v>8</v>
      </c>
      <c r="P3465" s="5" t="s">
        <v>31485</v>
      </c>
    </row>
    <row r="3466" spans="1:16" x14ac:dyDescent="0.2">
      <c r="A3466" s="1" t="s">
        <v>194</v>
      </c>
      <c r="B3466" s="1" t="s">
        <v>6479</v>
      </c>
      <c r="C3466" s="1" t="s">
        <v>12039</v>
      </c>
      <c r="D3466" s="1" t="s">
        <v>10</v>
      </c>
      <c r="E3466" s="1"/>
      <c r="F3466" s="1" t="s">
        <v>27</v>
      </c>
      <c r="G3466" s="1" t="s">
        <v>10</v>
      </c>
      <c r="H3466" s="1" t="s">
        <v>12040</v>
      </c>
      <c r="I3466" s="1" t="s">
        <v>11878</v>
      </c>
      <c r="J3466" s="1" t="s">
        <v>12015</v>
      </c>
      <c r="K3466" s="1" t="s">
        <v>64</v>
      </c>
      <c r="L3466" s="1" t="s">
        <v>12038</v>
      </c>
      <c r="M3466" s="1" t="s">
        <v>5</v>
      </c>
      <c r="N3466" s="1" t="s">
        <v>10</v>
      </c>
      <c r="O3466" s="1" t="s">
        <v>8</v>
      </c>
      <c r="P3466" s="5"/>
    </row>
    <row r="3467" spans="1:16" x14ac:dyDescent="0.2">
      <c r="A3467" s="1" t="s">
        <v>329</v>
      </c>
      <c r="B3467" s="1" t="s">
        <v>2622</v>
      </c>
      <c r="C3467" s="1" t="s">
        <v>11914</v>
      </c>
      <c r="D3467" s="1" t="s">
        <v>10</v>
      </c>
      <c r="E3467" s="1"/>
      <c r="F3467" s="1" t="s">
        <v>27</v>
      </c>
      <c r="G3467" s="1" t="s">
        <v>10</v>
      </c>
      <c r="H3467" s="1" t="s">
        <v>12042</v>
      </c>
      <c r="I3467" s="1" t="s">
        <v>11878</v>
      </c>
      <c r="J3467" s="1" t="s">
        <v>11886</v>
      </c>
      <c r="K3467" s="1" t="s">
        <v>64</v>
      </c>
      <c r="L3467" s="1" t="s">
        <v>12041</v>
      </c>
      <c r="M3467" s="1" t="s">
        <v>5</v>
      </c>
      <c r="N3467" s="1" t="s">
        <v>10</v>
      </c>
      <c r="O3467" s="1" t="s">
        <v>8</v>
      </c>
      <c r="P3467" s="5"/>
    </row>
    <row r="3468" spans="1:16" x14ac:dyDescent="0.2">
      <c r="A3468" s="1" t="s">
        <v>487</v>
      </c>
      <c r="B3468" s="1" t="s">
        <v>488</v>
      </c>
      <c r="C3468" s="1" t="s">
        <v>8374</v>
      </c>
      <c r="D3468" s="1" t="s">
        <v>10</v>
      </c>
      <c r="E3468" s="1"/>
      <c r="F3468" s="1" t="s">
        <v>522</v>
      </c>
      <c r="G3468" s="1" t="s">
        <v>10</v>
      </c>
      <c r="H3468" s="1" t="s">
        <v>10</v>
      </c>
      <c r="I3468" s="1" t="s">
        <v>11878</v>
      </c>
      <c r="J3468" s="1" t="s">
        <v>11886</v>
      </c>
      <c r="K3468" s="1" t="s">
        <v>64</v>
      </c>
      <c r="L3468" s="1" t="s">
        <v>12043</v>
      </c>
      <c r="M3468" s="1" t="s">
        <v>5</v>
      </c>
      <c r="N3468" s="1" t="s">
        <v>10</v>
      </c>
      <c r="O3468" s="1" t="s">
        <v>8</v>
      </c>
      <c r="P3468" s="5"/>
    </row>
    <row r="3469" spans="1:16" x14ac:dyDescent="0.2">
      <c r="A3469" s="1" t="s">
        <v>66</v>
      </c>
      <c r="B3469" s="1" t="s">
        <v>67</v>
      </c>
      <c r="C3469" s="1" t="s">
        <v>8332</v>
      </c>
      <c r="D3469" s="1" t="s">
        <v>10</v>
      </c>
      <c r="E3469" s="1"/>
      <c r="F3469" s="1" t="s">
        <v>414</v>
      </c>
      <c r="G3469" s="1" t="s">
        <v>10</v>
      </c>
      <c r="H3469" s="1" t="s">
        <v>10</v>
      </c>
      <c r="I3469" s="1" t="s">
        <v>11878</v>
      </c>
      <c r="J3469" s="1" t="s">
        <v>11886</v>
      </c>
      <c r="K3469" s="1" t="s">
        <v>64</v>
      </c>
      <c r="L3469" s="1" t="s">
        <v>12044</v>
      </c>
      <c r="M3469" s="1" t="s">
        <v>5</v>
      </c>
      <c r="N3469" s="1" t="s">
        <v>10</v>
      </c>
      <c r="O3469" s="1" t="s">
        <v>8</v>
      </c>
      <c r="P3469" s="5"/>
    </row>
    <row r="3470" spans="1:16" x14ac:dyDescent="0.2">
      <c r="A3470" s="1" t="s">
        <v>329</v>
      </c>
      <c r="B3470" s="1" t="s">
        <v>2622</v>
      </c>
      <c r="C3470" s="1" t="s">
        <v>11914</v>
      </c>
      <c r="D3470" s="1" t="s">
        <v>10</v>
      </c>
      <c r="E3470" s="1"/>
      <c r="F3470" s="1" t="s">
        <v>27</v>
      </c>
      <c r="G3470" s="1" t="s">
        <v>10</v>
      </c>
      <c r="H3470" s="1" t="s">
        <v>12046</v>
      </c>
      <c r="I3470" s="1" t="s">
        <v>11878</v>
      </c>
      <c r="J3470" s="1" t="s">
        <v>11886</v>
      </c>
      <c r="K3470" s="1" t="s">
        <v>64</v>
      </c>
      <c r="L3470" s="1" t="s">
        <v>12045</v>
      </c>
      <c r="M3470" s="1" t="s">
        <v>5</v>
      </c>
      <c r="N3470" s="1" t="s">
        <v>10</v>
      </c>
      <c r="O3470" s="1" t="s">
        <v>8</v>
      </c>
      <c r="P3470" s="5"/>
    </row>
    <row r="3471" spans="1:16" x14ac:dyDescent="0.2">
      <c r="A3471" s="1" t="s">
        <v>329</v>
      </c>
      <c r="B3471" s="1" t="s">
        <v>2622</v>
      </c>
      <c r="C3471" s="1" t="s">
        <v>11914</v>
      </c>
      <c r="D3471" s="1" t="s">
        <v>10</v>
      </c>
      <c r="E3471" s="1"/>
      <c r="F3471" s="1" t="s">
        <v>27</v>
      </c>
      <c r="G3471" s="1" t="s">
        <v>10</v>
      </c>
      <c r="H3471" s="1" t="s">
        <v>8387</v>
      </c>
      <c r="I3471" s="1" t="s">
        <v>11878</v>
      </c>
      <c r="J3471" s="1" t="s">
        <v>11886</v>
      </c>
      <c r="K3471" s="1" t="s">
        <v>64</v>
      </c>
      <c r="L3471" s="1" t="s">
        <v>12047</v>
      </c>
      <c r="M3471" s="1" t="s">
        <v>5</v>
      </c>
      <c r="N3471" s="1" t="s">
        <v>10</v>
      </c>
      <c r="O3471" s="1" t="s">
        <v>8</v>
      </c>
      <c r="P3471" s="5"/>
    </row>
    <row r="3472" spans="1:16" x14ac:dyDescent="0.2">
      <c r="A3472" s="1" t="s">
        <v>329</v>
      </c>
      <c r="B3472" s="1" t="s">
        <v>2622</v>
      </c>
      <c r="C3472" s="1" t="s">
        <v>11914</v>
      </c>
      <c r="D3472" s="1" t="s">
        <v>10</v>
      </c>
      <c r="E3472" s="1"/>
      <c r="F3472" s="1" t="s">
        <v>27</v>
      </c>
      <c r="G3472" s="1" t="s">
        <v>10</v>
      </c>
      <c r="H3472" s="1" t="s">
        <v>865</v>
      </c>
      <c r="I3472" s="1" t="s">
        <v>11878</v>
      </c>
      <c r="J3472" s="1" t="s">
        <v>11886</v>
      </c>
      <c r="K3472" s="1" t="s">
        <v>64</v>
      </c>
      <c r="L3472" s="1" t="s">
        <v>12048</v>
      </c>
      <c r="M3472" s="1" t="s">
        <v>5</v>
      </c>
      <c r="N3472" s="1" t="s">
        <v>10</v>
      </c>
      <c r="O3472" s="1" t="s">
        <v>8</v>
      </c>
      <c r="P3472" s="5"/>
    </row>
    <row r="3473" spans="1:16" x14ac:dyDescent="0.2">
      <c r="A3473" s="1" t="s">
        <v>329</v>
      </c>
      <c r="B3473" s="1" t="s">
        <v>2622</v>
      </c>
      <c r="C3473" s="1" t="s">
        <v>11914</v>
      </c>
      <c r="D3473" s="1" t="s">
        <v>10</v>
      </c>
      <c r="E3473" s="1"/>
      <c r="F3473" s="1" t="s">
        <v>27</v>
      </c>
      <c r="G3473" s="1" t="s">
        <v>10</v>
      </c>
      <c r="H3473" s="1" t="s">
        <v>12050</v>
      </c>
      <c r="I3473" s="1" t="s">
        <v>11878</v>
      </c>
      <c r="J3473" s="1" t="s">
        <v>11886</v>
      </c>
      <c r="K3473" s="1" t="s">
        <v>64</v>
      </c>
      <c r="L3473" s="1" t="s">
        <v>12049</v>
      </c>
      <c r="M3473" s="1" t="s">
        <v>5</v>
      </c>
      <c r="N3473" s="1" t="s">
        <v>10</v>
      </c>
      <c r="O3473" s="1" t="s">
        <v>8</v>
      </c>
      <c r="P3473" s="5"/>
    </row>
    <row r="3474" spans="1:16" x14ac:dyDescent="0.2">
      <c r="A3474" s="1" t="s">
        <v>329</v>
      </c>
      <c r="B3474" s="1" t="s">
        <v>2622</v>
      </c>
      <c r="C3474" s="1" t="s">
        <v>12052</v>
      </c>
      <c r="D3474" s="1" t="s">
        <v>10</v>
      </c>
      <c r="E3474" s="1"/>
      <c r="F3474" s="1" t="s">
        <v>27</v>
      </c>
      <c r="G3474" s="1" t="s">
        <v>10</v>
      </c>
      <c r="H3474" s="1" t="s">
        <v>12053</v>
      </c>
      <c r="I3474" s="1" t="s">
        <v>11878</v>
      </c>
      <c r="J3474" s="1" t="s">
        <v>11886</v>
      </c>
      <c r="K3474" s="1" t="s">
        <v>64</v>
      </c>
      <c r="L3474" s="1" t="s">
        <v>12051</v>
      </c>
      <c r="M3474" s="1" t="s">
        <v>5</v>
      </c>
      <c r="N3474" s="1" t="s">
        <v>10</v>
      </c>
      <c r="O3474" s="1" t="s">
        <v>8</v>
      </c>
      <c r="P3474" s="5"/>
    </row>
    <row r="3475" spans="1:16" x14ac:dyDescent="0.2">
      <c r="A3475" s="1" t="s">
        <v>329</v>
      </c>
      <c r="B3475" s="1" t="s">
        <v>691</v>
      </c>
      <c r="C3475" s="1" t="s">
        <v>12055</v>
      </c>
      <c r="D3475" s="1" t="s">
        <v>10</v>
      </c>
      <c r="E3475" s="1" t="s">
        <v>10</v>
      </c>
      <c r="F3475" s="1" t="s">
        <v>27</v>
      </c>
      <c r="G3475" s="1" t="s">
        <v>10</v>
      </c>
      <c r="H3475" s="1" t="s">
        <v>12055</v>
      </c>
      <c r="I3475" s="1" t="s">
        <v>11878</v>
      </c>
      <c r="J3475" s="1" t="s">
        <v>11886</v>
      </c>
      <c r="K3475" s="1" t="s">
        <v>64</v>
      </c>
      <c r="L3475" s="1" t="s">
        <v>12054</v>
      </c>
      <c r="M3475" s="1" t="s">
        <v>5</v>
      </c>
      <c r="N3475" s="1" t="s">
        <v>6</v>
      </c>
      <c r="O3475" s="1" t="s">
        <v>8</v>
      </c>
      <c r="P3475" s="5" t="s">
        <v>10</v>
      </c>
    </row>
    <row r="3476" spans="1:16" x14ac:dyDescent="0.2">
      <c r="A3476" s="1" t="s">
        <v>42</v>
      </c>
      <c r="B3476" s="1" t="s">
        <v>50</v>
      </c>
      <c r="C3476" s="1" t="s">
        <v>12057</v>
      </c>
      <c r="D3476" s="1" t="s">
        <v>12058</v>
      </c>
      <c r="E3476" s="1"/>
      <c r="F3476" s="1" t="s">
        <v>27</v>
      </c>
      <c r="G3476" s="1" t="s">
        <v>1042</v>
      </c>
      <c r="H3476" s="1" t="s">
        <v>12059</v>
      </c>
      <c r="I3476" s="1" t="s">
        <v>11878</v>
      </c>
      <c r="J3476" s="1" t="s">
        <v>11886</v>
      </c>
      <c r="K3476" s="1" t="s">
        <v>47</v>
      </c>
      <c r="L3476" s="1" t="s">
        <v>12056</v>
      </c>
      <c r="M3476" s="1" t="s">
        <v>5</v>
      </c>
      <c r="N3476" s="1" t="s">
        <v>10</v>
      </c>
      <c r="O3476" s="1" t="s">
        <v>8</v>
      </c>
      <c r="P3476" s="5" t="s">
        <v>30290</v>
      </c>
    </row>
    <row r="3477" spans="1:16" x14ac:dyDescent="0.2">
      <c r="A3477" s="1" t="s">
        <v>329</v>
      </c>
      <c r="B3477" s="1" t="s">
        <v>439</v>
      </c>
      <c r="C3477" s="1" t="s">
        <v>12061</v>
      </c>
      <c r="D3477" s="1" t="s">
        <v>10</v>
      </c>
      <c r="E3477" s="1" t="s">
        <v>10</v>
      </c>
      <c r="F3477" s="1" t="s">
        <v>27</v>
      </c>
      <c r="G3477" s="1" t="s">
        <v>10</v>
      </c>
      <c r="H3477" s="1" t="s">
        <v>12061</v>
      </c>
      <c r="I3477" s="1" t="s">
        <v>11878</v>
      </c>
      <c r="J3477" s="1" t="s">
        <v>11886</v>
      </c>
      <c r="K3477" s="1" t="s">
        <v>64</v>
      </c>
      <c r="L3477" s="1" t="s">
        <v>12060</v>
      </c>
      <c r="M3477" s="1" t="s">
        <v>5</v>
      </c>
      <c r="N3477" s="1" t="s">
        <v>6</v>
      </c>
      <c r="O3477" s="1" t="s">
        <v>8</v>
      </c>
      <c r="P3477" s="5" t="s">
        <v>10</v>
      </c>
    </row>
    <row r="3478" spans="1:16" x14ac:dyDescent="0.2">
      <c r="A3478" s="1" t="s">
        <v>329</v>
      </c>
      <c r="B3478" s="1" t="s">
        <v>691</v>
      </c>
      <c r="C3478" s="1" t="s">
        <v>12063</v>
      </c>
      <c r="D3478" s="1" t="s">
        <v>10</v>
      </c>
      <c r="E3478" s="1" t="s">
        <v>10</v>
      </c>
      <c r="F3478" s="1" t="s">
        <v>12064</v>
      </c>
      <c r="G3478" s="1" t="s">
        <v>10</v>
      </c>
      <c r="H3478" s="1" t="s">
        <v>10</v>
      </c>
      <c r="I3478" s="1" t="s">
        <v>11878</v>
      </c>
      <c r="J3478" s="1" t="s">
        <v>11886</v>
      </c>
      <c r="K3478" s="1" t="s">
        <v>64</v>
      </c>
      <c r="L3478" s="1" t="s">
        <v>12062</v>
      </c>
      <c r="M3478" s="1" t="s">
        <v>5</v>
      </c>
      <c r="N3478" s="1" t="s">
        <v>6</v>
      </c>
      <c r="O3478" s="1" t="s">
        <v>8</v>
      </c>
      <c r="P3478" s="5" t="s">
        <v>10</v>
      </c>
    </row>
    <row r="3479" spans="1:16" x14ac:dyDescent="0.2">
      <c r="A3479" s="1" t="s">
        <v>487</v>
      </c>
      <c r="B3479" s="1" t="s">
        <v>488</v>
      </c>
      <c r="C3479" s="1" t="s">
        <v>11914</v>
      </c>
      <c r="D3479" s="1" t="s">
        <v>10</v>
      </c>
      <c r="E3479" s="1"/>
      <c r="F3479" s="1" t="s">
        <v>27</v>
      </c>
      <c r="G3479" s="1" t="s">
        <v>10</v>
      </c>
      <c r="H3479" s="1" t="s">
        <v>12066</v>
      </c>
      <c r="I3479" s="1" t="s">
        <v>11878</v>
      </c>
      <c r="J3479" s="1" t="s">
        <v>11886</v>
      </c>
      <c r="K3479" s="1" t="s">
        <v>64</v>
      </c>
      <c r="L3479" s="1" t="s">
        <v>12065</v>
      </c>
      <c r="M3479" s="1" t="s">
        <v>5</v>
      </c>
      <c r="N3479" s="1" t="s">
        <v>10</v>
      </c>
      <c r="O3479" s="1" t="s">
        <v>8</v>
      </c>
      <c r="P3479" s="5"/>
    </row>
    <row r="3480" spans="1:16" x14ac:dyDescent="0.2">
      <c r="A3480" s="1" t="s">
        <v>487</v>
      </c>
      <c r="B3480" s="1" t="s">
        <v>488</v>
      </c>
      <c r="C3480" s="1" t="s">
        <v>11914</v>
      </c>
      <c r="D3480" s="1" t="s">
        <v>10</v>
      </c>
      <c r="E3480" s="1"/>
      <c r="F3480" s="1" t="s">
        <v>27</v>
      </c>
      <c r="G3480" s="1" t="s">
        <v>10</v>
      </c>
      <c r="H3480" s="1" t="s">
        <v>12068</v>
      </c>
      <c r="I3480" s="1" t="s">
        <v>11878</v>
      </c>
      <c r="J3480" s="1" t="s">
        <v>11886</v>
      </c>
      <c r="K3480" s="1" t="s">
        <v>64</v>
      </c>
      <c r="L3480" s="1" t="s">
        <v>12067</v>
      </c>
      <c r="M3480" s="1" t="s">
        <v>5</v>
      </c>
      <c r="N3480" s="1" t="s">
        <v>10</v>
      </c>
      <c r="O3480" s="1" t="s">
        <v>8</v>
      </c>
      <c r="P3480" s="5"/>
    </row>
    <row r="3481" spans="1:16" x14ac:dyDescent="0.2">
      <c r="A3481" s="1" t="s">
        <v>487</v>
      </c>
      <c r="B3481" s="1" t="s">
        <v>488</v>
      </c>
      <c r="C3481" s="1" t="s">
        <v>11914</v>
      </c>
      <c r="D3481" s="1" t="s">
        <v>10</v>
      </c>
      <c r="E3481" s="1"/>
      <c r="F3481" s="1" t="s">
        <v>27</v>
      </c>
      <c r="G3481" s="1" t="s">
        <v>10</v>
      </c>
      <c r="H3481" s="1" t="s">
        <v>12070</v>
      </c>
      <c r="I3481" s="1" t="s">
        <v>11878</v>
      </c>
      <c r="J3481" s="1" t="s">
        <v>11886</v>
      </c>
      <c r="K3481" s="1" t="s">
        <v>64</v>
      </c>
      <c r="L3481" s="1" t="s">
        <v>12069</v>
      </c>
      <c r="M3481" s="1" t="s">
        <v>5</v>
      </c>
      <c r="N3481" s="1" t="s">
        <v>10</v>
      </c>
      <c r="O3481" s="1" t="s">
        <v>8</v>
      </c>
      <c r="P3481" s="5"/>
    </row>
    <row r="3482" spans="1:16" x14ac:dyDescent="0.2">
      <c r="A3482" s="1" t="s">
        <v>487</v>
      </c>
      <c r="B3482" s="1" t="s">
        <v>488</v>
      </c>
      <c r="C3482" s="1" t="s">
        <v>11914</v>
      </c>
      <c r="D3482" s="1" t="s">
        <v>10</v>
      </c>
      <c r="E3482" s="1"/>
      <c r="F3482" s="1" t="s">
        <v>27</v>
      </c>
      <c r="G3482" s="1" t="s">
        <v>10</v>
      </c>
      <c r="H3482" s="1" t="s">
        <v>12072</v>
      </c>
      <c r="I3482" s="1" t="s">
        <v>11878</v>
      </c>
      <c r="J3482" s="1" t="s">
        <v>11886</v>
      </c>
      <c r="K3482" s="1" t="s">
        <v>64</v>
      </c>
      <c r="L3482" s="1" t="s">
        <v>12071</v>
      </c>
      <c r="M3482" s="1" t="s">
        <v>5</v>
      </c>
      <c r="N3482" s="1" t="s">
        <v>10</v>
      </c>
      <c r="O3482" s="1" t="s">
        <v>8</v>
      </c>
      <c r="P3482" s="5"/>
    </row>
    <row r="3483" spans="1:16" x14ac:dyDescent="0.2">
      <c r="A3483" s="1" t="s">
        <v>487</v>
      </c>
      <c r="B3483" s="1" t="s">
        <v>488</v>
      </c>
      <c r="C3483" s="1" t="s">
        <v>11914</v>
      </c>
      <c r="D3483" s="1" t="s">
        <v>10</v>
      </c>
      <c r="E3483" s="1"/>
      <c r="F3483" s="1" t="s">
        <v>27</v>
      </c>
      <c r="G3483" s="1" t="s">
        <v>10</v>
      </c>
      <c r="H3483" s="1" t="s">
        <v>12074</v>
      </c>
      <c r="I3483" s="1" t="s">
        <v>11878</v>
      </c>
      <c r="J3483" s="1" t="s">
        <v>11886</v>
      </c>
      <c r="K3483" s="1" t="s">
        <v>64</v>
      </c>
      <c r="L3483" s="1" t="s">
        <v>12073</v>
      </c>
      <c r="M3483" s="1" t="s">
        <v>5</v>
      </c>
      <c r="N3483" s="1" t="s">
        <v>10</v>
      </c>
      <c r="O3483" s="1" t="s">
        <v>8</v>
      </c>
      <c r="P3483" s="5"/>
    </row>
    <row r="3484" spans="1:16" x14ac:dyDescent="0.2">
      <c r="A3484" s="1" t="s">
        <v>487</v>
      </c>
      <c r="B3484" s="1" t="s">
        <v>488</v>
      </c>
      <c r="C3484" s="1" t="s">
        <v>11897</v>
      </c>
      <c r="D3484" s="1" t="s">
        <v>10</v>
      </c>
      <c r="E3484" s="1"/>
      <c r="F3484" s="1" t="s">
        <v>522</v>
      </c>
      <c r="G3484" s="1" t="s">
        <v>10</v>
      </c>
      <c r="H3484" s="1" t="s">
        <v>10</v>
      </c>
      <c r="I3484" s="1" t="s">
        <v>11878</v>
      </c>
      <c r="J3484" s="1" t="s">
        <v>11886</v>
      </c>
      <c r="K3484" s="1" t="s">
        <v>64</v>
      </c>
      <c r="L3484" s="1" t="s">
        <v>12075</v>
      </c>
      <c r="M3484" s="1" t="s">
        <v>5</v>
      </c>
      <c r="N3484" s="1" t="s">
        <v>10</v>
      </c>
      <c r="O3484" s="1" t="s">
        <v>8</v>
      </c>
      <c r="P3484" s="5"/>
    </row>
    <row r="3485" spans="1:16" x14ac:dyDescent="0.2">
      <c r="A3485" s="1" t="s">
        <v>329</v>
      </c>
      <c r="B3485" s="1" t="s">
        <v>2622</v>
      </c>
      <c r="C3485" s="1" t="s">
        <v>12077</v>
      </c>
      <c r="D3485" s="1" t="s">
        <v>10</v>
      </c>
      <c r="E3485" s="1"/>
      <c r="F3485" s="1" t="s">
        <v>27</v>
      </c>
      <c r="G3485" s="1" t="s">
        <v>10</v>
      </c>
      <c r="H3485" s="1" t="s">
        <v>12078</v>
      </c>
      <c r="I3485" s="1" t="s">
        <v>11878</v>
      </c>
      <c r="J3485" s="1" t="s">
        <v>11886</v>
      </c>
      <c r="K3485" s="1" t="s">
        <v>27</v>
      </c>
      <c r="L3485" s="1" t="s">
        <v>12076</v>
      </c>
      <c r="M3485" s="1" t="s">
        <v>5</v>
      </c>
      <c r="N3485" s="1" t="s">
        <v>10</v>
      </c>
      <c r="O3485" s="1" t="s">
        <v>8</v>
      </c>
      <c r="P3485" s="5"/>
    </row>
    <row r="3486" spans="1:16" x14ac:dyDescent="0.2">
      <c r="A3486" s="1" t="s">
        <v>329</v>
      </c>
      <c r="B3486" s="1" t="s">
        <v>753</v>
      </c>
      <c r="C3486" s="1" t="s">
        <v>12080</v>
      </c>
      <c r="D3486" s="1" t="s">
        <v>10</v>
      </c>
      <c r="E3486" s="1"/>
      <c r="F3486" s="1" t="s">
        <v>27</v>
      </c>
      <c r="G3486" s="1" t="s">
        <v>10</v>
      </c>
      <c r="H3486" s="1" t="s">
        <v>12081</v>
      </c>
      <c r="I3486" s="1" t="s">
        <v>11878</v>
      </c>
      <c r="J3486" s="1" t="s">
        <v>11886</v>
      </c>
      <c r="K3486" s="1" t="s">
        <v>64</v>
      </c>
      <c r="L3486" s="1" t="s">
        <v>12079</v>
      </c>
      <c r="M3486" s="1" t="s">
        <v>5</v>
      </c>
      <c r="N3486" s="1" t="s">
        <v>10</v>
      </c>
      <c r="O3486" s="1" t="s">
        <v>8</v>
      </c>
      <c r="P3486" s="5"/>
    </row>
    <row r="3487" spans="1:16" x14ac:dyDescent="0.2">
      <c r="A3487" s="1" t="s">
        <v>20</v>
      </c>
      <c r="B3487" s="1" t="s">
        <v>253</v>
      </c>
      <c r="C3487" s="1" t="s">
        <v>12083</v>
      </c>
      <c r="D3487" s="1" t="s">
        <v>3879</v>
      </c>
      <c r="E3487" s="1"/>
      <c r="F3487" s="1" t="s">
        <v>27</v>
      </c>
      <c r="G3487" s="1" t="s">
        <v>1042</v>
      </c>
      <c r="H3487" s="1" t="s">
        <v>12084</v>
      </c>
      <c r="I3487" s="1" t="s">
        <v>11878</v>
      </c>
      <c r="J3487" s="1" t="s">
        <v>12012</v>
      </c>
      <c r="K3487" s="1" t="s">
        <v>244</v>
      </c>
      <c r="L3487" s="1" t="s">
        <v>12082</v>
      </c>
      <c r="M3487" s="1" t="s">
        <v>5</v>
      </c>
      <c r="N3487" s="1" t="s">
        <v>10</v>
      </c>
      <c r="O3487" s="1" t="s">
        <v>8</v>
      </c>
      <c r="P3487" s="5" t="s">
        <v>31486</v>
      </c>
    </row>
    <row r="3488" spans="1:16" x14ac:dyDescent="0.2">
      <c r="A3488" s="1" t="s">
        <v>1086</v>
      </c>
      <c r="B3488" s="1" t="s">
        <v>1181</v>
      </c>
      <c r="C3488" s="1" t="s">
        <v>11901</v>
      </c>
      <c r="D3488" s="1" t="s">
        <v>10</v>
      </c>
      <c r="E3488" s="1"/>
      <c r="F3488" s="1" t="s">
        <v>27</v>
      </c>
      <c r="G3488" s="1" t="s">
        <v>10</v>
      </c>
      <c r="H3488" s="1" t="s">
        <v>12086</v>
      </c>
      <c r="I3488" s="1" t="s">
        <v>11878</v>
      </c>
      <c r="J3488" s="1" t="s">
        <v>11886</v>
      </c>
      <c r="K3488" s="1" t="s">
        <v>64</v>
      </c>
      <c r="L3488" s="1" t="s">
        <v>12085</v>
      </c>
      <c r="M3488" s="1" t="s">
        <v>5</v>
      </c>
      <c r="N3488" s="1" t="s">
        <v>10</v>
      </c>
      <c r="O3488" s="1" t="s">
        <v>8</v>
      </c>
      <c r="P3488" s="5"/>
    </row>
    <row r="3489" spans="1:16" x14ac:dyDescent="0.2">
      <c r="A3489" s="1" t="s">
        <v>329</v>
      </c>
      <c r="B3489" s="1" t="s">
        <v>2622</v>
      </c>
      <c r="C3489" s="1" t="s">
        <v>12088</v>
      </c>
      <c r="D3489" s="1" t="s">
        <v>10</v>
      </c>
      <c r="E3489" s="1" t="s">
        <v>10</v>
      </c>
      <c r="F3489" s="1" t="s">
        <v>27</v>
      </c>
      <c r="G3489" s="1" t="s">
        <v>10</v>
      </c>
      <c r="H3489" s="1" t="s">
        <v>12088</v>
      </c>
      <c r="I3489" s="1" t="s">
        <v>11878</v>
      </c>
      <c r="J3489" s="1" t="s">
        <v>11886</v>
      </c>
      <c r="K3489" s="1" t="s">
        <v>64</v>
      </c>
      <c r="L3489" s="1" t="s">
        <v>12087</v>
      </c>
      <c r="M3489" s="1" t="s">
        <v>5</v>
      </c>
      <c r="N3489" s="1" t="s">
        <v>6</v>
      </c>
      <c r="O3489" s="1" t="s">
        <v>8</v>
      </c>
      <c r="P3489" s="5" t="s">
        <v>10</v>
      </c>
    </row>
    <row r="3490" spans="1:16" x14ac:dyDescent="0.2">
      <c r="A3490" s="1" t="s">
        <v>329</v>
      </c>
      <c r="B3490" s="1" t="s">
        <v>2622</v>
      </c>
      <c r="C3490" s="1" t="s">
        <v>12090</v>
      </c>
      <c r="D3490" s="1" t="s">
        <v>10</v>
      </c>
      <c r="E3490" s="1" t="s">
        <v>10</v>
      </c>
      <c r="F3490" s="1" t="s">
        <v>522</v>
      </c>
      <c r="G3490" s="1" t="s">
        <v>10</v>
      </c>
      <c r="H3490" s="1" t="s">
        <v>10</v>
      </c>
      <c r="I3490" s="1" t="s">
        <v>11878</v>
      </c>
      <c r="J3490" s="1" t="s">
        <v>11886</v>
      </c>
      <c r="K3490" s="1" t="s">
        <v>64</v>
      </c>
      <c r="L3490" s="1" t="s">
        <v>12089</v>
      </c>
      <c r="M3490" s="1" t="s">
        <v>5</v>
      </c>
      <c r="N3490" s="1" t="s">
        <v>6</v>
      </c>
      <c r="O3490" s="1" t="s">
        <v>8</v>
      </c>
      <c r="P3490" s="5" t="s">
        <v>10</v>
      </c>
    </row>
    <row r="3491" spans="1:16" x14ac:dyDescent="0.2">
      <c r="A3491" s="1" t="s">
        <v>487</v>
      </c>
      <c r="B3491" s="1" t="s">
        <v>488</v>
      </c>
      <c r="C3491" s="1" t="s">
        <v>11914</v>
      </c>
      <c r="D3491" s="1" t="s">
        <v>10</v>
      </c>
      <c r="E3491" s="1"/>
      <c r="F3491" s="1" t="s">
        <v>27</v>
      </c>
      <c r="G3491" s="1" t="s">
        <v>10</v>
      </c>
      <c r="H3491" s="1" t="s">
        <v>12092</v>
      </c>
      <c r="I3491" s="1" t="s">
        <v>11878</v>
      </c>
      <c r="J3491" s="1" t="s">
        <v>11886</v>
      </c>
      <c r="K3491" s="1" t="s">
        <v>64</v>
      </c>
      <c r="L3491" s="1" t="s">
        <v>12091</v>
      </c>
      <c r="M3491" s="1" t="s">
        <v>5</v>
      </c>
      <c r="N3491" s="1" t="s">
        <v>10</v>
      </c>
      <c r="O3491" s="1" t="s">
        <v>8</v>
      </c>
      <c r="P3491" s="5"/>
    </row>
    <row r="3492" spans="1:16" x14ac:dyDescent="0.2">
      <c r="A3492" s="1" t="s">
        <v>487</v>
      </c>
      <c r="B3492" s="1" t="s">
        <v>488</v>
      </c>
      <c r="C3492" s="1" t="s">
        <v>11914</v>
      </c>
      <c r="D3492" s="1" t="s">
        <v>10</v>
      </c>
      <c r="E3492" s="1"/>
      <c r="F3492" s="1" t="s">
        <v>27</v>
      </c>
      <c r="G3492" s="1" t="s">
        <v>10</v>
      </c>
      <c r="H3492" s="1" t="s">
        <v>12094</v>
      </c>
      <c r="I3492" s="1" t="s">
        <v>11878</v>
      </c>
      <c r="J3492" s="1" t="s">
        <v>11886</v>
      </c>
      <c r="K3492" s="1" t="s">
        <v>64</v>
      </c>
      <c r="L3492" s="1" t="s">
        <v>12093</v>
      </c>
      <c r="M3492" s="1" t="s">
        <v>5</v>
      </c>
      <c r="N3492" s="1" t="s">
        <v>10</v>
      </c>
      <c r="O3492" s="1" t="s">
        <v>8</v>
      </c>
      <c r="P3492" s="5"/>
    </row>
    <row r="3493" spans="1:16" x14ac:dyDescent="0.2">
      <c r="A3493" s="1" t="s">
        <v>487</v>
      </c>
      <c r="B3493" s="1" t="s">
        <v>765</v>
      </c>
      <c r="C3493" s="1" t="s">
        <v>11914</v>
      </c>
      <c r="D3493" s="1" t="s">
        <v>10</v>
      </c>
      <c r="E3493" s="1"/>
      <c r="F3493" s="1" t="s">
        <v>27</v>
      </c>
      <c r="G3493" s="1" t="s">
        <v>10</v>
      </c>
      <c r="H3493" s="1" t="s">
        <v>12096</v>
      </c>
      <c r="I3493" s="1" t="s">
        <v>11878</v>
      </c>
      <c r="J3493" s="1" t="s">
        <v>11886</v>
      </c>
      <c r="K3493" s="1" t="s">
        <v>64</v>
      </c>
      <c r="L3493" s="1" t="s">
        <v>12095</v>
      </c>
      <c r="M3493" s="1" t="s">
        <v>5</v>
      </c>
      <c r="N3493" s="1" t="s">
        <v>10</v>
      </c>
      <c r="O3493" s="1" t="s">
        <v>8</v>
      </c>
      <c r="P3493" s="5"/>
    </row>
    <row r="3494" spans="1:16" x14ac:dyDescent="0.2">
      <c r="A3494" s="1" t="s">
        <v>487</v>
      </c>
      <c r="B3494" s="1" t="s">
        <v>765</v>
      </c>
      <c r="C3494" s="1" t="s">
        <v>11914</v>
      </c>
      <c r="D3494" s="1" t="s">
        <v>10</v>
      </c>
      <c r="E3494" s="1"/>
      <c r="F3494" s="1" t="s">
        <v>27</v>
      </c>
      <c r="G3494" s="1" t="s">
        <v>10</v>
      </c>
      <c r="H3494" s="1" t="s">
        <v>12098</v>
      </c>
      <c r="I3494" s="1" t="s">
        <v>11878</v>
      </c>
      <c r="J3494" s="1" t="s">
        <v>11886</v>
      </c>
      <c r="K3494" s="1" t="s">
        <v>64</v>
      </c>
      <c r="L3494" s="1" t="s">
        <v>12097</v>
      </c>
      <c r="M3494" s="1" t="s">
        <v>5</v>
      </c>
      <c r="N3494" s="1" t="s">
        <v>10</v>
      </c>
      <c r="O3494" s="1" t="s">
        <v>8</v>
      </c>
      <c r="P3494" s="5"/>
    </row>
    <row r="3495" spans="1:16" x14ac:dyDescent="0.2">
      <c r="A3495" s="1" t="s">
        <v>1086</v>
      </c>
      <c r="B3495" s="1" t="s">
        <v>1586</v>
      </c>
      <c r="C3495" s="1" t="s">
        <v>12100</v>
      </c>
      <c r="D3495" s="1" t="s">
        <v>10</v>
      </c>
      <c r="E3495" s="1"/>
      <c r="F3495" s="1" t="s">
        <v>12101</v>
      </c>
      <c r="G3495" s="1" t="s">
        <v>10</v>
      </c>
      <c r="H3495" s="1" t="s">
        <v>10</v>
      </c>
      <c r="I3495" s="1" t="s">
        <v>11878</v>
      </c>
      <c r="J3495" s="1" t="s">
        <v>11886</v>
      </c>
      <c r="K3495" s="1" t="s">
        <v>64</v>
      </c>
      <c r="L3495" s="1" t="s">
        <v>12099</v>
      </c>
      <c r="M3495" s="1" t="s">
        <v>5</v>
      </c>
      <c r="N3495" s="1" t="s">
        <v>10</v>
      </c>
      <c r="O3495" s="1" t="s">
        <v>8</v>
      </c>
      <c r="P3495" s="5"/>
    </row>
    <row r="3496" spans="1:16" x14ac:dyDescent="0.2">
      <c r="A3496" s="1" t="s">
        <v>329</v>
      </c>
      <c r="B3496" s="1" t="s">
        <v>2622</v>
      </c>
      <c r="C3496" s="1" t="s">
        <v>11914</v>
      </c>
      <c r="D3496" s="1" t="s">
        <v>10</v>
      </c>
      <c r="E3496" s="1"/>
      <c r="F3496" s="1" t="s">
        <v>522</v>
      </c>
      <c r="G3496" s="1" t="s">
        <v>10</v>
      </c>
      <c r="H3496" s="1" t="s">
        <v>10</v>
      </c>
      <c r="I3496" s="1" t="s">
        <v>11878</v>
      </c>
      <c r="J3496" s="1" t="s">
        <v>11886</v>
      </c>
      <c r="K3496" s="1" t="s">
        <v>64</v>
      </c>
      <c r="L3496" s="1" t="s">
        <v>12102</v>
      </c>
      <c r="M3496" s="1" t="s">
        <v>5</v>
      </c>
      <c r="N3496" s="1" t="s">
        <v>10</v>
      </c>
      <c r="O3496" s="1" t="s">
        <v>8</v>
      </c>
      <c r="P3496" s="5"/>
    </row>
    <row r="3497" spans="1:16" x14ac:dyDescent="0.2">
      <c r="A3497" s="1" t="s">
        <v>32</v>
      </c>
      <c r="B3497" s="1" t="s">
        <v>2216</v>
      </c>
      <c r="C3497" s="1" t="s">
        <v>11889</v>
      </c>
      <c r="D3497" s="1" t="s">
        <v>10</v>
      </c>
      <c r="E3497" s="1"/>
      <c r="F3497" s="1" t="s">
        <v>522</v>
      </c>
      <c r="G3497" s="1" t="s">
        <v>10</v>
      </c>
      <c r="H3497" s="1" t="s">
        <v>10</v>
      </c>
      <c r="I3497" s="1" t="s">
        <v>11878</v>
      </c>
      <c r="J3497" s="1" t="s">
        <v>11886</v>
      </c>
      <c r="K3497" s="1" t="s">
        <v>64</v>
      </c>
      <c r="L3497" s="1" t="s">
        <v>12103</v>
      </c>
      <c r="M3497" s="1" t="s">
        <v>5</v>
      </c>
      <c r="N3497" s="1" t="s">
        <v>10</v>
      </c>
      <c r="O3497" s="1" t="s">
        <v>8</v>
      </c>
      <c r="P3497" s="5"/>
    </row>
    <row r="3498" spans="1:16" x14ac:dyDescent="0.2">
      <c r="A3498" s="1" t="s">
        <v>42</v>
      </c>
      <c r="B3498" s="1" t="s">
        <v>118</v>
      </c>
      <c r="C3498" s="1" t="s">
        <v>11889</v>
      </c>
      <c r="D3498" s="1" t="s">
        <v>10</v>
      </c>
      <c r="E3498" s="1"/>
      <c r="F3498" s="1" t="s">
        <v>11996</v>
      </c>
      <c r="G3498" s="1" t="s">
        <v>10</v>
      </c>
      <c r="H3498" s="1" t="s">
        <v>10</v>
      </c>
      <c r="I3498" s="1" t="s">
        <v>11878</v>
      </c>
      <c r="J3498" s="1" t="s">
        <v>11886</v>
      </c>
      <c r="K3498" s="1" t="s">
        <v>64</v>
      </c>
      <c r="L3498" s="1" t="s">
        <v>12104</v>
      </c>
      <c r="M3498" s="1" t="s">
        <v>5</v>
      </c>
      <c r="N3498" s="1" t="s">
        <v>10</v>
      </c>
      <c r="O3498" s="1" t="s">
        <v>8</v>
      </c>
      <c r="P3498" s="5"/>
    </row>
    <row r="3499" spans="1:16" x14ac:dyDescent="0.2">
      <c r="A3499" s="1" t="s">
        <v>329</v>
      </c>
      <c r="B3499" s="1" t="s">
        <v>2622</v>
      </c>
      <c r="C3499" s="1" t="s">
        <v>12052</v>
      </c>
      <c r="D3499" s="1" t="s">
        <v>10</v>
      </c>
      <c r="E3499" s="1"/>
      <c r="F3499" s="1" t="s">
        <v>27</v>
      </c>
      <c r="G3499" s="1" t="s">
        <v>10</v>
      </c>
      <c r="H3499" s="1" t="s">
        <v>12106</v>
      </c>
      <c r="I3499" s="1" t="s">
        <v>11878</v>
      </c>
      <c r="J3499" s="1" t="s">
        <v>11886</v>
      </c>
      <c r="K3499" s="1" t="s">
        <v>64</v>
      </c>
      <c r="L3499" s="1" t="s">
        <v>12105</v>
      </c>
      <c r="M3499" s="1" t="s">
        <v>5</v>
      </c>
      <c r="N3499" s="1" t="s">
        <v>10</v>
      </c>
      <c r="O3499" s="1" t="s">
        <v>8</v>
      </c>
      <c r="P3499" s="5"/>
    </row>
    <row r="3500" spans="1:16" x14ac:dyDescent="0.2">
      <c r="A3500" s="1" t="s">
        <v>329</v>
      </c>
      <c r="B3500" s="1" t="s">
        <v>2622</v>
      </c>
      <c r="C3500" s="1" t="s">
        <v>11914</v>
      </c>
      <c r="D3500" s="1" t="s">
        <v>10</v>
      </c>
      <c r="E3500" s="1"/>
      <c r="F3500" s="1" t="s">
        <v>522</v>
      </c>
      <c r="G3500" s="1" t="s">
        <v>10</v>
      </c>
      <c r="H3500" s="1" t="s">
        <v>10</v>
      </c>
      <c r="I3500" s="1" t="s">
        <v>11878</v>
      </c>
      <c r="J3500" s="1" t="s">
        <v>11886</v>
      </c>
      <c r="K3500" s="1" t="s">
        <v>64</v>
      </c>
      <c r="L3500" s="1" t="s">
        <v>12107</v>
      </c>
      <c r="M3500" s="1" t="s">
        <v>5</v>
      </c>
      <c r="N3500" s="1" t="s">
        <v>10</v>
      </c>
      <c r="O3500" s="1" t="s">
        <v>8</v>
      </c>
      <c r="P3500" s="5"/>
    </row>
    <row r="3501" spans="1:16" x14ac:dyDescent="0.2">
      <c r="A3501" s="1" t="s">
        <v>329</v>
      </c>
      <c r="B3501" s="1" t="s">
        <v>2622</v>
      </c>
      <c r="C3501" s="1" t="s">
        <v>11889</v>
      </c>
      <c r="D3501" s="1" t="s">
        <v>10</v>
      </c>
      <c r="E3501" s="1"/>
      <c r="F3501" s="1" t="s">
        <v>10</v>
      </c>
      <c r="G3501" s="1" t="s">
        <v>10</v>
      </c>
      <c r="H3501" s="1" t="s">
        <v>10</v>
      </c>
      <c r="I3501" s="1" t="s">
        <v>11878</v>
      </c>
      <c r="J3501" s="1" t="s">
        <v>11886</v>
      </c>
      <c r="K3501" s="1" t="s">
        <v>64</v>
      </c>
      <c r="L3501" s="1" t="s">
        <v>12108</v>
      </c>
      <c r="M3501" s="1" t="s">
        <v>5</v>
      </c>
      <c r="N3501" s="1" t="s">
        <v>10</v>
      </c>
      <c r="O3501" s="1" t="s">
        <v>8</v>
      </c>
      <c r="P3501" s="5"/>
    </row>
    <row r="3502" spans="1:16" x14ac:dyDescent="0.2">
      <c r="A3502" s="1" t="s">
        <v>1984</v>
      </c>
      <c r="B3502" s="1" t="s">
        <v>6971</v>
      </c>
      <c r="C3502" s="1" t="s">
        <v>11889</v>
      </c>
      <c r="D3502" s="1" t="s">
        <v>10</v>
      </c>
      <c r="E3502" s="1"/>
      <c r="F3502" s="1" t="s">
        <v>2159</v>
      </c>
      <c r="G3502" s="1" t="s">
        <v>10</v>
      </c>
      <c r="H3502" s="1" t="s">
        <v>10</v>
      </c>
      <c r="I3502" s="1" t="s">
        <v>11878</v>
      </c>
      <c r="J3502" s="1" t="s">
        <v>11886</v>
      </c>
      <c r="K3502" s="1" t="s">
        <v>64</v>
      </c>
      <c r="L3502" s="1" t="s">
        <v>12109</v>
      </c>
      <c r="M3502" s="1" t="s">
        <v>5</v>
      </c>
      <c r="N3502" s="1" t="s">
        <v>10</v>
      </c>
      <c r="O3502" s="1" t="s">
        <v>8</v>
      </c>
      <c r="P3502" s="5"/>
    </row>
    <row r="3503" spans="1:16" x14ac:dyDescent="0.2">
      <c r="A3503" s="1" t="s">
        <v>2187</v>
      </c>
      <c r="B3503" s="1" t="s">
        <v>2206</v>
      </c>
      <c r="C3503" s="1" t="s">
        <v>11889</v>
      </c>
      <c r="D3503" s="1" t="s">
        <v>10</v>
      </c>
      <c r="E3503" s="1"/>
      <c r="F3503" s="1" t="s">
        <v>27</v>
      </c>
      <c r="G3503" s="1" t="s">
        <v>10</v>
      </c>
      <c r="H3503" s="1" t="s">
        <v>10</v>
      </c>
      <c r="I3503" s="1" t="s">
        <v>11878</v>
      </c>
      <c r="J3503" s="1" t="s">
        <v>11886</v>
      </c>
      <c r="K3503" s="1" t="s">
        <v>64</v>
      </c>
      <c r="L3503" s="1" t="s">
        <v>12110</v>
      </c>
      <c r="M3503" s="1" t="s">
        <v>5</v>
      </c>
      <c r="N3503" s="1" t="s">
        <v>10</v>
      </c>
      <c r="O3503" s="1" t="s">
        <v>8</v>
      </c>
      <c r="P3503" s="5"/>
    </row>
    <row r="3504" spans="1:16" x14ac:dyDescent="0.2">
      <c r="A3504" s="1" t="s">
        <v>66</v>
      </c>
      <c r="B3504" s="1" t="s">
        <v>67</v>
      </c>
      <c r="C3504" s="1" t="s">
        <v>11889</v>
      </c>
      <c r="D3504" s="1" t="s">
        <v>10</v>
      </c>
      <c r="E3504" s="1"/>
      <c r="F3504" s="1" t="s">
        <v>27</v>
      </c>
      <c r="G3504" s="1" t="s">
        <v>10</v>
      </c>
      <c r="H3504" s="1" t="s">
        <v>12112</v>
      </c>
      <c r="I3504" s="1" t="s">
        <v>11878</v>
      </c>
      <c r="J3504" s="1" t="s">
        <v>11886</v>
      </c>
      <c r="K3504" s="1" t="s">
        <v>64</v>
      </c>
      <c r="L3504" s="1" t="s">
        <v>12111</v>
      </c>
      <c r="M3504" s="1" t="s">
        <v>5</v>
      </c>
      <c r="N3504" s="1" t="s">
        <v>10</v>
      </c>
      <c r="O3504" s="1" t="s">
        <v>8</v>
      </c>
      <c r="P3504" s="5"/>
    </row>
    <row r="3505" spans="1:16" x14ac:dyDescent="0.2">
      <c r="A3505" s="1" t="s">
        <v>329</v>
      </c>
      <c r="B3505" s="1" t="s">
        <v>2622</v>
      </c>
      <c r="C3505" s="1" t="s">
        <v>11901</v>
      </c>
      <c r="D3505" s="1" t="s">
        <v>10</v>
      </c>
      <c r="E3505" s="1"/>
      <c r="F3505" s="1" t="s">
        <v>27</v>
      </c>
      <c r="G3505" s="1" t="s">
        <v>10</v>
      </c>
      <c r="H3505" s="1" t="s">
        <v>12114</v>
      </c>
      <c r="I3505" s="1" t="s">
        <v>11878</v>
      </c>
      <c r="J3505" s="1" t="s">
        <v>11886</v>
      </c>
      <c r="K3505" s="1" t="s">
        <v>64</v>
      </c>
      <c r="L3505" s="1" t="s">
        <v>12113</v>
      </c>
      <c r="M3505" s="1" t="s">
        <v>5</v>
      </c>
      <c r="N3505" s="1" t="s">
        <v>10</v>
      </c>
      <c r="O3505" s="1" t="s">
        <v>8</v>
      </c>
      <c r="P3505" s="5"/>
    </row>
    <row r="3506" spans="1:16" x14ac:dyDescent="0.2">
      <c r="A3506" s="1" t="s">
        <v>329</v>
      </c>
      <c r="B3506" s="1" t="s">
        <v>2622</v>
      </c>
      <c r="C3506" s="1" t="s">
        <v>11914</v>
      </c>
      <c r="D3506" s="1" t="s">
        <v>10</v>
      </c>
      <c r="E3506" s="1"/>
      <c r="F3506" s="1" t="s">
        <v>27</v>
      </c>
      <c r="G3506" s="1" t="s">
        <v>10</v>
      </c>
      <c r="H3506" s="1" t="s">
        <v>12116</v>
      </c>
      <c r="I3506" s="1" t="s">
        <v>11878</v>
      </c>
      <c r="J3506" s="1" t="s">
        <v>11886</v>
      </c>
      <c r="K3506" s="1" t="s">
        <v>64</v>
      </c>
      <c r="L3506" s="1" t="s">
        <v>12115</v>
      </c>
      <c r="M3506" s="1" t="s">
        <v>5</v>
      </c>
      <c r="N3506" s="1" t="s">
        <v>10</v>
      </c>
      <c r="O3506" s="1" t="s">
        <v>8</v>
      </c>
      <c r="P3506" s="5"/>
    </row>
    <row r="3507" spans="1:16" x14ac:dyDescent="0.2">
      <c r="A3507" s="1" t="s">
        <v>66</v>
      </c>
      <c r="B3507" s="1" t="s">
        <v>1127</v>
      </c>
      <c r="C3507" s="1" t="s">
        <v>12119</v>
      </c>
      <c r="D3507" s="1" t="s">
        <v>12120</v>
      </c>
      <c r="E3507" s="1" t="s">
        <v>12122</v>
      </c>
      <c r="F3507" s="1" t="s">
        <v>10</v>
      </c>
      <c r="G3507" s="1" t="s">
        <v>10</v>
      </c>
      <c r="H3507" s="1" t="s">
        <v>10</v>
      </c>
      <c r="I3507" s="1" t="s">
        <v>12117</v>
      </c>
      <c r="J3507" s="1" t="s">
        <v>12121</v>
      </c>
      <c r="K3507" s="1" t="s">
        <v>7</v>
      </c>
      <c r="L3507" s="1" t="s">
        <v>12118</v>
      </c>
      <c r="M3507" s="1" t="s">
        <v>5</v>
      </c>
      <c r="N3507" s="1" t="s">
        <v>10</v>
      </c>
      <c r="O3507" s="1" t="s">
        <v>38</v>
      </c>
      <c r="P3507" s="5" t="s">
        <v>30291</v>
      </c>
    </row>
    <row r="3508" spans="1:16" x14ac:dyDescent="0.2">
      <c r="A3508" s="1" t="s">
        <v>42</v>
      </c>
      <c r="B3508" s="1" t="s">
        <v>43</v>
      </c>
      <c r="C3508" s="1" t="s">
        <v>12124</v>
      </c>
      <c r="D3508" s="1" t="s">
        <v>12124</v>
      </c>
      <c r="E3508" s="1" t="s">
        <v>12125</v>
      </c>
      <c r="F3508" s="1" t="s">
        <v>27</v>
      </c>
      <c r="G3508" s="1" t="s">
        <v>10</v>
      </c>
      <c r="H3508" s="1" t="s">
        <v>12126</v>
      </c>
      <c r="I3508" s="1" t="s">
        <v>12117</v>
      </c>
      <c r="J3508" s="1" t="s">
        <v>12121</v>
      </c>
      <c r="K3508" s="1" t="s">
        <v>27</v>
      </c>
      <c r="L3508" s="1" t="s">
        <v>12123</v>
      </c>
      <c r="M3508" s="1" t="s">
        <v>5</v>
      </c>
      <c r="N3508" s="1" t="s">
        <v>1009</v>
      </c>
      <c r="O3508" s="1" t="s">
        <v>8</v>
      </c>
      <c r="P3508" s="5" t="s">
        <v>30292</v>
      </c>
    </row>
    <row r="3509" spans="1:16" x14ac:dyDescent="0.2">
      <c r="A3509" s="1" t="s">
        <v>194</v>
      </c>
      <c r="B3509" s="1" t="s">
        <v>4492</v>
      </c>
      <c r="C3509" s="1" t="s">
        <v>12128</v>
      </c>
      <c r="D3509" s="1" t="s">
        <v>12129</v>
      </c>
      <c r="E3509" s="1" t="s">
        <v>12131</v>
      </c>
      <c r="F3509" s="1" t="s">
        <v>10</v>
      </c>
      <c r="G3509" s="1" t="s">
        <v>10</v>
      </c>
      <c r="H3509" s="1" t="s">
        <v>10</v>
      </c>
      <c r="I3509" s="1" t="s">
        <v>12117</v>
      </c>
      <c r="J3509" s="1" t="s">
        <v>12130</v>
      </c>
      <c r="K3509" s="1" t="s">
        <v>27</v>
      </c>
      <c r="L3509" s="1" t="s">
        <v>12127</v>
      </c>
      <c r="M3509" s="1" t="s">
        <v>5</v>
      </c>
      <c r="N3509" s="1" t="s">
        <v>25</v>
      </c>
      <c r="O3509" s="1" t="s">
        <v>38</v>
      </c>
      <c r="P3509" s="5" t="s">
        <v>30293</v>
      </c>
    </row>
    <row r="3510" spans="1:16" x14ac:dyDescent="0.2">
      <c r="A3510" s="1" t="s">
        <v>66</v>
      </c>
      <c r="B3510" s="1" t="s">
        <v>67</v>
      </c>
      <c r="C3510" s="1" t="s">
        <v>12133</v>
      </c>
      <c r="D3510" s="1" t="s">
        <v>12134</v>
      </c>
      <c r="E3510" s="1" t="s">
        <v>12135</v>
      </c>
      <c r="F3510" s="1" t="s">
        <v>10</v>
      </c>
      <c r="G3510" s="1" t="s">
        <v>10</v>
      </c>
      <c r="H3510" s="1" t="s">
        <v>10</v>
      </c>
      <c r="I3510" s="1" t="s">
        <v>12117</v>
      </c>
      <c r="J3510" s="1" t="s">
        <v>19</v>
      </c>
      <c r="K3510" s="1" t="s">
        <v>443</v>
      </c>
      <c r="L3510" s="1" t="s">
        <v>12132</v>
      </c>
      <c r="M3510" s="1" t="s">
        <v>5</v>
      </c>
      <c r="N3510" s="1" t="s">
        <v>10</v>
      </c>
      <c r="O3510" s="1" t="s">
        <v>38</v>
      </c>
      <c r="P3510" s="5" t="s">
        <v>30294</v>
      </c>
    </row>
    <row r="3511" spans="1:16" x14ac:dyDescent="0.2">
      <c r="A3511" s="1" t="s">
        <v>20</v>
      </c>
      <c r="B3511" s="1" t="s">
        <v>445</v>
      </c>
      <c r="C3511" s="1" t="s">
        <v>12137</v>
      </c>
      <c r="D3511" s="1" t="s">
        <v>12138</v>
      </c>
      <c r="E3511" s="1" t="s">
        <v>12139</v>
      </c>
      <c r="F3511" s="1" t="s">
        <v>10</v>
      </c>
      <c r="G3511" s="1" t="s">
        <v>10</v>
      </c>
      <c r="H3511" s="1" t="s">
        <v>10</v>
      </c>
      <c r="I3511" s="1" t="s">
        <v>12117</v>
      </c>
      <c r="J3511" s="1" t="s">
        <v>12121</v>
      </c>
      <c r="K3511" s="1" t="s">
        <v>7</v>
      </c>
      <c r="L3511" s="1" t="s">
        <v>12136</v>
      </c>
      <c r="M3511" s="1" t="s">
        <v>5</v>
      </c>
      <c r="N3511" s="1" t="s">
        <v>10</v>
      </c>
      <c r="O3511" s="1" t="s">
        <v>38</v>
      </c>
      <c r="P3511" s="5" t="s">
        <v>31487</v>
      </c>
    </row>
    <row r="3512" spans="1:16" x14ac:dyDescent="0.2">
      <c r="A3512" s="1" t="s">
        <v>20</v>
      </c>
      <c r="B3512" s="1" t="s">
        <v>445</v>
      </c>
      <c r="C3512" s="1" t="s">
        <v>12141</v>
      </c>
      <c r="D3512" s="1" t="s">
        <v>12141</v>
      </c>
      <c r="E3512" s="1" t="s">
        <v>12142</v>
      </c>
      <c r="F3512" s="1" t="s">
        <v>10</v>
      </c>
      <c r="G3512" s="1" t="s">
        <v>10</v>
      </c>
      <c r="H3512" s="1" t="s">
        <v>10</v>
      </c>
      <c r="I3512" s="1" t="s">
        <v>12117</v>
      </c>
      <c r="J3512" s="1" t="s">
        <v>12121</v>
      </c>
      <c r="K3512" s="1" t="s">
        <v>7</v>
      </c>
      <c r="L3512" s="1" t="s">
        <v>12140</v>
      </c>
      <c r="M3512" s="1" t="s">
        <v>5</v>
      </c>
      <c r="N3512" s="1" t="s">
        <v>10</v>
      </c>
      <c r="O3512" s="1" t="s">
        <v>38</v>
      </c>
      <c r="P3512" s="5" t="s">
        <v>31488</v>
      </c>
    </row>
    <row r="3513" spans="1:16" x14ac:dyDescent="0.2">
      <c r="A3513" s="1" t="s">
        <v>20</v>
      </c>
      <c r="B3513" s="1" t="s">
        <v>445</v>
      </c>
      <c r="C3513" s="1" t="s">
        <v>12146</v>
      </c>
      <c r="D3513" s="1" t="s">
        <v>12147</v>
      </c>
      <c r="E3513" s="1" t="s">
        <v>12149</v>
      </c>
      <c r="F3513" s="1" t="s">
        <v>10</v>
      </c>
      <c r="G3513" s="1" t="s">
        <v>10</v>
      </c>
      <c r="H3513" s="1" t="s">
        <v>10</v>
      </c>
      <c r="I3513" s="1" t="s">
        <v>12117</v>
      </c>
      <c r="J3513" s="1" t="s">
        <v>12148</v>
      </c>
      <c r="K3513" s="1" t="s">
        <v>27</v>
      </c>
      <c r="L3513" s="1" t="s">
        <v>12145</v>
      </c>
      <c r="M3513" s="1" t="s">
        <v>5</v>
      </c>
      <c r="N3513" s="1" t="s">
        <v>25</v>
      </c>
      <c r="O3513" s="1" t="s">
        <v>38</v>
      </c>
      <c r="P3513" s="5" t="s">
        <v>31489</v>
      </c>
    </row>
    <row r="3514" spans="1:16" x14ac:dyDescent="0.2">
      <c r="A3514" s="1" t="s">
        <v>66</v>
      </c>
      <c r="B3514" s="1" t="s">
        <v>574</v>
      </c>
      <c r="C3514" s="1" t="s">
        <v>12151</v>
      </c>
      <c r="D3514" s="1" t="s">
        <v>12152</v>
      </c>
      <c r="E3514" s="1" t="s">
        <v>12153</v>
      </c>
      <c r="F3514" s="1" t="s">
        <v>10</v>
      </c>
      <c r="G3514" s="1" t="s">
        <v>10</v>
      </c>
      <c r="H3514" s="1" t="s">
        <v>10</v>
      </c>
      <c r="I3514" s="1" t="s">
        <v>12117</v>
      </c>
      <c r="J3514" s="1" t="s">
        <v>12148</v>
      </c>
      <c r="K3514" s="1" t="s">
        <v>27</v>
      </c>
      <c r="L3514" s="1" t="s">
        <v>12150</v>
      </c>
      <c r="M3514" s="1" t="s">
        <v>5</v>
      </c>
      <c r="N3514" s="1" t="s">
        <v>25</v>
      </c>
      <c r="O3514" s="1" t="s">
        <v>38</v>
      </c>
      <c r="P3514" s="5" t="s">
        <v>30295</v>
      </c>
    </row>
    <row r="3515" spans="1:16" x14ac:dyDescent="0.2">
      <c r="A3515" s="1" t="s">
        <v>66</v>
      </c>
      <c r="B3515" s="1" t="s">
        <v>574</v>
      </c>
      <c r="C3515" s="1" t="s">
        <v>12155</v>
      </c>
      <c r="D3515" s="1" t="s">
        <v>9760</v>
      </c>
      <c r="E3515" s="1" t="s">
        <v>12156</v>
      </c>
      <c r="F3515" s="1" t="s">
        <v>10</v>
      </c>
      <c r="G3515" s="1" t="s">
        <v>10</v>
      </c>
      <c r="H3515" s="1" t="s">
        <v>10</v>
      </c>
      <c r="I3515" s="1" t="s">
        <v>12117</v>
      </c>
      <c r="J3515" s="1" t="s">
        <v>12148</v>
      </c>
      <c r="K3515" s="1" t="s">
        <v>27</v>
      </c>
      <c r="L3515" s="1" t="s">
        <v>12154</v>
      </c>
      <c r="M3515" s="1" t="s">
        <v>5</v>
      </c>
      <c r="N3515" s="1" t="s">
        <v>25</v>
      </c>
      <c r="O3515" s="1" t="s">
        <v>38</v>
      </c>
      <c r="P3515" s="5" t="s">
        <v>30901</v>
      </c>
    </row>
    <row r="3516" spans="1:16" x14ac:dyDescent="0.2">
      <c r="A3516" s="1" t="s">
        <v>20</v>
      </c>
      <c r="B3516" s="1" t="s">
        <v>1047</v>
      </c>
      <c r="C3516" s="1" t="s">
        <v>12160</v>
      </c>
      <c r="D3516" s="1" t="s">
        <v>10645</v>
      </c>
      <c r="E3516" s="1" t="s">
        <v>12161</v>
      </c>
      <c r="F3516" s="1" t="s">
        <v>10</v>
      </c>
      <c r="G3516" s="1" t="s">
        <v>10</v>
      </c>
      <c r="H3516" s="1" t="s">
        <v>10</v>
      </c>
      <c r="I3516" s="1" t="s">
        <v>12117</v>
      </c>
      <c r="J3516" s="1" t="s">
        <v>19</v>
      </c>
      <c r="K3516" s="1" t="s">
        <v>1468</v>
      </c>
      <c r="L3516" s="1" t="s">
        <v>12159</v>
      </c>
      <c r="M3516" s="1" t="s">
        <v>5</v>
      </c>
      <c r="N3516" s="1" t="s">
        <v>25</v>
      </c>
      <c r="O3516" s="1" t="s">
        <v>38</v>
      </c>
      <c r="P3516" s="5" t="s">
        <v>30296</v>
      </c>
    </row>
    <row r="3517" spans="1:16" x14ac:dyDescent="0.2">
      <c r="A3517" s="1" t="s">
        <v>20</v>
      </c>
      <c r="B3517" s="1" t="s">
        <v>445</v>
      </c>
      <c r="C3517" s="1" t="s">
        <v>12163</v>
      </c>
      <c r="D3517" s="1" t="s">
        <v>12164</v>
      </c>
      <c r="E3517" s="1" t="s">
        <v>12165</v>
      </c>
      <c r="F3517" s="1" t="s">
        <v>10</v>
      </c>
      <c r="G3517" s="1" t="s">
        <v>10</v>
      </c>
      <c r="H3517" s="1" t="s">
        <v>10</v>
      </c>
      <c r="I3517" s="1" t="s">
        <v>12117</v>
      </c>
      <c r="J3517" s="1" t="s">
        <v>10</v>
      </c>
      <c r="K3517" s="1" t="s">
        <v>10</v>
      </c>
      <c r="L3517" s="1" t="s">
        <v>12162</v>
      </c>
      <c r="M3517" s="1" t="s">
        <v>5</v>
      </c>
      <c r="N3517" s="1" t="s">
        <v>6</v>
      </c>
      <c r="O3517" s="1" t="s">
        <v>38</v>
      </c>
      <c r="P3517" s="5" t="s">
        <v>32751</v>
      </c>
    </row>
    <row r="3518" spans="1:16" x14ac:dyDescent="0.2">
      <c r="A3518" s="1" t="s">
        <v>20</v>
      </c>
      <c r="B3518" s="1" t="s">
        <v>445</v>
      </c>
      <c r="C3518" s="1" t="s">
        <v>12167</v>
      </c>
      <c r="D3518" s="1" t="s">
        <v>12168</v>
      </c>
      <c r="E3518" s="1" t="s">
        <v>12165</v>
      </c>
      <c r="F3518" s="1" t="s">
        <v>10</v>
      </c>
      <c r="G3518" s="1" t="s">
        <v>10</v>
      </c>
      <c r="H3518" s="1" t="s">
        <v>10</v>
      </c>
      <c r="I3518" s="1" t="s">
        <v>12117</v>
      </c>
      <c r="J3518" s="1" t="s">
        <v>10</v>
      </c>
      <c r="K3518" s="1" t="s">
        <v>10</v>
      </c>
      <c r="L3518" s="1" t="s">
        <v>12166</v>
      </c>
      <c r="M3518" s="1" t="s">
        <v>5</v>
      </c>
      <c r="N3518" s="1" t="s">
        <v>6</v>
      </c>
      <c r="O3518" s="1" t="s">
        <v>38</v>
      </c>
      <c r="P3518" s="5" t="s">
        <v>29944</v>
      </c>
    </row>
    <row r="3519" spans="1:16" x14ac:dyDescent="0.2">
      <c r="A3519" s="1" t="s">
        <v>194</v>
      </c>
      <c r="B3519" s="1" t="s">
        <v>7145</v>
      </c>
      <c r="C3519" s="1" t="s">
        <v>12170</v>
      </c>
      <c r="D3519" s="1" t="s">
        <v>12170</v>
      </c>
      <c r="E3519" s="1" t="s">
        <v>12171</v>
      </c>
      <c r="F3519" s="1" t="s">
        <v>27</v>
      </c>
      <c r="G3519" s="1" t="s">
        <v>10</v>
      </c>
      <c r="H3519" s="1" t="s">
        <v>12172</v>
      </c>
      <c r="I3519" s="1" t="s">
        <v>12117</v>
      </c>
      <c r="J3519" s="1" t="s">
        <v>12121</v>
      </c>
      <c r="K3519" s="1" t="s">
        <v>27</v>
      </c>
      <c r="L3519" s="1" t="s">
        <v>12169</v>
      </c>
      <c r="M3519" s="1" t="s">
        <v>5</v>
      </c>
      <c r="N3519" s="1" t="s">
        <v>10</v>
      </c>
      <c r="O3519" s="1" t="s">
        <v>8</v>
      </c>
      <c r="P3519" s="5" t="s">
        <v>32752</v>
      </c>
    </row>
    <row r="3520" spans="1:16" x14ac:dyDescent="0.2">
      <c r="A3520" s="1" t="s">
        <v>194</v>
      </c>
      <c r="B3520" s="1" t="s">
        <v>4492</v>
      </c>
      <c r="C3520" s="1" t="s">
        <v>12174</v>
      </c>
      <c r="D3520" s="1" t="s">
        <v>12175</v>
      </c>
      <c r="E3520" s="1" t="s">
        <v>12176</v>
      </c>
      <c r="F3520" s="1" t="s">
        <v>27</v>
      </c>
      <c r="G3520" s="1" t="s">
        <v>10</v>
      </c>
      <c r="H3520" s="1" t="s">
        <v>12174</v>
      </c>
      <c r="I3520" s="1" t="s">
        <v>12117</v>
      </c>
      <c r="J3520" s="1" t="s">
        <v>12121</v>
      </c>
      <c r="K3520" s="1" t="s">
        <v>7</v>
      </c>
      <c r="L3520" s="1" t="s">
        <v>12173</v>
      </c>
      <c r="M3520" s="1" t="s">
        <v>5</v>
      </c>
      <c r="N3520" s="1" t="s">
        <v>10</v>
      </c>
      <c r="O3520" s="1" t="s">
        <v>8</v>
      </c>
      <c r="P3520" s="5" t="s">
        <v>29961</v>
      </c>
    </row>
    <row r="3521" spans="1:16" x14ac:dyDescent="0.2">
      <c r="A3521" s="1" t="s">
        <v>194</v>
      </c>
      <c r="B3521" s="1" t="s">
        <v>7145</v>
      </c>
      <c r="C3521" s="1" t="s">
        <v>12178</v>
      </c>
      <c r="D3521" s="1" t="s">
        <v>12179</v>
      </c>
      <c r="E3521" s="1" t="s">
        <v>12180</v>
      </c>
      <c r="F3521" s="1" t="s">
        <v>27</v>
      </c>
      <c r="G3521" s="1" t="s">
        <v>10</v>
      </c>
      <c r="H3521" s="1" t="s">
        <v>12181</v>
      </c>
      <c r="I3521" s="1" t="s">
        <v>12117</v>
      </c>
      <c r="J3521" s="1" t="s">
        <v>12121</v>
      </c>
      <c r="K3521" s="1" t="s">
        <v>27</v>
      </c>
      <c r="L3521" s="1" t="s">
        <v>12177</v>
      </c>
      <c r="M3521" s="1" t="s">
        <v>5</v>
      </c>
      <c r="N3521" s="1" t="s">
        <v>10</v>
      </c>
      <c r="O3521" s="1" t="s">
        <v>8</v>
      </c>
      <c r="P3521" s="5" t="s">
        <v>29961</v>
      </c>
    </row>
    <row r="3522" spans="1:16" x14ac:dyDescent="0.2">
      <c r="A3522" s="1" t="s">
        <v>66</v>
      </c>
      <c r="B3522" s="1" t="s">
        <v>1117</v>
      </c>
      <c r="C3522" s="1" t="s">
        <v>12183</v>
      </c>
      <c r="D3522" s="1" t="s">
        <v>12183</v>
      </c>
      <c r="E3522" s="1" t="s">
        <v>12184</v>
      </c>
      <c r="F3522" s="1" t="s">
        <v>27</v>
      </c>
      <c r="G3522" s="1" t="s">
        <v>10</v>
      </c>
      <c r="H3522" s="1" t="s">
        <v>12185</v>
      </c>
      <c r="I3522" s="1" t="s">
        <v>12117</v>
      </c>
      <c r="J3522" s="1" t="s">
        <v>19</v>
      </c>
      <c r="K3522" s="1" t="s">
        <v>7</v>
      </c>
      <c r="L3522" s="1" t="s">
        <v>12182</v>
      </c>
      <c r="M3522" s="1" t="s">
        <v>5</v>
      </c>
      <c r="N3522" s="1" t="s">
        <v>10</v>
      </c>
      <c r="O3522" s="1" t="s">
        <v>8</v>
      </c>
      <c r="P3522" s="5" t="s">
        <v>31490</v>
      </c>
    </row>
    <row r="3523" spans="1:16" x14ac:dyDescent="0.2">
      <c r="A3523" s="1" t="s">
        <v>20</v>
      </c>
      <c r="B3523" s="1" t="s">
        <v>4373</v>
      </c>
      <c r="C3523" s="1" t="s">
        <v>12187</v>
      </c>
      <c r="D3523" s="1" t="s">
        <v>12187</v>
      </c>
      <c r="E3523" s="1" t="s">
        <v>12189</v>
      </c>
      <c r="F3523" s="1" t="s">
        <v>27</v>
      </c>
      <c r="G3523" s="1" t="s">
        <v>10</v>
      </c>
      <c r="H3523" s="1" t="s">
        <v>12190</v>
      </c>
      <c r="I3523" s="1" t="s">
        <v>12117</v>
      </c>
      <c r="J3523" s="1" t="s">
        <v>12188</v>
      </c>
      <c r="K3523" s="1" t="s">
        <v>27</v>
      </c>
      <c r="L3523" s="1" t="s">
        <v>12186</v>
      </c>
      <c r="M3523" s="1" t="s">
        <v>5</v>
      </c>
      <c r="N3523" s="1" t="s">
        <v>10</v>
      </c>
      <c r="O3523" s="1" t="s">
        <v>8</v>
      </c>
      <c r="P3523" s="5" t="s">
        <v>29944</v>
      </c>
    </row>
    <row r="3524" spans="1:16" x14ac:dyDescent="0.2">
      <c r="A3524" s="1" t="s">
        <v>329</v>
      </c>
      <c r="B3524" s="1" t="s">
        <v>1659</v>
      </c>
      <c r="C3524" s="1" t="s">
        <v>12192</v>
      </c>
      <c r="D3524" s="1" t="s">
        <v>12193</v>
      </c>
      <c r="E3524" s="1" t="s">
        <v>12194</v>
      </c>
      <c r="F3524" s="1" t="s">
        <v>414</v>
      </c>
      <c r="G3524" s="1" t="s">
        <v>12192</v>
      </c>
      <c r="H3524" s="1" t="s">
        <v>12195</v>
      </c>
      <c r="I3524" s="1" t="s">
        <v>12117</v>
      </c>
      <c r="J3524" s="1" t="s">
        <v>19</v>
      </c>
      <c r="K3524" s="1" t="s">
        <v>37</v>
      </c>
      <c r="L3524" s="1" t="s">
        <v>12191</v>
      </c>
      <c r="M3524" s="1" t="s">
        <v>5</v>
      </c>
      <c r="N3524" s="1" t="s">
        <v>1009</v>
      </c>
      <c r="O3524" s="1" t="s">
        <v>8</v>
      </c>
      <c r="P3524" s="5" t="s">
        <v>30297</v>
      </c>
    </row>
    <row r="3525" spans="1:16" x14ac:dyDescent="0.2">
      <c r="A3525" s="1" t="s">
        <v>20</v>
      </c>
      <c r="B3525" s="1" t="s">
        <v>3530</v>
      </c>
      <c r="C3525" s="1" t="s">
        <v>12197</v>
      </c>
      <c r="D3525" s="1" t="s">
        <v>12197</v>
      </c>
      <c r="E3525" s="1" t="s">
        <v>12198</v>
      </c>
      <c r="F3525" s="1" t="s">
        <v>27</v>
      </c>
      <c r="G3525" s="1" t="s">
        <v>10</v>
      </c>
      <c r="H3525" s="1" t="s">
        <v>12199</v>
      </c>
      <c r="I3525" s="1" t="s">
        <v>12117</v>
      </c>
      <c r="J3525" s="1" t="s">
        <v>19</v>
      </c>
      <c r="K3525" s="1" t="s">
        <v>37</v>
      </c>
      <c r="L3525" s="1" t="s">
        <v>12196</v>
      </c>
      <c r="M3525" s="1" t="s">
        <v>5</v>
      </c>
      <c r="N3525" s="1" t="s">
        <v>1009</v>
      </c>
      <c r="O3525" s="1" t="s">
        <v>8</v>
      </c>
      <c r="P3525" s="5" t="s">
        <v>30298</v>
      </c>
    </row>
    <row r="3526" spans="1:16" x14ac:dyDescent="0.2">
      <c r="A3526" s="1" t="s">
        <v>20</v>
      </c>
      <c r="B3526" s="1" t="s">
        <v>3530</v>
      </c>
      <c r="C3526" s="1" t="s">
        <v>12201</v>
      </c>
      <c r="D3526" s="1" t="s">
        <v>12201</v>
      </c>
      <c r="E3526" s="1" t="s">
        <v>12198</v>
      </c>
      <c r="F3526" s="1" t="s">
        <v>27</v>
      </c>
      <c r="G3526" s="1" t="s">
        <v>10</v>
      </c>
      <c r="H3526" s="1" t="s">
        <v>12202</v>
      </c>
      <c r="I3526" s="1" t="s">
        <v>12117</v>
      </c>
      <c r="J3526" s="1" t="s">
        <v>19</v>
      </c>
      <c r="K3526" s="1" t="s">
        <v>37</v>
      </c>
      <c r="L3526" s="1" t="s">
        <v>12200</v>
      </c>
      <c r="M3526" s="1" t="s">
        <v>5</v>
      </c>
      <c r="N3526" s="1" t="s">
        <v>1009</v>
      </c>
      <c r="O3526" s="1" t="s">
        <v>8</v>
      </c>
      <c r="P3526" s="5" t="s">
        <v>30299</v>
      </c>
    </row>
    <row r="3527" spans="1:16" x14ac:dyDescent="0.2">
      <c r="A3527" s="1" t="s">
        <v>20</v>
      </c>
      <c r="B3527" s="1" t="s">
        <v>445</v>
      </c>
      <c r="C3527" s="1" t="s">
        <v>12204</v>
      </c>
      <c r="D3527" s="1" t="s">
        <v>12205</v>
      </c>
      <c r="E3527" s="1" t="s">
        <v>12206</v>
      </c>
      <c r="F3527" s="1" t="s">
        <v>27</v>
      </c>
      <c r="G3527" s="1" t="s">
        <v>10</v>
      </c>
      <c r="H3527" s="1" t="s">
        <v>12207</v>
      </c>
      <c r="I3527" s="1" t="s">
        <v>12117</v>
      </c>
      <c r="J3527" s="1" t="s">
        <v>19</v>
      </c>
      <c r="K3527" s="1" t="s">
        <v>2555</v>
      </c>
      <c r="L3527" s="1" t="s">
        <v>12203</v>
      </c>
      <c r="M3527" s="1" t="s">
        <v>5</v>
      </c>
      <c r="N3527" s="1" t="s">
        <v>25</v>
      </c>
      <c r="O3527" s="1" t="s">
        <v>8</v>
      </c>
      <c r="P3527" s="5" t="s">
        <v>31491</v>
      </c>
    </row>
    <row r="3528" spans="1:16" x14ac:dyDescent="0.2">
      <c r="A3528" s="1" t="s">
        <v>66</v>
      </c>
      <c r="B3528" s="1" t="s">
        <v>10</v>
      </c>
      <c r="C3528" s="1" t="s">
        <v>12209</v>
      </c>
      <c r="D3528" s="1" t="s">
        <v>12210</v>
      </c>
      <c r="E3528" s="1" t="s">
        <v>12211</v>
      </c>
      <c r="F3528" s="1" t="s">
        <v>414</v>
      </c>
      <c r="G3528" s="1" t="s">
        <v>10</v>
      </c>
      <c r="H3528" s="1" t="s">
        <v>10</v>
      </c>
      <c r="I3528" s="1" t="s">
        <v>12117</v>
      </c>
      <c r="J3528" s="1" t="s">
        <v>10</v>
      </c>
      <c r="K3528" s="1" t="s">
        <v>27</v>
      </c>
      <c r="L3528" s="1" t="s">
        <v>12208</v>
      </c>
      <c r="M3528" s="1" t="s">
        <v>5</v>
      </c>
      <c r="N3528" s="1" t="s">
        <v>10</v>
      </c>
      <c r="O3528" s="1" t="s">
        <v>38</v>
      </c>
      <c r="P3528" s="5" t="s">
        <v>30300</v>
      </c>
    </row>
    <row r="3529" spans="1:16" x14ac:dyDescent="0.2">
      <c r="A3529" s="1" t="s">
        <v>20</v>
      </c>
      <c r="B3529" s="1" t="s">
        <v>445</v>
      </c>
      <c r="C3529" s="1" t="s">
        <v>12213</v>
      </c>
      <c r="D3529" s="1" t="s">
        <v>12214</v>
      </c>
      <c r="E3529" s="1" t="s">
        <v>12215</v>
      </c>
      <c r="F3529" s="1" t="s">
        <v>10</v>
      </c>
      <c r="G3529" s="1" t="s">
        <v>10</v>
      </c>
      <c r="H3529" s="1" t="s">
        <v>10</v>
      </c>
      <c r="I3529" s="1" t="s">
        <v>12117</v>
      </c>
      <c r="J3529" s="1" t="s">
        <v>12148</v>
      </c>
      <c r="K3529" s="1" t="s">
        <v>27</v>
      </c>
      <c r="L3529" s="1" t="s">
        <v>12212</v>
      </c>
      <c r="M3529" s="1" t="s">
        <v>5</v>
      </c>
      <c r="N3529" s="1" t="s">
        <v>1009</v>
      </c>
      <c r="O3529" s="1" t="s">
        <v>38</v>
      </c>
      <c r="P3529" s="5" t="s">
        <v>31492</v>
      </c>
    </row>
    <row r="3530" spans="1:16" x14ac:dyDescent="0.2">
      <c r="A3530" s="1" t="s">
        <v>20</v>
      </c>
      <c r="B3530" s="1" t="s">
        <v>445</v>
      </c>
      <c r="C3530" s="1" t="s">
        <v>12217</v>
      </c>
      <c r="D3530" s="1" t="s">
        <v>12218</v>
      </c>
      <c r="E3530" s="1" t="s">
        <v>12220</v>
      </c>
      <c r="F3530" s="1" t="s">
        <v>10</v>
      </c>
      <c r="G3530" s="1" t="s">
        <v>10</v>
      </c>
      <c r="H3530" s="1" t="s">
        <v>10</v>
      </c>
      <c r="I3530" s="1" t="s">
        <v>12117</v>
      </c>
      <c r="J3530" s="1" t="s">
        <v>12219</v>
      </c>
      <c r="K3530" s="1" t="s">
        <v>27</v>
      </c>
      <c r="L3530" s="1" t="s">
        <v>12216</v>
      </c>
      <c r="M3530" s="1" t="s">
        <v>5</v>
      </c>
      <c r="N3530" s="1" t="s">
        <v>1009</v>
      </c>
      <c r="O3530" s="1" t="s">
        <v>38</v>
      </c>
      <c r="P3530" s="5" t="s">
        <v>31492</v>
      </c>
    </row>
    <row r="3531" spans="1:16" x14ac:dyDescent="0.2">
      <c r="A3531" s="1" t="s">
        <v>329</v>
      </c>
      <c r="B3531" s="1" t="s">
        <v>596</v>
      </c>
      <c r="C3531" s="1" t="s">
        <v>12222</v>
      </c>
      <c r="D3531" s="1" t="s">
        <v>12223</v>
      </c>
      <c r="E3531" s="1" t="s">
        <v>12224</v>
      </c>
      <c r="F3531" s="1" t="s">
        <v>10</v>
      </c>
      <c r="G3531" s="1" t="s">
        <v>10</v>
      </c>
      <c r="H3531" s="1" t="s">
        <v>10</v>
      </c>
      <c r="I3531" s="1" t="s">
        <v>12117</v>
      </c>
      <c r="J3531" s="1" t="s">
        <v>12144</v>
      </c>
      <c r="K3531" s="1" t="s">
        <v>27</v>
      </c>
      <c r="L3531" s="1" t="s">
        <v>12221</v>
      </c>
      <c r="M3531" s="1" t="s">
        <v>5</v>
      </c>
      <c r="N3531" s="1" t="s">
        <v>1009</v>
      </c>
      <c r="O3531" s="1" t="s">
        <v>38</v>
      </c>
      <c r="P3531" s="5" t="s">
        <v>31493</v>
      </c>
    </row>
    <row r="3532" spans="1:16" x14ac:dyDescent="0.2">
      <c r="A3532" s="1" t="s">
        <v>20</v>
      </c>
      <c r="B3532" s="1" t="s">
        <v>445</v>
      </c>
      <c r="C3532" s="1" t="s">
        <v>12226</v>
      </c>
      <c r="D3532" s="1" t="s">
        <v>12227</v>
      </c>
      <c r="E3532" s="1" t="s">
        <v>12228</v>
      </c>
      <c r="F3532" s="1" t="s">
        <v>10</v>
      </c>
      <c r="G3532" s="1" t="s">
        <v>10</v>
      </c>
      <c r="H3532" s="1" t="s">
        <v>10</v>
      </c>
      <c r="I3532" s="1" t="s">
        <v>12117</v>
      </c>
      <c r="J3532" s="1" t="s">
        <v>12148</v>
      </c>
      <c r="K3532" s="1" t="s">
        <v>27</v>
      </c>
      <c r="L3532" s="1" t="s">
        <v>12225</v>
      </c>
      <c r="M3532" s="1" t="s">
        <v>5</v>
      </c>
      <c r="N3532" s="1" t="s">
        <v>25</v>
      </c>
      <c r="O3532" s="1" t="s">
        <v>38</v>
      </c>
      <c r="P3532" s="5" t="s">
        <v>30301</v>
      </c>
    </row>
    <row r="3533" spans="1:16" x14ac:dyDescent="0.2">
      <c r="A3533" s="1" t="s">
        <v>20</v>
      </c>
      <c r="B3533" s="1" t="s">
        <v>445</v>
      </c>
      <c r="C3533" s="1" t="s">
        <v>12230</v>
      </c>
      <c r="D3533" s="1" t="s">
        <v>12231</v>
      </c>
      <c r="E3533" s="1" t="s">
        <v>12232</v>
      </c>
      <c r="F3533" s="1" t="s">
        <v>10</v>
      </c>
      <c r="G3533" s="1" t="s">
        <v>10</v>
      </c>
      <c r="H3533" s="1" t="s">
        <v>10</v>
      </c>
      <c r="I3533" s="1" t="s">
        <v>12117</v>
      </c>
      <c r="J3533" s="1" t="s">
        <v>12148</v>
      </c>
      <c r="K3533" s="1" t="s">
        <v>27</v>
      </c>
      <c r="L3533" s="1" t="s">
        <v>12229</v>
      </c>
      <c r="M3533" s="1" t="s">
        <v>5</v>
      </c>
      <c r="N3533" s="1" t="s">
        <v>25</v>
      </c>
      <c r="O3533" s="1" t="s">
        <v>38</v>
      </c>
      <c r="P3533" s="5" t="s">
        <v>30302</v>
      </c>
    </row>
    <row r="3534" spans="1:16" x14ac:dyDescent="0.2">
      <c r="A3534" s="1" t="s">
        <v>20</v>
      </c>
      <c r="B3534" s="1" t="s">
        <v>445</v>
      </c>
      <c r="C3534" s="1" t="s">
        <v>12234</v>
      </c>
      <c r="D3534" s="1" t="s">
        <v>12235</v>
      </c>
      <c r="E3534" s="1" t="s">
        <v>12236</v>
      </c>
      <c r="F3534" s="1" t="s">
        <v>10</v>
      </c>
      <c r="G3534" s="1" t="s">
        <v>10</v>
      </c>
      <c r="H3534" s="1" t="s">
        <v>10</v>
      </c>
      <c r="I3534" s="1" t="s">
        <v>12117</v>
      </c>
      <c r="J3534" s="1" t="s">
        <v>12148</v>
      </c>
      <c r="K3534" s="1" t="s">
        <v>27</v>
      </c>
      <c r="L3534" s="1" t="s">
        <v>12233</v>
      </c>
      <c r="M3534" s="1" t="s">
        <v>5</v>
      </c>
      <c r="N3534" s="1" t="s">
        <v>1009</v>
      </c>
      <c r="O3534" s="1" t="s">
        <v>38</v>
      </c>
      <c r="P3534" s="5" t="s">
        <v>30303</v>
      </c>
    </row>
    <row r="3535" spans="1:16" x14ac:dyDescent="0.2">
      <c r="A3535" s="1" t="s">
        <v>20</v>
      </c>
      <c r="B3535" s="1" t="s">
        <v>445</v>
      </c>
      <c r="C3535" s="1" t="s">
        <v>12238</v>
      </c>
      <c r="D3535" s="1" t="s">
        <v>2972</v>
      </c>
      <c r="E3535" s="1" t="s">
        <v>12239</v>
      </c>
      <c r="F3535" s="1" t="s">
        <v>10</v>
      </c>
      <c r="G3535" s="1" t="s">
        <v>10</v>
      </c>
      <c r="H3535" s="1" t="s">
        <v>10</v>
      </c>
      <c r="I3535" s="1" t="s">
        <v>12117</v>
      </c>
      <c r="J3535" s="1" t="s">
        <v>12148</v>
      </c>
      <c r="K3535" s="1" t="s">
        <v>27</v>
      </c>
      <c r="L3535" s="1" t="s">
        <v>12237</v>
      </c>
      <c r="M3535" s="1" t="s">
        <v>5</v>
      </c>
      <c r="N3535" s="1" t="s">
        <v>1009</v>
      </c>
      <c r="O3535" s="1" t="s">
        <v>38</v>
      </c>
      <c r="P3535" s="5" t="s">
        <v>30303</v>
      </c>
    </row>
    <row r="3536" spans="1:16" x14ac:dyDescent="0.2">
      <c r="A3536" s="1" t="s">
        <v>20</v>
      </c>
      <c r="B3536" s="1" t="s">
        <v>445</v>
      </c>
      <c r="C3536" s="1" t="s">
        <v>12235</v>
      </c>
      <c r="D3536" s="1" t="s">
        <v>12241</v>
      </c>
      <c r="E3536" s="1" t="s">
        <v>12242</v>
      </c>
      <c r="F3536" s="1" t="s">
        <v>10</v>
      </c>
      <c r="G3536" s="1" t="s">
        <v>10</v>
      </c>
      <c r="H3536" s="1" t="s">
        <v>10</v>
      </c>
      <c r="I3536" s="1" t="s">
        <v>12117</v>
      </c>
      <c r="J3536" s="1" t="s">
        <v>12148</v>
      </c>
      <c r="K3536" s="1" t="s">
        <v>27</v>
      </c>
      <c r="L3536" s="1" t="s">
        <v>12240</v>
      </c>
      <c r="M3536" s="1" t="s">
        <v>5</v>
      </c>
      <c r="N3536" s="1" t="s">
        <v>1009</v>
      </c>
      <c r="O3536" s="1" t="s">
        <v>38</v>
      </c>
      <c r="P3536" s="5" t="s">
        <v>31494</v>
      </c>
    </row>
    <row r="3537" spans="1:16" x14ac:dyDescent="0.2">
      <c r="A3537" s="1" t="s">
        <v>20</v>
      </c>
      <c r="B3537" s="1" t="s">
        <v>445</v>
      </c>
      <c r="C3537" s="1" t="s">
        <v>12244</v>
      </c>
      <c r="D3537" s="1" t="s">
        <v>12245</v>
      </c>
      <c r="E3537" s="1"/>
      <c r="F3537" s="1" t="s">
        <v>10</v>
      </c>
      <c r="G3537" s="1" t="s">
        <v>10</v>
      </c>
      <c r="H3537" s="1" t="s">
        <v>10</v>
      </c>
      <c r="I3537" s="1" t="s">
        <v>12117</v>
      </c>
      <c r="J3537" s="1" t="s">
        <v>12148</v>
      </c>
      <c r="K3537" s="1" t="s">
        <v>27</v>
      </c>
      <c r="L3537" s="1" t="s">
        <v>12243</v>
      </c>
      <c r="M3537" s="1" t="s">
        <v>5</v>
      </c>
      <c r="N3537" s="1" t="s">
        <v>25</v>
      </c>
      <c r="O3537" s="1" t="s">
        <v>38</v>
      </c>
      <c r="P3537" s="5" t="s">
        <v>30304</v>
      </c>
    </row>
    <row r="3538" spans="1:16" x14ac:dyDescent="0.2">
      <c r="A3538" s="1" t="s">
        <v>20</v>
      </c>
      <c r="B3538" s="1" t="s">
        <v>445</v>
      </c>
      <c r="C3538" s="1" t="s">
        <v>12247</v>
      </c>
      <c r="D3538" s="1" t="s">
        <v>12248</v>
      </c>
      <c r="E3538" s="1" t="s">
        <v>12249</v>
      </c>
      <c r="F3538" s="1" t="s">
        <v>10</v>
      </c>
      <c r="G3538" s="1" t="s">
        <v>10</v>
      </c>
      <c r="H3538" s="1" t="s">
        <v>10</v>
      </c>
      <c r="I3538" s="1" t="s">
        <v>12117</v>
      </c>
      <c r="J3538" s="1" t="s">
        <v>12148</v>
      </c>
      <c r="K3538" s="1" t="s">
        <v>27</v>
      </c>
      <c r="L3538" s="1" t="s">
        <v>12246</v>
      </c>
      <c r="M3538" s="1" t="s">
        <v>5</v>
      </c>
      <c r="N3538" s="1" t="s">
        <v>25</v>
      </c>
      <c r="O3538" s="1" t="s">
        <v>38</v>
      </c>
      <c r="P3538" s="5" t="s">
        <v>30305</v>
      </c>
    </row>
    <row r="3539" spans="1:16" x14ac:dyDescent="0.2">
      <c r="A3539" s="1" t="s">
        <v>20</v>
      </c>
      <c r="B3539" s="1" t="s">
        <v>445</v>
      </c>
      <c r="C3539" s="1" t="s">
        <v>12251</v>
      </c>
      <c r="D3539" s="1" t="s">
        <v>12252</v>
      </c>
      <c r="E3539" s="1" t="s">
        <v>12253</v>
      </c>
      <c r="F3539" s="1" t="s">
        <v>10</v>
      </c>
      <c r="G3539" s="1" t="s">
        <v>10</v>
      </c>
      <c r="H3539" s="1" t="s">
        <v>10</v>
      </c>
      <c r="I3539" s="1" t="s">
        <v>12117</v>
      </c>
      <c r="J3539" s="1" t="s">
        <v>12148</v>
      </c>
      <c r="K3539" s="1" t="s">
        <v>27</v>
      </c>
      <c r="L3539" s="1" t="s">
        <v>12250</v>
      </c>
      <c r="M3539" s="1" t="s">
        <v>5</v>
      </c>
      <c r="N3539" s="1" t="s">
        <v>25</v>
      </c>
      <c r="O3539" s="1" t="s">
        <v>38</v>
      </c>
      <c r="P3539" s="5" t="s">
        <v>31495</v>
      </c>
    </row>
    <row r="3540" spans="1:16" x14ac:dyDescent="0.2">
      <c r="A3540" s="1" t="s">
        <v>20</v>
      </c>
      <c r="B3540" s="1" t="s">
        <v>445</v>
      </c>
      <c r="C3540" s="1" t="s">
        <v>12255</v>
      </c>
      <c r="D3540" s="1" t="s">
        <v>12256</v>
      </c>
      <c r="E3540" s="1" t="s">
        <v>12257</v>
      </c>
      <c r="F3540" s="1" t="s">
        <v>10</v>
      </c>
      <c r="G3540" s="1" t="s">
        <v>10</v>
      </c>
      <c r="H3540" s="1" t="s">
        <v>10</v>
      </c>
      <c r="I3540" s="1" t="s">
        <v>12117</v>
      </c>
      <c r="J3540" s="1" t="s">
        <v>12148</v>
      </c>
      <c r="K3540" s="1" t="s">
        <v>27</v>
      </c>
      <c r="L3540" s="1" t="s">
        <v>12254</v>
      </c>
      <c r="M3540" s="1" t="s">
        <v>5</v>
      </c>
      <c r="N3540" s="1" t="s">
        <v>1009</v>
      </c>
      <c r="O3540" s="1" t="s">
        <v>38</v>
      </c>
      <c r="P3540" s="5" t="s">
        <v>31496</v>
      </c>
    </row>
    <row r="3541" spans="1:16" x14ac:dyDescent="0.2">
      <c r="A3541" s="1" t="s">
        <v>66</v>
      </c>
      <c r="B3541" s="1" t="s">
        <v>574</v>
      </c>
      <c r="C3541" s="1" t="s">
        <v>12259</v>
      </c>
      <c r="D3541" s="1" t="s">
        <v>12260</v>
      </c>
      <c r="E3541" s="1" t="s">
        <v>12261</v>
      </c>
      <c r="F3541" s="1" t="s">
        <v>10</v>
      </c>
      <c r="G3541" s="1" t="s">
        <v>10</v>
      </c>
      <c r="H3541" s="1" t="s">
        <v>10</v>
      </c>
      <c r="I3541" s="1" t="s">
        <v>12117</v>
      </c>
      <c r="J3541" s="1" t="s">
        <v>12148</v>
      </c>
      <c r="K3541" s="1" t="s">
        <v>27</v>
      </c>
      <c r="L3541" s="1" t="s">
        <v>12258</v>
      </c>
      <c r="M3541" s="1" t="s">
        <v>5</v>
      </c>
      <c r="N3541" s="1" t="s">
        <v>25</v>
      </c>
      <c r="O3541" s="1" t="s">
        <v>38</v>
      </c>
      <c r="P3541" s="5" t="s">
        <v>30306</v>
      </c>
    </row>
    <row r="3542" spans="1:16" x14ac:dyDescent="0.2">
      <c r="A3542" s="1" t="s">
        <v>194</v>
      </c>
      <c r="B3542" s="1" t="s">
        <v>7145</v>
      </c>
      <c r="C3542" s="1" t="s">
        <v>12263</v>
      </c>
      <c r="D3542" s="1" t="s">
        <v>12263</v>
      </c>
      <c r="E3542" s="1" t="s">
        <v>12265</v>
      </c>
      <c r="F3542" s="1" t="s">
        <v>27</v>
      </c>
      <c r="G3542" s="1" t="s">
        <v>10</v>
      </c>
      <c r="H3542" s="1" t="s">
        <v>12266</v>
      </c>
      <c r="I3542" s="1" t="s">
        <v>12117</v>
      </c>
      <c r="J3542" s="1" t="s">
        <v>12264</v>
      </c>
      <c r="K3542" s="1" t="s">
        <v>27</v>
      </c>
      <c r="L3542" s="1" t="s">
        <v>12262</v>
      </c>
      <c r="M3542" s="1" t="s">
        <v>5</v>
      </c>
      <c r="N3542" s="1" t="s">
        <v>25</v>
      </c>
      <c r="O3542" s="1" t="s">
        <v>8</v>
      </c>
      <c r="P3542" s="5" t="s">
        <v>30307</v>
      </c>
    </row>
    <row r="3543" spans="1:16" x14ac:dyDescent="0.2">
      <c r="A3543" s="1" t="s">
        <v>20</v>
      </c>
      <c r="B3543" s="1" t="s">
        <v>445</v>
      </c>
      <c r="C3543" s="1" t="s">
        <v>12268</v>
      </c>
      <c r="D3543" s="1" t="s">
        <v>12269</v>
      </c>
      <c r="E3543" s="1" t="s">
        <v>12270</v>
      </c>
      <c r="F3543" s="1" t="s">
        <v>10</v>
      </c>
      <c r="G3543" s="1" t="s">
        <v>10</v>
      </c>
      <c r="H3543" s="1" t="s">
        <v>10</v>
      </c>
      <c r="I3543" s="1" t="s">
        <v>12117</v>
      </c>
      <c r="J3543" s="1" t="s">
        <v>12148</v>
      </c>
      <c r="K3543" s="1" t="s">
        <v>27</v>
      </c>
      <c r="L3543" s="1" t="s">
        <v>12267</v>
      </c>
      <c r="M3543" s="1" t="s">
        <v>5</v>
      </c>
      <c r="N3543" s="1" t="s">
        <v>25</v>
      </c>
      <c r="O3543" s="1" t="s">
        <v>38</v>
      </c>
      <c r="P3543" s="5" t="s">
        <v>31497</v>
      </c>
    </row>
    <row r="3544" spans="1:16" x14ac:dyDescent="0.2">
      <c r="A3544" s="1" t="s">
        <v>20</v>
      </c>
      <c r="B3544" s="1" t="s">
        <v>445</v>
      </c>
      <c r="C3544" s="1" t="s">
        <v>12272</v>
      </c>
      <c r="D3544" s="1" t="s">
        <v>12273</v>
      </c>
      <c r="E3544" s="1"/>
      <c r="F3544" s="1" t="s">
        <v>10</v>
      </c>
      <c r="G3544" s="1" t="s">
        <v>10</v>
      </c>
      <c r="H3544" s="1" t="s">
        <v>10</v>
      </c>
      <c r="I3544" s="1" t="s">
        <v>12117</v>
      </c>
      <c r="J3544" s="1" t="s">
        <v>12148</v>
      </c>
      <c r="K3544" s="1" t="s">
        <v>27</v>
      </c>
      <c r="L3544" s="1" t="s">
        <v>12271</v>
      </c>
      <c r="M3544" s="1" t="s">
        <v>5</v>
      </c>
      <c r="N3544" s="1" t="s">
        <v>25</v>
      </c>
      <c r="O3544" s="1" t="s">
        <v>38</v>
      </c>
      <c r="P3544" s="5" t="s">
        <v>31498</v>
      </c>
    </row>
    <row r="3545" spans="1:16" x14ac:dyDescent="0.2">
      <c r="A3545" s="1" t="s">
        <v>20</v>
      </c>
      <c r="B3545" s="1" t="s">
        <v>445</v>
      </c>
      <c r="C3545" s="1" t="s">
        <v>12275</v>
      </c>
      <c r="D3545" s="1" t="s">
        <v>12276</v>
      </c>
      <c r="E3545" s="1" t="s">
        <v>12270</v>
      </c>
      <c r="F3545" s="1" t="s">
        <v>10</v>
      </c>
      <c r="G3545" s="1" t="s">
        <v>10</v>
      </c>
      <c r="H3545" s="1" t="s">
        <v>10</v>
      </c>
      <c r="I3545" s="1" t="s">
        <v>12117</v>
      </c>
      <c r="J3545" s="1" t="s">
        <v>12148</v>
      </c>
      <c r="K3545" s="1" t="s">
        <v>27</v>
      </c>
      <c r="L3545" s="1" t="s">
        <v>12274</v>
      </c>
      <c r="M3545" s="1" t="s">
        <v>5</v>
      </c>
      <c r="N3545" s="1" t="s">
        <v>25</v>
      </c>
      <c r="O3545" s="1" t="s">
        <v>38</v>
      </c>
      <c r="P3545" s="5" t="s">
        <v>29837</v>
      </c>
    </row>
    <row r="3546" spans="1:16" x14ac:dyDescent="0.2">
      <c r="A3546" s="1" t="s">
        <v>20</v>
      </c>
      <c r="B3546" s="1" t="s">
        <v>445</v>
      </c>
      <c r="C3546" s="1" t="s">
        <v>12278</v>
      </c>
      <c r="D3546" s="1" t="s">
        <v>12279</v>
      </c>
      <c r="E3546" s="1" t="s">
        <v>12270</v>
      </c>
      <c r="F3546" s="1" t="s">
        <v>10</v>
      </c>
      <c r="G3546" s="1" t="s">
        <v>10</v>
      </c>
      <c r="H3546" s="1" t="s">
        <v>10</v>
      </c>
      <c r="I3546" s="1" t="s">
        <v>12117</v>
      </c>
      <c r="J3546" s="1" t="s">
        <v>12148</v>
      </c>
      <c r="K3546" s="1" t="s">
        <v>27</v>
      </c>
      <c r="L3546" s="1" t="s">
        <v>12277</v>
      </c>
      <c r="M3546" s="1" t="s">
        <v>5</v>
      </c>
      <c r="N3546" s="1" t="s">
        <v>25</v>
      </c>
      <c r="O3546" s="1" t="s">
        <v>38</v>
      </c>
      <c r="P3546" s="5" t="s">
        <v>29837</v>
      </c>
    </row>
    <row r="3547" spans="1:16" x14ac:dyDescent="0.2">
      <c r="A3547" s="1" t="s">
        <v>20</v>
      </c>
      <c r="B3547" s="1" t="s">
        <v>172</v>
      </c>
      <c r="C3547" s="1" t="s">
        <v>12281</v>
      </c>
      <c r="D3547" s="1" t="s">
        <v>12282</v>
      </c>
      <c r="E3547" s="1" t="s">
        <v>12284</v>
      </c>
      <c r="F3547" s="1" t="s">
        <v>10</v>
      </c>
      <c r="G3547" s="1" t="s">
        <v>10</v>
      </c>
      <c r="H3547" s="1" t="s">
        <v>10</v>
      </c>
      <c r="I3547" s="1" t="s">
        <v>12117</v>
      </c>
      <c r="J3547" s="1" t="s">
        <v>12283</v>
      </c>
      <c r="K3547" s="1" t="s">
        <v>27</v>
      </c>
      <c r="L3547" s="1" t="s">
        <v>12280</v>
      </c>
      <c r="M3547" s="1" t="s">
        <v>5</v>
      </c>
      <c r="N3547" s="1" t="s">
        <v>25</v>
      </c>
      <c r="O3547" s="1" t="s">
        <v>38</v>
      </c>
      <c r="P3547" s="5" t="s">
        <v>30308</v>
      </c>
    </row>
    <row r="3548" spans="1:16" x14ac:dyDescent="0.2">
      <c r="A3548" s="1" t="s">
        <v>10</v>
      </c>
      <c r="B3548" s="1" t="s">
        <v>10</v>
      </c>
      <c r="C3548" s="1" t="s">
        <v>12286</v>
      </c>
      <c r="D3548" s="1" t="s">
        <v>12287</v>
      </c>
      <c r="E3548" s="1" t="s">
        <v>10</v>
      </c>
      <c r="F3548" s="1" t="s">
        <v>10</v>
      </c>
      <c r="G3548" s="1" t="s">
        <v>10</v>
      </c>
      <c r="H3548" s="1" t="s">
        <v>10</v>
      </c>
      <c r="I3548" s="1" t="s">
        <v>12117</v>
      </c>
      <c r="J3548" s="1" t="s">
        <v>10</v>
      </c>
      <c r="K3548" s="1" t="s">
        <v>10</v>
      </c>
      <c r="L3548" s="1" t="s">
        <v>12285</v>
      </c>
      <c r="M3548" s="1" t="s">
        <v>5</v>
      </c>
      <c r="N3548" s="1" t="s">
        <v>10</v>
      </c>
      <c r="O3548" s="1" t="s">
        <v>38</v>
      </c>
      <c r="P3548" s="5"/>
    </row>
    <row r="3549" spans="1:16" x14ac:dyDescent="0.2">
      <c r="A3549" s="1" t="s">
        <v>20</v>
      </c>
      <c r="B3549" s="1" t="s">
        <v>1047</v>
      </c>
      <c r="C3549" s="1" t="s">
        <v>12289</v>
      </c>
      <c r="D3549" s="1" t="s">
        <v>12290</v>
      </c>
      <c r="E3549" s="1" t="s">
        <v>12291</v>
      </c>
      <c r="F3549" s="1" t="s">
        <v>10</v>
      </c>
      <c r="G3549" s="1" t="s">
        <v>10</v>
      </c>
      <c r="H3549" s="1" t="s">
        <v>10</v>
      </c>
      <c r="I3549" s="1" t="s">
        <v>12117</v>
      </c>
      <c r="J3549" s="1" t="s">
        <v>19</v>
      </c>
      <c r="K3549" s="1" t="s">
        <v>100</v>
      </c>
      <c r="L3549" s="1" t="s">
        <v>12288</v>
      </c>
      <c r="M3549" s="1" t="s">
        <v>5</v>
      </c>
      <c r="N3549" s="1" t="s">
        <v>25</v>
      </c>
      <c r="O3549" s="1" t="s">
        <v>38</v>
      </c>
      <c r="P3549" s="5" t="s">
        <v>30309</v>
      </c>
    </row>
    <row r="3550" spans="1:16" x14ac:dyDescent="0.2">
      <c r="A3550" s="1" t="s">
        <v>10</v>
      </c>
      <c r="B3550" s="1" t="s">
        <v>10</v>
      </c>
      <c r="C3550" s="1" t="s">
        <v>12293</v>
      </c>
      <c r="D3550" s="1" t="s">
        <v>10</v>
      </c>
      <c r="E3550" s="1" t="s">
        <v>10</v>
      </c>
      <c r="F3550" s="1" t="s">
        <v>10</v>
      </c>
      <c r="G3550" s="1" t="s">
        <v>10</v>
      </c>
      <c r="H3550" s="1" t="s">
        <v>10</v>
      </c>
      <c r="I3550" s="1" t="s">
        <v>12117</v>
      </c>
      <c r="J3550" s="1" t="s">
        <v>10</v>
      </c>
      <c r="K3550" s="1" t="s">
        <v>10</v>
      </c>
      <c r="L3550" s="1" t="s">
        <v>12292</v>
      </c>
      <c r="M3550" s="1" t="s">
        <v>5</v>
      </c>
      <c r="N3550" s="1" t="s">
        <v>10</v>
      </c>
      <c r="O3550" s="1" t="s">
        <v>10</v>
      </c>
      <c r="P3550" s="5"/>
    </row>
    <row r="3551" spans="1:16" x14ac:dyDescent="0.2">
      <c r="A3551" s="1" t="s">
        <v>194</v>
      </c>
      <c r="B3551" s="1" t="s">
        <v>4492</v>
      </c>
      <c r="C3551" s="1" t="s">
        <v>12295</v>
      </c>
      <c r="D3551" s="1" t="s">
        <v>12296</v>
      </c>
      <c r="E3551" s="1" t="s">
        <v>12297</v>
      </c>
      <c r="F3551" s="1" t="s">
        <v>10</v>
      </c>
      <c r="G3551" s="1" t="s">
        <v>10</v>
      </c>
      <c r="H3551" s="1" t="s">
        <v>10</v>
      </c>
      <c r="I3551" s="1" t="s">
        <v>12117</v>
      </c>
      <c r="J3551" s="1" t="s">
        <v>12188</v>
      </c>
      <c r="K3551" s="1" t="s">
        <v>27</v>
      </c>
      <c r="L3551" s="1" t="s">
        <v>12294</v>
      </c>
      <c r="M3551" s="1" t="s">
        <v>5</v>
      </c>
      <c r="N3551" s="1" t="s">
        <v>25</v>
      </c>
      <c r="O3551" s="1" t="s">
        <v>38</v>
      </c>
      <c r="P3551" s="5" t="s">
        <v>31499</v>
      </c>
    </row>
    <row r="3552" spans="1:16" x14ac:dyDescent="0.2">
      <c r="A3552" s="1" t="s">
        <v>42</v>
      </c>
      <c r="B3552" s="1" t="s">
        <v>50</v>
      </c>
      <c r="C3552" s="1" t="s">
        <v>12300</v>
      </c>
      <c r="D3552" s="1" t="s">
        <v>12301</v>
      </c>
      <c r="E3552" s="1"/>
      <c r="F3552" s="1" t="s">
        <v>10</v>
      </c>
      <c r="G3552" s="1" t="s">
        <v>10</v>
      </c>
      <c r="H3552" s="1" t="s">
        <v>10</v>
      </c>
      <c r="I3552" s="1" t="s">
        <v>12117</v>
      </c>
      <c r="J3552" s="1" t="s">
        <v>12188</v>
      </c>
      <c r="K3552" s="1" t="s">
        <v>27</v>
      </c>
      <c r="L3552" s="1" t="s">
        <v>12299</v>
      </c>
      <c r="M3552" s="1" t="s">
        <v>5</v>
      </c>
      <c r="N3552" s="1" t="s">
        <v>25</v>
      </c>
      <c r="O3552" s="1" t="s">
        <v>38</v>
      </c>
      <c r="P3552" s="5" t="s">
        <v>30310</v>
      </c>
    </row>
    <row r="3553" spans="1:16" x14ac:dyDescent="0.2">
      <c r="A3553" s="1" t="s">
        <v>42</v>
      </c>
      <c r="B3553" s="1" t="s">
        <v>1664</v>
      </c>
      <c r="C3553" s="1" t="s">
        <v>12303</v>
      </c>
      <c r="D3553" s="1" t="s">
        <v>12304</v>
      </c>
      <c r="E3553" s="1" t="s">
        <v>12305</v>
      </c>
      <c r="F3553" s="1" t="s">
        <v>10</v>
      </c>
      <c r="G3553" s="1" t="s">
        <v>10</v>
      </c>
      <c r="H3553" s="1" t="s">
        <v>10</v>
      </c>
      <c r="I3553" s="1" t="s">
        <v>12117</v>
      </c>
      <c r="J3553" s="1" t="s">
        <v>12188</v>
      </c>
      <c r="K3553" s="1" t="s">
        <v>27</v>
      </c>
      <c r="L3553" s="1" t="s">
        <v>12302</v>
      </c>
      <c r="M3553" s="1" t="s">
        <v>5</v>
      </c>
      <c r="N3553" s="1" t="s">
        <v>25</v>
      </c>
      <c r="O3553" s="1" t="s">
        <v>38</v>
      </c>
      <c r="P3553" s="5" t="s">
        <v>30310</v>
      </c>
    </row>
    <row r="3554" spans="1:16" x14ac:dyDescent="0.2">
      <c r="A3554" s="1" t="s">
        <v>42</v>
      </c>
      <c r="B3554" s="1" t="s">
        <v>50</v>
      </c>
      <c r="C3554" s="1" t="s">
        <v>12307</v>
      </c>
      <c r="D3554" s="1" t="s">
        <v>12308</v>
      </c>
      <c r="E3554" s="1"/>
      <c r="F3554" s="1" t="s">
        <v>10</v>
      </c>
      <c r="G3554" s="1" t="s">
        <v>10</v>
      </c>
      <c r="H3554" s="1" t="s">
        <v>10</v>
      </c>
      <c r="I3554" s="1" t="s">
        <v>12117</v>
      </c>
      <c r="J3554" s="1" t="s">
        <v>12283</v>
      </c>
      <c r="K3554" s="1" t="s">
        <v>47</v>
      </c>
      <c r="L3554" s="1" t="s">
        <v>12306</v>
      </c>
      <c r="M3554" s="1" t="s">
        <v>5</v>
      </c>
      <c r="N3554" s="1" t="s">
        <v>25</v>
      </c>
      <c r="O3554" s="1" t="s">
        <v>38</v>
      </c>
      <c r="P3554" s="5" t="s">
        <v>30311</v>
      </c>
    </row>
    <row r="3555" spans="1:16" x14ac:dyDescent="0.2">
      <c r="A3555" s="1" t="s">
        <v>20</v>
      </c>
      <c r="B3555" s="1" t="s">
        <v>445</v>
      </c>
      <c r="C3555" s="1" t="s">
        <v>12310</v>
      </c>
      <c r="D3555" s="1" t="s">
        <v>12311</v>
      </c>
      <c r="E3555" s="1" t="s">
        <v>12312</v>
      </c>
      <c r="F3555" s="1" t="s">
        <v>10</v>
      </c>
      <c r="G3555" s="1" t="s">
        <v>10</v>
      </c>
      <c r="H3555" s="1" t="s">
        <v>10</v>
      </c>
      <c r="I3555" s="1" t="s">
        <v>12117</v>
      </c>
      <c r="J3555" s="1" t="s">
        <v>12283</v>
      </c>
      <c r="K3555" s="1" t="s">
        <v>27</v>
      </c>
      <c r="L3555" s="1" t="s">
        <v>12309</v>
      </c>
      <c r="M3555" s="1" t="s">
        <v>5</v>
      </c>
      <c r="N3555" s="1" t="s">
        <v>25</v>
      </c>
      <c r="O3555" s="1" t="s">
        <v>38</v>
      </c>
      <c r="P3555" s="5" t="s">
        <v>32753</v>
      </c>
    </row>
    <row r="3556" spans="1:16" x14ac:dyDescent="0.2">
      <c r="A3556" s="1" t="s">
        <v>20</v>
      </c>
      <c r="B3556" s="1" t="s">
        <v>445</v>
      </c>
      <c r="C3556" s="1" t="s">
        <v>12314</v>
      </c>
      <c r="D3556" s="1" t="s">
        <v>12315</v>
      </c>
      <c r="E3556" s="1" t="s">
        <v>12316</v>
      </c>
      <c r="F3556" s="1" t="s">
        <v>10</v>
      </c>
      <c r="G3556" s="1" t="s">
        <v>10</v>
      </c>
      <c r="H3556" s="1" t="s">
        <v>10</v>
      </c>
      <c r="I3556" s="1" t="s">
        <v>12117</v>
      </c>
      <c r="J3556" s="1" t="s">
        <v>12148</v>
      </c>
      <c r="K3556" s="1" t="s">
        <v>27</v>
      </c>
      <c r="L3556" s="1" t="s">
        <v>12313</v>
      </c>
      <c r="M3556" s="1" t="s">
        <v>5</v>
      </c>
      <c r="N3556" s="1" t="s">
        <v>1009</v>
      </c>
      <c r="O3556" s="1" t="s">
        <v>38</v>
      </c>
      <c r="P3556" s="5" t="s">
        <v>31500</v>
      </c>
    </row>
    <row r="3557" spans="1:16" x14ac:dyDescent="0.2">
      <c r="A3557" s="1" t="s">
        <v>20</v>
      </c>
      <c r="B3557" s="1" t="s">
        <v>445</v>
      </c>
      <c r="C3557" s="1" t="s">
        <v>12318</v>
      </c>
      <c r="D3557" s="1" t="s">
        <v>12319</v>
      </c>
      <c r="E3557" s="1" t="s">
        <v>12316</v>
      </c>
      <c r="F3557" s="1" t="s">
        <v>10</v>
      </c>
      <c r="G3557" s="1" t="s">
        <v>10</v>
      </c>
      <c r="H3557" s="1" t="s">
        <v>10</v>
      </c>
      <c r="I3557" s="1" t="s">
        <v>12117</v>
      </c>
      <c r="J3557" s="1" t="s">
        <v>12148</v>
      </c>
      <c r="K3557" s="1" t="s">
        <v>27</v>
      </c>
      <c r="L3557" s="1" t="s">
        <v>12317</v>
      </c>
      <c r="M3557" s="1" t="s">
        <v>5</v>
      </c>
      <c r="N3557" s="1" t="s">
        <v>1009</v>
      </c>
      <c r="O3557" s="1" t="s">
        <v>38</v>
      </c>
      <c r="P3557" s="5" t="s">
        <v>31501</v>
      </c>
    </row>
    <row r="3558" spans="1:16" x14ac:dyDescent="0.2">
      <c r="A3558" s="1" t="s">
        <v>20</v>
      </c>
      <c r="B3558" s="1" t="s">
        <v>445</v>
      </c>
      <c r="C3558" s="1" t="s">
        <v>12321</v>
      </c>
      <c r="D3558" s="1" t="s">
        <v>12322</v>
      </c>
      <c r="E3558" s="1" t="s">
        <v>12316</v>
      </c>
      <c r="F3558" s="1" t="s">
        <v>10</v>
      </c>
      <c r="G3558" s="1" t="s">
        <v>10</v>
      </c>
      <c r="H3558" s="1" t="s">
        <v>10</v>
      </c>
      <c r="I3558" s="1" t="s">
        <v>12117</v>
      </c>
      <c r="J3558" s="1" t="s">
        <v>12148</v>
      </c>
      <c r="K3558" s="1" t="s">
        <v>27</v>
      </c>
      <c r="L3558" s="1" t="s">
        <v>12320</v>
      </c>
      <c r="M3558" s="1" t="s">
        <v>5</v>
      </c>
      <c r="N3558" s="1" t="s">
        <v>1009</v>
      </c>
      <c r="O3558" s="1" t="s">
        <v>38</v>
      </c>
      <c r="P3558" s="5" t="s">
        <v>31502</v>
      </c>
    </row>
    <row r="3559" spans="1:16" x14ac:dyDescent="0.2">
      <c r="A3559" s="1" t="s">
        <v>20</v>
      </c>
      <c r="B3559" s="1" t="s">
        <v>445</v>
      </c>
      <c r="C3559" s="1" t="s">
        <v>12324</v>
      </c>
      <c r="D3559" s="1" t="s">
        <v>12325</v>
      </c>
      <c r="E3559" s="1" t="s">
        <v>12316</v>
      </c>
      <c r="F3559" s="1" t="s">
        <v>10</v>
      </c>
      <c r="G3559" s="1" t="s">
        <v>10</v>
      </c>
      <c r="H3559" s="1" t="s">
        <v>10</v>
      </c>
      <c r="I3559" s="1" t="s">
        <v>12117</v>
      </c>
      <c r="J3559" s="1" t="s">
        <v>12148</v>
      </c>
      <c r="K3559" s="1" t="s">
        <v>27</v>
      </c>
      <c r="L3559" s="1" t="s">
        <v>12323</v>
      </c>
      <c r="M3559" s="1" t="s">
        <v>5</v>
      </c>
      <c r="N3559" s="1" t="s">
        <v>1009</v>
      </c>
      <c r="O3559" s="1" t="s">
        <v>38</v>
      </c>
      <c r="P3559" s="5" t="s">
        <v>31502</v>
      </c>
    </row>
    <row r="3560" spans="1:16" x14ac:dyDescent="0.2">
      <c r="A3560" s="1" t="s">
        <v>20</v>
      </c>
      <c r="B3560" s="1" t="s">
        <v>445</v>
      </c>
      <c r="C3560" s="1" t="s">
        <v>12327</v>
      </c>
      <c r="D3560" s="1" t="s">
        <v>12328</v>
      </c>
      <c r="E3560" s="1" t="s">
        <v>12316</v>
      </c>
      <c r="F3560" s="1" t="s">
        <v>10</v>
      </c>
      <c r="G3560" s="1" t="s">
        <v>10</v>
      </c>
      <c r="H3560" s="1" t="s">
        <v>10</v>
      </c>
      <c r="I3560" s="1" t="s">
        <v>12117</v>
      </c>
      <c r="J3560" s="1" t="s">
        <v>12148</v>
      </c>
      <c r="K3560" s="1" t="s">
        <v>27</v>
      </c>
      <c r="L3560" s="1" t="s">
        <v>12326</v>
      </c>
      <c r="M3560" s="1" t="s">
        <v>5</v>
      </c>
      <c r="N3560" s="1" t="s">
        <v>1009</v>
      </c>
      <c r="O3560" s="1" t="s">
        <v>38</v>
      </c>
      <c r="P3560" s="5" t="s">
        <v>31502</v>
      </c>
    </row>
    <row r="3561" spans="1:16" x14ac:dyDescent="0.2">
      <c r="A3561" s="1" t="s">
        <v>20</v>
      </c>
      <c r="B3561" s="1" t="s">
        <v>445</v>
      </c>
      <c r="C3561" s="1" t="s">
        <v>12330</v>
      </c>
      <c r="D3561" s="1" t="s">
        <v>12331</v>
      </c>
      <c r="E3561" s="1" t="s">
        <v>12316</v>
      </c>
      <c r="F3561" s="1" t="s">
        <v>10</v>
      </c>
      <c r="G3561" s="1" t="s">
        <v>10</v>
      </c>
      <c r="H3561" s="1" t="s">
        <v>10</v>
      </c>
      <c r="I3561" s="1" t="s">
        <v>12117</v>
      </c>
      <c r="J3561" s="1" t="s">
        <v>12148</v>
      </c>
      <c r="K3561" s="1" t="s">
        <v>27</v>
      </c>
      <c r="L3561" s="1" t="s">
        <v>12329</v>
      </c>
      <c r="M3561" s="1" t="s">
        <v>5</v>
      </c>
      <c r="N3561" s="1" t="s">
        <v>1009</v>
      </c>
      <c r="O3561" s="1" t="s">
        <v>38</v>
      </c>
      <c r="P3561" s="5" t="s">
        <v>31503</v>
      </c>
    </row>
    <row r="3562" spans="1:16" x14ac:dyDescent="0.2">
      <c r="A3562" s="1" t="s">
        <v>20</v>
      </c>
      <c r="B3562" s="1" t="s">
        <v>445</v>
      </c>
      <c r="C3562" s="1" t="s">
        <v>12333</v>
      </c>
      <c r="D3562" s="1" t="s">
        <v>12334</v>
      </c>
      <c r="E3562" s="1" t="s">
        <v>12206</v>
      </c>
      <c r="F3562" s="1" t="s">
        <v>10</v>
      </c>
      <c r="G3562" s="1" t="s">
        <v>10</v>
      </c>
      <c r="H3562" s="1" t="s">
        <v>10</v>
      </c>
      <c r="I3562" s="1" t="s">
        <v>12117</v>
      </c>
      <c r="J3562" s="1" t="s">
        <v>12148</v>
      </c>
      <c r="K3562" s="1" t="s">
        <v>7</v>
      </c>
      <c r="L3562" s="1" t="s">
        <v>12332</v>
      </c>
      <c r="M3562" s="1" t="s">
        <v>5</v>
      </c>
      <c r="N3562" s="1" t="s">
        <v>1009</v>
      </c>
      <c r="O3562" s="1" t="s">
        <v>38</v>
      </c>
      <c r="P3562" s="5" t="s">
        <v>31504</v>
      </c>
    </row>
    <row r="3563" spans="1:16" x14ac:dyDescent="0.2">
      <c r="A3563" s="1" t="s">
        <v>20</v>
      </c>
      <c r="B3563" s="1" t="s">
        <v>445</v>
      </c>
      <c r="C3563" s="1" t="s">
        <v>12337</v>
      </c>
      <c r="D3563" s="1" t="s">
        <v>12338</v>
      </c>
      <c r="E3563" s="1" t="s">
        <v>12340</v>
      </c>
      <c r="F3563" s="1" t="s">
        <v>10</v>
      </c>
      <c r="G3563" s="1" t="s">
        <v>10</v>
      </c>
      <c r="H3563" s="1" t="s">
        <v>10</v>
      </c>
      <c r="I3563" s="1" t="s">
        <v>12117</v>
      </c>
      <c r="J3563" s="1" t="s">
        <v>19</v>
      </c>
      <c r="K3563" s="1" t="s">
        <v>7</v>
      </c>
      <c r="L3563" s="1" t="s">
        <v>12336</v>
      </c>
      <c r="M3563" s="1" t="s">
        <v>5</v>
      </c>
      <c r="N3563" s="1" t="s">
        <v>25</v>
      </c>
      <c r="O3563" s="1" t="s">
        <v>38</v>
      </c>
      <c r="P3563" s="5" t="s">
        <v>30312</v>
      </c>
    </row>
    <row r="3564" spans="1:16" x14ac:dyDescent="0.2">
      <c r="A3564" s="1" t="s">
        <v>32</v>
      </c>
      <c r="B3564" s="1" t="s">
        <v>33</v>
      </c>
      <c r="C3564" s="1" t="s">
        <v>12342</v>
      </c>
      <c r="D3564" s="1" t="s">
        <v>12343</v>
      </c>
      <c r="E3564" s="1" t="s">
        <v>12344</v>
      </c>
      <c r="F3564" s="1" t="s">
        <v>10</v>
      </c>
      <c r="G3564" s="1" t="s">
        <v>10</v>
      </c>
      <c r="H3564" s="1" t="s">
        <v>10</v>
      </c>
      <c r="I3564" s="1" t="s">
        <v>12117</v>
      </c>
      <c r="J3564" s="1" t="s">
        <v>19</v>
      </c>
      <c r="K3564" s="1" t="s">
        <v>64</v>
      </c>
      <c r="L3564" s="1" t="s">
        <v>12341</v>
      </c>
      <c r="M3564" s="1" t="s">
        <v>5</v>
      </c>
      <c r="N3564" s="1" t="s">
        <v>25</v>
      </c>
      <c r="O3564" s="1" t="s">
        <v>38</v>
      </c>
      <c r="P3564" s="5" t="s">
        <v>30313</v>
      </c>
    </row>
    <row r="3565" spans="1:16" x14ac:dyDescent="0.2">
      <c r="A3565" s="1" t="s">
        <v>32</v>
      </c>
      <c r="B3565" s="1" t="s">
        <v>7383</v>
      </c>
      <c r="C3565" s="1" t="s">
        <v>12339</v>
      </c>
      <c r="D3565" s="1" t="s">
        <v>12346</v>
      </c>
      <c r="E3565" s="1" t="s">
        <v>12347</v>
      </c>
      <c r="F3565" s="1" t="s">
        <v>10</v>
      </c>
      <c r="G3565" s="1" t="s">
        <v>10</v>
      </c>
      <c r="H3565" s="1" t="s">
        <v>10</v>
      </c>
      <c r="I3565" s="1" t="s">
        <v>12117</v>
      </c>
      <c r="J3565" s="1" t="s">
        <v>19</v>
      </c>
      <c r="K3565" s="1" t="s">
        <v>64</v>
      </c>
      <c r="L3565" s="1" t="s">
        <v>12345</v>
      </c>
      <c r="M3565" s="1" t="s">
        <v>5</v>
      </c>
      <c r="N3565" s="1" t="s">
        <v>25</v>
      </c>
      <c r="O3565" s="1" t="s">
        <v>38</v>
      </c>
      <c r="P3565" s="5" t="s">
        <v>30314</v>
      </c>
    </row>
    <row r="3566" spans="1:16" x14ac:dyDescent="0.2">
      <c r="A3566" s="1" t="s">
        <v>20</v>
      </c>
      <c r="B3566" s="1" t="s">
        <v>302</v>
      </c>
      <c r="C3566" s="1" t="s">
        <v>12349</v>
      </c>
      <c r="D3566" s="1" t="s">
        <v>7878</v>
      </c>
      <c r="E3566" s="1" t="s">
        <v>12350</v>
      </c>
      <c r="F3566" s="1" t="s">
        <v>10</v>
      </c>
      <c r="G3566" s="1" t="s">
        <v>10</v>
      </c>
      <c r="H3566" s="1" t="s">
        <v>10</v>
      </c>
      <c r="I3566" s="1" t="s">
        <v>12117</v>
      </c>
      <c r="J3566" s="1" t="s">
        <v>19</v>
      </c>
      <c r="K3566" s="1" t="s">
        <v>100</v>
      </c>
      <c r="L3566" s="1" t="s">
        <v>12348</v>
      </c>
      <c r="M3566" s="1" t="s">
        <v>5</v>
      </c>
      <c r="N3566" s="1" t="s">
        <v>1009</v>
      </c>
      <c r="O3566" s="1" t="s">
        <v>38</v>
      </c>
      <c r="P3566" s="5" t="s">
        <v>30315</v>
      </c>
    </row>
    <row r="3567" spans="1:16" x14ac:dyDescent="0.2">
      <c r="A3567" s="1" t="s">
        <v>20</v>
      </c>
      <c r="B3567" s="1" t="s">
        <v>445</v>
      </c>
      <c r="C3567" s="1" t="s">
        <v>12352</v>
      </c>
      <c r="D3567" s="1" t="s">
        <v>12352</v>
      </c>
      <c r="E3567" s="1" t="s">
        <v>12354</v>
      </c>
      <c r="F3567" s="1" t="s">
        <v>10</v>
      </c>
      <c r="G3567" s="1" t="s">
        <v>10</v>
      </c>
      <c r="H3567" s="1" t="s">
        <v>10</v>
      </c>
      <c r="I3567" s="1" t="s">
        <v>12117</v>
      </c>
      <c r="J3567" s="1" t="s">
        <v>12353</v>
      </c>
      <c r="K3567" s="1" t="s">
        <v>27</v>
      </c>
      <c r="L3567" s="1" t="s">
        <v>12351</v>
      </c>
      <c r="M3567" s="1" t="s">
        <v>5</v>
      </c>
      <c r="N3567" s="1" t="s">
        <v>1009</v>
      </c>
      <c r="O3567" s="1" t="s">
        <v>38</v>
      </c>
      <c r="P3567" s="5" t="s">
        <v>31505</v>
      </c>
    </row>
    <row r="3568" spans="1:16" x14ac:dyDescent="0.2">
      <c r="A3568" s="1" t="s">
        <v>20</v>
      </c>
      <c r="B3568" s="1" t="s">
        <v>445</v>
      </c>
      <c r="C3568" s="1" t="s">
        <v>12356</v>
      </c>
      <c r="D3568" s="1" t="s">
        <v>12357</v>
      </c>
      <c r="E3568" s="1" t="s">
        <v>12359</v>
      </c>
      <c r="F3568" s="1" t="s">
        <v>10</v>
      </c>
      <c r="G3568" s="1" t="s">
        <v>10</v>
      </c>
      <c r="H3568" s="1" t="s">
        <v>10</v>
      </c>
      <c r="I3568" s="1" t="s">
        <v>12117</v>
      </c>
      <c r="J3568" s="1" t="s">
        <v>12358</v>
      </c>
      <c r="K3568" s="1" t="s">
        <v>27</v>
      </c>
      <c r="L3568" s="1" t="s">
        <v>12355</v>
      </c>
      <c r="M3568" s="1" t="s">
        <v>5</v>
      </c>
      <c r="N3568" s="1" t="s">
        <v>25</v>
      </c>
      <c r="O3568" s="1" t="s">
        <v>38</v>
      </c>
      <c r="P3568" s="5" t="s">
        <v>30316</v>
      </c>
    </row>
    <row r="3569" spans="1:16" x14ac:dyDescent="0.2">
      <c r="A3569" s="1" t="s">
        <v>32</v>
      </c>
      <c r="B3569" s="1" t="s">
        <v>140</v>
      </c>
      <c r="C3569" s="1" t="s">
        <v>12361</v>
      </c>
      <c r="D3569" s="1" t="s">
        <v>12362</v>
      </c>
      <c r="E3569" s="1" t="s">
        <v>12363</v>
      </c>
      <c r="F3569" s="1" t="s">
        <v>10</v>
      </c>
      <c r="G3569" s="1" t="s">
        <v>10</v>
      </c>
      <c r="H3569" s="1" t="s">
        <v>10</v>
      </c>
      <c r="I3569" s="1" t="s">
        <v>12117</v>
      </c>
      <c r="J3569" s="1" t="s">
        <v>19</v>
      </c>
      <c r="K3569" s="1" t="s">
        <v>7</v>
      </c>
      <c r="L3569" s="1" t="s">
        <v>12360</v>
      </c>
      <c r="M3569" s="1" t="s">
        <v>5</v>
      </c>
      <c r="N3569" s="1" t="s">
        <v>25</v>
      </c>
      <c r="O3569" s="1" t="s">
        <v>38</v>
      </c>
      <c r="P3569" s="5" t="s">
        <v>30317</v>
      </c>
    </row>
    <row r="3570" spans="1:16" x14ac:dyDescent="0.2">
      <c r="A3570" s="1" t="s">
        <v>10</v>
      </c>
      <c r="B3570" s="1" t="s">
        <v>10</v>
      </c>
      <c r="C3570" s="1" t="s">
        <v>12365</v>
      </c>
      <c r="D3570" s="1" t="s">
        <v>12366</v>
      </c>
      <c r="E3570" s="1" t="s">
        <v>12367</v>
      </c>
      <c r="F3570" s="1" t="s">
        <v>10</v>
      </c>
      <c r="G3570" s="1" t="s">
        <v>10</v>
      </c>
      <c r="H3570" s="1" t="s">
        <v>10</v>
      </c>
      <c r="I3570" s="1" t="s">
        <v>12117</v>
      </c>
      <c r="J3570" s="1" t="s">
        <v>10</v>
      </c>
      <c r="K3570" s="1" t="s">
        <v>10</v>
      </c>
      <c r="L3570" s="1" t="s">
        <v>12364</v>
      </c>
      <c r="M3570" s="1" t="s">
        <v>5</v>
      </c>
      <c r="N3570" s="1" t="s">
        <v>10</v>
      </c>
      <c r="O3570" s="1" t="s">
        <v>38</v>
      </c>
      <c r="P3570" s="5" t="s">
        <v>32754</v>
      </c>
    </row>
    <row r="3571" spans="1:16" x14ac:dyDescent="0.2">
      <c r="A3571" s="1" t="s">
        <v>194</v>
      </c>
      <c r="B3571" s="1" t="s">
        <v>195</v>
      </c>
      <c r="C3571" s="1" t="s">
        <v>12371</v>
      </c>
      <c r="D3571" s="1" t="s">
        <v>12372</v>
      </c>
      <c r="E3571" s="1" t="s">
        <v>12373</v>
      </c>
      <c r="F3571" s="1" t="s">
        <v>27</v>
      </c>
      <c r="G3571" s="1" t="s">
        <v>10</v>
      </c>
      <c r="H3571" s="1" t="s">
        <v>12374</v>
      </c>
      <c r="I3571" s="1" t="s">
        <v>12117</v>
      </c>
      <c r="J3571" s="1" t="s">
        <v>12130</v>
      </c>
      <c r="K3571" s="1" t="s">
        <v>27</v>
      </c>
      <c r="L3571" s="1" t="s">
        <v>12370</v>
      </c>
      <c r="M3571" s="1" t="s">
        <v>5</v>
      </c>
      <c r="N3571" s="1" t="s">
        <v>25</v>
      </c>
      <c r="O3571" s="1" t="s">
        <v>8</v>
      </c>
      <c r="P3571" s="5" t="s">
        <v>30318</v>
      </c>
    </row>
    <row r="3572" spans="1:16" x14ac:dyDescent="0.2">
      <c r="A3572" s="1" t="s">
        <v>194</v>
      </c>
      <c r="B3572" s="1" t="s">
        <v>10</v>
      </c>
      <c r="C3572" s="1" t="s">
        <v>12376</v>
      </c>
      <c r="D3572" s="1" t="s">
        <v>12377</v>
      </c>
      <c r="E3572" s="1" t="s">
        <v>12378</v>
      </c>
      <c r="F3572" s="1" t="s">
        <v>10</v>
      </c>
      <c r="G3572" s="1" t="s">
        <v>10</v>
      </c>
      <c r="H3572" s="1" t="s">
        <v>10</v>
      </c>
      <c r="I3572" s="1" t="s">
        <v>12117</v>
      </c>
      <c r="J3572" s="1" t="s">
        <v>10</v>
      </c>
      <c r="K3572" s="1" t="s">
        <v>10</v>
      </c>
      <c r="L3572" s="1" t="s">
        <v>12375</v>
      </c>
      <c r="M3572" s="1" t="s">
        <v>5</v>
      </c>
      <c r="N3572" s="1" t="s">
        <v>6</v>
      </c>
      <c r="O3572" s="1" t="s">
        <v>38</v>
      </c>
      <c r="P3572" s="5" t="s">
        <v>32755</v>
      </c>
    </row>
    <row r="3573" spans="1:16" x14ac:dyDescent="0.2">
      <c r="A3573" s="1" t="s">
        <v>194</v>
      </c>
      <c r="B3573" s="1" t="s">
        <v>10</v>
      </c>
      <c r="C3573" s="1" t="s">
        <v>12380</v>
      </c>
      <c r="D3573" s="1" t="s">
        <v>12381</v>
      </c>
      <c r="E3573" s="1" t="s">
        <v>12382</v>
      </c>
      <c r="F3573" s="1" t="s">
        <v>10</v>
      </c>
      <c r="G3573" s="1" t="s">
        <v>10</v>
      </c>
      <c r="H3573" s="1" t="s">
        <v>10</v>
      </c>
      <c r="I3573" s="1" t="s">
        <v>12117</v>
      </c>
      <c r="J3573" s="1" t="s">
        <v>10</v>
      </c>
      <c r="K3573" s="1" t="s">
        <v>10</v>
      </c>
      <c r="L3573" s="1" t="s">
        <v>12379</v>
      </c>
      <c r="M3573" s="1" t="s">
        <v>5</v>
      </c>
      <c r="N3573" s="1" t="s">
        <v>6</v>
      </c>
      <c r="O3573" s="1" t="s">
        <v>38</v>
      </c>
      <c r="P3573" s="5" t="s">
        <v>32755</v>
      </c>
    </row>
    <row r="3574" spans="1:16" x14ac:dyDescent="0.2">
      <c r="A3574" s="1" t="s">
        <v>20</v>
      </c>
      <c r="B3574" s="1" t="s">
        <v>445</v>
      </c>
      <c r="C3574" s="1" t="s">
        <v>12384</v>
      </c>
      <c r="D3574" s="1" t="s">
        <v>12385</v>
      </c>
      <c r="E3574" s="1" t="s">
        <v>12387</v>
      </c>
      <c r="F3574" s="1" t="s">
        <v>10</v>
      </c>
      <c r="G3574" s="1" t="s">
        <v>10</v>
      </c>
      <c r="H3574" s="1" t="s">
        <v>10</v>
      </c>
      <c r="I3574" s="1" t="s">
        <v>12117</v>
      </c>
      <c r="J3574" s="1" t="s">
        <v>19</v>
      </c>
      <c r="K3574" s="1" t="s">
        <v>12386</v>
      </c>
      <c r="L3574" s="1" t="s">
        <v>12383</v>
      </c>
      <c r="M3574" s="1" t="s">
        <v>5</v>
      </c>
      <c r="N3574" s="1" t="s">
        <v>25</v>
      </c>
      <c r="O3574" s="1" t="s">
        <v>38</v>
      </c>
      <c r="P3574" s="5" t="s">
        <v>30319</v>
      </c>
    </row>
    <row r="3575" spans="1:16" x14ac:dyDescent="0.2">
      <c r="A3575" s="1" t="s">
        <v>10</v>
      </c>
      <c r="B3575" s="1" t="s">
        <v>10</v>
      </c>
      <c r="C3575" s="1" t="s">
        <v>12389</v>
      </c>
      <c r="D3575" s="1" t="s">
        <v>12390</v>
      </c>
      <c r="E3575" s="1" t="s">
        <v>12391</v>
      </c>
      <c r="F3575" s="1" t="s">
        <v>10</v>
      </c>
      <c r="G3575" s="1" t="s">
        <v>10</v>
      </c>
      <c r="H3575" s="1" t="s">
        <v>10</v>
      </c>
      <c r="I3575" s="1" t="s">
        <v>12117</v>
      </c>
      <c r="J3575" s="1" t="s">
        <v>10</v>
      </c>
      <c r="K3575" s="1" t="s">
        <v>27</v>
      </c>
      <c r="L3575" s="1" t="s">
        <v>12388</v>
      </c>
      <c r="M3575" s="1" t="s">
        <v>5</v>
      </c>
      <c r="N3575" s="1" t="s">
        <v>25</v>
      </c>
      <c r="O3575" s="1" t="s">
        <v>38</v>
      </c>
      <c r="P3575" s="5" t="s">
        <v>32756</v>
      </c>
    </row>
    <row r="3576" spans="1:16" x14ac:dyDescent="0.2">
      <c r="A3576" s="1" t="s">
        <v>42</v>
      </c>
      <c r="B3576" s="1" t="s">
        <v>1858</v>
      </c>
      <c r="C3576" s="1" t="s">
        <v>12393</v>
      </c>
      <c r="D3576" s="1" t="s">
        <v>12394</v>
      </c>
      <c r="E3576" s="1" t="s">
        <v>12395</v>
      </c>
      <c r="F3576" s="1" t="s">
        <v>10</v>
      </c>
      <c r="G3576" s="1" t="s">
        <v>10</v>
      </c>
      <c r="H3576" s="1" t="s">
        <v>10</v>
      </c>
      <c r="I3576" s="1" t="s">
        <v>12117</v>
      </c>
      <c r="J3576" s="1" t="s">
        <v>12283</v>
      </c>
      <c r="K3576" s="1" t="s">
        <v>37</v>
      </c>
      <c r="L3576" s="1" t="s">
        <v>12392</v>
      </c>
      <c r="M3576" s="1" t="s">
        <v>5</v>
      </c>
      <c r="N3576" s="1" t="s">
        <v>1009</v>
      </c>
      <c r="O3576" s="1" t="s">
        <v>38</v>
      </c>
      <c r="P3576" s="5" t="s">
        <v>30320</v>
      </c>
    </row>
    <row r="3577" spans="1:16" x14ac:dyDescent="0.2">
      <c r="A3577" s="1" t="s">
        <v>329</v>
      </c>
      <c r="B3577" s="1" t="s">
        <v>1659</v>
      </c>
      <c r="C3577" s="1" t="s">
        <v>12397</v>
      </c>
      <c r="D3577" s="1" t="s">
        <v>12398</v>
      </c>
      <c r="E3577" s="1" t="s">
        <v>12399</v>
      </c>
      <c r="F3577" s="1" t="s">
        <v>10</v>
      </c>
      <c r="G3577" s="1" t="s">
        <v>10</v>
      </c>
      <c r="H3577" s="1" t="s">
        <v>10</v>
      </c>
      <c r="I3577" s="1" t="s">
        <v>12117</v>
      </c>
      <c r="J3577" s="1" t="s">
        <v>12283</v>
      </c>
      <c r="K3577" s="1" t="s">
        <v>231</v>
      </c>
      <c r="L3577" s="1" t="s">
        <v>12396</v>
      </c>
      <c r="M3577" s="1" t="s">
        <v>5</v>
      </c>
      <c r="N3577" s="1" t="s">
        <v>1009</v>
      </c>
      <c r="O3577" s="1" t="s">
        <v>38</v>
      </c>
      <c r="P3577" s="5" t="s">
        <v>30321</v>
      </c>
    </row>
    <row r="3578" spans="1:16" x14ac:dyDescent="0.2">
      <c r="A3578" s="1" t="s">
        <v>20</v>
      </c>
      <c r="B3578" s="1" t="s">
        <v>445</v>
      </c>
      <c r="C3578" s="1" t="s">
        <v>12401</v>
      </c>
      <c r="D3578" s="1" t="s">
        <v>12402</v>
      </c>
      <c r="E3578" s="1" t="s">
        <v>12404</v>
      </c>
      <c r="F3578" s="1" t="s">
        <v>10</v>
      </c>
      <c r="G3578" s="1" t="s">
        <v>10</v>
      </c>
      <c r="H3578" s="1" t="s">
        <v>10</v>
      </c>
      <c r="I3578" s="1" t="s">
        <v>12117</v>
      </c>
      <c r="J3578" s="1" t="s">
        <v>12403</v>
      </c>
      <c r="K3578" s="1" t="s">
        <v>7</v>
      </c>
      <c r="L3578" s="1" t="s">
        <v>12400</v>
      </c>
      <c r="M3578" s="1" t="s">
        <v>5</v>
      </c>
      <c r="N3578" s="1" t="s">
        <v>25</v>
      </c>
      <c r="O3578" s="1" t="s">
        <v>38</v>
      </c>
      <c r="P3578" s="5" t="s">
        <v>30322</v>
      </c>
    </row>
    <row r="3579" spans="1:16" x14ac:dyDescent="0.2">
      <c r="A3579" s="1" t="s">
        <v>194</v>
      </c>
      <c r="B3579" s="1" t="s">
        <v>10</v>
      </c>
      <c r="C3579" s="1" t="s">
        <v>12406</v>
      </c>
      <c r="D3579" s="1" t="s">
        <v>12407</v>
      </c>
      <c r="E3579" s="1" t="s">
        <v>12408</v>
      </c>
      <c r="F3579" s="1" t="s">
        <v>10</v>
      </c>
      <c r="G3579" s="1" t="s">
        <v>10</v>
      </c>
      <c r="H3579" s="1" t="s">
        <v>10</v>
      </c>
      <c r="I3579" s="1" t="s">
        <v>12117</v>
      </c>
      <c r="J3579" s="1" t="s">
        <v>10</v>
      </c>
      <c r="K3579" s="1" t="s">
        <v>10</v>
      </c>
      <c r="L3579" s="1" t="s">
        <v>12405</v>
      </c>
      <c r="M3579" s="1" t="s">
        <v>5</v>
      </c>
      <c r="N3579" s="1" t="s">
        <v>6</v>
      </c>
      <c r="O3579" s="1" t="s">
        <v>38</v>
      </c>
      <c r="P3579" s="5" t="s">
        <v>32757</v>
      </c>
    </row>
    <row r="3580" spans="1:16" x14ac:dyDescent="0.2">
      <c r="A3580" s="1" t="s">
        <v>20</v>
      </c>
      <c r="B3580" s="1" t="s">
        <v>21</v>
      </c>
      <c r="C3580" s="1" t="s">
        <v>12410</v>
      </c>
      <c r="D3580" s="1" t="s">
        <v>12411</v>
      </c>
      <c r="E3580" s="1" t="s">
        <v>12412</v>
      </c>
      <c r="F3580" s="1" t="s">
        <v>9</v>
      </c>
      <c r="G3580" s="1" t="s">
        <v>3886</v>
      </c>
      <c r="H3580" s="1" t="s">
        <v>10</v>
      </c>
      <c r="I3580" s="1" t="s">
        <v>12117</v>
      </c>
      <c r="J3580" s="1" t="s">
        <v>19</v>
      </c>
      <c r="K3580" s="1" t="s">
        <v>7</v>
      </c>
      <c r="L3580" s="1" t="s">
        <v>12409</v>
      </c>
      <c r="M3580" s="1" t="s">
        <v>5</v>
      </c>
      <c r="N3580" s="1" t="s">
        <v>1009</v>
      </c>
      <c r="O3580" s="1" t="s">
        <v>8</v>
      </c>
      <c r="P3580" s="5" t="s">
        <v>29821</v>
      </c>
    </row>
    <row r="3581" spans="1:16" x14ac:dyDescent="0.2">
      <c r="A3581" s="1" t="s">
        <v>194</v>
      </c>
      <c r="B3581" s="1" t="s">
        <v>4492</v>
      </c>
      <c r="C3581" s="1" t="s">
        <v>12414</v>
      </c>
      <c r="D3581" s="1" t="s">
        <v>12414</v>
      </c>
      <c r="E3581" s="1" t="s">
        <v>12415</v>
      </c>
      <c r="F3581" s="1" t="s">
        <v>10</v>
      </c>
      <c r="G3581" s="1" t="s">
        <v>10</v>
      </c>
      <c r="H3581" s="1" t="s">
        <v>10</v>
      </c>
      <c r="I3581" s="1" t="s">
        <v>12117</v>
      </c>
      <c r="J3581" s="1" t="s">
        <v>12188</v>
      </c>
      <c r="K3581" s="1" t="s">
        <v>27</v>
      </c>
      <c r="L3581" s="1" t="s">
        <v>12413</v>
      </c>
      <c r="M3581" s="1" t="s">
        <v>5</v>
      </c>
      <c r="N3581" s="1" t="s">
        <v>25</v>
      </c>
      <c r="O3581" s="1" t="s">
        <v>38</v>
      </c>
      <c r="P3581" s="5" t="s">
        <v>32758</v>
      </c>
    </row>
    <row r="3582" spans="1:16" x14ac:dyDescent="0.2">
      <c r="A3582" s="1" t="s">
        <v>194</v>
      </c>
      <c r="B3582" s="1" t="s">
        <v>4492</v>
      </c>
      <c r="C3582" s="1" t="s">
        <v>12417</v>
      </c>
      <c r="D3582" s="1" t="s">
        <v>12418</v>
      </c>
      <c r="E3582" s="1" t="s">
        <v>12419</v>
      </c>
      <c r="F3582" s="1" t="s">
        <v>10</v>
      </c>
      <c r="G3582" s="1" t="s">
        <v>10</v>
      </c>
      <c r="H3582" s="1" t="s">
        <v>10</v>
      </c>
      <c r="I3582" s="1" t="s">
        <v>12117</v>
      </c>
      <c r="J3582" s="1" t="s">
        <v>12188</v>
      </c>
      <c r="K3582" s="1" t="s">
        <v>27</v>
      </c>
      <c r="L3582" s="1" t="s">
        <v>12416</v>
      </c>
      <c r="M3582" s="1" t="s">
        <v>5</v>
      </c>
      <c r="N3582" s="1" t="s">
        <v>1009</v>
      </c>
      <c r="O3582" s="1" t="s">
        <v>38</v>
      </c>
      <c r="P3582" s="5" t="s">
        <v>30323</v>
      </c>
    </row>
    <row r="3583" spans="1:16" x14ac:dyDescent="0.2">
      <c r="A3583" s="1" t="s">
        <v>194</v>
      </c>
      <c r="B3583" s="1" t="s">
        <v>4492</v>
      </c>
      <c r="C3583" s="1" t="s">
        <v>12421</v>
      </c>
      <c r="D3583" s="1" t="s">
        <v>12422</v>
      </c>
      <c r="E3583" s="1" t="s">
        <v>12423</v>
      </c>
      <c r="F3583" s="1" t="s">
        <v>474</v>
      </c>
      <c r="G3583" s="1" t="s">
        <v>12424</v>
      </c>
      <c r="H3583" s="1" t="s">
        <v>12425</v>
      </c>
      <c r="I3583" s="1" t="s">
        <v>12117</v>
      </c>
      <c r="J3583" s="1" t="s">
        <v>19</v>
      </c>
      <c r="K3583" s="1" t="s">
        <v>443</v>
      </c>
      <c r="L3583" s="1" t="s">
        <v>12420</v>
      </c>
      <c r="M3583" s="1" t="s">
        <v>5</v>
      </c>
      <c r="N3583" s="1" t="s">
        <v>1009</v>
      </c>
      <c r="O3583" s="1" t="s">
        <v>8</v>
      </c>
      <c r="P3583" s="5" t="s">
        <v>30324</v>
      </c>
    </row>
    <row r="3584" spans="1:16" x14ac:dyDescent="0.2">
      <c r="A3584" s="1" t="s">
        <v>194</v>
      </c>
      <c r="B3584" s="1" t="s">
        <v>4492</v>
      </c>
      <c r="C3584" s="1" t="s">
        <v>12427</v>
      </c>
      <c r="D3584" s="1" t="s">
        <v>12428</v>
      </c>
      <c r="E3584" s="1" t="s">
        <v>12423</v>
      </c>
      <c r="F3584" s="1" t="s">
        <v>474</v>
      </c>
      <c r="G3584" s="1" t="s">
        <v>12424</v>
      </c>
      <c r="H3584" s="1" t="s">
        <v>12425</v>
      </c>
      <c r="I3584" s="1" t="s">
        <v>12117</v>
      </c>
      <c r="J3584" s="1" t="s">
        <v>19</v>
      </c>
      <c r="K3584" s="1" t="s">
        <v>443</v>
      </c>
      <c r="L3584" s="1" t="s">
        <v>12426</v>
      </c>
      <c r="M3584" s="1" t="s">
        <v>5</v>
      </c>
      <c r="N3584" s="1" t="s">
        <v>1009</v>
      </c>
      <c r="O3584" s="1" t="s">
        <v>8</v>
      </c>
      <c r="P3584" s="5" t="s">
        <v>30325</v>
      </c>
    </row>
    <row r="3585" spans="1:16" x14ac:dyDescent="0.2">
      <c r="A3585" s="1" t="s">
        <v>194</v>
      </c>
      <c r="B3585" s="1" t="s">
        <v>4492</v>
      </c>
      <c r="C3585" s="1" t="s">
        <v>12430</v>
      </c>
      <c r="D3585" s="1" t="s">
        <v>12431</v>
      </c>
      <c r="E3585" s="1" t="s">
        <v>12423</v>
      </c>
      <c r="F3585" s="1" t="s">
        <v>474</v>
      </c>
      <c r="G3585" s="1" t="s">
        <v>12424</v>
      </c>
      <c r="H3585" s="1" t="s">
        <v>12425</v>
      </c>
      <c r="I3585" s="1" t="s">
        <v>12117</v>
      </c>
      <c r="J3585" s="1" t="s">
        <v>19</v>
      </c>
      <c r="K3585" s="1" t="s">
        <v>443</v>
      </c>
      <c r="L3585" s="1" t="s">
        <v>12429</v>
      </c>
      <c r="M3585" s="1" t="s">
        <v>5</v>
      </c>
      <c r="N3585" s="1" t="s">
        <v>1009</v>
      </c>
      <c r="O3585" s="1" t="s">
        <v>8</v>
      </c>
      <c r="P3585" s="5" t="s">
        <v>30326</v>
      </c>
    </row>
    <row r="3586" spans="1:16" x14ac:dyDescent="0.2">
      <c r="A3586" s="1" t="s">
        <v>194</v>
      </c>
      <c r="B3586" s="1" t="s">
        <v>4492</v>
      </c>
      <c r="C3586" s="1" t="s">
        <v>12433</v>
      </c>
      <c r="D3586" s="1" t="s">
        <v>12434</v>
      </c>
      <c r="E3586" s="1" t="s">
        <v>12423</v>
      </c>
      <c r="F3586" s="1" t="s">
        <v>474</v>
      </c>
      <c r="G3586" s="1" t="s">
        <v>12424</v>
      </c>
      <c r="H3586" s="1" t="s">
        <v>12425</v>
      </c>
      <c r="I3586" s="1" t="s">
        <v>12117</v>
      </c>
      <c r="J3586" s="1" t="s">
        <v>19</v>
      </c>
      <c r="K3586" s="1" t="s">
        <v>443</v>
      </c>
      <c r="L3586" s="1" t="s">
        <v>12432</v>
      </c>
      <c r="M3586" s="1" t="s">
        <v>5</v>
      </c>
      <c r="N3586" s="1" t="s">
        <v>1009</v>
      </c>
      <c r="O3586" s="1" t="s">
        <v>8</v>
      </c>
      <c r="P3586" s="5" t="s">
        <v>30327</v>
      </c>
    </row>
    <row r="3587" spans="1:16" x14ac:dyDescent="0.2">
      <c r="A3587" s="1" t="s">
        <v>194</v>
      </c>
      <c r="B3587" s="1" t="s">
        <v>4492</v>
      </c>
      <c r="C3587" s="1" t="s">
        <v>12436</v>
      </c>
      <c r="D3587" s="1" t="s">
        <v>12437</v>
      </c>
      <c r="E3587" s="1" t="s">
        <v>12423</v>
      </c>
      <c r="F3587" s="1" t="s">
        <v>474</v>
      </c>
      <c r="G3587" s="1" t="s">
        <v>12424</v>
      </c>
      <c r="H3587" s="1" t="s">
        <v>12425</v>
      </c>
      <c r="I3587" s="1" t="s">
        <v>12117</v>
      </c>
      <c r="J3587" s="1" t="s">
        <v>19</v>
      </c>
      <c r="K3587" s="1" t="s">
        <v>443</v>
      </c>
      <c r="L3587" s="1" t="s">
        <v>12435</v>
      </c>
      <c r="M3587" s="1" t="s">
        <v>5</v>
      </c>
      <c r="N3587" s="1" t="s">
        <v>1009</v>
      </c>
      <c r="O3587" s="1" t="s">
        <v>8</v>
      </c>
      <c r="P3587" s="5" t="s">
        <v>30328</v>
      </c>
    </row>
    <row r="3588" spans="1:16" x14ac:dyDescent="0.2">
      <c r="A3588" s="1" t="s">
        <v>66</v>
      </c>
      <c r="B3588" s="1" t="s">
        <v>1117</v>
      </c>
      <c r="C3588" s="1" t="s">
        <v>12439</v>
      </c>
      <c r="D3588" s="1" t="s">
        <v>12440</v>
      </c>
      <c r="E3588" s="1" t="s">
        <v>12441</v>
      </c>
      <c r="F3588" s="1" t="s">
        <v>27</v>
      </c>
      <c r="G3588" s="1" t="s">
        <v>10</v>
      </c>
      <c r="H3588" s="1" t="s">
        <v>12442</v>
      </c>
      <c r="I3588" s="1" t="s">
        <v>12117</v>
      </c>
      <c r="J3588" s="1" t="s">
        <v>19</v>
      </c>
      <c r="K3588" s="1" t="s">
        <v>7</v>
      </c>
      <c r="L3588" s="1" t="s">
        <v>12438</v>
      </c>
      <c r="M3588" s="1" t="s">
        <v>5</v>
      </c>
      <c r="N3588" s="1" t="s">
        <v>10</v>
      </c>
      <c r="O3588" s="1" t="s">
        <v>8</v>
      </c>
      <c r="P3588" s="5" t="s">
        <v>31506</v>
      </c>
    </row>
    <row r="3589" spans="1:16" x14ac:dyDescent="0.2">
      <c r="A3589" s="1" t="s">
        <v>194</v>
      </c>
      <c r="B3589" s="1" t="s">
        <v>4492</v>
      </c>
      <c r="C3589" s="1" t="s">
        <v>12444</v>
      </c>
      <c r="D3589" s="1" t="s">
        <v>12445</v>
      </c>
      <c r="E3589" s="1" t="s">
        <v>12447</v>
      </c>
      <c r="F3589" s="1" t="s">
        <v>474</v>
      </c>
      <c r="G3589" s="1" t="s">
        <v>4490</v>
      </c>
      <c r="H3589" s="1" t="s">
        <v>10</v>
      </c>
      <c r="I3589" s="1" t="s">
        <v>12117</v>
      </c>
      <c r="J3589" s="1" t="s">
        <v>12446</v>
      </c>
      <c r="K3589" s="1" t="s">
        <v>443</v>
      </c>
      <c r="L3589" s="1" t="s">
        <v>12443</v>
      </c>
      <c r="M3589" s="1" t="s">
        <v>5</v>
      </c>
      <c r="N3589" s="1" t="s">
        <v>1009</v>
      </c>
      <c r="O3589" s="1" t="s">
        <v>8</v>
      </c>
      <c r="P3589" s="5" t="s">
        <v>30329</v>
      </c>
    </row>
    <row r="3590" spans="1:16" x14ac:dyDescent="0.2">
      <c r="A3590" s="1" t="s">
        <v>20</v>
      </c>
      <c r="B3590" s="1" t="s">
        <v>1047</v>
      </c>
      <c r="C3590" s="1" t="s">
        <v>12449</v>
      </c>
      <c r="D3590" s="1" t="s">
        <v>12450</v>
      </c>
      <c r="E3590" s="1" t="s">
        <v>12451</v>
      </c>
      <c r="F3590" s="1" t="s">
        <v>10</v>
      </c>
      <c r="G3590" s="1" t="s">
        <v>10</v>
      </c>
      <c r="H3590" s="1" t="s">
        <v>10</v>
      </c>
      <c r="I3590" s="1" t="s">
        <v>12117</v>
      </c>
      <c r="J3590" s="1" t="s">
        <v>12188</v>
      </c>
      <c r="K3590" s="1" t="s">
        <v>100</v>
      </c>
      <c r="L3590" s="1" t="s">
        <v>12448</v>
      </c>
      <c r="M3590" s="1" t="s">
        <v>5</v>
      </c>
      <c r="N3590" s="1" t="s">
        <v>25</v>
      </c>
      <c r="O3590" s="1" t="s">
        <v>38</v>
      </c>
      <c r="P3590" s="5" t="s">
        <v>31507</v>
      </c>
    </row>
    <row r="3591" spans="1:16" x14ac:dyDescent="0.2">
      <c r="A3591" s="1" t="s">
        <v>194</v>
      </c>
      <c r="B3591" s="1" t="s">
        <v>4492</v>
      </c>
      <c r="C3591" s="1" t="s">
        <v>12453</v>
      </c>
      <c r="D3591" s="1" t="s">
        <v>12454</v>
      </c>
      <c r="E3591" s="1" t="s">
        <v>12455</v>
      </c>
      <c r="F3591" s="1" t="s">
        <v>474</v>
      </c>
      <c r="G3591" s="1" t="s">
        <v>12456</v>
      </c>
      <c r="H3591" s="1" t="s">
        <v>10</v>
      </c>
      <c r="I3591" s="1" t="s">
        <v>12117</v>
      </c>
      <c r="J3591" s="1" t="s">
        <v>19</v>
      </c>
      <c r="K3591" s="1" t="s">
        <v>64</v>
      </c>
      <c r="L3591" s="1" t="s">
        <v>12452</v>
      </c>
      <c r="M3591" s="1" t="s">
        <v>5</v>
      </c>
      <c r="N3591" s="1" t="s">
        <v>25</v>
      </c>
      <c r="O3591" s="1" t="s">
        <v>8</v>
      </c>
      <c r="P3591" s="5" t="s">
        <v>30330</v>
      </c>
    </row>
    <row r="3592" spans="1:16" x14ac:dyDescent="0.2">
      <c r="A3592" s="1" t="s">
        <v>194</v>
      </c>
      <c r="B3592" s="1" t="s">
        <v>4492</v>
      </c>
      <c r="C3592" s="1" t="s">
        <v>12458</v>
      </c>
      <c r="D3592" s="1" t="s">
        <v>12459</v>
      </c>
      <c r="E3592" s="1" t="s">
        <v>12460</v>
      </c>
      <c r="F3592" s="1" t="s">
        <v>27</v>
      </c>
      <c r="G3592" s="1" t="s">
        <v>10</v>
      </c>
      <c r="H3592" s="1" t="s">
        <v>12461</v>
      </c>
      <c r="I3592" s="1" t="s">
        <v>12117</v>
      </c>
      <c r="J3592" s="1" t="s">
        <v>19</v>
      </c>
      <c r="K3592" s="1" t="s">
        <v>64</v>
      </c>
      <c r="L3592" s="1" t="s">
        <v>12457</v>
      </c>
      <c r="M3592" s="1" t="s">
        <v>5</v>
      </c>
      <c r="N3592" s="1" t="s">
        <v>10</v>
      </c>
      <c r="O3592" s="1" t="s">
        <v>8</v>
      </c>
      <c r="P3592" s="5" t="s">
        <v>30330</v>
      </c>
    </row>
    <row r="3593" spans="1:16" x14ac:dyDescent="0.2">
      <c r="A3593" s="1" t="s">
        <v>194</v>
      </c>
      <c r="B3593" s="1" t="s">
        <v>4492</v>
      </c>
      <c r="C3593" s="1" t="s">
        <v>12463</v>
      </c>
      <c r="D3593" s="1" t="s">
        <v>12463</v>
      </c>
      <c r="E3593" s="1" t="s">
        <v>12464</v>
      </c>
      <c r="F3593" s="1" t="s">
        <v>27</v>
      </c>
      <c r="G3593" s="1" t="s">
        <v>10</v>
      </c>
      <c r="H3593" s="1" t="s">
        <v>12465</v>
      </c>
      <c r="I3593" s="1" t="s">
        <v>12117</v>
      </c>
      <c r="J3593" s="1" t="s">
        <v>19</v>
      </c>
      <c r="K3593" s="1" t="s">
        <v>64</v>
      </c>
      <c r="L3593" s="1" t="s">
        <v>12462</v>
      </c>
      <c r="M3593" s="1" t="s">
        <v>5</v>
      </c>
      <c r="N3593" s="1" t="s">
        <v>10</v>
      </c>
      <c r="O3593" s="1" t="s">
        <v>8</v>
      </c>
      <c r="P3593" s="5" t="s">
        <v>32759</v>
      </c>
    </row>
    <row r="3594" spans="1:16" x14ac:dyDescent="0.2">
      <c r="A3594" s="1" t="s">
        <v>66</v>
      </c>
      <c r="B3594" s="1" t="s">
        <v>1117</v>
      </c>
      <c r="C3594" s="1" t="s">
        <v>12467</v>
      </c>
      <c r="D3594" s="1" t="s">
        <v>12467</v>
      </c>
      <c r="E3594" s="1" t="s">
        <v>12468</v>
      </c>
      <c r="F3594" s="1" t="s">
        <v>10</v>
      </c>
      <c r="G3594" s="1" t="s">
        <v>10</v>
      </c>
      <c r="H3594" s="1" t="s">
        <v>10</v>
      </c>
      <c r="I3594" s="1" t="s">
        <v>12117</v>
      </c>
      <c r="J3594" s="1" t="s">
        <v>12121</v>
      </c>
      <c r="K3594" s="1" t="s">
        <v>7</v>
      </c>
      <c r="L3594" s="1" t="s">
        <v>12466</v>
      </c>
      <c r="M3594" s="1" t="s">
        <v>5</v>
      </c>
      <c r="N3594" s="1" t="s">
        <v>10</v>
      </c>
      <c r="O3594" s="1" t="s">
        <v>38</v>
      </c>
      <c r="P3594" s="5" t="s">
        <v>31508</v>
      </c>
    </row>
    <row r="3595" spans="1:16" x14ac:dyDescent="0.2">
      <c r="A3595" s="1" t="s">
        <v>20</v>
      </c>
      <c r="B3595" s="1" t="s">
        <v>1047</v>
      </c>
      <c r="C3595" s="1" t="s">
        <v>12470</v>
      </c>
      <c r="D3595" s="1" t="s">
        <v>12471</v>
      </c>
      <c r="E3595" s="1" t="s">
        <v>12472</v>
      </c>
      <c r="F3595" s="1" t="s">
        <v>10</v>
      </c>
      <c r="G3595" s="1" t="s">
        <v>10</v>
      </c>
      <c r="H3595" s="1" t="s">
        <v>10</v>
      </c>
      <c r="I3595" s="1" t="s">
        <v>12117</v>
      </c>
      <c r="J3595" s="1" t="s">
        <v>12188</v>
      </c>
      <c r="K3595" s="1" t="s">
        <v>100</v>
      </c>
      <c r="L3595" s="1" t="s">
        <v>12469</v>
      </c>
      <c r="M3595" s="1" t="s">
        <v>5</v>
      </c>
      <c r="N3595" s="1" t="s">
        <v>25</v>
      </c>
      <c r="O3595" s="1" t="s">
        <v>38</v>
      </c>
      <c r="P3595" s="5" t="s">
        <v>31509</v>
      </c>
    </row>
    <row r="3596" spans="1:16" x14ac:dyDescent="0.2">
      <c r="A3596" s="1" t="s">
        <v>66</v>
      </c>
      <c r="B3596" s="1" t="s">
        <v>1117</v>
      </c>
      <c r="C3596" s="1" t="s">
        <v>12474</v>
      </c>
      <c r="D3596" s="1" t="s">
        <v>12474</v>
      </c>
      <c r="E3596" s="1" t="s">
        <v>12475</v>
      </c>
      <c r="F3596" s="1" t="s">
        <v>10</v>
      </c>
      <c r="G3596" s="1" t="s">
        <v>10</v>
      </c>
      <c r="H3596" s="1" t="s">
        <v>10</v>
      </c>
      <c r="I3596" s="1" t="s">
        <v>12117</v>
      </c>
      <c r="J3596" s="1" t="s">
        <v>12121</v>
      </c>
      <c r="K3596" s="1" t="s">
        <v>7</v>
      </c>
      <c r="L3596" s="1" t="s">
        <v>12473</v>
      </c>
      <c r="M3596" s="1" t="s">
        <v>5</v>
      </c>
      <c r="N3596" s="1" t="s">
        <v>10</v>
      </c>
      <c r="O3596" s="1" t="s">
        <v>38</v>
      </c>
      <c r="P3596" s="5" t="s">
        <v>30331</v>
      </c>
    </row>
    <row r="3597" spans="1:16" x14ac:dyDescent="0.2">
      <c r="A3597" s="1" t="s">
        <v>194</v>
      </c>
      <c r="B3597" s="1" t="s">
        <v>7145</v>
      </c>
      <c r="C3597" s="1" t="s">
        <v>12477</v>
      </c>
      <c r="D3597" s="1" t="s">
        <v>12477</v>
      </c>
      <c r="E3597" s="1" t="s">
        <v>12478</v>
      </c>
      <c r="F3597" s="1" t="s">
        <v>27</v>
      </c>
      <c r="G3597" s="1" t="s">
        <v>10</v>
      </c>
      <c r="H3597" s="1" t="s">
        <v>12479</v>
      </c>
      <c r="I3597" s="1" t="s">
        <v>12117</v>
      </c>
      <c r="J3597" s="1" t="s">
        <v>12121</v>
      </c>
      <c r="K3597" s="1" t="s">
        <v>27</v>
      </c>
      <c r="L3597" s="1" t="s">
        <v>12476</v>
      </c>
      <c r="M3597" s="1" t="s">
        <v>5</v>
      </c>
      <c r="N3597" s="1" t="s">
        <v>10</v>
      </c>
      <c r="O3597" s="1" t="s">
        <v>8</v>
      </c>
      <c r="P3597" s="5" t="s">
        <v>29944</v>
      </c>
    </row>
    <row r="3598" spans="1:16" x14ac:dyDescent="0.2">
      <c r="A3598" s="1" t="s">
        <v>194</v>
      </c>
      <c r="B3598" s="1" t="s">
        <v>7145</v>
      </c>
      <c r="C3598" s="1" t="s">
        <v>12481</v>
      </c>
      <c r="D3598" s="1" t="s">
        <v>12481</v>
      </c>
      <c r="E3598" s="1" t="s">
        <v>12482</v>
      </c>
      <c r="F3598" s="1" t="s">
        <v>27</v>
      </c>
      <c r="G3598" s="1" t="s">
        <v>10</v>
      </c>
      <c r="H3598" s="1" t="s">
        <v>12481</v>
      </c>
      <c r="I3598" s="1" t="s">
        <v>12117</v>
      </c>
      <c r="J3598" s="1" t="s">
        <v>12121</v>
      </c>
      <c r="K3598" s="1" t="s">
        <v>27</v>
      </c>
      <c r="L3598" s="1" t="s">
        <v>12480</v>
      </c>
      <c r="M3598" s="1" t="s">
        <v>5</v>
      </c>
      <c r="N3598" s="1" t="s">
        <v>10</v>
      </c>
      <c r="O3598" s="1" t="s">
        <v>8</v>
      </c>
      <c r="P3598" s="5" t="s">
        <v>29944</v>
      </c>
    </row>
    <row r="3599" spans="1:16" x14ac:dyDescent="0.2">
      <c r="A3599" s="1" t="s">
        <v>194</v>
      </c>
      <c r="B3599" s="1" t="s">
        <v>6481</v>
      </c>
      <c r="C3599" s="1" t="s">
        <v>12484</v>
      </c>
      <c r="D3599" s="1" t="s">
        <v>12484</v>
      </c>
      <c r="E3599" s="1" t="s">
        <v>12485</v>
      </c>
      <c r="F3599" s="1" t="s">
        <v>10</v>
      </c>
      <c r="G3599" s="1" t="s">
        <v>10</v>
      </c>
      <c r="H3599" s="1" t="s">
        <v>10</v>
      </c>
      <c r="I3599" s="1" t="s">
        <v>12117</v>
      </c>
      <c r="J3599" s="1" t="s">
        <v>12121</v>
      </c>
      <c r="K3599" s="1" t="s">
        <v>7</v>
      </c>
      <c r="L3599" s="1" t="s">
        <v>12483</v>
      </c>
      <c r="M3599" s="1" t="s">
        <v>5</v>
      </c>
      <c r="N3599" s="1" t="s">
        <v>10</v>
      </c>
      <c r="O3599" s="1" t="s">
        <v>38</v>
      </c>
      <c r="P3599" s="5" t="s">
        <v>31510</v>
      </c>
    </row>
    <row r="3600" spans="1:16" x14ac:dyDescent="0.2">
      <c r="A3600" s="1" t="s">
        <v>194</v>
      </c>
      <c r="B3600" s="1" t="s">
        <v>195</v>
      </c>
      <c r="C3600" s="1" t="s">
        <v>12487</v>
      </c>
      <c r="D3600" s="1" t="s">
        <v>12488</v>
      </c>
      <c r="E3600" s="1" t="s">
        <v>12489</v>
      </c>
      <c r="F3600" s="1" t="s">
        <v>10</v>
      </c>
      <c r="G3600" s="1" t="s">
        <v>10</v>
      </c>
      <c r="H3600" s="1" t="s">
        <v>10</v>
      </c>
      <c r="I3600" s="1" t="s">
        <v>12117</v>
      </c>
      <c r="J3600" s="1" t="s">
        <v>12121</v>
      </c>
      <c r="K3600" s="1" t="s">
        <v>27</v>
      </c>
      <c r="L3600" s="1" t="s">
        <v>12486</v>
      </c>
      <c r="M3600" s="1" t="s">
        <v>5</v>
      </c>
      <c r="N3600" s="1" t="s">
        <v>1009</v>
      </c>
      <c r="O3600" s="1" t="s">
        <v>38</v>
      </c>
      <c r="P3600" s="5" t="s">
        <v>31511</v>
      </c>
    </row>
    <row r="3601" spans="1:16" x14ac:dyDescent="0.2">
      <c r="A3601" s="1" t="s">
        <v>194</v>
      </c>
      <c r="B3601" s="1" t="s">
        <v>4492</v>
      </c>
      <c r="C3601" s="1" t="s">
        <v>12491</v>
      </c>
      <c r="D3601" s="1" t="s">
        <v>12492</v>
      </c>
      <c r="E3601" s="1" t="s">
        <v>12493</v>
      </c>
      <c r="F3601" s="1" t="s">
        <v>27</v>
      </c>
      <c r="G3601" s="1" t="s">
        <v>10</v>
      </c>
      <c r="H3601" s="1" t="s">
        <v>12494</v>
      </c>
      <c r="I3601" s="1" t="s">
        <v>12117</v>
      </c>
      <c r="J3601" s="1" t="s">
        <v>19</v>
      </c>
      <c r="K3601" s="1" t="s">
        <v>64</v>
      </c>
      <c r="L3601" s="1" t="s">
        <v>12490</v>
      </c>
      <c r="M3601" s="1" t="s">
        <v>5</v>
      </c>
      <c r="N3601" s="1" t="s">
        <v>6</v>
      </c>
      <c r="O3601" s="1" t="s">
        <v>8</v>
      </c>
      <c r="P3601" s="5" t="s">
        <v>30331</v>
      </c>
    </row>
    <row r="3602" spans="1:16" x14ac:dyDescent="0.2">
      <c r="A3602" s="1" t="s">
        <v>20</v>
      </c>
      <c r="B3602" s="1" t="s">
        <v>445</v>
      </c>
      <c r="C3602" s="1" t="s">
        <v>12496</v>
      </c>
      <c r="D3602" s="1" t="s">
        <v>12497</v>
      </c>
      <c r="E3602" s="1" t="s">
        <v>12498</v>
      </c>
      <c r="F3602" s="1" t="s">
        <v>10</v>
      </c>
      <c r="G3602" s="1" t="s">
        <v>10</v>
      </c>
      <c r="H3602" s="1" t="s">
        <v>10</v>
      </c>
      <c r="I3602" s="1" t="s">
        <v>12117</v>
      </c>
      <c r="J3602" s="1" t="s">
        <v>12283</v>
      </c>
      <c r="K3602" s="1" t="s">
        <v>7</v>
      </c>
      <c r="L3602" s="1" t="s">
        <v>12495</v>
      </c>
      <c r="M3602" s="1" t="s">
        <v>5</v>
      </c>
      <c r="N3602" s="1" t="s">
        <v>1009</v>
      </c>
      <c r="O3602" s="1" t="s">
        <v>38</v>
      </c>
      <c r="P3602" s="5" t="s">
        <v>30320</v>
      </c>
    </row>
    <row r="3603" spans="1:16" x14ac:dyDescent="0.2">
      <c r="A3603" s="1" t="s">
        <v>32</v>
      </c>
      <c r="B3603" s="1" t="s">
        <v>140</v>
      </c>
      <c r="C3603" s="1" t="s">
        <v>12500</v>
      </c>
      <c r="D3603" s="1" t="s">
        <v>12501</v>
      </c>
      <c r="E3603" s="1" t="s">
        <v>12502</v>
      </c>
      <c r="F3603" s="1" t="s">
        <v>27</v>
      </c>
      <c r="G3603" s="1" t="s">
        <v>10</v>
      </c>
      <c r="H3603" s="1" t="s">
        <v>12500</v>
      </c>
      <c r="I3603" s="1" t="s">
        <v>12117</v>
      </c>
      <c r="J3603" s="1" t="s">
        <v>19</v>
      </c>
      <c r="K3603" s="1" t="s">
        <v>443</v>
      </c>
      <c r="L3603" s="1" t="s">
        <v>12499</v>
      </c>
      <c r="M3603" s="1" t="s">
        <v>5</v>
      </c>
      <c r="N3603" s="1" t="s">
        <v>1009</v>
      </c>
      <c r="O3603" s="1" t="s">
        <v>8</v>
      </c>
      <c r="P3603" s="5" t="s">
        <v>31512</v>
      </c>
    </row>
    <row r="3604" spans="1:16" x14ac:dyDescent="0.2">
      <c r="A3604" s="1" t="s">
        <v>42</v>
      </c>
      <c r="B3604" s="1" t="s">
        <v>966</v>
      </c>
      <c r="C3604" s="1" t="s">
        <v>12504</v>
      </c>
      <c r="D3604" s="1" t="s">
        <v>7048</v>
      </c>
      <c r="E3604" s="1" t="s">
        <v>12505</v>
      </c>
      <c r="F3604" s="1" t="s">
        <v>10</v>
      </c>
      <c r="G3604" s="1" t="s">
        <v>10</v>
      </c>
      <c r="H3604" s="1" t="s">
        <v>10</v>
      </c>
      <c r="I3604" s="1" t="s">
        <v>12117</v>
      </c>
      <c r="J3604" s="1" t="s">
        <v>12283</v>
      </c>
      <c r="K3604" s="1" t="s">
        <v>37</v>
      </c>
      <c r="L3604" s="1" t="s">
        <v>12503</v>
      </c>
      <c r="M3604" s="1" t="s">
        <v>5</v>
      </c>
      <c r="N3604" s="1" t="s">
        <v>1009</v>
      </c>
      <c r="O3604" s="1" t="s">
        <v>38</v>
      </c>
      <c r="P3604" s="5" t="s">
        <v>30320</v>
      </c>
    </row>
    <row r="3605" spans="1:16" x14ac:dyDescent="0.2">
      <c r="A3605" s="1" t="s">
        <v>10</v>
      </c>
      <c r="B3605" s="1" t="s">
        <v>10</v>
      </c>
      <c r="C3605" s="1" t="s">
        <v>12507</v>
      </c>
      <c r="D3605" s="1" t="s">
        <v>12508</v>
      </c>
      <c r="E3605" s="1" t="s">
        <v>12509</v>
      </c>
      <c r="F3605" s="1" t="s">
        <v>27</v>
      </c>
      <c r="G3605" s="1" t="s">
        <v>10</v>
      </c>
      <c r="H3605" s="1" t="s">
        <v>12510</v>
      </c>
      <c r="I3605" s="1" t="s">
        <v>12117</v>
      </c>
      <c r="J3605" s="1" t="s">
        <v>12283</v>
      </c>
      <c r="K3605" s="1" t="s">
        <v>27</v>
      </c>
      <c r="L3605" s="1" t="s">
        <v>12506</v>
      </c>
      <c r="M3605" s="1" t="s">
        <v>5</v>
      </c>
      <c r="N3605" s="1" t="s">
        <v>1009</v>
      </c>
      <c r="O3605" s="1" t="s">
        <v>8</v>
      </c>
      <c r="P3605" s="5" t="s">
        <v>30332</v>
      </c>
    </row>
    <row r="3606" spans="1:16" x14ac:dyDescent="0.2">
      <c r="A3606" s="1" t="s">
        <v>194</v>
      </c>
      <c r="B3606" s="1" t="s">
        <v>4492</v>
      </c>
      <c r="C3606" s="1" t="s">
        <v>12512</v>
      </c>
      <c r="D3606" s="1" t="s">
        <v>12513</v>
      </c>
      <c r="E3606" s="1" t="s">
        <v>12514</v>
      </c>
      <c r="F3606" s="1" t="s">
        <v>27</v>
      </c>
      <c r="G3606" s="1" t="s">
        <v>10</v>
      </c>
      <c r="H3606" s="1" t="s">
        <v>12515</v>
      </c>
      <c r="I3606" s="1" t="s">
        <v>12117</v>
      </c>
      <c r="J3606" s="1" t="s">
        <v>12188</v>
      </c>
      <c r="K3606" s="1" t="s">
        <v>27</v>
      </c>
      <c r="L3606" s="1" t="s">
        <v>12511</v>
      </c>
      <c r="M3606" s="1" t="s">
        <v>5</v>
      </c>
      <c r="N3606" s="1" t="s">
        <v>1009</v>
      </c>
      <c r="O3606" s="1" t="s">
        <v>38</v>
      </c>
      <c r="P3606" s="5" t="s">
        <v>30323</v>
      </c>
    </row>
    <row r="3607" spans="1:16" x14ac:dyDescent="0.2">
      <c r="A3607" s="1" t="s">
        <v>194</v>
      </c>
      <c r="B3607" s="1" t="s">
        <v>6481</v>
      </c>
      <c r="C3607" s="1" t="s">
        <v>12517</v>
      </c>
      <c r="D3607" s="1" t="s">
        <v>12517</v>
      </c>
      <c r="E3607" s="1" t="s">
        <v>12519</v>
      </c>
      <c r="F3607" s="1" t="s">
        <v>10</v>
      </c>
      <c r="G3607" s="1" t="s">
        <v>10</v>
      </c>
      <c r="H3607" s="1" t="s">
        <v>10</v>
      </c>
      <c r="I3607" s="1" t="s">
        <v>12117</v>
      </c>
      <c r="J3607" s="1" t="s">
        <v>12121</v>
      </c>
      <c r="K3607" s="1" t="s">
        <v>7</v>
      </c>
      <c r="L3607" s="1" t="s">
        <v>12516</v>
      </c>
      <c r="M3607" s="1" t="s">
        <v>5</v>
      </c>
      <c r="N3607" s="1" t="s">
        <v>6</v>
      </c>
      <c r="O3607" s="1" t="s">
        <v>38</v>
      </c>
      <c r="P3607" s="5" t="s">
        <v>31513</v>
      </c>
    </row>
    <row r="3608" spans="1:16" x14ac:dyDescent="0.2">
      <c r="A3608" s="1" t="s">
        <v>20</v>
      </c>
      <c r="B3608" s="1" t="s">
        <v>1804</v>
      </c>
      <c r="C3608" s="1" t="s">
        <v>12521</v>
      </c>
      <c r="D3608" s="1" t="s">
        <v>12522</v>
      </c>
      <c r="E3608" s="1"/>
      <c r="F3608" s="1" t="s">
        <v>27</v>
      </c>
      <c r="G3608" s="1" t="s">
        <v>10</v>
      </c>
      <c r="H3608" s="1" t="s">
        <v>12523</v>
      </c>
      <c r="I3608" s="1" t="s">
        <v>12117</v>
      </c>
      <c r="J3608" s="1" t="s">
        <v>10</v>
      </c>
      <c r="K3608" s="1" t="s">
        <v>7</v>
      </c>
      <c r="L3608" s="1" t="s">
        <v>12520</v>
      </c>
      <c r="M3608" s="1" t="s">
        <v>5</v>
      </c>
      <c r="N3608" s="1" t="s">
        <v>1009</v>
      </c>
      <c r="O3608" s="1" t="s">
        <v>38</v>
      </c>
      <c r="P3608" s="5" t="s">
        <v>30333</v>
      </c>
    </row>
    <row r="3609" spans="1:16" x14ac:dyDescent="0.2">
      <c r="A3609" s="1" t="s">
        <v>20</v>
      </c>
      <c r="B3609" s="1" t="s">
        <v>99</v>
      </c>
      <c r="C3609" s="1" t="s">
        <v>12525</v>
      </c>
      <c r="D3609" s="1" t="s">
        <v>12526</v>
      </c>
      <c r="E3609" s="1" t="s">
        <v>12528</v>
      </c>
      <c r="F3609" s="1" t="s">
        <v>10</v>
      </c>
      <c r="G3609" s="1" t="s">
        <v>10</v>
      </c>
      <c r="H3609" s="1" t="s">
        <v>10</v>
      </c>
      <c r="I3609" s="1" t="s">
        <v>12117</v>
      </c>
      <c r="J3609" s="1" t="s">
        <v>12527</v>
      </c>
      <c r="K3609" s="1" t="s">
        <v>130</v>
      </c>
      <c r="L3609" s="1" t="s">
        <v>12524</v>
      </c>
      <c r="M3609" s="1" t="s">
        <v>5</v>
      </c>
      <c r="N3609" s="1" t="s">
        <v>1009</v>
      </c>
      <c r="O3609" s="1" t="s">
        <v>38</v>
      </c>
      <c r="P3609" s="5" t="s">
        <v>30334</v>
      </c>
    </row>
    <row r="3610" spans="1:16" x14ac:dyDescent="0.2">
      <c r="A3610" s="1" t="s">
        <v>10</v>
      </c>
      <c r="B3610" s="1" t="s">
        <v>10</v>
      </c>
      <c r="C3610" s="1" t="s">
        <v>12530</v>
      </c>
      <c r="D3610" s="1" t="s">
        <v>12531</v>
      </c>
      <c r="E3610" s="1" t="s">
        <v>12532</v>
      </c>
      <c r="F3610" s="1" t="s">
        <v>27</v>
      </c>
      <c r="G3610" s="1" t="s">
        <v>10</v>
      </c>
      <c r="H3610" s="1" t="s">
        <v>12533</v>
      </c>
      <c r="I3610" s="1" t="s">
        <v>12117</v>
      </c>
      <c r="J3610" s="1" t="s">
        <v>10</v>
      </c>
      <c r="K3610" s="1" t="s">
        <v>10</v>
      </c>
      <c r="L3610" s="1" t="s">
        <v>12529</v>
      </c>
      <c r="M3610" s="1" t="s">
        <v>5</v>
      </c>
      <c r="N3610" s="1" t="s">
        <v>1009</v>
      </c>
      <c r="O3610" s="1" t="s">
        <v>8</v>
      </c>
      <c r="P3610" s="5"/>
    </row>
    <row r="3611" spans="1:16" x14ac:dyDescent="0.2">
      <c r="A3611" s="1" t="s">
        <v>10</v>
      </c>
      <c r="B3611" s="1" t="s">
        <v>10</v>
      </c>
      <c r="C3611" s="1" t="s">
        <v>12535</v>
      </c>
      <c r="D3611" s="1" t="s">
        <v>12536</v>
      </c>
      <c r="E3611" s="1" t="s">
        <v>12537</v>
      </c>
      <c r="F3611" s="1" t="s">
        <v>474</v>
      </c>
      <c r="G3611" s="1" t="s">
        <v>12424</v>
      </c>
      <c r="H3611" s="1" t="s">
        <v>10</v>
      </c>
      <c r="I3611" s="1" t="s">
        <v>12117</v>
      </c>
      <c r="J3611" s="1" t="s">
        <v>10</v>
      </c>
      <c r="K3611" s="1" t="s">
        <v>10</v>
      </c>
      <c r="L3611" s="1" t="s">
        <v>12534</v>
      </c>
      <c r="M3611" s="1" t="s">
        <v>5</v>
      </c>
      <c r="N3611" s="1" t="s">
        <v>10</v>
      </c>
      <c r="O3611" s="1" t="s">
        <v>8</v>
      </c>
      <c r="P3611" s="5" t="s">
        <v>30335</v>
      </c>
    </row>
    <row r="3612" spans="1:16" x14ac:dyDescent="0.2">
      <c r="A3612" s="1" t="s">
        <v>10</v>
      </c>
      <c r="B3612" s="1" t="s">
        <v>10</v>
      </c>
      <c r="C3612" s="1" t="s">
        <v>12539</v>
      </c>
      <c r="D3612" s="1" t="s">
        <v>12540</v>
      </c>
      <c r="E3612" s="1" t="s">
        <v>12541</v>
      </c>
      <c r="F3612" s="1" t="s">
        <v>10</v>
      </c>
      <c r="G3612" s="1" t="s">
        <v>10</v>
      </c>
      <c r="H3612" s="1" t="s">
        <v>10</v>
      </c>
      <c r="I3612" s="1" t="s">
        <v>12117</v>
      </c>
      <c r="J3612" s="1" t="s">
        <v>10</v>
      </c>
      <c r="K3612" s="1" t="s">
        <v>10</v>
      </c>
      <c r="L3612" s="1" t="s">
        <v>12538</v>
      </c>
      <c r="M3612" s="1" t="s">
        <v>5</v>
      </c>
      <c r="N3612" s="1" t="s">
        <v>10</v>
      </c>
      <c r="O3612" s="1" t="s">
        <v>38</v>
      </c>
      <c r="P3612" s="5" t="s">
        <v>32760</v>
      </c>
    </row>
    <row r="3613" spans="1:16" x14ac:dyDescent="0.2">
      <c r="A3613" s="1" t="s">
        <v>32</v>
      </c>
      <c r="B3613" s="1" t="s">
        <v>7383</v>
      </c>
      <c r="C3613" s="1" t="s">
        <v>12543</v>
      </c>
      <c r="D3613" s="1" t="s">
        <v>12544</v>
      </c>
      <c r="E3613" s="1" t="s">
        <v>12545</v>
      </c>
      <c r="F3613" s="1" t="s">
        <v>27</v>
      </c>
      <c r="G3613" s="1" t="s">
        <v>10</v>
      </c>
      <c r="H3613" s="1" t="s">
        <v>12546</v>
      </c>
      <c r="I3613" s="1" t="s">
        <v>12117</v>
      </c>
      <c r="J3613" s="1" t="s">
        <v>19</v>
      </c>
      <c r="K3613" s="1" t="s">
        <v>1027</v>
      </c>
      <c r="L3613" s="1" t="s">
        <v>12542</v>
      </c>
      <c r="M3613" s="1" t="s">
        <v>5</v>
      </c>
      <c r="N3613" s="1" t="s">
        <v>10</v>
      </c>
      <c r="O3613" s="1" t="s">
        <v>8</v>
      </c>
      <c r="P3613" s="5" t="s">
        <v>30336</v>
      </c>
    </row>
    <row r="3614" spans="1:16" x14ac:dyDescent="0.2">
      <c r="A3614" s="1" t="s">
        <v>20</v>
      </c>
      <c r="B3614" s="1" t="s">
        <v>93</v>
      </c>
      <c r="C3614" s="1" t="s">
        <v>12548</v>
      </c>
      <c r="D3614" s="1" t="s">
        <v>12548</v>
      </c>
      <c r="E3614" s="1" t="s">
        <v>12549</v>
      </c>
      <c r="F3614" s="1" t="s">
        <v>27</v>
      </c>
      <c r="G3614" s="1" t="s">
        <v>10</v>
      </c>
      <c r="H3614" s="1" t="s">
        <v>12550</v>
      </c>
      <c r="I3614" s="1" t="s">
        <v>12117</v>
      </c>
      <c r="J3614" s="1" t="s">
        <v>19</v>
      </c>
      <c r="K3614" s="1" t="s">
        <v>7</v>
      </c>
      <c r="L3614" s="1" t="s">
        <v>12547</v>
      </c>
      <c r="M3614" s="1" t="s">
        <v>5</v>
      </c>
      <c r="N3614" s="1" t="s">
        <v>6</v>
      </c>
      <c r="O3614" s="1" t="s">
        <v>8</v>
      </c>
      <c r="P3614" s="5" t="s">
        <v>30173</v>
      </c>
    </row>
    <row r="3615" spans="1:16" x14ac:dyDescent="0.2">
      <c r="A3615" s="1" t="s">
        <v>1385</v>
      </c>
      <c r="B3615" s="1" t="s">
        <v>2317</v>
      </c>
      <c r="C3615" s="1" t="s">
        <v>12552</v>
      </c>
      <c r="D3615" s="1" t="s">
        <v>1691</v>
      </c>
      <c r="E3615" s="1"/>
      <c r="F3615" s="1" t="s">
        <v>10</v>
      </c>
      <c r="G3615" s="1" t="s">
        <v>10</v>
      </c>
      <c r="H3615" s="1" t="s">
        <v>10</v>
      </c>
      <c r="I3615" s="1" t="s">
        <v>12117</v>
      </c>
      <c r="J3615" s="1" t="s">
        <v>10</v>
      </c>
      <c r="K3615" s="1" t="s">
        <v>7</v>
      </c>
      <c r="L3615" s="1" t="s">
        <v>12551</v>
      </c>
      <c r="M3615" s="1" t="s">
        <v>5</v>
      </c>
      <c r="N3615" s="1" t="s">
        <v>10</v>
      </c>
      <c r="O3615" s="1" t="s">
        <v>38</v>
      </c>
      <c r="P3615" s="5" t="s">
        <v>30337</v>
      </c>
    </row>
    <row r="3616" spans="1:16" x14ac:dyDescent="0.2">
      <c r="A3616" s="1" t="s">
        <v>42</v>
      </c>
      <c r="B3616" s="1" t="s">
        <v>43</v>
      </c>
      <c r="C3616" s="1" t="s">
        <v>12554</v>
      </c>
      <c r="D3616" s="1" t="s">
        <v>12555</v>
      </c>
      <c r="E3616" s="1" t="s">
        <v>12556</v>
      </c>
      <c r="F3616" s="1" t="s">
        <v>1640</v>
      </c>
      <c r="G3616" s="1" t="s">
        <v>10</v>
      </c>
      <c r="H3616" s="1" t="s">
        <v>10</v>
      </c>
      <c r="I3616" s="1" t="s">
        <v>12117</v>
      </c>
      <c r="J3616" s="1" t="s">
        <v>19</v>
      </c>
      <c r="K3616" s="1" t="s">
        <v>37</v>
      </c>
      <c r="L3616" s="1" t="s">
        <v>12553</v>
      </c>
      <c r="M3616" s="1" t="s">
        <v>5</v>
      </c>
      <c r="N3616" s="1" t="s">
        <v>1009</v>
      </c>
      <c r="O3616" s="1" t="s">
        <v>8</v>
      </c>
      <c r="P3616" s="5" t="s">
        <v>30334</v>
      </c>
    </row>
    <row r="3617" spans="1:16" x14ac:dyDescent="0.2">
      <c r="A3617" s="1" t="s">
        <v>10</v>
      </c>
      <c r="B3617" s="1" t="s">
        <v>10</v>
      </c>
      <c r="C3617" s="1" t="s">
        <v>12558</v>
      </c>
      <c r="D3617" s="1" t="s">
        <v>12559</v>
      </c>
      <c r="E3617" s="1" t="s">
        <v>12560</v>
      </c>
      <c r="F3617" s="1" t="s">
        <v>10</v>
      </c>
      <c r="G3617" s="1" t="s">
        <v>10</v>
      </c>
      <c r="H3617" s="1" t="s">
        <v>10</v>
      </c>
      <c r="I3617" s="1" t="s">
        <v>12117</v>
      </c>
      <c r="J3617" s="1" t="s">
        <v>10</v>
      </c>
      <c r="K3617" s="1" t="s">
        <v>7</v>
      </c>
      <c r="L3617" s="1" t="s">
        <v>12557</v>
      </c>
      <c r="M3617" s="1" t="s">
        <v>5</v>
      </c>
      <c r="N3617" s="1" t="s">
        <v>25</v>
      </c>
      <c r="O3617" s="1" t="s">
        <v>8</v>
      </c>
      <c r="P3617" s="5" t="s">
        <v>30338</v>
      </c>
    </row>
    <row r="3618" spans="1:16" x14ac:dyDescent="0.2">
      <c r="A3618" s="1" t="s">
        <v>1385</v>
      </c>
      <c r="B3618" s="1" t="s">
        <v>2930</v>
      </c>
      <c r="C3618" s="1" t="s">
        <v>12563</v>
      </c>
      <c r="D3618" s="1" t="s">
        <v>12564</v>
      </c>
      <c r="E3618" s="1" t="s">
        <v>12565</v>
      </c>
      <c r="F3618" s="1" t="s">
        <v>27</v>
      </c>
      <c r="G3618" s="1" t="s">
        <v>10</v>
      </c>
      <c r="H3618" s="1" t="s">
        <v>12566</v>
      </c>
      <c r="I3618" s="1" t="s">
        <v>12117</v>
      </c>
      <c r="J3618" s="1" t="s">
        <v>19</v>
      </c>
      <c r="K3618" s="1" t="s">
        <v>27</v>
      </c>
      <c r="L3618" s="1" t="s">
        <v>12562</v>
      </c>
      <c r="M3618" s="1" t="s">
        <v>5</v>
      </c>
      <c r="N3618" s="1" t="s">
        <v>25</v>
      </c>
      <c r="O3618" s="1" t="s">
        <v>8</v>
      </c>
      <c r="P3618" s="5" t="s">
        <v>31514</v>
      </c>
    </row>
    <row r="3619" spans="1:16" x14ac:dyDescent="0.2">
      <c r="A3619" s="1" t="s">
        <v>10</v>
      </c>
      <c r="B3619" s="1" t="s">
        <v>10</v>
      </c>
      <c r="C3619" s="1" t="s">
        <v>12568</v>
      </c>
      <c r="D3619" s="1" t="s">
        <v>12569</v>
      </c>
      <c r="E3619" s="1" t="s">
        <v>10</v>
      </c>
      <c r="F3619" s="1" t="s">
        <v>10</v>
      </c>
      <c r="G3619" s="1" t="s">
        <v>10</v>
      </c>
      <c r="H3619" s="1" t="s">
        <v>10</v>
      </c>
      <c r="I3619" s="1" t="s">
        <v>12117</v>
      </c>
      <c r="J3619" s="1" t="s">
        <v>10</v>
      </c>
      <c r="K3619" s="1" t="s">
        <v>10</v>
      </c>
      <c r="L3619" s="1" t="s">
        <v>12567</v>
      </c>
      <c r="M3619" s="1" t="s">
        <v>5</v>
      </c>
      <c r="N3619" s="1" t="s">
        <v>10</v>
      </c>
      <c r="O3619" s="1" t="s">
        <v>38</v>
      </c>
      <c r="P3619" s="5" t="s">
        <v>30336</v>
      </c>
    </row>
    <row r="3620" spans="1:16" x14ac:dyDescent="0.2">
      <c r="A3620" s="1" t="s">
        <v>10</v>
      </c>
      <c r="B3620" s="1" t="s">
        <v>10</v>
      </c>
      <c r="C3620" s="1" t="s">
        <v>12571</v>
      </c>
      <c r="D3620" s="1" t="s">
        <v>12572</v>
      </c>
      <c r="E3620" s="1" t="s">
        <v>10</v>
      </c>
      <c r="F3620" s="1" t="s">
        <v>10</v>
      </c>
      <c r="G3620" s="1" t="s">
        <v>10</v>
      </c>
      <c r="H3620" s="1" t="s">
        <v>10</v>
      </c>
      <c r="I3620" s="1" t="s">
        <v>12117</v>
      </c>
      <c r="J3620" s="1" t="s">
        <v>10</v>
      </c>
      <c r="K3620" s="1" t="s">
        <v>10</v>
      </c>
      <c r="L3620" s="1" t="s">
        <v>12570</v>
      </c>
      <c r="M3620" s="1" t="s">
        <v>5</v>
      </c>
      <c r="N3620" s="1" t="s">
        <v>10</v>
      </c>
      <c r="O3620" s="1" t="s">
        <v>38</v>
      </c>
      <c r="P3620" s="5" t="s">
        <v>30173</v>
      </c>
    </row>
    <row r="3621" spans="1:16" x14ac:dyDescent="0.2">
      <c r="A3621" s="1" t="s">
        <v>487</v>
      </c>
      <c r="B3621" s="1" t="s">
        <v>765</v>
      </c>
      <c r="C3621" s="1" t="s">
        <v>12574</v>
      </c>
      <c r="D3621" s="1" t="s">
        <v>12575</v>
      </c>
      <c r="E3621" s="1" t="s">
        <v>12576</v>
      </c>
      <c r="F3621" s="1" t="s">
        <v>27</v>
      </c>
      <c r="G3621" s="1" t="s">
        <v>10</v>
      </c>
      <c r="H3621" s="1" t="s">
        <v>12577</v>
      </c>
      <c r="I3621" s="1" t="s">
        <v>12117</v>
      </c>
      <c r="J3621" s="1" t="s">
        <v>19</v>
      </c>
      <c r="K3621" s="1" t="s">
        <v>64</v>
      </c>
      <c r="L3621" s="1" t="s">
        <v>12573</v>
      </c>
      <c r="M3621" s="1" t="s">
        <v>5</v>
      </c>
      <c r="N3621" s="1" t="s">
        <v>25</v>
      </c>
      <c r="O3621" s="1" t="s">
        <v>8</v>
      </c>
      <c r="P3621" s="5" t="s">
        <v>31514</v>
      </c>
    </row>
    <row r="3622" spans="1:16" x14ac:dyDescent="0.2">
      <c r="A3622" s="1" t="s">
        <v>10</v>
      </c>
      <c r="B3622" s="1" t="s">
        <v>10</v>
      </c>
      <c r="C3622" s="1" t="s">
        <v>12579</v>
      </c>
      <c r="D3622" s="1" t="s">
        <v>10</v>
      </c>
      <c r="E3622" s="1" t="s">
        <v>10</v>
      </c>
      <c r="F3622" s="1" t="s">
        <v>10</v>
      </c>
      <c r="G3622" s="1" t="s">
        <v>10</v>
      </c>
      <c r="H3622" s="1" t="s">
        <v>10</v>
      </c>
      <c r="I3622" s="1" t="s">
        <v>12117</v>
      </c>
      <c r="J3622" s="1" t="s">
        <v>10</v>
      </c>
      <c r="K3622" s="1" t="s">
        <v>10</v>
      </c>
      <c r="L3622" s="1" t="s">
        <v>12578</v>
      </c>
      <c r="M3622" s="1" t="s">
        <v>5</v>
      </c>
      <c r="N3622" s="1" t="s">
        <v>10</v>
      </c>
      <c r="O3622" s="1" t="s">
        <v>10</v>
      </c>
      <c r="P3622" s="5"/>
    </row>
    <row r="3623" spans="1:16" x14ac:dyDescent="0.2">
      <c r="A3623" s="1" t="s">
        <v>10</v>
      </c>
      <c r="B3623" s="1" t="s">
        <v>10</v>
      </c>
      <c r="C3623" s="1" t="s">
        <v>12581</v>
      </c>
      <c r="D3623" s="1" t="s">
        <v>12582</v>
      </c>
      <c r="E3623" s="1" t="s">
        <v>10</v>
      </c>
      <c r="F3623" s="1" t="s">
        <v>10</v>
      </c>
      <c r="G3623" s="1" t="s">
        <v>10</v>
      </c>
      <c r="H3623" s="1" t="s">
        <v>10</v>
      </c>
      <c r="I3623" s="1" t="s">
        <v>12117</v>
      </c>
      <c r="J3623" s="1" t="s">
        <v>10</v>
      </c>
      <c r="K3623" s="1" t="s">
        <v>10</v>
      </c>
      <c r="L3623" s="1" t="s">
        <v>12580</v>
      </c>
      <c r="M3623" s="1" t="s">
        <v>5</v>
      </c>
      <c r="N3623" s="1" t="s">
        <v>10</v>
      </c>
      <c r="O3623" s="1" t="s">
        <v>38</v>
      </c>
      <c r="P3623" s="5"/>
    </row>
    <row r="3624" spans="1:16" x14ac:dyDescent="0.2">
      <c r="A3624" s="1" t="s">
        <v>1385</v>
      </c>
      <c r="B3624" s="1" t="s">
        <v>1687</v>
      </c>
      <c r="C3624" s="1" t="s">
        <v>12584</v>
      </c>
      <c r="D3624" s="1" t="s">
        <v>12585</v>
      </c>
      <c r="E3624" s="1"/>
      <c r="F3624" s="1" t="s">
        <v>10</v>
      </c>
      <c r="G3624" s="1" t="s">
        <v>10</v>
      </c>
      <c r="H3624" s="1" t="s">
        <v>10</v>
      </c>
      <c r="I3624" s="1" t="s">
        <v>12117</v>
      </c>
      <c r="J3624" s="1" t="s">
        <v>19</v>
      </c>
      <c r="K3624" s="1" t="s">
        <v>64</v>
      </c>
      <c r="L3624" s="1" t="s">
        <v>12583</v>
      </c>
      <c r="M3624" s="1" t="s">
        <v>5</v>
      </c>
      <c r="N3624" s="1" t="s">
        <v>25</v>
      </c>
      <c r="O3624" s="1" t="s">
        <v>38</v>
      </c>
      <c r="P3624" s="5" t="s">
        <v>31514</v>
      </c>
    </row>
    <row r="3625" spans="1:16" x14ac:dyDescent="0.2">
      <c r="A3625" s="1" t="s">
        <v>20</v>
      </c>
      <c r="B3625" s="1" t="s">
        <v>99</v>
      </c>
      <c r="C3625" s="1" t="s">
        <v>12587</v>
      </c>
      <c r="D3625" s="1" t="s">
        <v>12588</v>
      </c>
      <c r="E3625" s="1" t="s">
        <v>12589</v>
      </c>
      <c r="F3625" s="1" t="s">
        <v>27</v>
      </c>
      <c r="G3625" s="1" t="s">
        <v>10</v>
      </c>
      <c r="H3625" s="1" t="s">
        <v>12587</v>
      </c>
      <c r="I3625" s="1" t="s">
        <v>12117</v>
      </c>
      <c r="J3625" s="1" t="s">
        <v>19</v>
      </c>
      <c r="K3625" s="1" t="s">
        <v>7</v>
      </c>
      <c r="L3625" s="1" t="s">
        <v>12586</v>
      </c>
      <c r="M3625" s="1" t="s">
        <v>5</v>
      </c>
      <c r="N3625" s="1" t="s">
        <v>25</v>
      </c>
      <c r="O3625" s="1" t="s">
        <v>8</v>
      </c>
      <c r="P3625" s="5" t="s">
        <v>31515</v>
      </c>
    </row>
    <row r="3626" spans="1:16" x14ac:dyDescent="0.2">
      <c r="A3626" s="1" t="s">
        <v>10</v>
      </c>
      <c r="B3626" s="1" t="s">
        <v>10</v>
      </c>
      <c r="C3626" s="1" t="s">
        <v>12591</v>
      </c>
      <c r="D3626" s="1" t="s">
        <v>10503</v>
      </c>
      <c r="E3626" s="1" t="s">
        <v>10</v>
      </c>
      <c r="F3626" s="1" t="s">
        <v>10</v>
      </c>
      <c r="G3626" s="1" t="s">
        <v>10</v>
      </c>
      <c r="H3626" s="1" t="s">
        <v>10</v>
      </c>
      <c r="I3626" s="1" t="s">
        <v>12117</v>
      </c>
      <c r="J3626" s="1" t="s">
        <v>10</v>
      </c>
      <c r="K3626" s="1" t="s">
        <v>10</v>
      </c>
      <c r="L3626" s="1" t="s">
        <v>12590</v>
      </c>
      <c r="M3626" s="1" t="s">
        <v>5</v>
      </c>
      <c r="N3626" s="1" t="s">
        <v>10</v>
      </c>
      <c r="O3626" s="1" t="s">
        <v>38</v>
      </c>
      <c r="P3626" s="5"/>
    </row>
    <row r="3627" spans="1:16" x14ac:dyDescent="0.2">
      <c r="A3627" s="1" t="s">
        <v>10</v>
      </c>
      <c r="B3627" s="1" t="s">
        <v>10</v>
      </c>
      <c r="C3627" s="1" t="s">
        <v>12593</v>
      </c>
      <c r="D3627" s="1" t="s">
        <v>12594</v>
      </c>
      <c r="E3627" s="1" t="s">
        <v>10</v>
      </c>
      <c r="F3627" s="1" t="s">
        <v>10</v>
      </c>
      <c r="G3627" s="1" t="s">
        <v>10</v>
      </c>
      <c r="H3627" s="1" t="s">
        <v>10</v>
      </c>
      <c r="I3627" s="1" t="s">
        <v>12117</v>
      </c>
      <c r="J3627" s="1" t="s">
        <v>10</v>
      </c>
      <c r="K3627" s="1" t="s">
        <v>10</v>
      </c>
      <c r="L3627" s="1" t="s">
        <v>12592</v>
      </c>
      <c r="M3627" s="1" t="s">
        <v>5</v>
      </c>
      <c r="N3627" s="1" t="s">
        <v>10</v>
      </c>
      <c r="O3627" s="1" t="s">
        <v>38</v>
      </c>
      <c r="P3627" s="5" t="s">
        <v>32761</v>
      </c>
    </row>
    <row r="3628" spans="1:16" x14ac:dyDescent="0.2">
      <c r="A3628" s="1" t="s">
        <v>10</v>
      </c>
      <c r="B3628" s="1" t="s">
        <v>10</v>
      </c>
      <c r="C3628" s="1" t="s">
        <v>12596</v>
      </c>
      <c r="D3628" s="1" t="s">
        <v>12597</v>
      </c>
      <c r="E3628" s="1" t="s">
        <v>10</v>
      </c>
      <c r="F3628" s="1" t="s">
        <v>10</v>
      </c>
      <c r="G3628" s="1" t="s">
        <v>10</v>
      </c>
      <c r="H3628" s="1" t="s">
        <v>10</v>
      </c>
      <c r="I3628" s="1" t="s">
        <v>12117</v>
      </c>
      <c r="J3628" s="1" t="s">
        <v>10</v>
      </c>
      <c r="K3628" s="1" t="s">
        <v>10</v>
      </c>
      <c r="L3628" s="1" t="s">
        <v>12595</v>
      </c>
      <c r="M3628" s="1" t="s">
        <v>5</v>
      </c>
      <c r="N3628" s="1" t="s">
        <v>10</v>
      </c>
      <c r="O3628" s="1" t="s">
        <v>38</v>
      </c>
      <c r="P3628" s="5"/>
    </row>
    <row r="3629" spans="1:16" x14ac:dyDescent="0.2">
      <c r="A3629" s="1" t="s">
        <v>66</v>
      </c>
      <c r="B3629" s="1" t="s">
        <v>212</v>
      </c>
      <c r="C3629" s="1" t="s">
        <v>12599</v>
      </c>
      <c r="D3629" s="1" t="s">
        <v>12600</v>
      </c>
      <c r="E3629" s="1" t="s">
        <v>12602</v>
      </c>
      <c r="F3629" s="1" t="s">
        <v>10</v>
      </c>
      <c r="G3629" s="1" t="s">
        <v>10</v>
      </c>
      <c r="H3629" s="1" t="s">
        <v>12603</v>
      </c>
      <c r="I3629" s="1" t="s">
        <v>12117</v>
      </c>
      <c r="J3629" s="1" t="s">
        <v>12601</v>
      </c>
      <c r="K3629" s="1" t="s">
        <v>7</v>
      </c>
      <c r="L3629" s="1" t="s">
        <v>12598</v>
      </c>
      <c r="M3629" s="1" t="s">
        <v>5</v>
      </c>
      <c r="N3629" s="1" t="s">
        <v>25</v>
      </c>
      <c r="O3629" s="1" t="s">
        <v>38</v>
      </c>
      <c r="P3629" s="5" t="s">
        <v>31516</v>
      </c>
    </row>
    <row r="3630" spans="1:16" x14ac:dyDescent="0.2">
      <c r="A3630" s="1" t="s">
        <v>10</v>
      </c>
      <c r="B3630" s="1" t="s">
        <v>10</v>
      </c>
      <c r="C3630" s="1" t="s">
        <v>12605</v>
      </c>
      <c r="D3630" s="1" t="s">
        <v>10</v>
      </c>
      <c r="E3630" s="1" t="s">
        <v>10</v>
      </c>
      <c r="F3630" s="1" t="s">
        <v>10</v>
      </c>
      <c r="G3630" s="1" t="s">
        <v>10</v>
      </c>
      <c r="H3630" s="1" t="s">
        <v>10</v>
      </c>
      <c r="I3630" s="1" t="s">
        <v>12117</v>
      </c>
      <c r="J3630" s="1" t="s">
        <v>10</v>
      </c>
      <c r="K3630" s="1" t="s">
        <v>10</v>
      </c>
      <c r="L3630" s="1" t="s">
        <v>12604</v>
      </c>
      <c r="M3630" s="1" t="s">
        <v>5</v>
      </c>
      <c r="N3630" s="1" t="s">
        <v>10</v>
      </c>
      <c r="O3630" s="1" t="s">
        <v>10</v>
      </c>
      <c r="P3630" s="5" t="s">
        <v>32761</v>
      </c>
    </row>
    <row r="3631" spans="1:16" x14ac:dyDescent="0.2">
      <c r="A3631" s="1" t="s">
        <v>10</v>
      </c>
      <c r="B3631" s="1" t="s">
        <v>10</v>
      </c>
      <c r="C3631" s="1" t="s">
        <v>12607</v>
      </c>
      <c r="D3631" s="1" t="s">
        <v>12608</v>
      </c>
      <c r="E3631" s="1" t="s">
        <v>12609</v>
      </c>
      <c r="F3631" s="1" t="s">
        <v>10</v>
      </c>
      <c r="G3631" s="1" t="s">
        <v>10</v>
      </c>
      <c r="H3631" s="1" t="s">
        <v>10</v>
      </c>
      <c r="I3631" s="1" t="s">
        <v>12117</v>
      </c>
      <c r="J3631" s="1" t="s">
        <v>10</v>
      </c>
      <c r="K3631" s="1" t="s">
        <v>10</v>
      </c>
      <c r="L3631" s="1" t="s">
        <v>12606</v>
      </c>
      <c r="M3631" s="1" t="s">
        <v>5</v>
      </c>
      <c r="N3631" s="1" t="s">
        <v>10</v>
      </c>
      <c r="O3631" s="1" t="s">
        <v>38</v>
      </c>
      <c r="P3631" s="5" t="s">
        <v>32762</v>
      </c>
    </row>
    <row r="3632" spans="1:16" x14ac:dyDescent="0.2">
      <c r="A3632" s="1" t="s">
        <v>10</v>
      </c>
      <c r="B3632" s="1" t="s">
        <v>10</v>
      </c>
      <c r="C3632" s="1" t="s">
        <v>12611</v>
      </c>
      <c r="D3632" s="1" t="s">
        <v>10</v>
      </c>
      <c r="E3632" s="1" t="s">
        <v>10</v>
      </c>
      <c r="F3632" s="1" t="s">
        <v>10</v>
      </c>
      <c r="G3632" s="1" t="s">
        <v>10</v>
      </c>
      <c r="H3632" s="1" t="s">
        <v>10</v>
      </c>
      <c r="I3632" s="1" t="s">
        <v>12117</v>
      </c>
      <c r="J3632" s="1" t="s">
        <v>10</v>
      </c>
      <c r="K3632" s="1" t="s">
        <v>10</v>
      </c>
      <c r="L3632" s="1" t="s">
        <v>12610</v>
      </c>
      <c r="M3632" s="1" t="s">
        <v>5</v>
      </c>
      <c r="N3632" s="1" t="s">
        <v>10</v>
      </c>
      <c r="O3632" s="1" t="s">
        <v>10</v>
      </c>
      <c r="P3632" s="5"/>
    </row>
    <row r="3633" spans="1:16" x14ac:dyDescent="0.2">
      <c r="A3633" s="1" t="s">
        <v>10</v>
      </c>
      <c r="B3633" s="1" t="s">
        <v>10</v>
      </c>
      <c r="C3633" s="1" t="s">
        <v>12613</v>
      </c>
      <c r="D3633" s="1" t="s">
        <v>12614</v>
      </c>
      <c r="E3633" s="1" t="s">
        <v>12615</v>
      </c>
      <c r="F3633" s="1" t="s">
        <v>10</v>
      </c>
      <c r="G3633" s="1" t="s">
        <v>10</v>
      </c>
      <c r="H3633" s="1" t="s">
        <v>10</v>
      </c>
      <c r="I3633" s="1" t="s">
        <v>12117</v>
      </c>
      <c r="J3633" s="1" t="s">
        <v>19</v>
      </c>
      <c r="K3633" s="1" t="s">
        <v>100</v>
      </c>
      <c r="L3633" s="1" t="s">
        <v>12612</v>
      </c>
      <c r="M3633" s="1" t="s">
        <v>5</v>
      </c>
      <c r="N3633" s="1" t="s">
        <v>25</v>
      </c>
      <c r="O3633" s="1" t="s">
        <v>38</v>
      </c>
      <c r="P3633" s="5" t="s">
        <v>30339</v>
      </c>
    </row>
    <row r="3634" spans="1:16" x14ac:dyDescent="0.2">
      <c r="A3634" s="1" t="s">
        <v>10</v>
      </c>
      <c r="B3634" s="1" t="s">
        <v>10</v>
      </c>
      <c r="C3634" s="1" t="s">
        <v>12618</v>
      </c>
      <c r="D3634" s="1" t="s">
        <v>10</v>
      </c>
      <c r="E3634" s="1" t="s">
        <v>10</v>
      </c>
      <c r="F3634" s="1" t="s">
        <v>10</v>
      </c>
      <c r="G3634" s="1" t="s">
        <v>10</v>
      </c>
      <c r="H3634" s="1" t="s">
        <v>10</v>
      </c>
      <c r="I3634" s="1" t="s">
        <v>12117</v>
      </c>
      <c r="J3634" s="1" t="s">
        <v>10</v>
      </c>
      <c r="K3634" s="1" t="s">
        <v>10</v>
      </c>
      <c r="L3634" s="1" t="s">
        <v>12617</v>
      </c>
      <c r="M3634" s="1" t="s">
        <v>5</v>
      </c>
      <c r="N3634" s="1" t="s">
        <v>10</v>
      </c>
      <c r="O3634" s="1" t="s">
        <v>10</v>
      </c>
      <c r="P3634" s="5"/>
    </row>
    <row r="3635" spans="1:16" x14ac:dyDescent="0.2">
      <c r="A3635" s="1" t="s">
        <v>20</v>
      </c>
      <c r="B3635" s="1" t="s">
        <v>445</v>
      </c>
      <c r="C3635" s="1" t="s">
        <v>12620</v>
      </c>
      <c r="D3635" s="1" t="s">
        <v>12621</v>
      </c>
      <c r="E3635" s="1" t="s">
        <v>12622</v>
      </c>
      <c r="F3635" s="1" t="s">
        <v>10</v>
      </c>
      <c r="G3635" s="1" t="s">
        <v>10</v>
      </c>
      <c r="H3635" s="1" t="s">
        <v>10</v>
      </c>
      <c r="I3635" s="1" t="s">
        <v>12117</v>
      </c>
      <c r="J3635" s="1" t="s">
        <v>12148</v>
      </c>
      <c r="K3635" s="1" t="s">
        <v>27</v>
      </c>
      <c r="L3635" s="1" t="s">
        <v>12619</v>
      </c>
      <c r="M3635" s="1" t="s">
        <v>5</v>
      </c>
      <c r="N3635" s="1" t="s">
        <v>25</v>
      </c>
      <c r="O3635" s="1" t="s">
        <v>38</v>
      </c>
      <c r="P3635" s="5" t="s">
        <v>31517</v>
      </c>
    </row>
    <row r="3636" spans="1:16" x14ac:dyDescent="0.2">
      <c r="A3636" s="1" t="s">
        <v>10</v>
      </c>
      <c r="B3636" s="1" t="s">
        <v>10</v>
      </c>
      <c r="C3636" s="1" t="s">
        <v>12624</v>
      </c>
      <c r="D3636" s="1" t="s">
        <v>12625</v>
      </c>
      <c r="E3636" s="1" t="s">
        <v>10</v>
      </c>
      <c r="F3636" s="1" t="s">
        <v>10</v>
      </c>
      <c r="G3636" s="1" t="s">
        <v>10</v>
      </c>
      <c r="H3636" s="1" t="s">
        <v>10</v>
      </c>
      <c r="I3636" s="1" t="s">
        <v>12117</v>
      </c>
      <c r="J3636" s="1" t="s">
        <v>10</v>
      </c>
      <c r="K3636" s="1" t="s">
        <v>10</v>
      </c>
      <c r="L3636" s="1" t="s">
        <v>12623</v>
      </c>
      <c r="M3636" s="1" t="s">
        <v>5</v>
      </c>
      <c r="N3636" s="1" t="s">
        <v>10</v>
      </c>
      <c r="O3636" s="1" t="s">
        <v>38</v>
      </c>
      <c r="P3636" s="5"/>
    </row>
    <row r="3637" spans="1:16" x14ac:dyDescent="0.2">
      <c r="A3637" s="1" t="s">
        <v>42</v>
      </c>
      <c r="B3637" s="1" t="s">
        <v>118</v>
      </c>
      <c r="C3637" s="1" t="s">
        <v>12627</v>
      </c>
      <c r="D3637" s="1" t="s">
        <v>12627</v>
      </c>
      <c r="E3637" s="1" t="s">
        <v>12628</v>
      </c>
      <c r="F3637" s="1" t="s">
        <v>27</v>
      </c>
      <c r="G3637" s="1" t="s">
        <v>10</v>
      </c>
      <c r="H3637" s="1" t="s">
        <v>12627</v>
      </c>
      <c r="I3637" s="1" t="s">
        <v>12117</v>
      </c>
      <c r="J3637" s="1" t="s">
        <v>19</v>
      </c>
      <c r="K3637" s="1" t="s">
        <v>64</v>
      </c>
      <c r="L3637" s="1" t="s">
        <v>12626</v>
      </c>
      <c r="M3637" s="1" t="s">
        <v>5</v>
      </c>
      <c r="N3637" s="1" t="s">
        <v>10</v>
      </c>
      <c r="O3637" s="1" t="s">
        <v>8</v>
      </c>
      <c r="P3637" s="5" t="s">
        <v>31239</v>
      </c>
    </row>
    <row r="3638" spans="1:16" x14ac:dyDescent="0.2">
      <c r="A3638" s="1" t="s">
        <v>10</v>
      </c>
      <c r="B3638" s="1" t="s">
        <v>10</v>
      </c>
      <c r="C3638" s="1" t="s">
        <v>12630</v>
      </c>
      <c r="D3638" s="1" t="s">
        <v>10</v>
      </c>
      <c r="E3638" s="1" t="s">
        <v>10</v>
      </c>
      <c r="F3638" s="1" t="s">
        <v>10</v>
      </c>
      <c r="G3638" s="1" t="s">
        <v>10</v>
      </c>
      <c r="H3638" s="1" t="s">
        <v>10</v>
      </c>
      <c r="I3638" s="1" t="s">
        <v>12117</v>
      </c>
      <c r="J3638" s="1" t="s">
        <v>10</v>
      </c>
      <c r="K3638" s="1" t="s">
        <v>10</v>
      </c>
      <c r="L3638" s="1" t="s">
        <v>12629</v>
      </c>
      <c r="M3638" s="1" t="s">
        <v>5</v>
      </c>
      <c r="N3638" s="1" t="s">
        <v>10</v>
      </c>
      <c r="O3638" s="1" t="s">
        <v>10</v>
      </c>
      <c r="P3638" s="5"/>
    </row>
    <row r="3639" spans="1:16" x14ac:dyDescent="0.2">
      <c r="A3639" s="1" t="s">
        <v>10</v>
      </c>
      <c r="B3639" s="1" t="s">
        <v>10</v>
      </c>
      <c r="C3639" s="1" t="s">
        <v>12632</v>
      </c>
      <c r="D3639" s="1" t="s">
        <v>12633</v>
      </c>
      <c r="E3639" s="1"/>
      <c r="F3639" s="1" t="s">
        <v>10</v>
      </c>
      <c r="G3639" s="1" t="s">
        <v>10</v>
      </c>
      <c r="H3639" s="1" t="s">
        <v>10</v>
      </c>
      <c r="I3639" s="1" t="s">
        <v>12117</v>
      </c>
      <c r="J3639" s="1" t="s">
        <v>12527</v>
      </c>
      <c r="K3639" s="1" t="s">
        <v>443</v>
      </c>
      <c r="L3639" s="1" t="s">
        <v>12631</v>
      </c>
      <c r="M3639" s="1" t="s">
        <v>5</v>
      </c>
      <c r="N3639" s="1" t="s">
        <v>25</v>
      </c>
      <c r="O3639" s="1" t="s">
        <v>38</v>
      </c>
      <c r="P3639" s="5" t="s">
        <v>31518</v>
      </c>
    </row>
    <row r="3640" spans="1:16" x14ac:dyDescent="0.2">
      <c r="A3640" s="1" t="s">
        <v>20</v>
      </c>
      <c r="B3640" s="1" t="s">
        <v>445</v>
      </c>
      <c r="C3640" s="1" t="s">
        <v>12635</v>
      </c>
      <c r="D3640" s="1" t="s">
        <v>12636</v>
      </c>
      <c r="E3640" s="1" t="s">
        <v>12639</v>
      </c>
      <c r="F3640" s="1" t="s">
        <v>10</v>
      </c>
      <c r="G3640" s="1" t="s">
        <v>10</v>
      </c>
      <c r="H3640" s="1" t="s">
        <v>10</v>
      </c>
      <c r="I3640" s="1" t="s">
        <v>12117</v>
      </c>
      <c r="J3640" s="1" t="s">
        <v>19</v>
      </c>
      <c r="K3640" s="1" t="s">
        <v>12637</v>
      </c>
      <c r="L3640" s="1" t="s">
        <v>12634</v>
      </c>
      <c r="M3640" s="1" t="s">
        <v>5</v>
      </c>
      <c r="N3640" s="1" t="s">
        <v>6</v>
      </c>
      <c r="O3640" s="1" t="s">
        <v>38</v>
      </c>
      <c r="P3640" s="5" t="s">
        <v>31519</v>
      </c>
    </row>
    <row r="3641" spans="1:16" x14ac:dyDescent="0.2">
      <c r="A3641" s="1" t="s">
        <v>194</v>
      </c>
      <c r="B3641" s="1" t="s">
        <v>195</v>
      </c>
      <c r="C3641" s="1" t="s">
        <v>12641</v>
      </c>
      <c r="D3641" s="1" t="s">
        <v>12642</v>
      </c>
      <c r="E3641" s="1" t="s">
        <v>12643</v>
      </c>
      <c r="F3641" s="1" t="s">
        <v>10</v>
      </c>
      <c r="G3641" s="1" t="s">
        <v>10</v>
      </c>
      <c r="H3641" s="1" t="s">
        <v>10</v>
      </c>
      <c r="I3641" s="1" t="s">
        <v>12117</v>
      </c>
      <c r="J3641" s="1" t="s">
        <v>12527</v>
      </c>
      <c r="K3641" s="1" t="s">
        <v>7</v>
      </c>
      <c r="L3641" s="1" t="s">
        <v>12640</v>
      </c>
      <c r="M3641" s="1" t="s">
        <v>5</v>
      </c>
      <c r="N3641" s="1" t="s">
        <v>25</v>
      </c>
      <c r="O3641" s="1" t="s">
        <v>38</v>
      </c>
      <c r="P3641" s="5" t="s">
        <v>30340</v>
      </c>
    </row>
    <row r="3642" spans="1:16" x14ac:dyDescent="0.2">
      <c r="A3642" s="1" t="s">
        <v>194</v>
      </c>
      <c r="B3642" s="1" t="s">
        <v>195</v>
      </c>
      <c r="C3642" s="1" t="s">
        <v>12645</v>
      </c>
      <c r="D3642" s="1" t="s">
        <v>12646</v>
      </c>
      <c r="E3642" s="1" t="s">
        <v>12647</v>
      </c>
      <c r="F3642" s="1" t="s">
        <v>10</v>
      </c>
      <c r="G3642" s="1" t="s">
        <v>10</v>
      </c>
      <c r="H3642" s="1" t="s">
        <v>10</v>
      </c>
      <c r="I3642" s="1" t="s">
        <v>12117</v>
      </c>
      <c r="J3642" s="1" t="s">
        <v>12527</v>
      </c>
      <c r="K3642" s="1" t="s">
        <v>7</v>
      </c>
      <c r="L3642" s="1" t="s">
        <v>12644</v>
      </c>
      <c r="M3642" s="1" t="s">
        <v>5</v>
      </c>
      <c r="N3642" s="1" t="s">
        <v>25</v>
      </c>
      <c r="O3642" s="1" t="s">
        <v>38</v>
      </c>
      <c r="P3642" s="5" t="s">
        <v>30340</v>
      </c>
    </row>
    <row r="3643" spans="1:16" x14ac:dyDescent="0.2">
      <c r="A3643" s="1" t="s">
        <v>194</v>
      </c>
      <c r="B3643" s="1" t="s">
        <v>195</v>
      </c>
      <c r="C3643" s="1" t="s">
        <v>12649</v>
      </c>
      <c r="D3643" s="1" t="s">
        <v>12650</v>
      </c>
      <c r="E3643" s="1" t="s">
        <v>12651</v>
      </c>
      <c r="F3643" s="1" t="s">
        <v>10</v>
      </c>
      <c r="G3643" s="1" t="s">
        <v>10</v>
      </c>
      <c r="H3643" s="1" t="s">
        <v>10</v>
      </c>
      <c r="I3643" s="1" t="s">
        <v>12117</v>
      </c>
      <c r="J3643" s="1" t="s">
        <v>12527</v>
      </c>
      <c r="K3643" s="1" t="s">
        <v>7</v>
      </c>
      <c r="L3643" s="1" t="s">
        <v>12648</v>
      </c>
      <c r="M3643" s="1" t="s">
        <v>5</v>
      </c>
      <c r="N3643" s="1" t="s">
        <v>25</v>
      </c>
      <c r="O3643" s="1" t="s">
        <v>38</v>
      </c>
      <c r="P3643" s="5" t="s">
        <v>30341</v>
      </c>
    </row>
    <row r="3644" spans="1:16" x14ac:dyDescent="0.2">
      <c r="A3644" s="1" t="s">
        <v>194</v>
      </c>
      <c r="B3644" s="1" t="s">
        <v>195</v>
      </c>
      <c r="C3644" s="1" t="s">
        <v>12653</v>
      </c>
      <c r="D3644" s="1" t="s">
        <v>12654</v>
      </c>
      <c r="E3644" s="1" t="s">
        <v>12656</v>
      </c>
      <c r="F3644" s="1" t="s">
        <v>10</v>
      </c>
      <c r="G3644" s="1" t="s">
        <v>10</v>
      </c>
      <c r="H3644" s="1" t="s">
        <v>10</v>
      </c>
      <c r="I3644" s="1" t="s">
        <v>12117</v>
      </c>
      <c r="J3644" s="1" t="s">
        <v>12655</v>
      </c>
      <c r="K3644" s="1" t="s">
        <v>7</v>
      </c>
      <c r="L3644" s="1" t="s">
        <v>12652</v>
      </c>
      <c r="M3644" s="1" t="s">
        <v>5</v>
      </c>
      <c r="N3644" s="1" t="s">
        <v>25</v>
      </c>
      <c r="O3644" s="1" t="s">
        <v>38</v>
      </c>
      <c r="P3644" s="5" t="s">
        <v>30341</v>
      </c>
    </row>
    <row r="3645" spans="1:16" x14ac:dyDescent="0.2">
      <c r="A3645" s="1" t="s">
        <v>42</v>
      </c>
      <c r="B3645" s="1" t="s">
        <v>43</v>
      </c>
      <c r="C3645" s="1" t="s">
        <v>12658</v>
      </c>
      <c r="D3645" s="1" t="s">
        <v>12659</v>
      </c>
      <c r="E3645" s="1" t="s">
        <v>12660</v>
      </c>
      <c r="F3645" s="1" t="s">
        <v>414</v>
      </c>
      <c r="G3645" s="1" t="s">
        <v>10</v>
      </c>
      <c r="H3645" s="1" t="s">
        <v>12661</v>
      </c>
      <c r="I3645" s="1" t="s">
        <v>12117</v>
      </c>
      <c r="J3645" s="1" t="s">
        <v>19</v>
      </c>
      <c r="K3645" s="1" t="s">
        <v>37</v>
      </c>
      <c r="L3645" s="1" t="s">
        <v>12657</v>
      </c>
      <c r="M3645" s="1" t="s">
        <v>5</v>
      </c>
      <c r="N3645" s="1" t="s">
        <v>1009</v>
      </c>
      <c r="O3645" s="1" t="s">
        <v>8</v>
      </c>
      <c r="P3645" s="5" t="s">
        <v>31520</v>
      </c>
    </row>
    <row r="3646" spans="1:16" x14ac:dyDescent="0.2">
      <c r="A3646" s="1" t="s">
        <v>42</v>
      </c>
      <c r="B3646" s="1" t="s">
        <v>588</v>
      </c>
      <c r="C3646" s="1" t="s">
        <v>7875</v>
      </c>
      <c r="D3646" s="1" t="s">
        <v>7875</v>
      </c>
      <c r="E3646" s="1" t="s">
        <v>12663</v>
      </c>
      <c r="F3646" s="1" t="s">
        <v>27</v>
      </c>
      <c r="G3646" s="1" t="s">
        <v>10</v>
      </c>
      <c r="H3646" s="1" t="s">
        <v>12664</v>
      </c>
      <c r="I3646" s="1" t="s">
        <v>12117</v>
      </c>
      <c r="J3646" s="1" t="s">
        <v>19</v>
      </c>
      <c r="K3646" s="1" t="s">
        <v>586</v>
      </c>
      <c r="L3646" s="1" t="s">
        <v>12662</v>
      </c>
      <c r="M3646" s="1" t="s">
        <v>5</v>
      </c>
      <c r="N3646" s="1" t="s">
        <v>1009</v>
      </c>
      <c r="O3646" s="1" t="s">
        <v>8</v>
      </c>
      <c r="P3646" s="5" t="s">
        <v>31521</v>
      </c>
    </row>
    <row r="3647" spans="1:16" x14ac:dyDescent="0.2">
      <c r="A3647" s="1" t="s">
        <v>10</v>
      </c>
      <c r="B3647" s="1" t="s">
        <v>10</v>
      </c>
      <c r="C3647" s="1" t="s">
        <v>12666</v>
      </c>
      <c r="D3647" s="1" t="s">
        <v>12667</v>
      </c>
      <c r="E3647" s="1" t="s">
        <v>12668</v>
      </c>
      <c r="F3647" s="1" t="s">
        <v>10</v>
      </c>
      <c r="G3647" s="1" t="s">
        <v>10</v>
      </c>
      <c r="H3647" s="1" t="s">
        <v>10</v>
      </c>
      <c r="I3647" s="1" t="s">
        <v>12117</v>
      </c>
      <c r="J3647" s="1" t="s">
        <v>10</v>
      </c>
      <c r="K3647" s="1" t="s">
        <v>10</v>
      </c>
      <c r="L3647" s="1" t="s">
        <v>12665</v>
      </c>
      <c r="M3647" s="1" t="s">
        <v>5</v>
      </c>
      <c r="N3647" s="1" t="s">
        <v>432</v>
      </c>
      <c r="O3647" s="1" t="s">
        <v>8</v>
      </c>
      <c r="P3647" s="5"/>
    </row>
    <row r="3648" spans="1:16" x14ac:dyDescent="0.2">
      <c r="A3648" s="1" t="s">
        <v>194</v>
      </c>
      <c r="B3648" s="1" t="s">
        <v>4492</v>
      </c>
      <c r="C3648" s="1" t="s">
        <v>12670</v>
      </c>
      <c r="D3648" s="1" t="s">
        <v>12671</v>
      </c>
      <c r="E3648" s="1" t="s">
        <v>12672</v>
      </c>
      <c r="F3648" s="1" t="s">
        <v>27</v>
      </c>
      <c r="G3648" s="1" t="s">
        <v>10</v>
      </c>
      <c r="H3648" s="1" t="s">
        <v>12673</v>
      </c>
      <c r="I3648" s="1" t="s">
        <v>12117</v>
      </c>
      <c r="J3648" s="1" t="s">
        <v>12188</v>
      </c>
      <c r="K3648" s="1" t="s">
        <v>27</v>
      </c>
      <c r="L3648" s="1" t="s">
        <v>12669</v>
      </c>
      <c r="M3648" s="1" t="s">
        <v>5</v>
      </c>
      <c r="N3648" s="1" t="s">
        <v>1009</v>
      </c>
      <c r="O3648" s="1" t="s">
        <v>8</v>
      </c>
      <c r="P3648" s="5" t="s">
        <v>30342</v>
      </c>
    </row>
    <row r="3649" spans="1:16" x14ac:dyDescent="0.2">
      <c r="A3649" s="1" t="s">
        <v>42</v>
      </c>
      <c r="B3649" s="1" t="s">
        <v>109</v>
      </c>
      <c r="C3649" s="1" t="s">
        <v>12675</v>
      </c>
      <c r="D3649" s="1" t="s">
        <v>12676</v>
      </c>
      <c r="E3649" s="1" t="s">
        <v>12678</v>
      </c>
      <c r="F3649" s="1" t="s">
        <v>10</v>
      </c>
      <c r="G3649" s="1" t="s">
        <v>10</v>
      </c>
      <c r="H3649" s="1" t="s">
        <v>10</v>
      </c>
      <c r="I3649" s="1" t="s">
        <v>12117</v>
      </c>
      <c r="J3649" s="1" t="s">
        <v>12677</v>
      </c>
      <c r="K3649" s="1" t="s">
        <v>27</v>
      </c>
      <c r="L3649" s="1" t="s">
        <v>12674</v>
      </c>
      <c r="M3649" s="1" t="s">
        <v>5</v>
      </c>
      <c r="N3649" s="1" t="s">
        <v>1009</v>
      </c>
      <c r="O3649" s="1" t="s">
        <v>38</v>
      </c>
      <c r="P3649" s="5" t="s">
        <v>30343</v>
      </c>
    </row>
    <row r="3650" spans="1:16" x14ac:dyDescent="0.2">
      <c r="A3650" s="1" t="s">
        <v>20</v>
      </c>
      <c r="B3650" s="1" t="s">
        <v>445</v>
      </c>
      <c r="C3650" s="1" t="s">
        <v>12680</v>
      </c>
      <c r="D3650" s="1" t="s">
        <v>12681</v>
      </c>
      <c r="E3650" s="1" t="s">
        <v>12683</v>
      </c>
      <c r="F3650" s="1" t="s">
        <v>10</v>
      </c>
      <c r="G3650" s="1" t="s">
        <v>10</v>
      </c>
      <c r="H3650" s="1" t="s">
        <v>10</v>
      </c>
      <c r="I3650" s="1" t="s">
        <v>12117</v>
      </c>
      <c r="J3650" s="1" t="s">
        <v>12682</v>
      </c>
      <c r="K3650" s="1" t="s">
        <v>27</v>
      </c>
      <c r="L3650" s="1" t="s">
        <v>12679</v>
      </c>
      <c r="M3650" s="1" t="s">
        <v>5</v>
      </c>
      <c r="N3650" s="1" t="s">
        <v>1009</v>
      </c>
      <c r="O3650" s="1" t="s">
        <v>38</v>
      </c>
      <c r="P3650" s="5" t="s">
        <v>32763</v>
      </c>
    </row>
    <row r="3651" spans="1:16" x14ac:dyDescent="0.2">
      <c r="A3651" s="1" t="s">
        <v>20</v>
      </c>
      <c r="B3651" s="1" t="s">
        <v>445</v>
      </c>
      <c r="C3651" s="1" t="s">
        <v>12685</v>
      </c>
      <c r="D3651" s="1" t="s">
        <v>1893</v>
      </c>
      <c r="E3651" s="1" t="s">
        <v>12686</v>
      </c>
      <c r="F3651" s="1" t="s">
        <v>10</v>
      </c>
      <c r="G3651" s="1" t="s">
        <v>10</v>
      </c>
      <c r="H3651" s="1" t="s">
        <v>10</v>
      </c>
      <c r="I3651" s="1" t="s">
        <v>12117</v>
      </c>
      <c r="J3651" s="1" t="s">
        <v>19</v>
      </c>
      <c r="K3651" s="1" t="s">
        <v>1468</v>
      </c>
      <c r="L3651" s="1" t="s">
        <v>12684</v>
      </c>
      <c r="M3651" s="1" t="s">
        <v>5</v>
      </c>
      <c r="N3651" s="1" t="s">
        <v>1009</v>
      </c>
      <c r="O3651" s="1" t="s">
        <v>38</v>
      </c>
      <c r="P3651" s="5" t="s">
        <v>31522</v>
      </c>
    </row>
    <row r="3652" spans="1:16" x14ac:dyDescent="0.2">
      <c r="A3652" s="1" t="s">
        <v>20</v>
      </c>
      <c r="B3652" s="1" t="s">
        <v>445</v>
      </c>
      <c r="C3652" s="1" t="s">
        <v>12688</v>
      </c>
      <c r="D3652" s="1" t="s">
        <v>12689</v>
      </c>
      <c r="E3652" s="1" t="s">
        <v>12690</v>
      </c>
      <c r="F3652" s="1" t="s">
        <v>10</v>
      </c>
      <c r="G3652" s="1" t="s">
        <v>10</v>
      </c>
      <c r="H3652" s="1" t="s">
        <v>10</v>
      </c>
      <c r="I3652" s="1" t="s">
        <v>12117</v>
      </c>
      <c r="J3652" s="1" t="s">
        <v>12148</v>
      </c>
      <c r="K3652" s="1" t="s">
        <v>27</v>
      </c>
      <c r="L3652" s="1" t="s">
        <v>12687</v>
      </c>
      <c r="M3652" s="1" t="s">
        <v>5</v>
      </c>
      <c r="N3652" s="1" t="s">
        <v>25</v>
      </c>
      <c r="O3652" s="1" t="s">
        <v>38</v>
      </c>
      <c r="P3652" s="5" t="s">
        <v>31523</v>
      </c>
    </row>
    <row r="3653" spans="1:16" x14ac:dyDescent="0.2">
      <c r="A3653" s="1" t="s">
        <v>20</v>
      </c>
      <c r="B3653" s="1" t="s">
        <v>445</v>
      </c>
      <c r="C3653" s="1" t="s">
        <v>12692</v>
      </c>
      <c r="D3653" s="1" t="s">
        <v>12693</v>
      </c>
      <c r="E3653" s="1" t="s">
        <v>12694</v>
      </c>
      <c r="F3653" s="1" t="s">
        <v>10</v>
      </c>
      <c r="G3653" s="1" t="s">
        <v>10</v>
      </c>
      <c r="H3653" s="1" t="s">
        <v>10</v>
      </c>
      <c r="I3653" s="1" t="s">
        <v>12117</v>
      </c>
      <c r="J3653" s="1" t="s">
        <v>12148</v>
      </c>
      <c r="K3653" s="1" t="s">
        <v>27</v>
      </c>
      <c r="L3653" s="1" t="s">
        <v>12691</v>
      </c>
      <c r="M3653" s="1" t="s">
        <v>5</v>
      </c>
      <c r="N3653" s="1" t="s">
        <v>25</v>
      </c>
      <c r="O3653" s="1" t="s">
        <v>38</v>
      </c>
      <c r="P3653" s="5" t="s">
        <v>31524</v>
      </c>
    </row>
    <row r="3654" spans="1:16" x14ac:dyDescent="0.2">
      <c r="A3654" s="1" t="s">
        <v>20</v>
      </c>
      <c r="B3654" s="1" t="s">
        <v>445</v>
      </c>
      <c r="C3654" s="1" t="s">
        <v>12696</v>
      </c>
      <c r="D3654" s="1" t="s">
        <v>12696</v>
      </c>
      <c r="E3654" s="1" t="s">
        <v>12697</v>
      </c>
      <c r="F3654" s="1" t="s">
        <v>10</v>
      </c>
      <c r="G3654" s="1" t="s">
        <v>10</v>
      </c>
      <c r="H3654" s="1" t="s">
        <v>10</v>
      </c>
      <c r="I3654" s="1" t="s">
        <v>12117</v>
      </c>
      <c r="J3654" s="1" t="s">
        <v>12121</v>
      </c>
      <c r="K3654" s="1" t="s">
        <v>27</v>
      </c>
      <c r="L3654" s="1" t="s">
        <v>12695</v>
      </c>
      <c r="M3654" s="1" t="s">
        <v>5</v>
      </c>
      <c r="N3654" s="1" t="s">
        <v>25</v>
      </c>
      <c r="O3654" s="1" t="s">
        <v>38</v>
      </c>
      <c r="P3654" s="5" t="s">
        <v>31525</v>
      </c>
    </row>
    <row r="3655" spans="1:16" x14ac:dyDescent="0.2">
      <c r="A3655" s="1" t="s">
        <v>20</v>
      </c>
      <c r="B3655" s="1" t="s">
        <v>445</v>
      </c>
      <c r="C3655" s="1" t="s">
        <v>12699</v>
      </c>
      <c r="D3655" s="1" t="s">
        <v>3059</v>
      </c>
      <c r="E3655" s="1" t="s">
        <v>12700</v>
      </c>
      <c r="F3655" s="1" t="s">
        <v>10</v>
      </c>
      <c r="G3655" s="1" t="s">
        <v>10</v>
      </c>
      <c r="H3655" s="1" t="s">
        <v>10</v>
      </c>
      <c r="I3655" s="1" t="s">
        <v>12117</v>
      </c>
      <c r="J3655" s="1" t="s">
        <v>12677</v>
      </c>
      <c r="K3655" s="1" t="s">
        <v>27</v>
      </c>
      <c r="L3655" s="1" t="s">
        <v>12698</v>
      </c>
      <c r="M3655" s="1" t="s">
        <v>5</v>
      </c>
      <c r="N3655" s="1" t="s">
        <v>25</v>
      </c>
      <c r="O3655" s="1" t="s">
        <v>38</v>
      </c>
      <c r="P3655" s="5" t="s">
        <v>31522</v>
      </c>
    </row>
    <row r="3656" spans="1:16" x14ac:dyDescent="0.2">
      <c r="A3656" s="1" t="s">
        <v>20</v>
      </c>
      <c r="B3656" s="1" t="s">
        <v>310</v>
      </c>
      <c r="C3656" s="1" t="s">
        <v>12702</v>
      </c>
      <c r="D3656" s="1" t="s">
        <v>12703</v>
      </c>
      <c r="E3656" s="1" t="s">
        <v>12704</v>
      </c>
      <c r="F3656" s="1" t="s">
        <v>10</v>
      </c>
      <c r="G3656" s="1" t="s">
        <v>10</v>
      </c>
      <c r="H3656" s="1" t="s">
        <v>10</v>
      </c>
      <c r="I3656" s="1" t="s">
        <v>12117</v>
      </c>
      <c r="J3656" s="1" t="s">
        <v>19</v>
      </c>
      <c r="K3656" s="1" t="s">
        <v>1468</v>
      </c>
      <c r="L3656" s="1" t="s">
        <v>12701</v>
      </c>
      <c r="M3656" s="1" t="s">
        <v>5</v>
      </c>
      <c r="N3656" s="1" t="s">
        <v>25</v>
      </c>
      <c r="O3656" s="1" t="s">
        <v>38</v>
      </c>
      <c r="P3656" s="5" t="s">
        <v>31526</v>
      </c>
    </row>
    <row r="3657" spans="1:16" x14ac:dyDescent="0.2">
      <c r="A3657" s="1" t="s">
        <v>20</v>
      </c>
      <c r="B3657" s="1" t="s">
        <v>445</v>
      </c>
      <c r="C3657" s="1" t="s">
        <v>12706</v>
      </c>
      <c r="D3657" s="1" t="s">
        <v>12707</v>
      </c>
      <c r="E3657" s="1" t="s">
        <v>12708</v>
      </c>
      <c r="F3657" s="1" t="s">
        <v>10</v>
      </c>
      <c r="G3657" s="1" t="s">
        <v>10</v>
      </c>
      <c r="H3657" s="1" t="s">
        <v>10</v>
      </c>
      <c r="I3657" s="1" t="s">
        <v>12117</v>
      </c>
      <c r="J3657" s="1" t="s">
        <v>12682</v>
      </c>
      <c r="K3657" s="1" t="s">
        <v>27</v>
      </c>
      <c r="L3657" s="1" t="s">
        <v>12705</v>
      </c>
      <c r="M3657" s="1" t="s">
        <v>5</v>
      </c>
      <c r="N3657" s="1" t="s">
        <v>25</v>
      </c>
      <c r="O3657" s="1" t="s">
        <v>38</v>
      </c>
      <c r="P3657" s="5" t="s">
        <v>31527</v>
      </c>
    </row>
    <row r="3658" spans="1:16" x14ac:dyDescent="0.2">
      <c r="A3658" s="1" t="s">
        <v>20</v>
      </c>
      <c r="B3658" s="1" t="s">
        <v>445</v>
      </c>
      <c r="C3658" s="1" t="s">
        <v>12710</v>
      </c>
      <c r="D3658" s="1" t="s">
        <v>1893</v>
      </c>
      <c r="E3658" s="1" t="s">
        <v>12712</v>
      </c>
      <c r="F3658" s="1" t="s">
        <v>10</v>
      </c>
      <c r="G3658" s="1" t="s">
        <v>10</v>
      </c>
      <c r="H3658" s="1" t="s">
        <v>10</v>
      </c>
      <c r="I3658" s="1" t="s">
        <v>12117</v>
      </c>
      <c r="J3658" s="1" t="s">
        <v>12711</v>
      </c>
      <c r="K3658" s="1" t="s">
        <v>27</v>
      </c>
      <c r="L3658" s="1" t="s">
        <v>12709</v>
      </c>
      <c r="M3658" s="1" t="s">
        <v>5</v>
      </c>
      <c r="N3658" s="1" t="s">
        <v>25</v>
      </c>
      <c r="O3658" s="1" t="s">
        <v>38</v>
      </c>
      <c r="P3658" s="5" t="s">
        <v>32764</v>
      </c>
    </row>
    <row r="3659" spans="1:16" x14ac:dyDescent="0.2">
      <c r="A3659" s="1" t="s">
        <v>42</v>
      </c>
      <c r="B3659" s="1" t="s">
        <v>588</v>
      </c>
      <c r="C3659" s="1" t="s">
        <v>12714</v>
      </c>
      <c r="D3659" s="1" t="s">
        <v>12715</v>
      </c>
      <c r="E3659" s="1"/>
      <c r="F3659" s="1" t="s">
        <v>27</v>
      </c>
      <c r="G3659" s="1" t="s">
        <v>10</v>
      </c>
      <c r="H3659" s="1" t="s">
        <v>9092</v>
      </c>
      <c r="I3659" s="1" t="s">
        <v>12117</v>
      </c>
      <c r="J3659" s="1" t="s">
        <v>19</v>
      </c>
      <c r="K3659" s="1" t="s">
        <v>586</v>
      </c>
      <c r="L3659" s="1" t="s">
        <v>12713</v>
      </c>
      <c r="M3659" s="1" t="s">
        <v>5</v>
      </c>
      <c r="N3659" s="1" t="s">
        <v>1009</v>
      </c>
      <c r="O3659" s="1" t="s">
        <v>8</v>
      </c>
      <c r="P3659" s="5" t="s">
        <v>30344</v>
      </c>
    </row>
    <row r="3660" spans="1:16" x14ac:dyDescent="0.2">
      <c r="A3660" s="1" t="s">
        <v>20</v>
      </c>
      <c r="B3660" s="1" t="s">
        <v>445</v>
      </c>
      <c r="C3660" s="1" t="s">
        <v>12717</v>
      </c>
      <c r="D3660" s="1" t="s">
        <v>12717</v>
      </c>
      <c r="E3660" s="1" t="s">
        <v>12718</v>
      </c>
      <c r="F3660" s="1" t="s">
        <v>10</v>
      </c>
      <c r="G3660" s="1" t="s">
        <v>10</v>
      </c>
      <c r="H3660" s="1" t="s">
        <v>10</v>
      </c>
      <c r="I3660" s="1" t="s">
        <v>12117</v>
      </c>
      <c r="J3660" s="1" t="s">
        <v>12130</v>
      </c>
      <c r="K3660" s="1" t="s">
        <v>27</v>
      </c>
      <c r="L3660" s="1" t="s">
        <v>12716</v>
      </c>
      <c r="M3660" s="1" t="s">
        <v>5</v>
      </c>
      <c r="N3660" s="1" t="s">
        <v>25</v>
      </c>
      <c r="O3660" s="1" t="s">
        <v>38</v>
      </c>
      <c r="P3660" s="5" t="s">
        <v>32765</v>
      </c>
    </row>
    <row r="3661" spans="1:16" x14ac:dyDescent="0.2">
      <c r="A3661" s="1" t="s">
        <v>20</v>
      </c>
      <c r="B3661" s="1" t="s">
        <v>445</v>
      </c>
      <c r="C3661" s="1" t="s">
        <v>7072</v>
      </c>
      <c r="D3661" s="1" t="s">
        <v>427</v>
      </c>
      <c r="E3661" s="1"/>
      <c r="F3661" s="1" t="s">
        <v>27</v>
      </c>
      <c r="G3661" s="1" t="s">
        <v>10</v>
      </c>
      <c r="H3661" s="1" t="s">
        <v>12720</v>
      </c>
      <c r="I3661" s="1" t="s">
        <v>12117</v>
      </c>
      <c r="J3661" s="1" t="s">
        <v>19</v>
      </c>
      <c r="K3661" s="1" t="s">
        <v>27</v>
      </c>
      <c r="L3661" s="1" t="s">
        <v>12719</v>
      </c>
      <c r="M3661" s="1" t="s">
        <v>5</v>
      </c>
      <c r="N3661" s="1" t="s">
        <v>1009</v>
      </c>
      <c r="O3661" s="1" t="s">
        <v>8</v>
      </c>
      <c r="P3661" s="5" t="s">
        <v>30345</v>
      </c>
    </row>
    <row r="3662" spans="1:16" x14ac:dyDescent="0.2">
      <c r="A3662" s="1" t="s">
        <v>20</v>
      </c>
      <c r="B3662" s="1" t="s">
        <v>445</v>
      </c>
      <c r="C3662" s="1" t="s">
        <v>12722</v>
      </c>
      <c r="D3662" s="1" t="s">
        <v>12723</v>
      </c>
      <c r="E3662" s="1" t="s">
        <v>12724</v>
      </c>
      <c r="F3662" s="1" t="s">
        <v>10</v>
      </c>
      <c r="G3662" s="1" t="s">
        <v>10</v>
      </c>
      <c r="H3662" s="1" t="s">
        <v>10</v>
      </c>
      <c r="I3662" s="1" t="s">
        <v>12117</v>
      </c>
      <c r="J3662" s="1" t="s">
        <v>12148</v>
      </c>
      <c r="K3662" s="1" t="s">
        <v>27</v>
      </c>
      <c r="L3662" s="1" t="s">
        <v>12721</v>
      </c>
      <c r="M3662" s="1" t="s">
        <v>5</v>
      </c>
      <c r="N3662" s="1" t="s">
        <v>1009</v>
      </c>
      <c r="O3662" s="1" t="s">
        <v>38</v>
      </c>
      <c r="P3662" s="5" t="s">
        <v>31528</v>
      </c>
    </row>
    <row r="3663" spans="1:16" x14ac:dyDescent="0.2">
      <c r="A3663" s="1" t="s">
        <v>20</v>
      </c>
      <c r="B3663" s="1" t="s">
        <v>445</v>
      </c>
      <c r="C3663" s="1" t="s">
        <v>12726</v>
      </c>
      <c r="D3663" s="1" t="s">
        <v>12727</v>
      </c>
      <c r="E3663" s="1" t="s">
        <v>12728</v>
      </c>
      <c r="F3663" s="1" t="s">
        <v>10</v>
      </c>
      <c r="G3663" s="1" t="s">
        <v>10</v>
      </c>
      <c r="H3663" s="1" t="s">
        <v>10</v>
      </c>
      <c r="I3663" s="1" t="s">
        <v>12117</v>
      </c>
      <c r="J3663" s="1" t="s">
        <v>12148</v>
      </c>
      <c r="K3663" s="1" t="s">
        <v>27</v>
      </c>
      <c r="L3663" s="1" t="s">
        <v>12725</v>
      </c>
      <c r="M3663" s="1" t="s">
        <v>5</v>
      </c>
      <c r="N3663" s="1" t="s">
        <v>1009</v>
      </c>
      <c r="O3663" s="1" t="s">
        <v>38</v>
      </c>
      <c r="P3663" s="5" t="s">
        <v>31529</v>
      </c>
    </row>
    <row r="3664" spans="1:16" x14ac:dyDescent="0.2">
      <c r="A3664" s="1" t="s">
        <v>20</v>
      </c>
      <c r="B3664" s="1" t="s">
        <v>445</v>
      </c>
      <c r="C3664" s="1" t="s">
        <v>12730</v>
      </c>
      <c r="D3664" s="1" t="s">
        <v>12731</v>
      </c>
      <c r="E3664" s="1" t="s">
        <v>12732</v>
      </c>
      <c r="F3664" s="1" t="s">
        <v>10</v>
      </c>
      <c r="G3664" s="1" t="s">
        <v>10</v>
      </c>
      <c r="H3664" s="1" t="s">
        <v>10</v>
      </c>
      <c r="I3664" s="1" t="s">
        <v>12117</v>
      </c>
      <c r="J3664" s="1" t="s">
        <v>12148</v>
      </c>
      <c r="K3664" s="1" t="s">
        <v>27</v>
      </c>
      <c r="L3664" s="1" t="s">
        <v>12729</v>
      </c>
      <c r="M3664" s="1" t="s">
        <v>5</v>
      </c>
      <c r="N3664" s="1" t="s">
        <v>25</v>
      </c>
      <c r="O3664" s="1" t="s">
        <v>38</v>
      </c>
      <c r="P3664" s="5" t="s">
        <v>31530</v>
      </c>
    </row>
    <row r="3665" spans="1:16" x14ac:dyDescent="0.2">
      <c r="A3665" s="1" t="s">
        <v>20</v>
      </c>
      <c r="B3665" s="1" t="s">
        <v>445</v>
      </c>
      <c r="C3665" s="1" t="s">
        <v>12734</v>
      </c>
      <c r="D3665" s="1" t="s">
        <v>12735</v>
      </c>
      <c r="E3665" s="1" t="s">
        <v>12736</v>
      </c>
      <c r="F3665" s="1" t="s">
        <v>10</v>
      </c>
      <c r="G3665" s="1" t="s">
        <v>10</v>
      </c>
      <c r="H3665" s="1" t="s">
        <v>10</v>
      </c>
      <c r="I3665" s="1" t="s">
        <v>12117</v>
      </c>
      <c r="J3665" s="1" t="s">
        <v>12148</v>
      </c>
      <c r="K3665" s="1" t="s">
        <v>1027</v>
      </c>
      <c r="L3665" s="1" t="s">
        <v>12733</v>
      </c>
      <c r="M3665" s="1" t="s">
        <v>5</v>
      </c>
      <c r="N3665" s="1" t="s">
        <v>1009</v>
      </c>
      <c r="O3665" s="1" t="s">
        <v>38</v>
      </c>
      <c r="P3665" s="5" t="s">
        <v>30346</v>
      </c>
    </row>
    <row r="3666" spans="1:16" x14ac:dyDescent="0.2">
      <c r="A3666" s="1" t="s">
        <v>20</v>
      </c>
      <c r="B3666" s="1" t="s">
        <v>445</v>
      </c>
      <c r="C3666" s="1" t="s">
        <v>12738</v>
      </c>
      <c r="D3666" s="1" t="s">
        <v>12739</v>
      </c>
      <c r="E3666" s="1" t="s">
        <v>12740</v>
      </c>
      <c r="F3666" s="1" t="s">
        <v>10</v>
      </c>
      <c r="G3666" s="1" t="s">
        <v>10</v>
      </c>
      <c r="H3666" s="1" t="s">
        <v>10</v>
      </c>
      <c r="I3666" s="1" t="s">
        <v>12117</v>
      </c>
      <c r="J3666" s="1" t="s">
        <v>12121</v>
      </c>
      <c r="K3666" s="1" t="s">
        <v>27</v>
      </c>
      <c r="L3666" s="1" t="s">
        <v>12737</v>
      </c>
      <c r="M3666" s="1" t="s">
        <v>5</v>
      </c>
      <c r="N3666" s="1" t="s">
        <v>25</v>
      </c>
      <c r="O3666" s="1" t="s">
        <v>38</v>
      </c>
      <c r="P3666" s="5" t="s">
        <v>31531</v>
      </c>
    </row>
    <row r="3667" spans="1:16" x14ac:dyDescent="0.2">
      <c r="A3667" s="1" t="s">
        <v>194</v>
      </c>
      <c r="B3667" s="1" t="s">
        <v>7145</v>
      </c>
      <c r="C3667" s="1" t="s">
        <v>12742</v>
      </c>
      <c r="D3667" s="1" t="s">
        <v>12743</v>
      </c>
      <c r="E3667" s="1" t="s">
        <v>12744</v>
      </c>
      <c r="F3667" s="1" t="s">
        <v>27</v>
      </c>
      <c r="G3667" s="1" t="s">
        <v>10</v>
      </c>
      <c r="H3667" s="1" t="s">
        <v>12745</v>
      </c>
      <c r="I3667" s="1" t="s">
        <v>12117</v>
      </c>
      <c r="J3667" s="1" t="s">
        <v>12121</v>
      </c>
      <c r="K3667" s="1" t="s">
        <v>27</v>
      </c>
      <c r="L3667" s="1" t="s">
        <v>12741</v>
      </c>
      <c r="M3667" s="1" t="s">
        <v>5</v>
      </c>
      <c r="N3667" s="1" t="s">
        <v>10</v>
      </c>
      <c r="O3667" s="1" t="s">
        <v>8</v>
      </c>
      <c r="P3667" s="5" t="s">
        <v>10</v>
      </c>
    </row>
    <row r="3668" spans="1:16" x14ac:dyDescent="0.2">
      <c r="A3668" s="1" t="s">
        <v>194</v>
      </c>
      <c r="B3668" s="1" t="s">
        <v>4492</v>
      </c>
      <c r="C3668" s="1" t="s">
        <v>12747</v>
      </c>
      <c r="D3668" s="1" t="s">
        <v>12748</v>
      </c>
      <c r="E3668" s="1" t="s">
        <v>12464</v>
      </c>
      <c r="F3668" s="1" t="s">
        <v>27</v>
      </c>
      <c r="G3668" s="1" t="s">
        <v>10</v>
      </c>
      <c r="H3668" s="1" t="s">
        <v>12749</v>
      </c>
      <c r="I3668" s="1" t="s">
        <v>12117</v>
      </c>
      <c r="J3668" s="1" t="s">
        <v>19</v>
      </c>
      <c r="K3668" s="1" t="s">
        <v>64</v>
      </c>
      <c r="L3668" s="1" t="s">
        <v>12746</v>
      </c>
      <c r="M3668" s="1" t="s">
        <v>5</v>
      </c>
      <c r="N3668" s="1" t="s">
        <v>10</v>
      </c>
      <c r="O3668" s="1" t="s">
        <v>8</v>
      </c>
      <c r="P3668" s="5"/>
    </row>
    <row r="3669" spans="1:16" x14ac:dyDescent="0.2">
      <c r="A3669" s="1" t="s">
        <v>32</v>
      </c>
      <c r="B3669" s="1" t="s">
        <v>140</v>
      </c>
      <c r="C3669" s="1" t="s">
        <v>12751</v>
      </c>
      <c r="D3669" s="1" t="s">
        <v>12752</v>
      </c>
      <c r="E3669" s="1" t="s">
        <v>12753</v>
      </c>
      <c r="F3669" s="1" t="s">
        <v>27</v>
      </c>
      <c r="G3669" s="1" t="s">
        <v>10</v>
      </c>
      <c r="H3669" s="1" t="s">
        <v>12754</v>
      </c>
      <c r="I3669" s="1" t="s">
        <v>12117</v>
      </c>
      <c r="J3669" s="1" t="s">
        <v>19</v>
      </c>
      <c r="K3669" s="1" t="s">
        <v>443</v>
      </c>
      <c r="L3669" s="1" t="s">
        <v>12750</v>
      </c>
      <c r="M3669" s="1" t="s">
        <v>5</v>
      </c>
      <c r="N3669" s="1" t="s">
        <v>25</v>
      </c>
      <c r="O3669" s="1" t="s">
        <v>8</v>
      </c>
      <c r="P3669" s="5" t="s">
        <v>30347</v>
      </c>
    </row>
    <row r="3670" spans="1:16" x14ac:dyDescent="0.2">
      <c r="A3670" s="1" t="s">
        <v>1385</v>
      </c>
      <c r="B3670" s="1" t="s">
        <v>1687</v>
      </c>
      <c r="C3670" s="1" t="s">
        <v>12756</v>
      </c>
      <c r="D3670" s="1" t="s">
        <v>12757</v>
      </c>
      <c r="E3670" s="1" t="s">
        <v>12758</v>
      </c>
      <c r="F3670" s="1" t="s">
        <v>10</v>
      </c>
      <c r="G3670" s="1" t="s">
        <v>10</v>
      </c>
      <c r="H3670" s="1" t="s">
        <v>10</v>
      </c>
      <c r="I3670" s="1" t="s">
        <v>12117</v>
      </c>
      <c r="J3670" s="1" t="s">
        <v>19</v>
      </c>
      <c r="K3670" s="1" t="s">
        <v>443</v>
      </c>
      <c r="L3670" s="1" t="s">
        <v>12755</v>
      </c>
      <c r="M3670" s="1" t="s">
        <v>5</v>
      </c>
      <c r="N3670" s="1" t="s">
        <v>10</v>
      </c>
      <c r="O3670" s="1" t="s">
        <v>38</v>
      </c>
      <c r="P3670" s="5" t="s">
        <v>31532</v>
      </c>
    </row>
    <row r="3671" spans="1:16" x14ac:dyDescent="0.2">
      <c r="A3671" s="1" t="s">
        <v>194</v>
      </c>
      <c r="B3671" s="1" t="s">
        <v>4492</v>
      </c>
      <c r="C3671" s="1" t="s">
        <v>12760</v>
      </c>
      <c r="D3671" s="1" t="s">
        <v>12761</v>
      </c>
      <c r="E3671" s="1" t="s">
        <v>12762</v>
      </c>
      <c r="F3671" s="1" t="s">
        <v>10</v>
      </c>
      <c r="G3671" s="1" t="s">
        <v>10</v>
      </c>
      <c r="H3671" s="1" t="s">
        <v>10</v>
      </c>
      <c r="I3671" s="1" t="s">
        <v>12117</v>
      </c>
      <c r="J3671" s="1" t="s">
        <v>12130</v>
      </c>
      <c r="K3671" s="1" t="s">
        <v>27</v>
      </c>
      <c r="L3671" s="1" t="s">
        <v>12759</v>
      </c>
      <c r="M3671" s="1" t="s">
        <v>5</v>
      </c>
      <c r="N3671" s="1" t="s">
        <v>25</v>
      </c>
      <c r="O3671" s="1" t="s">
        <v>38</v>
      </c>
      <c r="P3671" s="5" t="s">
        <v>32766</v>
      </c>
    </row>
    <row r="3672" spans="1:16" x14ac:dyDescent="0.2">
      <c r="A3672" s="1" t="s">
        <v>20</v>
      </c>
      <c r="B3672" s="1" t="s">
        <v>310</v>
      </c>
      <c r="C3672" s="1" t="s">
        <v>12764</v>
      </c>
      <c r="D3672" s="1" t="s">
        <v>12765</v>
      </c>
      <c r="E3672" s="1" t="s">
        <v>12766</v>
      </c>
      <c r="F3672" s="1" t="s">
        <v>10</v>
      </c>
      <c r="G3672" s="1" t="s">
        <v>10</v>
      </c>
      <c r="H3672" s="1" t="s">
        <v>10</v>
      </c>
      <c r="I3672" s="1" t="s">
        <v>12117</v>
      </c>
      <c r="J3672" s="1" t="s">
        <v>19</v>
      </c>
      <c r="K3672" s="1" t="s">
        <v>1468</v>
      </c>
      <c r="L3672" s="1" t="s">
        <v>12763</v>
      </c>
      <c r="M3672" s="1" t="s">
        <v>5</v>
      </c>
      <c r="N3672" s="1" t="s">
        <v>25</v>
      </c>
      <c r="O3672" s="1" t="s">
        <v>38</v>
      </c>
      <c r="P3672" s="5" t="s">
        <v>31526</v>
      </c>
    </row>
    <row r="3673" spans="1:16" x14ac:dyDescent="0.2">
      <c r="A3673" s="1" t="s">
        <v>487</v>
      </c>
      <c r="B3673" s="1" t="s">
        <v>759</v>
      </c>
      <c r="C3673" s="1" t="s">
        <v>490</v>
      </c>
      <c r="D3673" s="1" t="s">
        <v>490</v>
      </c>
      <c r="E3673" s="1" t="s">
        <v>12768</v>
      </c>
      <c r="F3673" s="1" t="s">
        <v>27</v>
      </c>
      <c r="G3673" s="1" t="s">
        <v>10</v>
      </c>
      <c r="H3673" s="1" t="s">
        <v>12769</v>
      </c>
      <c r="I3673" s="1" t="s">
        <v>12117</v>
      </c>
      <c r="J3673" s="1" t="s">
        <v>12121</v>
      </c>
      <c r="K3673" s="1" t="s">
        <v>443</v>
      </c>
      <c r="L3673" s="1" t="s">
        <v>12767</v>
      </c>
      <c r="M3673" s="1" t="s">
        <v>5</v>
      </c>
      <c r="N3673" s="1" t="s">
        <v>1009</v>
      </c>
      <c r="O3673" s="1" t="s">
        <v>8</v>
      </c>
      <c r="P3673" s="5" t="s">
        <v>31533</v>
      </c>
    </row>
    <row r="3674" spans="1:16" x14ac:dyDescent="0.2">
      <c r="A3674" s="1" t="s">
        <v>20</v>
      </c>
      <c r="B3674" s="1" t="s">
        <v>445</v>
      </c>
      <c r="C3674" s="1" t="s">
        <v>12771</v>
      </c>
      <c r="D3674" s="1" t="s">
        <v>12772</v>
      </c>
      <c r="E3674" s="1"/>
      <c r="F3674" s="1" t="s">
        <v>10</v>
      </c>
      <c r="G3674" s="1" t="s">
        <v>10</v>
      </c>
      <c r="H3674" s="1" t="s">
        <v>10</v>
      </c>
      <c r="I3674" s="1" t="s">
        <v>12117</v>
      </c>
      <c r="J3674" s="1" t="s">
        <v>12358</v>
      </c>
      <c r="K3674" s="1" t="s">
        <v>27</v>
      </c>
      <c r="L3674" s="1" t="s">
        <v>12770</v>
      </c>
      <c r="M3674" s="1" t="s">
        <v>5</v>
      </c>
      <c r="N3674" s="1" t="s">
        <v>1009</v>
      </c>
      <c r="O3674" s="1" t="s">
        <v>38</v>
      </c>
      <c r="P3674" s="5" t="s">
        <v>31489</v>
      </c>
    </row>
    <row r="3675" spans="1:16" x14ac:dyDescent="0.2">
      <c r="A3675" s="1" t="s">
        <v>20</v>
      </c>
      <c r="B3675" s="1" t="s">
        <v>445</v>
      </c>
      <c r="C3675" s="1" t="s">
        <v>12774</v>
      </c>
      <c r="D3675" s="1" t="s">
        <v>12775</v>
      </c>
      <c r="E3675" s="1"/>
      <c r="F3675" s="1" t="s">
        <v>10</v>
      </c>
      <c r="G3675" s="1" t="s">
        <v>10</v>
      </c>
      <c r="H3675" s="1" t="s">
        <v>10</v>
      </c>
      <c r="I3675" s="1" t="s">
        <v>12117</v>
      </c>
      <c r="J3675" s="1" t="s">
        <v>12358</v>
      </c>
      <c r="K3675" s="1" t="s">
        <v>27</v>
      </c>
      <c r="L3675" s="1" t="s">
        <v>12773</v>
      </c>
      <c r="M3675" s="1" t="s">
        <v>5</v>
      </c>
      <c r="N3675" s="1" t="s">
        <v>1009</v>
      </c>
      <c r="O3675" s="1" t="s">
        <v>38</v>
      </c>
      <c r="P3675" s="5" t="s">
        <v>31534</v>
      </c>
    </row>
    <row r="3676" spans="1:16" x14ac:dyDescent="0.2">
      <c r="A3676" s="1" t="s">
        <v>42</v>
      </c>
      <c r="B3676" s="1" t="s">
        <v>966</v>
      </c>
      <c r="C3676" s="1" t="s">
        <v>12777</v>
      </c>
      <c r="D3676" s="1" t="s">
        <v>12778</v>
      </c>
      <c r="E3676" s="1" t="s">
        <v>12779</v>
      </c>
      <c r="F3676" s="1" t="s">
        <v>10</v>
      </c>
      <c r="G3676" s="1" t="s">
        <v>10</v>
      </c>
      <c r="H3676" s="1" t="s">
        <v>10</v>
      </c>
      <c r="I3676" s="1" t="s">
        <v>12117</v>
      </c>
      <c r="J3676" s="1" t="s">
        <v>12358</v>
      </c>
      <c r="K3676" s="1" t="s">
        <v>27</v>
      </c>
      <c r="L3676" s="1" t="s">
        <v>12776</v>
      </c>
      <c r="M3676" s="1" t="s">
        <v>5</v>
      </c>
      <c r="N3676" s="1" t="s">
        <v>1009</v>
      </c>
      <c r="O3676" s="1" t="s">
        <v>38</v>
      </c>
      <c r="P3676" s="5" t="s">
        <v>31535</v>
      </c>
    </row>
    <row r="3677" spans="1:16" x14ac:dyDescent="0.2">
      <c r="A3677" s="1" t="s">
        <v>329</v>
      </c>
      <c r="B3677" s="1" t="s">
        <v>1738</v>
      </c>
      <c r="C3677" s="1" t="s">
        <v>12781</v>
      </c>
      <c r="D3677" s="1" t="s">
        <v>12781</v>
      </c>
      <c r="E3677" s="1" t="s">
        <v>12783</v>
      </c>
      <c r="F3677" s="1" t="s">
        <v>10</v>
      </c>
      <c r="G3677" s="1" t="s">
        <v>10</v>
      </c>
      <c r="H3677" s="1" t="s">
        <v>10</v>
      </c>
      <c r="I3677" s="1" t="s">
        <v>12117</v>
      </c>
      <c r="J3677" s="1" t="s">
        <v>12782</v>
      </c>
      <c r="K3677" s="1" t="s">
        <v>27</v>
      </c>
      <c r="L3677" s="1" t="s">
        <v>12780</v>
      </c>
      <c r="M3677" s="1" t="s">
        <v>5</v>
      </c>
      <c r="N3677" s="1" t="s">
        <v>1009</v>
      </c>
      <c r="O3677" s="1" t="s">
        <v>38</v>
      </c>
      <c r="P3677" s="5" t="s">
        <v>31536</v>
      </c>
    </row>
    <row r="3678" spans="1:16" x14ac:dyDescent="0.2">
      <c r="A3678" s="1" t="s">
        <v>329</v>
      </c>
      <c r="B3678" s="1" t="s">
        <v>596</v>
      </c>
      <c r="C3678" s="1" t="s">
        <v>12785</v>
      </c>
      <c r="D3678" s="1" t="s">
        <v>4896</v>
      </c>
      <c r="E3678" s="1" t="s">
        <v>12787</v>
      </c>
      <c r="F3678" s="1" t="s">
        <v>10</v>
      </c>
      <c r="G3678" s="1" t="s">
        <v>10</v>
      </c>
      <c r="H3678" s="1" t="s">
        <v>10</v>
      </c>
      <c r="I3678" s="1" t="s">
        <v>12117</v>
      </c>
      <c r="J3678" s="1" t="s">
        <v>12148</v>
      </c>
      <c r="K3678" s="1" t="s">
        <v>12786</v>
      </c>
      <c r="L3678" s="1" t="s">
        <v>12784</v>
      </c>
      <c r="M3678" s="1" t="s">
        <v>5</v>
      </c>
      <c r="N3678" s="1" t="s">
        <v>25</v>
      </c>
      <c r="O3678" s="1" t="s">
        <v>38</v>
      </c>
      <c r="P3678" s="5" t="s">
        <v>31537</v>
      </c>
    </row>
    <row r="3679" spans="1:16" x14ac:dyDescent="0.2">
      <c r="A3679" s="1" t="s">
        <v>20</v>
      </c>
      <c r="B3679" s="1" t="s">
        <v>445</v>
      </c>
      <c r="C3679" s="1" t="s">
        <v>12789</v>
      </c>
      <c r="D3679" s="1" t="s">
        <v>12790</v>
      </c>
      <c r="E3679" s="1" t="s">
        <v>12791</v>
      </c>
      <c r="F3679" s="1" t="s">
        <v>10</v>
      </c>
      <c r="G3679" s="1" t="s">
        <v>10</v>
      </c>
      <c r="H3679" s="1" t="s">
        <v>10</v>
      </c>
      <c r="I3679" s="1" t="s">
        <v>12117</v>
      </c>
      <c r="J3679" s="1" t="s">
        <v>12358</v>
      </c>
      <c r="K3679" s="1" t="s">
        <v>27</v>
      </c>
      <c r="L3679" s="1" t="s">
        <v>12788</v>
      </c>
      <c r="M3679" s="1" t="s">
        <v>5</v>
      </c>
      <c r="N3679" s="1" t="s">
        <v>1009</v>
      </c>
      <c r="O3679" s="1" t="s">
        <v>38</v>
      </c>
      <c r="P3679" s="5" t="s">
        <v>30348</v>
      </c>
    </row>
    <row r="3680" spans="1:16" x14ac:dyDescent="0.2">
      <c r="A3680" s="1" t="s">
        <v>20</v>
      </c>
      <c r="B3680" s="1" t="s">
        <v>445</v>
      </c>
      <c r="C3680" s="1" t="s">
        <v>12793</v>
      </c>
      <c r="D3680" s="1" t="s">
        <v>12794</v>
      </c>
      <c r="E3680" s="1" t="s">
        <v>12795</v>
      </c>
      <c r="F3680" s="1" t="s">
        <v>10</v>
      </c>
      <c r="G3680" s="1" t="s">
        <v>10</v>
      </c>
      <c r="H3680" s="1" t="s">
        <v>10</v>
      </c>
      <c r="I3680" s="1" t="s">
        <v>12117</v>
      </c>
      <c r="J3680" s="1" t="s">
        <v>12148</v>
      </c>
      <c r="K3680" s="1" t="s">
        <v>27</v>
      </c>
      <c r="L3680" s="1" t="s">
        <v>12792</v>
      </c>
      <c r="M3680" s="1" t="s">
        <v>5</v>
      </c>
      <c r="N3680" s="1" t="s">
        <v>1009</v>
      </c>
      <c r="O3680" s="1" t="s">
        <v>38</v>
      </c>
      <c r="P3680" s="5" t="s">
        <v>31538</v>
      </c>
    </row>
    <row r="3681" spans="1:16" x14ac:dyDescent="0.2">
      <c r="A3681" s="1" t="s">
        <v>20</v>
      </c>
      <c r="B3681" s="1" t="s">
        <v>445</v>
      </c>
      <c r="C3681" s="1" t="s">
        <v>12797</v>
      </c>
      <c r="D3681" s="1" t="s">
        <v>12798</v>
      </c>
      <c r="E3681" s="1" t="s">
        <v>12799</v>
      </c>
      <c r="F3681" s="1" t="s">
        <v>10</v>
      </c>
      <c r="G3681" s="1" t="s">
        <v>10</v>
      </c>
      <c r="H3681" s="1" t="s">
        <v>10</v>
      </c>
      <c r="I3681" s="1" t="s">
        <v>12117</v>
      </c>
      <c r="J3681" s="1" t="s">
        <v>12403</v>
      </c>
      <c r="K3681" s="1" t="s">
        <v>27</v>
      </c>
      <c r="L3681" s="1" t="s">
        <v>12796</v>
      </c>
      <c r="M3681" s="1" t="s">
        <v>5</v>
      </c>
      <c r="N3681" s="1" t="s">
        <v>25</v>
      </c>
      <c r="O3681" s="1" t="s">
        <v>38</v>
      </c>
      <c r="P3681" s="5" t="s">
        <v>32767</v>
      </c>
    </row>
    <row r="3682" spans="1:16" x14ac:dyDescent="0.2">
      <c r="A3682" s="1" t="s">
        <v>194</v>
      </c>
      <c r="B3682" s="1" t="s">
        <v>6481</v>
      </c>
      <c r="C3682" s="1" t="s">
        <v>12801</v>
      </c>
      <c r="D3682" s="1" t="s">
        <v>12802</v>
      </c>
      <c r="E3682" s="1" t="s">
        <v>12803</v>
      </c>
      <c r="F3682" s="1" t="s">
        <v>10</v>
      </c>
      <c r="G3682" s="1" t="s">
        <v>10</v>
      </c>
      <c r="H3682" s="1" t="s">
        <v>10</v>
      </c>
      <c r="I3682" s="1" t="s">
        <v>12117</v>
      </c>
      <c r="J3682" s="1" t="s">
        <v>12353</v>
      </c>
      <c r="K3682" s="1" t="s">
        <v>27</v>
      </c>
      <c r="L3682" s="1" t="s">
        <v>12800</v>
      </c>
      <c r="M3682" s="1" t="s">
        <v>5</v>
      </c>
      <c r="N3682" s="1" t="s">
        <v>25</v>
      </c>
      <c r="O3682" s="1" t="s">
        <v>38</v>
      </c>
      <c r="P3682" s="5" t="s">
        <v>31539</v>
      </c>
    </row>
    <row r="3683" spans="1:16" x14ac:dyDescent="0.2">
      <c r="A3683" s="1" t="s">
        <v>20</v>
      </c>
      <c r="B3683" s="1" t="s">
        <v>445</v>
      </c>
      <c r="C3683" s="1" t="s">
        <v>12805</v>
      </c>
      <c r="D3683" s="1" t="s">
        <v>12805</v>
      </c>
      <c r="E3683" s="1" t="s">
        <v>12806</v>
      </c>
      <c r="F3683" s="1" t="s">
        <v>10</v>
      </c>
      <c r="G3683" s="1" t="s">
        <v>10</v>
      </c>
      <c r="H3683" s="1" t="s">
        <v>10</v>
      </c>
      <c r="I3683" s="1" t="s">
        <v>12117</v>
      </c>
      <c r="J3683" s="1" t="s">
        <v>12655</v>
      </c>
      <c r="K3683" s="1" t="s">
        <v>27</v>
      </c>
      <c r="L3683" s="1" t="s">
        <v>12804</v>
      </c>
      <c r="M3683" s="1" t="s">
        <v>5</v>
      </c>
      <c r="N3683" s="1" t="s">
        <v>25</v>
      </c>
      <c r="O3683" s="1" t="s">
        <v>38</v>
      </c>
      <c r="P3683" s="5" t="s">
        <v>31540</v>
      </c>
    </row>
    <row r="3684" spans="1:16" x14ac:dyDescent="0.2">
      <c r="A3684" s="1" t="s">
        <v>194</v>
      </c>
      <c r="B3684" s="1" t="s">
        <v>4492</v>
      </c>
      <c r="C3684" s="1" t="s">
        <v>12808</v>
      </c>
      <c r="D3684" s="1" t="s">
        <v>12809</v>
      </c>
      <c r="E3684" s="1" t="s">
        <v>12810</v>
      </c>
      <c r="F3684" s="1" t="s">
        <v>27</v>
      </c>
      <c r="G3684" s="1" t="s">
        <v>10</v>
      </c>
      <c r="H3684" s="1" t="s">
        <v>12811</v>
      </c>
      <c r="I3684" s="1" t="s">
        <v>12117</v>
      </c>
      <c r="J3684" s="1" t="s">
        <v>12121</v>
      </c>
      <c r="K3684" s="1" t="s">
        <v>27</v>
      </c>
      <c r="L3684" s="1" t="s">
        <v>12807</v>
      </c>
      <c r="M3684" s="1" t="s">
        <v>5</v>
      </c>
      <c r="N3684" s="1" t="s">
        <v>25</v>
      </c>
      <c r="O3684" s="1" t="s">
        <v>8</v>
      </c>
      <c r="P3684" s="5" t="s">
        <v>31541</v>
      </c>
    </row>
    <row r="3685" spans="1:16" x14ac:dyDescent="0.2">
      <c r="A3685" s="1" t="s">
        <v>194</v>
      </c>
      <c r="B3685" s="1" t="s">
        <v>7145</v>
      </c>
      <c r="C3685" s="1" t="s">
        <v>12813</v>
      </c>
      <c r="D3685" s="1" t="s">
        <v>12814</v>
      </c>
      <c r="E3685" s="1" t="s">
        <v>12815</v>
      </c>
      <c r="F3685" s="1" t="s">
        <v>27</v>
      </c>
      <c r="G3685" s="1" t="s">
        <v>10</v>
      </c>
      <c r="H3685" s="1" t="s">
        <v>12816</v>
      </c>
      <c r="I3685" s="1" t="s">
        <v>12117</v>
      </c>
      <c r="J3685" s="1" t="s">
        <v>12121</v>
      </c>
      <c r="K3685" s="1" t="s">
        <v>7</v>
      </c>
      <c r="L3685" s="1" t="s">
        <v>12812</v>
      </c>
      <c r="M3685" s="1" t="s">
        <v>5</v>
      </c>
      <c r="N3685" s="1" t="s">
        <v>10</v>
      </c>
      <c r="O3685" s="1" t="s">
        <v>8</v>
      </c>
      <c r="P3685" s="5" t="s">
        <v>14</v>
      </c>
    </row>
    <row r="3686" spans="1:16" x14ac:dyDescent="0.2">
      <c r="A3686" s="1" t="s">
        <v>194</v>
      </c>
      <c r="B3686" s="1" t="s">
        <v>7145</v>
      </c>
      <c r="C3686" s="1" t="s">
        <v>12818</v>
      </c>
      <c r="D3686" s="1" t="s">
        <v>12819</v>
      </c>
      <c r="E3686" s="1" t="s">
        <v>12820</v>
      </c>
      <c r="F3686" s="1" t="s">
        <v>27</v>
      </c>
      <c r="G3686" s="1" t="s">
        <v>10</v>
      </c>
      <c r="H3686" s="1" t="s">
        <v>12821</v>
      </c>
      <c r="I3686" s="1" t="s">
        <v>12117</v>
      </c>
      <c r="J3686" s="1" t="s">
        <v>12121</v>
      </c>
      <c r="K3686" s="1" t="s">
        <v>27</v>
      </c>
      <c r="L3686" s="1" t="s">
        <v>12817</v>
      </c>
      <c r="M3686" s="1" t="s">
        <v>5</v>
      </c>
      <c r="N3686" s="1" t="s">
        <v>1009</v>
      </c>
      <c r="O3686" s="1" t="s">
        <v>8</v>
      </c>
      <c r="P3686" s="5" t="s">
        <v>31542</v>
      </c>
    </row>
    <row r="3687" spans="1:16" x14ac:dyDescent="0.2">
      <c r="A3687" s="1" t="s">
        <v>20</v>
      </c>
      <c r="B3687" s="1" t="s">
        <v>445</v>
      </c>
      <c r="C3687" s="1" t="s">
        <v>12824</v>
      </c>
      <c r="D3687" s="1" t="s">
        <v>12825</v>
      </c>
      <c r="E3687" s="1" t="s">
        <v>12826</v>
      </c>
      <c r="F3687" s="1" t="s">
        <v>10</v>
      </c>
      <c r="G3687" s="1" t="s">
        <v>10</v>
      </c>
      <c r="H3687" s="1" t="s">
        <v>10</v>
      </c>
      <c r="I3687" s="1" t="s">
        <v>12117</v>
      </c>
      <c r="J3687" s="1" t="s">
        <v>12148</v>
      </c>
      <c r="K3687" s="1" t="s">
        <v>27</v>
      </c>
      <c r="L3687" s="1" t="s">
        <v>12823</v>
      </c>
      <c r="M3687" s="1" t="s">
        <v>5</v>
      </c>
      <c r="N3687" s="1" t="s">
        <v>25</v>
      </c>
      <c r="O3687" s="1" t="s">
        <v>38</v>
      </c>
      <c r="P3687" s="5" t="s">
        <v>30349</v>
      </c>
    </row>
    <row r="3688" spans="1:16" x14ac:dyDescent="0.2">
      <c r="A3688" s="1" t="s">
        <v>10</v>
      </c>
      <c r="B3688" s="1" t="s">
        <v>10</v>
      </c>
      <c r="C3688" s="1" t="s">
        <v>12822</v>
      </c>
      <c r="D3688" s="1" t="s">
        <v>12828</v>
      </c>
      <c r="E3688" s="1" t="s">
        <v>12829</v>
      </c>
      <c r="F3688" s="1" t="s">
        <v>10</v>
      </c>
      <c r="G3688" s="1" t="s">
        <v>10</v>
      </c>
      <c r="H3688" s="1" t="s">
        <v>10</v>
      </c>
      <c r="I3688" s="1" t="s">
        <v>12117</v>
      </c>
      <c r="J3688" s="1" t="s">
        <v>10</v>
      </c>
      <c r="K3688" s="1" t="s">
        <v>10</v>
      </c>
      <c r="L3688" s="1" t="s">
        <v>12827</v>
      </c>
      <c r="M3688" s="1" t="s">
        <v>5</v>
      </c>
      <c r="N3688" s="1" t="s">
        <v>10</v>
      </c>
      <c r="O3688" s="1" t="s">
        <v>38</v>
      </c>
      <c r="P3688" s="5" t="s">
        <v>31477</v>
      </c>
    </row>
    <row r="3689" spans="1:16" x14ac:dyDescent="0.2">
      <c r="A3689" s="1" t="s">
        <v>329</v>
      </c>
      <c r="B3689" s="1" t="s">
        <v>596</v>
      </c>
      <c r="C3689" s="1" t="s">
        <v>12832</v>
      </c>
      <c r="D3689" s="1" t="s">
        <v>12833</v>
      </c>
      <c r="E3689" s="1" t="s">
        <v>12835</v>
      </c>
      <c r="F3689" s="1" t="s">
        <v>27</v>
      </c>
      <c r="G3689" s="1" t="s">
        <v>10</v>
      </c>
      <c r="H3689" s="1" t="s">
        <v>12836</v>
      </c>
      <c r="I3689" s="1" t="s">
        <v>12117</v>
      </c>
      <c r="J3689" s="1" t="s">
        <v>12834</v>
      </c>
      <c r="K3689" s="1" t="s">
        <v>37</v>
      </c>
      <c r="L3689" s="1" t="s">
        <v>12831</v>
      </c>
      <c r="M3689" s="1" t="s">
        <v>5</v>
      </c>
      <c r="N3689" s="1" t="s">
        <v>1009</v>
      </c>
      <c r="O3689" s="1" t="s">
        <v>8</v>
      </c>
      <c r="P3689" s="5" t="s">
        <v>31543</v>
      </c>
    </row>
    <row r="3690" spans="1:16" x14ac:dyDescent="0.2">
      <c r="A3690" s="1" t="s">
        <v>20</v>
      </c>
      <c r="B3690" s="1" t="s">
        <v>445</v>
      </c>
      <c r="C3690" s="1" t="s">
        <v>12838</v>
      </c>
      <c r="D3690" s="1" t="s">
        <v>12839</v>
      </c>
      <c r="E3690" s="1" t="s">
        <v>12840</v>
      </c>
      <c r="F3690" s="1" t="s">
        <v>10</v>
      </c>
      <c r="G3690" s="1" t="s">
        <v>10</v>
      </c>
      <c r="H3690" s="1" t="s">
        <v>10</v>
      </c>
      <c r="I3690" s="1" t="s">
        <v>12117</v>
      </c>
      <c r="J3690" s="1" t="s">
        <v>12283</v>
      </c>
      <c r="K3690" s="1" t="s">
        <v>1468</v>
      </c>
      <c r="L3690" s="1" t="s">
        <v>12837</v>
      </c>
      <c r="M3690" s="1" t="s">
        <v>5</v>
      </c>
      <c r="N3690" s="1" t="s">
        <v>25</v>
      </c>
      <c r="O3690" s="1" t="s">
        <v>38</v>
      </c>
      <c r="P3690" s="5" t="s">
        <v>31544</v>
      </c>
    </row>
    <row r="3691" spans="1:16" x14ac:dyDescent="0.2">
      <c r="A3691" s="1" t="s">
        <v>20</v>
      </c>
      <c r="B3691" s="1" t="s">
        <v>172</v>
      </c>
      <c r="C3691" s="1" t="s">
        <v>12842</v>
      </c>
      <c r="D3691" s="1" t="s">
        <v>9196</v>
      </c>
      <c r="E3691" s="1" t="s">
        <v>12843</v>
      </c>
      <c r="F3691" s="1" t="s">
        <v>10</v>
      </c>
      <c r="G3691" s="1" t="s">
        <v>10</v>
      </c>
      <c r="H3691" s="1" t="s">
        <v>10</v>
      </c>
      <c r="I3691" s="1" t="s">
        <v>12117</v>
      </c>
      <c r="J3691" s="1" t="s">
        <v>12283</v>
      </c>
      <c r="K3691" s="1" t="s">
        <v>7</v>
      </c>
      <c r="L3691" s="1" t="s">
        <v>12841</v>
      </c>
      <c r="M3691" s="1" t="s">
        <v>5</v>
      </c>
      <c r="N3691" s="1" t="s">
        <v>25</v>
      </c>
      <c r="O3691" s="1" t="s">
        <v>38</v>
      </c>
      <c r="P3691" s="5" t="s">
        <v>31545</v>
      </c>
    </row>
    <row r="3692" spans="1:16" x14ac:dyDescent="0.2">
      <c r="A3692" s="1" t="s">
        <v>42</v>
      </c>
      <c r="B3692" s="1" t="s">
        <v>966</v>
      </c>
      <c r="C3692" s="1" t="s">
        <v>12845</v>
      </c>
      <c r="D3692" s="1" t="s">
        <v>12846</v>
      </c>
      <c r="E3692" s="1"/>
      <c r="F3692" s="1" t="s">
        <v>10</v>
      </c>
      <c r="G3692" s="1" t="s">
        <v>10</v>
      </c>
      <c r="H3692" s="1" t="s">
        <v>10</v>
      </c>
      <c r="I3692" s="1" t="s">
        <v>12117</v>
      </c>
      <c r="J3692" s="1" t="s">
        <v>12283</v>
      </c>
      <c r="K3692" s="1" t="s">
        <v>27</v>
      </c>
      <c r="L3692" s="1" t="s">
        <v>12844</v>
      </c>
      <c r="M3692" s="1" t="s">
        <v>5</v>
      </c>
      <c r="N3692" s="1" t="s">
        <v>1009</v>
      </c>
      <c r="O3692" s="1" t="s">
        <v>38</v>
      </c>
      <c r="P3692" s="5" t="s">
        <v>31546</v>
      </c>
    </row>
    <row r="3693" spans="1:16" x14ac:dyDescent="0.2">
      <c r="A3693" s="1" t="s">
        <v>20</v>
      </c>
      <c r="B3693" s="1" t="s">
        <v>445</v>
      </c>
      <c r="C3693" s="1" t="s">
        <v>12848</v>
      </c>
      <c r="D3693" s="1" t="s">
        <v>12849</v>
      </c>
      <c r="E3693" s="1" t="s">
        <v>12851</v>
      </c>
      <c r="F3693" s="1" t="s">
        <v>10</v>
      </c>
      <c r="G3693" s="1" t="s">
        <v>10</v>
      </c>
      <c r="H3693" s="1" t="s">
        <v>10</v>
      </c>
      <c r="I3693" s="1" t="s">
        <v>12117</v>
      </c>
      <c r="J3693" s="1" t="s">
        <v>12850</v>
      </c>
      <c r="K3693" s="1" t="s">
        <v>27</v>
      </c>
      <c r="L3693" s="1" t="s">
        <v>12847</v>
      </c>
      <c r="M3693" s="1" t="s">
        <v>5</v>
      </c>
      <c r="N3693" s="1" t="s">
        <v>25</v>
      </c>
      <c r="O3693" s="1" t="s">
        <v>38</v>
      </c>
      <c r="P3693" s="5" t="s">
        <v>31544</v>
      </c>
    </row>
    <row r="3694" spans="1:16" x14ac:dyDescent="0.2">
      <c r="A3694" s="1" t="s">
        <v>20</v>
      </c>
      <c r="B3694" s="1" t="s">
        <v>93</v>
      </c>
      <c r="C3694" s="1" t="s">
        <v>12853</v>
      </c>
      <c r="D3694" s="1" t="s">
        <v>12854</v>
      </c>
      <c r="E3694" s="1" t="s">
        <v>12855</v>
      </c>
      <c r="F3694" s="1" t="s">
        <v>27</v>
      </c>
      <c r="G3694" s="1" t="s">
        <v>10</v>
      </c>
      <c r="H3694" s="1" t="s">
        <v>12856</v>
      </c>
      <c r="I3694" s="1" t="s">
        <v>12117</v>
      </c>
      <c r="J3694" s="1" t="s">
        <v>12283</v>
      </c>
      <c r="K3694" s="1" t="s">
        <v>27</v>
      </c>
      <c r="L3694" s="1" t="s">
        <v>12852</v>
      </c>
      <c r="M3694" s="1" t="s">
        <v>5</v>
      </c>
      <c r="N3694" s="1" t="s">
        <v>1009</v>
      </c>
      <c r="O3694" s="1" t="s">
        <v>8</v>
      </c>
      <c r="P3694" s="5" t="s">
        <v>31547</v>
      </c>
    </row>
    <row r="3695" spans="1:16" x14ac:dyDescent="0.2">
      <c r="A3695" s="1" t="s">
        <v>42</v>
      </c>
      <c r="B3695" s="1" t="s">
        <v>118</v>
      </c>
      <c r="C3695" s="1" t="s">
        <v>12858</v>
      </c>
      <c r="D3695" s="1" t="s">
        <v>12859</v>
      </c>
      <c r="E3695" s="1" t="s">
        <v>12860</v>
      </c>
      <c r="F3695" s="1" t="s">
        <v>10</v>
      </c>
      <c r="G3695" s="1" t="s">
        <v>10</v>
      </c>
      <c r="H3695" s="1" t="s">
        <v>10</v>
      </c>
      <c r="I3695" s="1" t="s">
        <v>12117</v>
      </c>
      <c r="J3695" s="1" t="s">
        <v>12283</v>
      </c>
      <c r="K3695" s="1" t="s">
        <v>27</v>
      </c>
      <c r="L3695" s="1" t="s">
        <v>12857</v>
      </c>
      <c r="M3695" s="1" t="s">
        <v>5</v>
      </c>
      <c r="N3695" s="1" t="s">
        <v>1009</v>
      </c>
      <c r="O3695" s="1" t="s">
        <v>38</v>
      </c>
      <c r="P3695" s="5" t="s">
        <v>31548</v>
      </c>
    </row>
    <row r="3696" spans="1:16" x14ac:dyDescent="0.2">
      <c r="A3696" s="1" t="s">
        <v>32</v>
      </c>
      <c r="B3696" s="1" t="s">
        <v>33</v>
      </c>
      <c r="C3696" s="1" t="s">
        <v>12863</v>
      </c>
      <c r="D3696" s="1" t="s">
        <v>12864</v>
      </c>
      <c r="E3696" s="1"/>
      <c r="F3696" s="1" t="s">
        <v>10</v>
      </c>
      <c r="G3696" s="1" t="s">
        <v>10</v>
      </c>
      <c r="H3696" s="1" t="s">
        <v>10</v>
      </c>
      <c r="I3696" s="1" t="s">
        <v>12117</v>
      </c>
      <c r="J3696" s="1" t="s">
        <v>19</v>
      </c>
      <c r="K3696" s="1" t="s">
        <v>2866</v>
      </c>
      <c r="L3696" s="1" t="s">
        <v>12862</v>
      </c>
      <c r="M3696" s="1" t="s">
        <v>5</v>
      </c>
      <c r="N3696" s="1" t="s">
        <v>1009</v>
      </c>
      <c r="O3696" s="1" t="s">
        <v>38</v>
      </c>
      <c r="P3696" s="5" t="s">
        <v>30350</v>
      </c>
    </row>
    <row r="3697" spans="1:16" x14ac:dyDescent="0.2">
      <c r="A3697" s="1" t="s">
        <v>20</v>
      </c>
      <c r="B3697" s="1" t="s">
        <v>4373</v>
      </c>
      <c r="C3697" s="1" t="s">
        <v>12866</v>
      </c>
      <c r="D3697" s="1" t="s">
        <v>12867</v>
      </c>
      <c r="E3697" s="1" t="s">
        <v>12868</v>
      </c>
      <c r="F3697" s="1" t="s">
        <v>10</v>
      </c>
      <c r="G3697" s="1" t="s">
        <v>10</v>
      </c>
      <c r="H3697" s="1" t="s">
        <v>10</v>
      </c>
      <c r="I3697" s="1" t="s">
        <v>12117</v>
      </c>
      <c r="J3697" s="1" t="s">
        <v>12121</v>
      </c>
      <c r="K3697" s="1" t="s">
        <v>27</v>
      </c>
      <c r="L3697" s="1" t="s">
        <v>12865</v>
      </c>
      <c r="M3697" s="1" t="s">
        <v>5</v>
      </c>
      <c r="N3697" s="1" t="s">
        <v>25</v>
      </c>
      <c r="O3697" s="1" t="s">
        <v>38</v>
      </c>
      <c r="P3697" s="5" t="s">
        <v>32768</v>
      </c>
    </row>
    <row r="3698" spans="1:16" x14ac:dyDescent="0.2">
      <c r="A3698" s="1" t="s">
        <v>20</v>
      </c>
      <c r="B3698" s="1" t="s">
        <v>4373</v>
      </c>
      <c r="C3698" s="1" t="s">
        <v>12870</v>
      </c>
      <c r="D3698" s="1" t="s">
        <v>12871</v>
      </c>
      <c r="E3698" s="1" t="s">
        <v>12872</v>
      </c>
      <c r="F3698" s="1" t="s">
        <v>27</v>
      </c>
      <c r="G3698" s="1" t="s">
        <v>10</v>
      </c>
      <c r="H3698" s="1" t="s">
        <v>12873</v>
      </c>
      <c r="I3698" s="1" t="s">
        <v>12117</v>
      </c>
      <c r="J3698" s="1" t="s">
        <v>12121</v>
      </c>
      <c r="K3698" s="1" t="s">
        <v>27</v>
      </c>
      <c r="L3698" s="1" t="s">
        <v>12869</v>
      </c>
      <c r="M3698" s="1" t="s">
        <v>5</v>
      </c>
      <c r="N3698" s="1" t="s">
        <v>25</v>
      </c>
      <c r="O3698" s="1" t="s">
        <v>8</v>
      </c>
      <c r="P3698" s="5" t="s">
        <v>31549</v>
      </c>
    </row>
    <row r="3699" spans="1:16" x14ac:dyDescent="0.2">
      <c r="A3699" s="1" t="s">
        <v>66</v>
      </c>
      <c r="B3699" s="1" t="s">
        <v>498</v>
      </c>
      <c r="C3699" s="1" t="s">
        <v>12875</v>
      </c>
      <c r="D3699" s="1" t="s">
        <v>12875</v>
      </c>
      <c r="E3699" s="1" t="s">
        <v>12876</v>
      </c>
      <c r="F3699" s="1" t="s">
        <v>10</v>
      </c>
      <c r="G3699" s="1" t="s">
        <v>10</v>
      </c>
      <c r="H3699" s="1" t="s">
        <v>10</v>
      </c>
      <c r="I3699" s="1" t="s">
        <v>12117</v>
      </c>
      <c r="J3699" s="1" t="s">
        <v>12121</v>
      </c>
      <c r="K3699" s="1" t="s">
        <v>27</v>
      </c>
      <c r="L3699" s="1" t="s">
        <v>12874</v>
      </c>
      <c r="M3699" s="1" t="s">
        <v>5</v>
      </c>
      <c r="N3699" s="1" t="s">
        <v>25</v>
      </c>
      <c r="O3699" s="1" t="s">
        <v>38</v>
      </c>
      <c r="P3699" s="5" t="s">
        <v>32764</v>
      </c>
    </row>
    <row r="3700" spans="1:16" x14ac:dyDescent="0.2">
      <c r="A3700" s="1" t="s">
        <v>20</v>
      </c>
      <c r="B3700" s="1" t="s">
        <v>445</v>
      </c>
      <c r="C3700" s="1" t="s">
        <v>12878</v>
      </c>
      <c r="D3700" s="1" t="s">
        <v>1022</v>
      </c>
      <c r="E3700" s="1" t="s">
        <v>12879</v>
      </c>
      <c r="F3700" s="1" t="s">
        <v>10</v>
      </c>
      <c r="G3700" s="1" t="s">
        <v>10</v>
      </c>
      <c r="H3700" s="1" t="s">
        <v>10</v>
      </c>
      <c r="I3700" s="1" t="s">
        <v>12117</v>
      </c>
      <c r="J3700" s="1" t="s">
        <v>12144</v>
      </c>
      <c r="K3700" s="1" t="s">
        <v>27</v>
      </c>
      <c r="L3700" s="1" t="s">
        <v>12877</v>
      </c>
      <c r="M3700" s="1" t="s">
        <v>5</v>
      </c>
      <c r="N3700" s="1" t="s">
        <v>25</v>
      </c>
      <c r="O3700" s="1" t="s">
        <v>38</v>
      </c>
      <c r="P3700" s="5" t="s">
        <v>30351</v>
      </c>
    </row>
    <row r="3701" spans="1:16" x14ac:dyDescent="0.2">
      <c r="A3701" s="1" t="s">
        <v>20</v>
      </c>
      <c r="B3701" s="1" t="s">
        <v>445</v>
      </c>
      <c r="C3701" s="1" t="s">
        <v>12881</v>
      </c>
      <c r="D3701" s="1" t="s">
        <v>12882</v>
      </c>
      <c r="E3701" s="1" t="s">
        <v>12883</v>
      </c>
      <c r="F3701" s="1" t="s">
        <v>10</v>
      </c>
      <c r="G3701" s="1" t="s">
        <v>10</v>
      </c>
      <c r="H3701" s="1" t="s">
        <v>10</v>
      </c>
      <c r="I3701" s="1" t="s">
        <v>12117</v>
      </c>
      <c r="J3701" s="1" t="s">
        <v>12144</v>
      </c>
      <c r="K3701" s="1" t="s">
        <v>27</v>
      </c>
      <c r="L3701" s="1" t="s">
        <v>12880</v>
      </c>
      <c r="M3701" s="1" t="s">
        <v>5</v>
      </c>
      <c r="N3701" s="1" t="s">
        <v>1009</v>
      </c>
      <c r="O3701" s="1" t="s">
        <v>38</v>
      </c>
      <c r="P3701" s="5" t="s">
        <v>31550</v>
      </c>
    </row>
    <row r="3702" spans="1:16" x14ac:dyDescent="0.2">
      <c r="A3702" s="1" t="s">
        <v>42</v>
      </c>
      <c r="B3702" s="1" t="s">
        <v>356</v>
      </c>
      <c r="C3702" s="1" t="s">
        <v>12885</v>
      </c>
      <c r="D3702" s="1" t="s">
        <v>12886</v>
      </c>
      <c r="E3702" s="1" t="s">
        <v>12887</v>
      </c>
      <c r="F3702" s="1" t="s">
        <v>10</v>
      </c>
      <c r="G3702" s="1" t="s">
        <v>10</v>
      </c>
      <c r="H3702" s="1" t="s">
        <v>10</v>
      </c>
      <c r="I3702" s="1" t="s">
        <v>12117</v>
      </c>
      <c r="J3702" s="1" t="s">
        <v>19</v>
      </c>
      <c r="K3702" s="1" t="s">
        <v>37</v>
      </c>
      <c r="L3702" s="1" t="s">
        <v>12884</v>
      </c>
      <c r="M3702" s="1" t="s">
        <v>5</v>
      </c>
      <c r="N3702" s="1" t="s">
        <v>1009</v>
      </c>
      <c r="O3702" s="1" t="s">
        <v>38</v>
      </c>
      <c r="P3702" s="5" t="s">
        <v>31551</v>
      </c>
    </row>
    <row r="3703" spans="1:16" x14ac:dyDescent="0.2">
      <c r="A3703" s="1" t="s">
        <v>1385</v>
      </c>
      <c r="B3703" s="1" t="s">
        <v>10</v>
      </c>
      <c r="C3703" s="1" t="s">
        <v>12889</v>
      </c>
      <c r="D3703" s="1" t="s">
        <v>12890</v>
      </c>
      <c r="E3703" s="1" t="s">
        <v>12891</v>
      </c>
      <c r="F3703" s="1" t="s">
        <v>10</v>
      </c>
      <c r="G3703" s="1" t="s">
        <v>10</v>
      </c>
      <c r="H3703" s="1" t="s">
        <v>10</v>
      </c>
      <c r="I3703" s="1" t="s">
        <v>12117</v>
      </c>
      <c r="J3703" s="1" t="s">
        <v>12148</v>
      </c>
      <c r="K3703" s="1" t="s">
        <v>7</v>
      </c>
      <c r="L3703" s="1" t="s">
        <v>12888</v>
      </c>
      <c r="M3703" s="1" t="s">
        <v>5</v>
      </c>
      <c r="N3703" s="1" t="s">
        <v>10</v>
      </c>
      <c r="O3703" s="1" t="s">
        <v>38</v>
      </c>
      <c r="P3703" s="5" t="s">
        <v>31552</v>
      </c>
    </row>
    <row r="3704" spans="1:16" x14ac:dyDescent="0.2">
      <c r="A3704" s="1" t="s">
        <v>20</v>
      </c>
      <c r="B3704" s="1" t="s">
        <v>445</v>
      </c>
      <c r="C3704" s="1" t="s">
        <v>12893</v>
      </c>
      <c r="D3704" s="1" t="s">
        <v>12894</v>
      </c>
      <c r="E3704" s="1" t="s">
        <v>12895</v>
      </c>
      <c r="F3704" s="1" t="s">
        <v>10</v>
      </c>
      <c r="G3704" s="1" t="s">
        <v>10</v>
      </c>
      <c r="H3704" s="1" t="s">
        <v>10</v>
      </c>
      <c r="I3704" s="1" t="s">
        <v>12117</v>
      </c>
      <c r="J3704" s="1" t="s">
        <v>19</v>
      </c>
      <c r="K3704" s="1" t="s">
        <v>100</v>
      </c>
      <c r="L3704" s="1" t="s">
        <v>12892</v>
      </c>
      <c r="M3704" s="1" t="s">
        <v>5</v>
      </c>
      <c r="N3704" s="1" t="s">
        <v>1009</v>
      </c>
      <c r="O3704" s="1" t="s">
        <v>38</v>
      </c>
      <c r="P3704" s="5" t="s">
        <v>31553</v>
      </c>
    </row>
    <row r="3705" spans="1:16" x14ac:dyDescent="0.2">
      <c r="A3705" s="1" t="s">
        <v>194</v>
      </c>
      <c r="B3705" s="1" t="s">
        <v>4497</v>
      </c>
      <c r="C3705" s="1" t="s">
        <v>12897</v>
      </c>
      <c r="D3705" s="1" t="s">
        <v>1207</v>
      </c>
      <c r="E3705" s="1"/>
      <c r="F3705" s="1" t="s">
        <v>27</v>
      </c>
      <c r="G3705" s="1" t="s">
        <v>1042</v>
      </c>
      <c r="H3705" s="1" t="s">
        <v>12898</v>
      </c>
      <c r="I3705" s="1" t="s">
        <v>12117</v>
      </c>
      <c r="J3705" s="1" t="s">
        <v>12121</v>
      </c>
      <c r="K3705" s="1" t="s">
        <v>100</v>
      </c>
      <c r="L3705" s="1" t="s">
        <v>12896</v>
      </c>
      <c r="M3705" s="1" t="s">
        <v>5</v>
      </c>
      <c r="N3705" s="1" t="s">
        <v>1009</v>
      </c>
      <c r="O3705" s="1" t="s">
        <v>8</v>
      </c>
      <c r="P3705" s="5"/>
    </row>
    <row r="3706" spans="1:16" x14ac:dyDescent="0.2">
      <c r="A3706" s="1" t="s">
        <v>194</v>
      </c>
      <c r="B3706" s="1" t="s">
        <v>4492</v>
      </c>
      <c r="C3706" s="1" t="s">
        <v>12901</v>
      </c>
      <c r="D3706" s="1" t="s">
        <v>6790</v>
      </c>
      <c r="E3706" s="1" t="s">
        <v>12902</v>
      </c>
      <c r="F3706" s="1" t="s">
        <v>474</v>
      </c>
      <c r="G3706" s="1" t="s">
        <v>476</v>
      </c>
      <c r="H3706" s="1" t="s">
        <v>10</v>
      </c>
      <c r="I3706" s="1" t="s">
        <v>12117</v>
      </c>
      <c r="J3706" s="1" t="s">
        <v>19</v>
      </c>
      <c r="K3706" s="1" t="s">
        <v>64</v>
      </c>
      <c r="L3706" s="1" t="s">
        <v>12900</v>
      </c>
      <c r="M3706" s="1" t="s">
        <v>5</v>
      </c>
      <c r="N3706" s="1" t="s">
        <v>10</v>
      </c>
      <c r="O3706" s="1" t="s">
        <v>8</v>
      </c>
      <c r="P3706" s="5" t="s">
        <v>31554</v>
      </c>
    </row>
    <row r="3707" spans="1:16" x14ac:dyDescent="0.2">
      <c r="A3707" s="1" t="s">
        <v>20</v>
      </c>
      <c r="B3707" s="1" t="s">
        <v>445</v>
      </c>
      <c r="C3707" s="1" t="s">
        <v>12904</v>
      </c>
      <c r="D3707" s="1" t="s">
        <v>12905</v>
      </c>
      <c r="E3707" s="1"/>
      <c r="F3707" s="1" t="s">
        <v>10</v>
      </c>
      <c r="G3707" s="1" t="s">
        <v>10</v>
      </c>
      <c r="H3707" s="1" t="s">
        <v>10</v>
      </c>
      <c r="I3707" s="1" t="s">
        <v>12117</v>
      </c>
      <c r="J3707" s="1" t="s">
        <v>12358</v>
      </c>
      <c r="K3707" s="1" t="s">
        <v>27</v>
      </c>
      <c r="L3707" s="1" t="s">
        <v>12903</v>
      </c>
      <c r="M3707" s="1" t="s">
        <v>5</v>
      </c>
      <c r="N3707" s="1" t="s">
        <v>1009</v>
      </c>
      <c r="O3707" s="1" t="s">
        <v>38</v>
      </c>
      <c r="P3707" s="5" t="s">
        <v>31555</v>
      </c>
    </row>
    <row r="3708" spans="1:16" x14ac:dyDescent="0.2">
      <c r="A3708" s="1" t="s">
        <v>42</v>
      </c>
      <c r="B3708" s="1" t="s">
        <v>1341</v>
      </c>
      <c r="C3708" s="1" t="s">
        <v>12907</v>
      </c>
      <c r="D3708" s="1" t="s">
        <v>12908</v>
      </c>
      <c r="E3708" s="1" t="s">
        <v>12909</v>
      </c>
      <c r="F3708" s="1" t="s">
        <v>10</v>
      </c>
      <c r="G3708" s="1" t="s">
        <v>10</v>
      </c>
      <c r="H3708" s="1" t="s">
        <v>10</v>
      </c>
      <c r="I3708" s="1" t="s">
        <v>12117</v>
      </c>
      <c r="J3708" s="1" t="s">
        <v>19</v>
      </c>
      <c r="K3708" s="1" t="s">
        <v>6533</v>
      </c>
      <c r="L3708" s="1" t="s">
        <v>12906</v>
      </c>
      <c r="M3708" s="1" t="s">
        <v>5</v>
      </c>
      <c r="N3708" s="1" t="s">
        <v>1009</v>
      </c>
      <c r="O3708" s="1" t="s">
        <v>38</v>
      </c>
      <c r="P3708" s="5" t="s">
        <v>31556</v>
      </c>
    </row>
    <row r="3709" spans="1:16" x14ac:dyDescent="0.2">
      <c r="A3709" s="1" t="s">
        <v>42</v>
      </c>
      <c r="B3709" s="1" t="s">
        <v>588</v>
      </c>
      <c r="C3709" s="1" t="s">
        <v>12911</v>
      </c>
      <c r="D3709" s="1" t="s">
        <v>2004</v>
      </c>
      <c r="E3709" s="1"/>
      <c r="F3709" s="1" t="s">
        <v>10</v>
      </c>
      <c r="G3709" s="1" t="s">
        <v>10</v>
      </c>
      <c r="H3709" s="1" t="s">
        <v>10</v>
      </c>
      <c r="I3709" s="1" t="s">
        <v>12117</v>
      </c>
      <c r="J3709" s="1" t="s">
        <v>19</v>
      </c>
      <c r="K3709" s="1" t="s">
        <v>586</v>
      </c>
      <c r="L3709" s="1" t="s">
        <v>12910</v>
      </c>
      <c r="M3709" s="1" t="s">
        <v>5</v>
      </c>
      <c r="N3709" s="1" t="s">
        <v>1009</v>
      </c>
      <c r="O3709" s="1" t="s">
        <v>38</v>
      </c>
      <c r="P3709" s="5" t="s">
        <v>31557</v>
      </c>
    </row>
    <row r="3710" spans="1:16" x14ac:dyDescent="0.2">
      <c r="A3710" s="1" t="s">
        <v>194</v>
      </c>
      <c r="B3710" s="1" t="s">
        <v>195</v>
      </c>
      <c r="C3710" s="1" t="s">
        <v>12913</v>
      </c>
      <c r="D3710" s="1" t="s">
        <v>249</v>
      </c>
      <c r="E3710" s="1" t="s">
        <v>12914</v>
      </c>
      <c r="F3710" s="1" t="s">
        <v>27</v>
      </c>
      <c r="G3710" s="1" t="s">
        <v>10</v>
      </c>
      <c r="H3710" s="1" t="s">
        <v>12915</v>
      </c>
      <c r="I3710" s="1" t="s">
        <v>12117</v>
      </c>
      <c r="J3710" s="1" t="s">
        <v>12283</v>
      </c>
      <c r="K3710" s="1" t="s">
        <v>27</v>
      </c>
      <c r="L3710" s="1" t="s">
        <v>12912</v>
      </c>
      <c r="M3710" s="1" t="s">
        <v>5</v>
      </c>
      <c r="N3710" s="1" t="s">
        <v>1009</v>
      </c>
      <c r="O3710" s="1" t="s">
        <v>38</v>
      </c>
      <c r="P3710" s="5" t="s">
        <v>31558</v>
      </c>
    </row>
    <row r="3711" spans="1:16" x14ac:dyDescent="0.2">
      <c r="A3711" s="1" t="s">
        <v>20</v>
      </c>
      <c r="B3711" s="1" t="s">
        <v>253</v>
      </c>
      <c r="C3711" s="1" t="s">
        <v>12917</v>
      </c>
      <c r="D3711" s="1" t="s">
        <v>2585</v>
      </c>
      <c r="E3711" s="1"/>
      <c r="F3711" s="1" t="s">
        <v>27</v>
      </c>
      <c r="G3711" s="1" t="s">
        <v>10</v>
      </c>
      <c r="H3711" s="1" t="s">
        <v>12919</v>
      </c>
      <c r="I3711" s="1" t="s">
        <v>12117</v>
      </c>
      <c r="J3711" s="1" t="s">
        <v>12358</v>
      </c>
      <c r="K3711" s="1" t="s">
        <v>27</v>
      </c>
      <c r="L3711" s="1" t="s">
        <v>12916</v>
      </c>
      <c r="M3711" s="1" t="s">
        <v>5</v>
      </c>
      <c r="N3711" s="1" t="s">
        <v>1009</v>
      </c>
      <c r="O3711" s="1" t="s">
        <v>8</v>
      </c>
      <c r="P3711" s="5" t="s">
        <v>31559</v>
      </c>
    </row>
    <row r="3712" spans="1:16" x14ac:dyDescent="0.2">
      <c r="A3712" s="1" t="s">
        <v>20</v>
      </c>
      <c r="B3712" s="1" t="s">
        <v>445</v>
      </c>
      <c r="C3712" s="1" t="s">
        <v>12921</v>
      </c>
      <c r="D3712" s="1" t="s">
        <v>12922</v>
      </c>
      <c r="E3712" s="1" t="s">
        <v>12923</v>
      </c>
      <c r="F3712" s="1" t="s">
        <v>10</v>
      </c>
      <c r="G3712" s="1" t="s">
        <v>10</v>
      </c>
      <c r="H3712" s="1" t="s">
        <v>10</v>
      </c>
      <c r="I3712" s="1" t="s">
        <v>12117</v>
      </c>
      <c r="J3712" s="1" t="s">
        <v>12148</v>
      </c>
      <c r="K3712" s="1" t="s">
        <v>27</v>
      </c>
      <c r="L3712" s="1" t="s">
        <v>12920</v>
      </c>
      <c r="M3712" s="1" t="s">
        <v>5</v>
      </c>
      <c r="N3712" s="1" t="s">
        <v>25</v>
      </c>
      <c r="O3712" s="1" t="s">
        <v>38</v>
      </c>
      <c r="P3712" s="5" t="s">
        <v>31560</v>
      </c>
    </row>
    <row r="3713" spans="1:16" x14ac:dyDescent="0.2">
      <c r="A3713" s="1" t="s">
        <v>20</v>
      </c>
      <c r="B3713" s="1" t="s">
        <v>132</v>
      </c>
      <c r="C3713" s="1" t="s">
        <v>12925</v>
      </c>
      <c r="D3713" s="1" t="s">
        <v>12926</v>
      </c>
      <c r="E3713" s="1" t="s">
        <v>12927</v>
      </c>
      <c r="F3713" s="1" t="s">
        <v>10</v>
      </c>
      <c r="G3713" s="1" t="s">
        <v>10</v>
      </c>
      <c r="H3713" s="1" t="s">
        <v>10</v>
      </c>
      <c r="I3713" s="1" t="s">
        <v>12117</v>
      </c>
      <c r="J3713" s="1" t="s">
        <v>19</v>
      </c>
      <c r="K3713" s="1" t="s">
        <v>7</v>
      </c>
      <c r="L3713" s="1" t="s">
        <v>12924</v>
      </c>
      <c r="M3713" s="1" t="s">
        <v>5</v>
      </c>
      <c r="N3713" s="1" t="s">
        <v>25</v>
      </c>
      <c r="O3713" s="1" t="s">
        <v>38</v>
      </c>
      <c r="P3713" s="5" t="s">
        <v>31561</v>
      </c>
    </row>
    <row r="3714" spans="1:16" x14ac:dyDescent="0.2">
      <c r="A3714" s="1" t="s">
        <v>20</v>
      </c>
      <c r="B3714" s="1" t="s">
        <v>445</v>
      </c>
      <c r="C3714" s="1" t="s">
        <v>12929</v>
      </c>
      <c r="D3714" s="1" t="s">
        <v>12930</v>
      </c>
      <c r="E3714" s="1"/>
      <c r="F3714" s="1" t="s">
        <v>10</v>
      </c>
      <c r="G3714" s="1" t="s">
        <v>10</v>
      </c>
      <c r="H3714" s="1" t="s">
        <v>10</v>
      </c>
      <c r="I3714" s="1" t="s">
        <v>12117</v>
      </c>
      <c r="J3714" s="1" t="s">
        <v>12358</v>
      </c>
      <c r="K3714" s="1" t="s">
        <v>27</v>
      </c>
      <c r="L3714" s="1" t="s">
        <v>12928</v>
      </c>
      <c r="M3714" s="1" t="s">
        <v>5</v>
      </c>
      <c r="N3714" s="1" t="s">
        <v>1009</v>
      </c>
      <c r="O3714" s="1" t="s">
        <v>38</v>
      </c>
      <c r="P3714" s="5" t="s">
        <v>31562</v>
      </c>
    </row>
    <row r="3715" spans="1:16" x14ac:dyDescent="0.2">
      <c r="A3715" s="1" t="s">
        <v>42</v>
      </c>
      <c r="B3715" s="1" t="s">
        <v>118</v>
      </c>
      <c r="C3715" s="1" t="s">
        <v>12932</v>
      </c>
      <c r="D3715" s="1" t="s">
        <v>12933</v>
      </c>
      <c r="E3715" s="1" t="s">
        <v>12934</v>
      </c>
      <c r="F3715" s="1" t="s">
        <v>10</v>
      </c>
      <c r="G3715" s="1" t="s">
        <v>10</v>
      </c>
      <c r="H3715" s="1" t="s">
        <v>10</v>
      </c>
      <c r="I3715" s="1" t="s">
        <v>12117</v>
      </c>
      <c r="J3715" s="1" t="s">
        <v>19</v>
      </c>
      <c r="K3715" s="1" t="s">
        <v>6674</v>
      </c>
      <c r="L3715" s="1" t="s">
        <v>12931</v>
      </c>
      <c r="M3715" s="1" t="s">
        <v>5</v>
      </c>
      <c r="N3715" s="1" t="s">
        <v>1009</v>
      </c>
      <c r="O3715" s="1" t="s">
        <v>38</v>
      </c>
      <c r="P3715" s="5" t="s">
        <v>30352</v>
      </c>
    </row>
    <row r="3716" spans="1:16" x14ac:dyDescent="0.2">
      <c r="A3716" s="1" t="s">
        <v>20</v>
      </c>
      <c r="B3716" s="1" t="s">
        <v>309</v>
      </c>
      <c r="C3716" s="1" t="s">
        <v>12936</v>
      </c>
      <c r="D3716" s="1" t="s">
        <v>12936</v>
      </c>
      <c r="E3716" s="1" t="s">
        <v>12937</v>
      </c>
      <c r="F3716" s="1" t="s">
        <v>10</v>
      </c>
      <c r="G3716" s="1" t="s">
        <v>10</v>
      </c>
      <c r="H3716" s="1" t="s">
        <v>10</v>
      </c>
      <c r="I3716" s="1" t="s">
        <v>12117</v>
      </c>
      <c r="J3716" s="1" t="s">
        <v>19</v>
      </c>
      <c r="K3716" s="1" t="s">
        <v>7</v>
      </c>
      <c r="L3716" s="1" t="s">
        <v>12935</v>
      </c>
      <c r="M3716" s="1" t="s">
        <v>5</v>
      </c>
      <c r="N3716" s="1" t="s">
        <v>25</v>
      </c>
      <c r="O3716" s="1" t="s">
        <v>38</v>
      </c>
      <c r="P3716" s="5" t="s">
        <v>30353</v>
      </c>
    </row>
    <row r="3717" spans="1:16" x14ac:dyDescent="0.2">
      <c r="A3717" s="1" t="s">
        <v>20</v>
      </c>
      <c r="B3717" s="1" t="s">
        <v>4373</v>
      </c>
      <c r="C3717" s="1" t="s">
        <v>12939</v>
      </c>
      <c r="D3717" s="1" t="s">
        <v>12939</v>
      </c>
      <c r="E3717" s="1" t="s">
        <v>12940</v>
      </c>
      <c r="F3717" s="1" t="s">
        <v>27</v>
      </c>
      <c r="G3717" s="1" t="s">
        <v>10</v>
      </c>
      <c r="H3717" s="1" t="s">
        <v>12941</v>
      </c>
      <c r="I3717" s="1" t="s">
        <v>12117</v>
      </c>
      <c r="J3717" s="1" t="s">
        <v>19</v>
      </c>
      <c r="K3717" s="1" t="s">
        <v>100</v>
      </c>
      <c r="L3717" s="1" t="s">
        <v>12938</v>
      </c>
      <c r="M3717" s="1" t="s">
        <v>5</v>
      </c>
      <c r="N3717" s="1" t="s">
        <v>1009</v>
      </c>
      <c r="O3717" s="1" t="s">
        <v>8</v>
      </c>
      <c r="P3717" s="5" t="s">
        <v>31563</v>
      </c>
    </row>
    <row r="3718" spans="1:16" x14ac:dyDescent="0.2">
      <c r="A3718" s="1" t="s">
        <v>66</v>
      </c>
      <c r="B3718" s="1" t="s">
        <v>574</v>
      </c>
      <c r="C3718" s="1" t="s">
        <v>12943</v>
      </c>
      <c r="D3718" s="1" t="s">
        <v>12944</v>
      </c>
      <c r="E3718" s="1" t="s">
        <v>12945</v>
      </c>
      <c r="F3718" s="1" t="s">
        <v>10</v>
      </c>
      <c r="G3718" s="1" t="s">
        <v>10</v>
      </c>
      <c r="H3718" s="1" t="s">
        <v>10</v>
      </c>
      <c r="I3718" s="1" t="s">
        <v>12117</v>
      </c>
      <c r="J3718" s="1" t="s">
        <v>12148</v>
      </c>
      <c r="K3718" s="1" t="s">
        <v>27</v>
      </c>
      <c r="L3718" s="1" t="s">
        <v>12942</v>
      </c>
      <c r="M3718" s="1" t="s">
        <v>5</v>
      </c>
      <c r="N3718" s="1" t="s">
        <v>25</v>
      </c>
      <c r="O3718" s="1" t="s">
        <v>38</v>
      </c>
      <c r="P3718" s="5" t="s">
        <v>31564</v>
      </c>
    </row>
    <row r="3719" spans="1:16" x14ac:dyDescent="0.2">
      <c r="A3719" s="1" t="s">
        <v>20</v>
      </c>
      <c r="B3719" s="1" t="s">
        <v>445</v>
      </c>
      <c r="C3719" s="1" t="s">
        <v>12947</v>
      </c>
      <c r="D3719" s="1" t="s">
        <v>12948</v>
      </c>
      <c r="E3719" s="1" t="s">
        <v>12949</v>
      </c>
      <c r="F3719" s="1" t="s">
        <v>10</v>
      </c>
      <c r="G3719" s="1" t="s">
        <v>10</v>
      </c>
      <c r="H3719" s="1" t="s">
        <v>10</v>
      </c>
      <c r="I3719" s="1" t="s">
        <v>12117</v>
      </c>
      <c r="J3719" s="1" t="s">
        <v>12358</v>
      </c>
      <c r="K3719" s="1" t="s">
        <v>27</v>
      </c>
      <c r="L3719" s="1" t="s">
        <v>12946</v>
      </c>
      <c r="M3719" s="1" t="s">
        <v>5</v>
      </c>
      <c r="N3719" s="1" t="s">
        <v>25</v>
      </c>
      <c r="O3719" s="1" t="s">
        <v>38</v>
      </c>
      <c r="P3719" s="5" t="s">
        <v>31565</v>
      </c>
    </row>
    <row r="3720" spans="1:16" x14ac:dyDescent="0.2">
      <c r="A3720" s="1" t="s">
        <v>20</v>
      </c>
      <c r="B3720" s="1" t="s">
        <v>445</v>
      </c>
      <c r="C3720" s="1" t="s">
        <v>12951</v>
      </c>
      <c r="D3720" s="1" t="s">
        <v>12952</v>
      </c>
      <c r="E3720" s="1" t="s">
        <v>12953</v>
      </c>
      <c r="F3720" s="1" t="s">
        <v>10</v>
      </c>
      <c r="G3720" s="1" t="s">
        <v>10</v>
      </c>
      <c r="H3720" s="1" t="s">
        <v>10</v>
      </c>
      <c r="I3720" s="1" t="s">
        <v>12117</v>
      </c>
      <c r="J3720" s="1" t="s">
        <v>12655</v>
      </c>
      <c r="K3720" s="1" t="s">
        <v>1468</v>
      </c>
      <c r="L3720" s="1" t="s">
        <v>12950</v>
      </c>
      <c r="M3720" s="1" t="s">
        <v>5</v>
      </c>
      <c r="N3720" s="1" t="s">
        <v>25</v>
      </c>
      <c r="O3720" s="1" t="s">
        <v>38</v>
      </c>
      <c r="P3720" s="5" t="s">
        <v>31566</v>
      </c>
    </row>
    <row r="3721" spans="1:16" x14ac:dyDescent="0.2">
      <c r="A3721" s="1" t="s">
        <v>42</v>
      </c>
      <c r="B3721" s="1" t="s">
        <v>43</v>
      </c>
      <c r="C3721" s="1" t="s">
        <v>12955</v>
      </c>
      <c r="D3721" s="1" t="s">
        <v>12955</v>
      </c>
      <c r="E3721" s="1" t="s">
        <v>12956</v>
      </c>
      <c r="F3721" s="1" t="s">
        <v>10</v>
      </c>
      <c r="G3721" s="1" t="s">
        <v>10</v>
      </c>
      <c r="H3721" s="1" t="s">
        <v>10</v>
      </c>
      <c r="I3721" s="1" t="s">
        <v>12117</v>
      </c>
      <c r="J3721" s="1" t="s">
        <v>19</v>
      </c>
      <c r="K3721" s="1" t="s">
        <v>3748</v>
      </c>
      <c r="L3721" s="1" t="s">
        <v>12954</v>
      </c>
      <c r="M3721" s="1" t="s">
        <v>5</v>
      </c>
      <c r="N3721" s="1" t="s">
        <v>25</v>
      </c>
      <c r="O3721" s="1" t="s">
        <v>38</v>
      </c>
      <c r="P3721" s="5" t="s">
        <v>30354</v>
      </c>
    </row>
    <row r="3722" spans="1:16" x14ac:dyDescent="0.2">
      <c r="A3722" s="1" t="s">
        <v>66</v>
      </c>
      <c r="B3722" s="1" t="s">
        <v>1812</v>
      </c>
      <c r="C3722" s="1" t="s">
        <v>12958</v>
      </c>
      <c r="D3722" s="1" t="s">
        <v>12958</v>
      </c>
      <c r="E3722" s="1" t="s">
        <v>12959</v>
      </c>
      <c r="F3722" s="1" t="s">
        <v>10</v>
      </c>
      <c r="G3722" s="1" t="s">
        <v>10</v>
      </c>
      <c r="H3722" s="1" t="s">
        <v>10</v>
      </c>
      <c r="I3722" s="1" t="s">
        <v>12117</v>
      </c>
      <c r="J3722" s="1" t="s">
        <v>12130</v>
      </c>
      <c r="K3722" s="1" t="s">
        <v>27</v>
      </c>
      <c r="L3722" s="1" t="s">
        <v>12957</v>
      </c>
      <c r="M3722" s="1" t="s">
        <v>5</v>
      </c>
      <c r="N3722" s="1" t="s">
        <v>25</v>
      </c>
      <c r="O3722" s="1" t="s">
        <v>38</v>
      </c>
      <c r="P3722" s="5" t="s">
        <v>31567</v>
      </c>
    </row>
    <row r="3723" spans="1:16" x14ac:dyDescent="0.2">
      <c r="A3723" s="1" t="s">
        <v>20</v>
      </c>
      <c r="B3723" s="1" t="s">
        <v>445</v>
      </c>
      <c r="C3723" s="1" t="s">
        <v>12961</v>
      </c>
      <c r="D3723" s="1" t="s">
        <v>7283</v>
      </c>
      <c r="E3723" s="1" t="s">
        <v>12962</v>
      </c>
      <c r="F3723" s="1" t="s">
        <v>27</v>
      </c>
      <c r="G3723" s="1" t="s">
        <v>10</v>
      </c>
      <c r="H3723" s="1" t="s">
        <v>7282</v>
      </c>
      <c r="I3723" s="1" t="s">
        <v>12117</v>
      </c>
      <c r="J3723" s="1" t="s">
        <v>12283</v>
      </c>
      <c r="K3723" s="1" t="s">
        <v>7</v>
      </c>
      <c r="L3723" s="1" t="s">
        <v>12960</v>
      </c>
      <c r="M3723" s="1" t="s">
        <v>5</v>
      </c>
      <c r="N3723" s="1" t="s">
        <v>1009</v>
      </c>
      <c r="O3723" s="1" t="s">
        <v>8</v>
      </c>
      <c r="P3723" s="5" t="s">
        <v>31568</v>
      </c>
    </row>
    <row r="3724" spans="1:16" x14ac:dyDescent="0.2">
      <c r="A3724" s="1" t="s">
        <v>20</v>
      </c>
      <c r="B3724" s="1" t="s">
        <v>445</v>
      </c>
      <c r="C3724" s="1" t="s">
        <v>12964</v>
      </c>
      <c r="D3724" s="1" t="s">
        <v>12965</v>
      </c>
      <c r="E3724" s="1" t="s">
        <v>12966</v>
      </c>
      <c r="F3724" s="1" t="s">
        <v>10</v>
      </c>
      <c r="G3724" s="1" t="s">
        <v>10</v>
      </c>
      <c r="H3724" s="1" t="s">
        <v>10</v>
      </c>
      <c r="I3724" s="1" t="s">
        <v>12117</v>
      </c>
      <c r="J3724" s="1" t="s">
        <v>12148</v>
      </c>
      <c r="K3724" s="1" t="s">
        <v>27</v>
      </c>
      <c r="L3724" s="1" t="s">
        <v>12963</v>
      </c>
      <c r="M3724" s="1" t="s">
        <v>5</v>
      </c>
      <c r="N3724" s="1" t="s">
        <v>1009</v>
      </c>
      <c r="O3724" s="1" t="s">
        <v>38</v>
      </c>
      <c r="P3724" s="5" t="s">
        <v>31569</v>
      </c>
    </row>
    <row r="3725" spans="1:16" x14ac:dyDescent="0.2">
      <c r="A3725" s="1" t="s">
        <v>66</v>
      </c>
      <c r="B3725" s="1" t="s">
        <v>1812</v>
      </c>
      <c r="C3725" s="1" t="s">
        <v>12968</v>
      </c>
      <c r="D3725" s="1" t="s">
        <v>12969</v>
      </c>
      <c r="E3725" s="1" t="s">
        <v>12970</v>
      </c>
      <c r="F3725" s="1" t="s">
        <v>10</v>
      </c>
      <c r="G3725" s="1" t="s">
        <v>10</v>
      </c>
      <c r="H3725" s="1" t="s">
        <v>10</v>
      </c>
      <c r="I3725" s="1" t="s">
        <v>12117</v>
      </c>
      <c r="J3725" s="1" t="s">
        <v>12148</v>
      </c>
      <c r="K3725" s="1" t="s">
        <v>27</v>
      </c>
      <c r="L3725" s="1" t="s">
        <v>12967</v>
      </c>
      <c r="M3725" s="1" t="s">
        <v>5</v>
      </c>
      <c r="N3725" s="1" t="s">
        <v>25</v>
      </c>
      <c r="O3725" s="1" t="s">
        <v>38</v>
      </c>
      <c r="P3725" s="5" t="s">
        <v>31526</v>
      </c>
    </row>
    <row r="3726" spans="1:16" x14ac:dyDescent="0.2">
      <c r="A3726" s="1" t="s">
        <v>20</v>
      </c>
      <c r="B3726" s="1" t="s">
        <v>93</v>
      </c>
      <c r="C3726" s="1" t="s">
        <v>12972</v>
      </c>
      <c r="D3726" s="1" t="s">
        <v>12918</v>
      </c>
      <c r="E3726" s="1" t="s">
        <v>12973</v>
      </c>
      <c r="F3726" s="1" t="s">
        <v>27</v>
      </c>
      <c r="G3726" s="1" t="s">
        <v>10</v>
      </c>
      <c r="H3726" s="1" t="s">
        <v>7164</v>
      </c>
      <c r="I3726" s="1" t="s">
        <v>12117</v>
      </c>
      <c r="J3726" s="1" t="s">
        <v>19</v>
      </c>
      <c r="K3726" s="1" t="s">
        <v>7</v>
      </c>
      <c r="L3726" s="1" t="s">
        <v>12971</v>
      </c>
      <c r="M3726" s="1" t="s">
        <v>5</v>
      </c>
      <c r="N3726" s="1" t="s">
        <v>1009</v>
      </c>
      <c r="O3726" s="1" t="s">
        <v>8</v>
      </c>
      <c r="P3726" s="5" t="s">
        <v>30355</v>
      </c>
    </row>
    <row r="3727" spans="1:16" x14ac:dyDescent="0.2">
      <c r="A3727" s="1" t="s">
        <v>20</v>
      </c>
      <c r="B3727" s="1" t="s">
        <v>445</v>
      </c>
      <c r="C3727" s="1" t="s">
        <v>12975</v>
      </c>
      <c r="D3727" s="1" t="s">
        <v>12976</v>
      </c>
      <c r="E3727" s="1" t="s">
        <v>12977</v>
      </c>
      <c r="F3727" s="1" t="s">
        <v>10</v>
      </c>
      <c r="G3727" s="1" t="s">
        <v>10</v>
      </c>
      <c r="H3727" s="1" t="s">
        <v>10</v>
      </c>
      <c r="I3727" s="1" t="s">
        <v>12117</v>
      </c>
      <c r="J3727" s="1" t="s">
        <v>12148</v>
      </c>
      <c r="K3727" s="1" t="s">
        <v>27</v>
      </c>
      <c r="L3727" s="1" t="s">
        <v>12974</v>
      </c>
      <c r="M3727" s="1" t="s">
        <v>5</v>
      </c>
      <c r="N3727" s="1" t="s">
        <v>25</v>
      </c>
      <c r="O3727" s="1" t="s">
        <v>38</v>
      </c>
      <c r="P3727" s="5" t="s">
        <v>31570</v>
      </c>
    </row>
    <row r="3728" spans="1:16" x14ac:dyDescent="0.2">
      <c r="A3728" s="1" t="s">
        <v>20</v>
      </c>
      <c r="B3728" s="1" t="s">
        <v>99</v>
      </c>
      <c r="C3728" s="1" t="s">
        <v>12979</v>
      </c>
      <c r="D3728" s="1" t="s">
        <v>2706</v>
      </c>
      <c r="E3728" s="1" t="s">
        <v>12980</v>
      </c>
      <c r="F3728" s="1" t="s">
        <v>10</v>
      </c>
      <c r="G3728" s="1" t="s">
        <v>10</v>
      </c>
      <c r="H3728" s="1" t="s">
        <v>10</v>
      </c>
      <c r="I3728" s="1" t="s">
        <v>12117</v>
      </c>
      <c r="J3728" s="1" t="s">
        <v>19</v>
      </c>
      <c r="K3728" s="1" t="s">
        <v>1468</v>
      </c>
      <c r="L3728" s="1" t="s">
        <v>12978</v>
      </c>
      <c r="M3728" s="1" t="s">
        <v>5</v>
      </c>
      <c r="N3728" s="1" t="s">
        <v>25</v>
      </c>
      <c r="O3728" s="1" t="s">
        <v>38</v>
      </c>
      <c r="P3728" s="5" t="s">
        <v>31571</v>
      </c>
    </row>
    <row r="3729" spans="1:16" x14ac:dyDescent="0.2">
      <c r="A3729" s="1" t="s">
        <v>10</v>
      </c>
      <c r="B3729" s="1" t="s">
        <v>10</v>
      </c>
      <c r="C3729" s="1" t="s">
        <v>12982</v>
      </c>
      <c r="D3729" s="1" t="s">
        <v>12983</v>
      </c>
      <c r="E3729" s="1"/>
      <c r="F3729" s="1" t="s">
        <v>27</v>
      </c>
      <c r="G3729" s="1" t="s">
        <v>10</v>
      </c>
      <c r="H3729" s="1" t="s">
        <v>12984</v>
      </c>
      <c r="I3729" s="1" t="s">
        <v>12117</v>
      </c>
      <c r="J3729" s="1" t="s">
        <v>10</v>
      </c>
      <c r="K3729" s="1" t="s">
        <v>10</v>
      </c>
      <c r="L3729" s="1" t="s">
        <v>12981</v>
      </c>
      <c r="M3729" s="1" t="s">
        <v>5</v>
      </c>
      <c r="N3729" s="1" t="s">
        <v>25</v>
      </c>
      <c r="O3729" s="1" t="s">
        <v>8</v>
      </c>
      <c r="P3729" s="5" t="s">
        <v>30926</v>
      </c>
    </row>
    <row r="3730" spans="1:16" x14ac:dyDescent="0.2">
      <c r="A3730" s="1" t="s">
        <v>20</v>
      </c>
      <c r="B3730" s="1" t="s">
        <v>445</v>
      </c>
      <c r="C3730" s="1" t="s">
        <v>12986</v>
      </c>
      <c r="D3730" s="1" t="s">
        <v>12987</v>
      </c>
      <c r="E3730" s="1" t="s">
        <v>12989</v>
      </c>
      <c r="F3730" s="1" t="s">
        <v>10</v>
      </c>
      <c r="G3730" s="1" t="s">
        <v>10</v>
      </c>
      <c r="H3730" s="1" t="s">
        <v>10</v>
      </c>
      <c r="I3730" s="1" t="s">
        <v>12117</v>
      </c>
      <c r="J3730" s="1" t="s">
        <v>12988</v>
      </c>
      <c r="K3730" s="1" t="s">
        <v>27</v>
      </c>
      <c r="L3730" s="1" t="s">
        <v>12985</v>
      </c>
      <c r="M3730" s="1" t="s">
        <v>5</v>
      </c>
      <c r="N3730" s="1" t="s">
        <v>1009</v>
      </c>
      <c r="O3730" s="1" t="s">
        <v>38</v>
      </c>
      <c r="P3730" s="5" t="s">
        <v>31572</v>
      </c>
    </row>
    <row r="3731" spans="1:16" x14ac:dyDescent="0.2">
      <c r="A3731" s="1" t="s">
        <v>20</v>
      </c>
      <c r="B3731" s="1" t="s">
        <v>445</v>
      </c>
      <c r="C3731" s="1" t="s">
        <v>12991</v>
      </c>
      <c r="D3731" s="1" t="s">
        <v>12992</v>
      </c>
      <c r="E3731" s="1" t="s">
        <v>12993</v>
      </c>
      <c r="F3731" s="1" t="s">
        <v>10</v>
      </c>
      <c r="G3731" s="1" t="s">
        <v>10</v>
      </c>
      <c r="H3731" s="1" t="s">
        <v>10</v>
      </c>
      <c r="I3731" s="1" t="s">
        <v>12117</v>
      </c>
      <c r="J3731" s="1" t="s">
        <v>12988</v>
      </c>
      <c r="K3731" s="1" t="s">
        <v>27</v>
      </c>
      <c r="L3731" s="1" t="s">
        <v>12990</v>
      </c>
      <c r="M3731" s="1" t="s">
        <v>5</v>
      </c>
      <c r="N3731" s="1" t="s">
        <v>1009</v>
      </c>
      <c r="O3731" s="1" t="s">
        <v>38</v>
      </c>
      <c r="P3731" s="5" t="s">
        <v>31573</v>
      </c>
    </row>
    <row r="3732" spans="1:16" x14ac:dyDescent="0.2">
      <c r="A3732" s="1" t="s">
        <v>66</v>
      </c>
      <c r="B3732" s="1" t="s">
        <v>574</v>
      </c>
      <c r="C3732" s="1" t="s">
        <v>12995</v>
      </c>
      <c r="D3732" s="1" t="s">
        <v>12996</v>
      </c>
      <c r="E3732" s="1" t="s">
        <v>12997</v>
      </c>
      <c r="F3732" s="1" t="s">
        <v>27</v>
      </c>
      <c r="G3732" s="1" t="s">
        <v>10</v>
      </c>
      <c r="H3732" s="1" t="s">
        <v>905</v>
      </c>
      <c r="I3732" s="1" t="s">
        <v>12117</v>
      </c>
      <c r="J3732" s="1" t="s">
        <v>12283</v>
      </c>
      <c r="K3732" s="1" t="s">
        <v>244</v>
      </c>
      <c r="L3732" s="1" t="s">
        <v>12994</v>
      </c>
      <c r="M3732" s="1" t="s">
        <v>5</v>
      </c>
      <c r="N3732" s="1" t="s">
        <v>1009</v>
      </c>
      <c r="O3732" s="1" t="s">
        <v>8</v>
      </c>
      <c r="P3732" s="5" t="s">
        <v>31574</v>
      </c>
    </row>
    <row r="3733" spans="1:16" x14ac:dyDescent="0.2">
      <c r="A3733" s="1" t="s">
        <v>66</v>
      </c>
      <c r="B3733" s="1" t="s">
        <v>1812</v>
      </c>
      <c r="C3733" s="1" t="s">
        <v>12999</v>
      </c>
      <c r="D3733" s="1" t="s">
        <v>13000</v>
      </c>
      <c r="E3733" s="1" t="s">
        <v>13002</v>
      </c>
      <c r="F3733" s="1" t="s">
        <v>10</v>
      </c>
      <c r="G3733" s="1" t="s">
        <v>10</v>
      </c>
      <c r="H3733" s="1" t="s">
        <v>10</v>
      </c>
      <c r="I3733" s="1" t="s">
        <v>12117</v>
      </c>
      <c r="J3733" s="1" t="s">
        <v>13001</v>
      </c>
      <c r="K3733" s="1" t="s">
        <v>27</v>
      </c>
      <c r="L3733" s="1" t="s">
        <v>12998</v>
      </c>
      <c r="M3733" s="1" t="s">
        <v>5</v>
      </c>
      <c r="N3733" s="1" t="s">
        <v>1009</v>
      </c>
      <c r="O3733" s="1" t="s">
        <v>38</v>
      </c>
      <c r="P3733" s="5" t="s">
        <v>31575</v>
      </c>
    </row>
    <row r="3734" spans="1:16" x14ac:dyDescent="0.2">
      <c r="A3734" s="1" t="s">
        <v>42</v>
      </c>
      <c r="B3734" s="1" t="s">
        <v>50</v>
      </c>
      <c r="C3734" s="1" t="s">
        <v>13005</v>
      </c>
      <c r="D3734" s="1" t="s">
        <v>13006</v>
      </c>
      <c r="E3734" s="1" t="s">
        <v>13007</v>
      </c>
      <c r="F3734" s="1" t="s">
        <v>10</v>
      </c>
      <c r="G3734" s="1" t="s">
        <v>10</v>
      </c>
      <c r="H3734" s="1" t="s">
        <v>10</v>
      </c>
      <c r="I3734" s="1" t="s">
        <v>12117</v>
      </c>
      <c r="J3734" s="1" t="s">
        <v>19</v>
      </c>
      <c r="K3734" s="1" t="s">
        <v>47</v>
      </c>
      <c r="L3734" s="1" t="s">
        <v>13004</v>
      </c>
      <c r="M3734" s="1" t="s">
        <v>5</v>
      </c>
      <c r="N3734" s="1" t="s">
        <v>1009</v>
      </c>
      <c r="O3734" s="1" t="s">
        <v>38</v>
      </c>
      <c r="P3734" s="5" t="s">
        <v>31576</v>
      </c>
    </row>
    <row r="3735" spans="1:16" x14ac:dyDescent="0.2">
      <c r="A3735" s="1" t="s">
        <v>42</v>
      </c>
      <c r="B3735" s="1" t="s">
        <v>43</v>
      </c>
      <c r="C3735" s="1" t="s">
        <v>13009</v>
      </c>
      <c r="D3735" s="1" t="s">
        <v>13009</v>
      </c>
      <c r="E3735" s="1" t="s">
        <v>13010</v>
      </c>
      <c r="F3735" s="1" t="s">
        <v>27</v>
      </c>
      <c r="G3735" s="1" t="s">
        <v>10</v>
      </c>
      <c r="H3735" s="1" t="s">
        <v>3862</v>
      </c>
      <c r="I3735" s="1" t="s">
        <v>12117</v>
      </c>
      <c r="J3735" s="1" t="s">
        <v>19</v>
      </c>
      <c r="K3735" s="1" t="s">
        <v>37</v>
      </c>
      <c r="L3735" s="1" t="s">
        <v>13008</v>
      </c>
      <c r="M3735" s="1" t="s">
        <v>5</v>
      </c>
      <c r="N3735" s="1" t="s">
        <v>1009</v>
      </c>
      <c r="O3735" s="1" t="s">
        <v>8</v>
      </c>
      <c r="P3735" s="5" t="s">
        <v>31577</v>
      </c>
    </row>
    <row r="3736" spans="1:16" x14ac:dyDescent="0.2">
      <c r="A3736" s="1" t="s">
        <v>20</v>
      </c>
      <c r="B3736" s="1" t="s">
        <v>445</v>
      </c>
      <c r="C3736" s="1" t="s">
        <v>13012</v>
      </c>
      <c r="D3736" s="1" t="s">
        <v>13013</v>
      </c>
      <c r="E3736" s="1" t="s">
        <v>13014</v>
      </c>
      <c r="F3736" s="1" t="s">
        <v>10</v>
      </c>
      <c r="G3736" s="1" t="s">
        <v>10</v>
      </c>
      <c r="H3736" s="1" t="s">
        <v>10</v>
      </c>
      <c r="I3736" s="1" t="s">
        <v>12117</v>
      </c>
      <c r="J3736" s="1" t="s">
        <v>12682</v>
      </c>
      <c r="K3736" s="1" t="s">
        <v>27</v>
      </c>
      <c r="L3736" s="1" t="s">
        <v>13011</v>
      </c>
      <c r="M3736" s="1" t="s">
        <v>5</v>
      </c>
      <c r="N3736" s="1" t="s">
        <v>1009</v>
      </c>
      <c r="O3736" s="1" t="s">
        <v>38</v>
      </c>
      <c r="P3736" s="5" t="s">
        <v>31578</v>
      </c>
    </row>
    <row r="3737" spans="1:16" ht="38.25" x14ac:dyDescent="0.2">
      <c r="A3737" s="1" t="s">
        <v>20</v>
      </c>
      <c r="B3737" s="1" t="s">
        <v>445</v>
      </c>
      <c r="C3737" s="1" t="s">
        <v>13016</v>
      </c>
      <c r="D3737" s="1" t="s">
        <v>13017</v>
      </c>
      <c r="E3737" s="1"/>
      <c r="F3737" s="1" t="s">
        <v>10</v>
      </c>
      <c r="G3737" s="1" t="s">
        <v>10</v>
      </c>
      <c r="H3737" s="1" t="s">
        <v>10</v>
      </c>
      <c r="I3737" s="1" t="s">
        <v>12117</v>
      </c>
      <c r="J3737" s="1" t="s">
        <v>12148</v>
      </c>
      <c r="K3737" s="1" t="s">
        <v>27</v>
      </c>
      <c r="L3737" s="1" t="s">
        <v>13015</v>
      </c>
      <c r="M3737" s="1" t="s">
        <v>5</v>
      </c>
      <c r="N3737" s="1" t="s">
        <v>25</v>
      </c>
      <c r="O3737" s="1" t="s">
        <v>38</v>
      </c>
      <c r="P3737" s="9" t="s">
        <v>31579</v>
      </c>
    </row>
    <row r="3738" spans="1:16" x14ac:dyDescent="0.2">
      <c r="A3738" s="1" t="s">
        <v>20</v>
      </c>
      <c r="B3738" s="1" t="s">
        <v>445</v>
      </c>
      <c r="C3738" s="1" t="s">
        <v>13019</v>
      </c>
      <c r="D3738" s="1" t="s">
        <v>13020</v>
      </c>
      <c r="E3738" s="1"/>
      <c r="F3738" s="1" t="s">
        <v>10</v>
      </c>
      <c r="G3738" s="1" t="s">
        <v>10</v>
      </c>
      <c r="H3738" s="1" t="s">
        <v>10</v>
      </c>
      <c r="I3738" s="1" t="s">
        <v>12117</v>
      </c>
      <c r="J3738" s="1" t="s">
        <v>12358</v>
      </c>
      <c r="K3738" s="1" t="s">
        <v>27</v>
      </c>
      <c r="L3738" s="1" t="s">
        <v>13018</v>
      </c>
      <c r="M3738" s="1" t="s">
        <v>5</v>
      </c>
      <c r="N3738" s="1" t="s">
        <v>1009</v>
      </c>
      <c r="O3738" s="1" t="s">
        <v>38</v>
      </c>
      <c r="P3738" s="5" t="s">
        <v>31580</v>
      </c>
    </row>
    <row r="3739" spans="1:16" x14ac:dyDescent="0.2">
      <c r="A3739" s="1" t="s">
        <v>20</v>
      </c>
      <c r="B3739" s="1" t="s">
        <v>445</v>
      </c>
      <c r="C3739" s="1" t="s">
        <v>13022</v>
      </c>
      <c r="D3739" s="1" t="s">
        <v>13023</v>
      </c>
      <c r="E3739" s="1"/>
      <c r="F3739" s="1" t="s">
        <v>10</v>
      </c>
      <c r="G3739" s="1" t="s">
        <v>10</v>
      </c>
      <c r="H3739" s="1" t="s">
        <v>10</v>
      </c>
      <c r="I3739" s="1" t="s">
        <v>12117</v>
      </c>
      <c r="J3739" s="1" t="s">
        <v>12148</v>
      </c>
      <c r="K3739" s="1" t="s">
        <v>27</v>
      </c>
      <c r="L3739" s="1" t="s">
        <v>13021</v>
      </c>
      <c r="M3739" s="1" t="s">
        <v>5</v>
      </c>
      <c r="N3739" s="1" t="s">
        <v>1009</v>
      </c>
      <c r="O3739" s="1" t="s">
        <v>38</v>
      </c>
      <c r="P3739" s="5" t="s">
        <v>31581</v>
      </c>
    </row>
    <row r="3740" spans="1:16" x14ac:dyDescent="0.2">
      <c r="A3740" s="1" t="s">
        <v>20</v>
      </c>
      <c r="B3740" s="1" t="s">
        <v>445</v>
      </c>
      <c r="C3740" s="1" t="s">
        <v>13025</v>
      </c>
      <c r="D3740" s="1" t="s">
        <v>13026</v>
      </c>
      <c r="E3740" s="1" t="s">
        <v>13027</v>
      </c>
      <c r="F3740" s="1" t="s">
        <v>10</v>
      </c>
      <c r="G3740" s="1" t="s">
        <v>10</v>
      </c>
      <c r="H3740" s="1" t="s">
        <v>10</v>
      </c>
      <c r="I3740" s="1" t="s">
        <v>12117</v>
      </c>
      <c r="J3740" s="1" t="s">
        <v>12148</v>
      </c>
      <c r="K3740" s="1" t="s">
        <v>27</v>
      </c>
      <c r="L3740" s="1" t="s">
        <v>13024</v>
      </c>
      <c r="M3740" s="1" t="s">
        <v>5</v>
      </c>
      <c r="N3740" s="1" t="s">
        <v>25</v>
      </c>
      <c r="O3740" s="1" t="s">
        <v>38</v>
      </c>
      <c r="P3740" s="5" t="s">
        <v>31523</v>
      </c>
    </row>
    <row r="3741" spans="1:16" x14ac:dyDescent="0.2">
      <c r="A3741" s="1" t="s">
        <v>20</v>
      </c>
      <c r="B3741" s="1" t="s">
        <v>445</v>
      </c>
      <c r="C3741" s="1" t="s">
        <v>13029</v>
      </c>
      <c r="D3741" s="1" t="s">
        <v>13030</v>
      </c>
      <c r="E3741" s="1" t="s">
        <v>13031</v>
      </c>
      <c r="F3741" s="1" t="s">
        <v>10</v>
      </c>
      <c r="G3741" s="1" t="s">
        <v>10</v>
      </c>
      <c r="H3741" s="1" t="s">
        <v>10</v>
      </c>
      <c r="I3741" s="1" t="s">
        <v>12117</v>
      </c>
      <c r="J3741" s="1" t="s">
        <v>12148</v>
      </c>
      <c r="K3741" s="1" t="s">
        <v>27</v>
      </c>
      <c r="L3741" s="1" t="s">
        <v>13028</v>
      </c>
      <c r="M3741" s="1" t="s">
        <v>5</v>
      </c>
      <c r="N3741" s="1" t="s">
        <v>1009</v>
      </c>
      <c r="O3741" s="1" t="s">
        <v>38</v>
      </c>
      <c r="P3741" s="5" t="s">
        <v>31489</v>
      </c>
    </row>
    <row r="3742" spans="1:16" x14ac:dyDescent="0.2">
      <c r="A3742" s="1" t="s">
        <v>20</v>
      </c>
      <c r="B3742" s="1" t="s">
        <v>445</v>
      </c>
      <c r="C3742" s="1" t="s">
        <v>13033</v>
      </c>
      <c r="D3742" s="1" t="s">
        <v>13034</v>
      </c>
      <c r="E3742" s="1" t="s">
        <v>13035</v>
      </c>
      <c r="F3742" s="1" t="s">
        <v>10</v>
      </c>
      <c r="G3742" s="1" t="s">
        <v>10</v>
      </c>
      <c r="H3742" s="1" t="s">
        <v>10</v>
      </c>
      <c r="I3742" s="1" t="s">
        <v>12117</v>
      </c>
      <c r="J3742" s="1" t="s">
        <v>12358</v>
      </c>
      <c r="K3742" s="1" t="s">
        <v>27</v>
      </c>
      <c r="L3742" s="1" t="s">
        <v>13032</v>
      </c>
      <c r="M3742" s="1" t="s">
        <v>5</v>
      </c>
      <c r="N3742" s="1" t="s">
        <v>1009</v>
      </c>
      <c r="O3742" s="1" t="s">
        <v>38</v>
      </c>
      <c r="P3742" s="5" t="s">
        <v>31582</v>
      </c>
    </row>
    <row r="3743" spans="1:16" x14ac:dyDescent="0.2">
      <c r="A3743" s="1" t="s">
        <v>20</v>
      </c>
      <c r="B3743" s="1" t="s">
        <v>445</v>
      </c>
      <c r="C3743" s="1" t="s">
        <v>13037</v>
      </c>
      <c r="D3743" s="1" t="s">
        <v>13038</v>
      </c>
      <c r="E3743" s="1" t="s">
        <v>13039</v>
      </c>
      <c r="F3743" s="1" t="s">
        <v>10</v>
      </c>
      <c r="G3743" s="1" t="s">
        <v>10</v>
      </c>
      <c r="H3743" s="1" t="s">
        <v>10</v>
      </c>
      <c r="I3743" s="1" t="s">
        <v>12117</v>
      </c>
      <c r="J3743" s="1" t="s">
        <v>12148</v>
      </c>
      <c r="K3743" s="1" t="s">
        <v>27</v>
      </c>
      <c r="L3743" s="1" t="s">
        <v>13036</v>
      </c>
      <c r="M3743" s="1" t="s">
        <v>5</v>
      </c>
      <c r="N3743" s="1" t="s">
        <v>25</v>
      </c>
      <c r="O3743" s="1" t="s">
        <v>38</v>
      </c>
      <c r="P3743" s="5" t="s">
        <v>31523</v>
      </c>
    </row>
    <row r="3744" spans="1:16" x14ac:dyDescent="0.2">
      <c r="A3744" s="1" t="s">
        <v>20</v>
      </c>
      <c r="B3744" s="1" t="s">
        <v>445</v>
      </c>
      <c r="C3744" s="1" t="s">
        <v>13041</v>
      </c>
      <c r="D3744" s="1" t="s">
        <v>13042</v>
      </c>
      <c r="E3744" s="1" t="s">
        <v>13043</v>
      </c>
      <c r="F3744" s="1" t="s">
        <v>10</v>
      </c>
      <c r="G3744" s="1" t="s">
        <v>10</v>
      </c>
      <c r="H3744" s="1" t="s">
        <v>10</v>
      </c>
      <c r="I3744" s="1" t="s">
        <v>12117</v>
      </c>
      <c r="J3744" s="1" t="s">
        <v>12148</v>
      </c>
      <c r="K3744" s="1" t="s">
        <v>27</v>
      </c>
      <c r="L3744" s="1" t="s">
        <v>13040</v>
      </c>
      <c r="M3744" s="1" t="s">
        <v>5</v>
      </c>
      <c r="N3744" s="1" t="s">
        <v>25</v>
      </c>
      <c r="O3744" s="1" t="s">
        <v>38</v>
      </c>
      <c r="P3744" s="5" t="s">
        <v>31523</v>
      </c>
    </row>
    <row r="3745" spans="1:16" x14ac:dyDescent="0.2">
      <c r="A3745" s="1" t="s">
        <v>66</v>
      </c>
      <c r="B3745" s="1" t="s">
        <v>1127</v>
      </c>
      <c r="C3745" s="1" t="s">
        <v>13045</v>
      </c>
      <c r="D3745" s="1" t="s">
        <v>13046</v>
      </c>
      <c r="E3745" s="1"/>
      <c r="F3745" s="1" t="s">
        <v>10</v>
      </c>
      <c r="G3745" s="1" t="s">
        <v>10</v>
      </c>
      <c r="H3745" s="1" t="s">
        <v>10</v>
      </c>
      <c r="I3745" s="1" t="s">
        <v>12117</v>
      </c>
      <c r="J3745" s="1" t="s">
        <v>12148</v>
      </c>
      <c r="K3745" s="1" t="s">
        <v>27</v>
      </c>
      <c r="L3745" s="1" t="s">
        <v>13044</v>
      </c>
      <c r="M3745" s="1" t="s">
        <v>5</v>
      </c>
      <c r="N3745" s="1" t="s">
        <v>25</v>
      </c>
      <c r="O3745" s="1" t="s">
        <v>38</v>
      </c>
      <c r="P3745" s="5" t="s">
        <v>31583</v>
      </c>
    </row>
    <row r="3746" spans="1:16" x14ac:dyDescent="0.2">
      <c r="A3746" s="1" t="s">
        <v>20</v>
      </c>
      <c r="B3746" s="1" t="s">
        <v>445</v>
      </c>
      <c r="C3746" s="1" t="s">
        <v>13048</v>
      </c>
      <c r="D3746" s="1" t="s">
        <v>13049</v>
      </c>
      <c r="E3746" s="1"/>
      <c r="F3746" s="1" t="s">
        <v>10</v>
      </c>
      <c r="G3746" s="1" t="s">
        <v>10</v>
      </c>
      <c r="H3746" s="1" t="s">
        <v>10</v>
      </c>
      <c r="I3746" s="1" t="s">
        <v>12117</v>
      </c>
      <c r="J3746" s="1" t="s">
        <v>12148</v>
      </c>
      <c r="K3746" s="1" t="s">
        <v>27</v>
      </c>
      <c r="L3746" s="1" t="s">
        <v>13047</v>
      </c>
      <c r="M3746" s="1" t="s">
        <v>5</v>
      </c>
      <c r="N3746" s="1" t="s">
        <v>25</v>
      </c>
      <c r="O3746" s="1" t="s">
        <v>38</v>
      </c>
      <c r="P3746" s="5" t="s">
        <v>31584</v>
      </c>
    </row>
    <row r="3747" spans="1:16" x14ac:dyDescent="0.2">
      <c r="A3747" s="1" t="s">
        <v>20</v>
      </c>
      <c r="B3747" s="1" t="s">
        <v>445</v>
      </c>
      <c r="C3747" s="1" t="s">
        <v>13051</v>
      </c>
      <c r="D3747" s="1" t="s">
        <v>13052</v>
      </c>
      <c r="E3747" s="1" t="s">
        <v>13053</v>
      </c>
      <c r="F3747" s="1" t="s">
        <v>10</v>
      </c>
      <c r="G3747" s="1" t="s">
        <v>10</v>
      </c>
      <c r="H3747" s="1" t="s">
        <v>10</v>
      </c>
      <c r="I3747" s="1" t="s">
        <v>12117</v>
      </c>
      <c r="J3747" s="1" t="s">
        <v>12148</v>
      </c>
      <c r="K3747" s="1" t="s">
        <v>27</v>
      </c>
      <c r="L3747" s="1" t="s">
        <v>13050</v>
      </c>
      <c r="M3747" s="1" t="s">
        <v>5</v>
      </c>
      <c r="N3747" s="1" t="s">
        <v>25</v>
      </c>
      <c r="O3747" s="1" t="s">
        <v>38</v>
      </c>
      <c r="P3747" s="5" t="s">
        <v>31523</v>
      </c>
    </row>
    <row r="3748" spans="1:16" x14ac:dyDescent="0.2">
      <c r="A3748" s="1" t="s">
        <v>20</v>
      </c>
      <c r="B3748" s="1" t="s">
        <v>310</v>
      </c>
      <c r="C3748" s="1" t="s">
        <v>13055</v>
      </c>
      <c r="D3748" s="1" t="s">
        <v>13056</v>
      </c>
      <c r="E3748" s="1" t="s">
        <v>13057</v>
      </c>
      <c r="F3748" s="1" t="s">
        <v>10</v>
      </c>
      <c r="G3748" s="1" t="s">
        <v>10</v>
      </c>
      <c r="H3748" s="1" t="s">
        <v>10</v>
      </c>
      <c r="I3748" s="1" t="s">
        <v>12117</v>
      </c>
      <c r="J3748" s="1" t="s">
        <v>19</v>
      </c>
      <c r="K3748" s="1" t="s">
        <v>100</v>
      </c>
      <c r="L3748" s="1" t="s">
        <v>13054</v>
      </c>
      <c r="M3748" s="1" t="s">
        <v>5</v>
      </c>
      <c r="N3748" s="1" t="s">
        <v>25</v>
      </c>
      <c r="O3748" s="1" t="s">
        <v>38</v>
      </c>
      <c r="P3748" s="5" t="s">
        <v>31566</v>
      </c>
    </row>
    <row r="3749" spans="1:16" x14ac:dyDescent="0.2">
      <c r="A3749" s="1" t="s">
        <v>20</v>
      </c>
      <c r="B3749" s="1" t="s">
        <v>310</v>
      </c>
      <c r="C3749" s="1" t="s">
        <v>13059</v>
      </c>
      <c r="D3749" s="1" t="s">
        <v>13060</v>
      </c>
      <c r="E3749" s="1" t="s">
        <v>13061</v>
      </c>
      <c r="F3749" s="1" t="s">
        <v>10</v>
      </c>
      <c r="G3749" s="1" t="s">
        <v>10</v>
      </c>
      <c r="H3749" s="1" t="s">
        <v>10</v>
      </c>
      <c r="I3749" s="1" t="s">
        <v>12117</v>
      </c>
      <c r="J3749" s="1" t="s">
        <v>19</v>
      </c>
      <c r="K3749" s="1" t="s">
        <v>100</v>
      </c>
      <c r="L3749" s="1" t="s">
        <v>13058</v>
      </c>
      <c r="M3749" s="1" t="s">
        <v>5</v>
      </c>
      <c r="N3749" s="1" t="s">
        <v>25</v>
      </c>
      <c r="O3749" s="1" t="s">
        <v>38</v>
      </c>
      <c r="P3749" s="5" t="s">
        <v>31537</v>
      </c>
    </row>
    <row r="3750" spans="1:16" x14ac:dyDescent="0.2">
      <c r="A3750" s="1" t="s">
        <v>20</v>
      </c>
      <c r="B3750" s="1" t="s">
        <v>445</v>
      </c>
      <c r="C3750" s="1" t="s">
        <v>13063</v>
      </c>
      <c r="D3750" s="1" t="s">
        <v>13064</v>
      </c>
      <c r="E3750" s="1" t="s">
        <v>13065</v>
      </c>
      <c r="F3750" s="1" t="s">
        <v>10</v>
      </c>
      <c r="G3750" s="1" t="s">
        <v>10</v>
      </c>
      <c r="H3750" s="1" t="s">
        <v>10</v>
      </c>
      <c r="I3750" s="1" t="s">
        <v>12117</v>
      </c>
      <c r="J3750" s="1" t="s">
        <v>12283</v>
      </c>
      <c r="K3750" s="1" t="s">
        <v>130</v>
      </c>
      <c r="L3750" s="1" t="s">
        <v>13062</v>
      </c>
      <c r="M3750" s="1" t="s">
        <v>5</v>
      </c>
      <c r="N3750" s="1" t="s">
        <v>25</v>
      </c>
      <c r="O3750" s="1" t="s">
        <v>38</v>
      </c>
      <c r="P3750" s="5" t="s">
        <v>31585</v>
      </c>
    </row>
    <row r="3751" spans="1:16" x14ac:dyDescent="0.2">
      <c r="A3751" s="1" t="s">
        <v>10</v>
      </c>
      <c r="B3751" s="1" t="s">
        <v>10</v>
      </c>
      <c r="C3751" s="1" t="s">
        <v>13059</v>
      </c>
      <c r="D3751" s="1" t="s">
        <v>13067</v>
      </c>
      <c r="E3751" s="1" t="s">
        <v>13068</v>
      </c>
      <c r="F3751" s="1" t="s">
        <v>10</v>
      </c>
      <c r="G3751" s="1" t="s">
        <v>10</v>
      </c>
      <c r="H3751" s="1" t="s">
        <v>10</v>
      </c>
      <c r="I3751" s="1" t="s">
        <v>12117</v>
      </c>
      <c r="J3751" s="1" t="s">
        <v>10</v>
      </c>
      <c r="K3751" s="1" t="s">
        <v>10</v>
      </c>
      <c r="L3751" s="1" t="s">
        <v>13066</v>
      </c>
      <c r="M3751" s="1" t="s">
        <v>5</v>
      </c>
      <c r="N3751" s="1" t="s">
        <v>10</v>
      </c>
      <c r="O3751" s="1" t="s">
        <v>38</v>
      </c>
      <c r="P3751" s="5" t="s">
        <v>32769</v>
      </c>
    </row>
    <row r="3752" spans="1:16" x14ac:dyDescent="0.2">
      <c r="A3752" s="1" t="s">
        <v>20</v>
      </c>
      <c r="B3752" s="1" t="s">
        <v>445</v>
      </c>
      <c r="C3752" s="1" t="s">
        <v>13070</v>
      </c>
      <c r="D3752" s="1" t="s">
        <v>13071</v>
      </c>
      <c r="E3752" s="1"/>
      <c r="F3752" s="1" t="s">
        <v>10</v>
      </c>
      <c r="G3752" s="1" t="s">
        <v>10</v>
      </c>
      <c r="H3752" s="1" t="s">
        <v>10</v>
      </c>
      <c r="I3752" s="1" t="s">
        <v>12117</v>
      </c>
      <c r="J3752" s="1" t="s">
        <v>12148</v>
      </c>
      <c r="K3752" s="1" t="s">
        <v>27</v>
      </c>
      <c r="L3752" s="1" t="s">
        <v>13069</v>
      </c>
      <c r="M3752" s="1" t="s">
        <v>5</v>
      </c>
      <c r="N3752" s="1" t="s">
        <v>1009</v>
      </c>
      <c r="O3752" s="1" t="s">
        <v>38</v>
      </c>
      <c r="P3752" s="5" t="s">
        <v>31586</v>
      </c>
    </row>
    <row r="3753" spans="1:16" x14ac:dyDescent="0.2">
      <c r="A3753" s="1" t="s">
        <v>20</v>
      </c>
      <c r="B3753" s="1" t="s">
        <v>445</v>
      </c>
      <c r="C3753" s="1" t="s">
        <v>13073</v>
      </c>
      <c r="D3753" s="1" t="s">
        <v>13074</v>
      </c>
      <c r="E3753" s="1" t="s">
        <v>13075</v>
      </c>
      <c r="F3753" s="1" t="s">
        <v>10</v>
      </c>
      <c r="G3753" s="1" t="s">
        <v>10</v>
      </c>
      <c r="H3753" s="1" t="s">
        <v>10</v>
      </c>
      <c r="I3753" s="1" t="s">
        <v>12117</v>
      </c>
      <c r="J3753" s="1" t="s">
        <v>12148</v>
      </c>
      <c r="K3753" s="1" t="s">
        <v>27</v>
      </c>
      <c r="L3753" s="1" t="s">
        <v>13072</v>
      </c>
      <c r="M3753" s="1" t="s">
        <v>5</v>
      </c>
      <c r="N3753" s="1" t="s">
        <v>1009</v>
      </c>
      <c r="O3753" s="1" t="s">
        <v>38</v>
      </c>
      <c r="P3753" s="5" t="s">
        <v>31587</v>
      </c>
    </row>
    <row r="3754" spans="1:16" x14ac:dyDescent="0.2">
      <c r="A3754" s="1" t="s">
        <v>194</v>
      </c>
      <c r="B3754" s="1" t="s">
        <v>195</v>
      </c>
      <c r="C3754" s="1" t="s">
        <v>12533</v>
      </c>
      <c r="D3754" s="1" t="s">
        <v>12533</v>
      </c>
      <c r="E3754" s="1" t="s">
        <v>13077</v>
      </c>
      <c r="F3754" s="1" t="s">
        <v>27</v>
      </c>
      <c r="G3754" s="1" t="s">
        <v>10</v>
      </c>
      <c r="H3754" s="1" t="s">
        <v>13078</v>
      </c>
      <c r="I3754" s="1" t="s">
        <v>12117</v>
      </c>
      <c r="J3754" s="1" t="s">
        <v>12188</v>
      </c>
      <c r="K3754" s="1" t="s">
        <v>27</v>
      </c>
      <c r="L3754" s="1" t="s">
        <v>13076</v>
      </c>
      <c r="M3754" s="1" t="s">
        <v>5</v>
      </c>
      <c r="N3754" s="1" t="s">
        <v>1009</v>
      </c>
      <c r="O3754" s="1" t="s">
        <v>8</v>
      </c>
      <c r="P3754" s="5" t="s">
        <v>31588</v>
      </c>
    </row>
    <row r="3755" spans="1:16" x14ac:dyDescent="0.2">
      <c r="A3755" s="1" t="s">
        <v>194</v>
      </c>
      <c r="B3755" s="1" t="s">
        <v>4492</v>
      </c>
      <c r="C3755" s="1" t="s">
        <v>13080</v>
      </c>
      <c r="D3755" s="1" t="s">
        <v>13080</v>
      </c>
      <c r="E3755" s="1" t="s">
        <v>13082</v>
      </c>
      <c r="F3755" s="1" t="s">
        <v>474</v>
      </c>
      <c r="G3755" s="1" t="s">
        <v>10</v>
      </c>
      <c r="H3755" s="1" t="s">
        <v>10</v>
      </c>
      <c r="I3755" s="1" t="s">
        <v>12117</v>
      </c>
      <c r="J3755" s="1" t="s">
        <v>19</v>
      </c>
      <c r="K3755" s="1" t="s">
        <v>13081</v>
      </c>
      <c r="L3755" s="1" t="s">
        <v>13079</v>
      </c>
      <c r="M3755" s="1" t="s">
        <v>5</v>
      </c>
      <c r="N3755" s="1" t="s">
        <v>25</v>
      </c>
      <c r="O3755" s="1" t="s">
        <v>38</v>
      </c>
      <c r="P3755" s="5" t="s">
        <v>31589</v>
      </c>
    </row>
    <row r="3756" spans="1:16" x14ac:dyDescent="0.2">
      <c r="A3756" s="1" t="s">
        <v>20</v>
      </c>
      <c r="B3756" s="1" t="s">
        <v>4373</v>
      </c>
      <c r="C3756" s="1" t="s">
        <v>13084</v>
      </c>
      <c r="D3756" s="1" t="s">
        <v>13085</v>
      </c>
      <c r="E3756" s="1" t="s">
        <v>13086</v>
      </c>
      <c r="F3756" s="1" t="s">
        <v>10</v>
      </c>
      <c r="G3756" s="1" t="s">
        <v>10</v>
      </c>
      <c r="H3756" s="1" t="s">
        <v>10</v>
      </c>
      <c r="I3756" s="1" t="s">
        <v>12117</v>
      </c>
      <c r="J3756" s="1" t="s">
        <v>19</v>
      </c>
      <c r="K3756" s="1" t="s">
        <v>7</v>
      </c>
      <c r="L3756" s="1" t="s">
        <v>13083</v>
      </c>
      <c r="M3756" s="1" t="s">
        <v>5</v>
      </c>
      <c r="N3756" s="1" t="s">
        <v>1009</v>
      </c>
      <c r="O3756" s="1" t="s">
        <v>38</v>
      </c>
      <c r="P3756" s="5" t="s">
        <v>31590</v>
      </c>
    </row>
    <row r="3757" spans="1:16" x14ac:dyDescent="0.2">
      <c r="A3757" s="1" t="s">
        <v>42</v>
      </c>
      <c r="B3757" s="1" t="s">
        <v>118</v>
      </c>
      <c r="C3757" s="1" t="s">
        <v>13088</v>
      </c>
      <c r="D3757" s="1" t="s">
        <v>13089</v>
      </c>
      <c r="E3757" s="1" t="s">
        <v>13090</v>
      </c>
      <c r="F3757" s="1" t="s">
        <v>10</v>
      </c>
      <c r="G3757" s="1" t="s">
        <v>10</v>
      </c>
      <c r="H3757" s="1" t="s">
        <v>10</v>
      </c>
      <c r="I3757" s="1" t="s">
        <v>12117</v>
      </c>
      <c r="J3757" s="1" t="s">
        <v>19</v>
      </c>
      <c r="K3757" s="1" t="s">
        <v>113</v>
      </c>
      <c r="L3757" s="1" t="s">
        <v>13087</v>
      </c>
      <c r="M3757" s="1" t="s">
        <v>5</v>
      </c>
      <c r="N3757" s="1" t="s">
        <v>1009</v>
      </c>
      <c r="O3757" s="1" t="s">
        <v>38</v>
      </c>
      <c r="P3757" s="5" t="s">
        <v>30354</v>
      </c>
    </row>
    <row r="3758" spans="1:16" x14ac:dyDescent="0.2">
      <c r="A3758" s="1" t="s">
        <v>42</v>
      </c>
      <c r="B3758" s="1" t="s">
        <v>43</v>
      </c>
      <c r="C3758" s="1" t="s">
        <v>13092</v>
      </c>
      <c r="D3758" s="1" t="s">
        <v>13093</v>
      </c>
      <c r="E3758" s="1" t="s">
        <v>13094</v>
      </c>
      <c r="F3758" s="1" t="s">
        <v>10</v>
      </c>
      <c r="G3758" s="1" t="s">
        <v>10</v>
      </c>
      <c r="H3758" s="1" t="s">
        <v>10</v>
      </c>
      <c r="I3758" s="1" t="s">
        <v>12117</v>
      </c>
      <c r="J3758" s="1" t="s">
        <v>19</v>
      </c>
      <c r="K3758" s="1" t="s">
        <v>37</v>
      </c>
      <c r="L3758" s="1" t="s">
        <v>13091</v>
      </c>
      <c r="M3758" s="1" t="s">
        <v>5</v>
      </c>
      <c r="N3758" s="1" t="s">
        <v>1009</v>
      </c>
      <c r="O3758" s="1" t="s">
        <v>38</v>
      </c>
      <c r="P3758" s="5" t="s">
        <v>31591</v>
      </c>
    </row>
    <row r="3759" spans="1:16" x14ac:dyDescent="0.2">
      <c r="A3759" s="1" t="s">
        <v>194</v>
      </c>
      <c r="B3759" s="1" t="s">
        <v>4492</v>
      </c>
      <c r="C3759" s="1" t="s">
        <v>13096</v>
      </c>
      <c r="D3759" s="1" t="s">
        <v>13097</v>
      </c>
      <c r="E3759" s="1" t="s">
        <v>13098</v>
      </c>
      <c r="F3759" s="1" t="s">
        <v>27</v>
      </c>
      <c r="G3759" s="1" t="s">
        <v>10</v>
      </c>
      <c r="H3759" s="1" t="s">
        <v>13099</v>
      </c>
      <c r="I3759" s="1" t="s">
        <v>12117</v>
      </c>
      <c r="J3759" s="1" t="s">
        <v>19</v>
      </c>
      <c r="K3759" s="1" t="s">
        <v>64</v>
      </c>
      <c r="L3759" s="1" t="s">
        <v>13095</v>
      </c>
      <c r="M3759" s="1" t="s">
        <v>5</v>
      </c>
      <c r="N3759" s="1" t="s">
        <v>10</v>
      </c>
      <c r="O3759" s="1" t="s">
        <v>8</v>
      </c>
      <c r="P3759" s="5" t="s">
        <v>32770</v>
      </c>
    </row>
    <row r="3760" spans="1:16" x14ac:dyDescent="0.2">
      <c r="A3760" s="1" t="s">
        <v>20</v>
      </c>
      <c r="B3760" s="1" t="s">
        <v>445</v>
      </c>
      <c r="C3760" s="1" t="s">
        <v>13101</v>
      </c>
      <c r="D3760" s="1" t="s">
        <v>13102</v>
      </c>
      <c r="E3760" s="1"/>
      <c r="F3760" s="1" t="s">
        <v>10</v>
      </c>
      <c r="G3760" s="1" t="s">
        <v>10</v>
      </c>
      <c r="H3760" s="1" t="s">
        <v>10</v>
      </c>
      <c r="I3760" s="1" t="s">
        <v>12117</v>
      </c>
      <c r="J3760" s="1" t="s">
        <v>12148</v>
      </c>
      <c r="K3760" s="1" t="s">
        <v>27</v>
      </c>
      <c r="L3760" s="1" t="s">
        <v>13100</v>
      </c>
      <c r="M3760" s="1" t="s">
        <v>5</v>
      </c>
      <c r="N3760" s="1" t="s">
        <v>25</v>
      </c>
      <c r="O3760" s="1" t="s">
        <v>38</v>
      </c>
      <c r="P3760" s="5" t="s">
        <v>31592</v>
      </c>
    </row>
    <row r="3761" spans="1:16" x14ac:dyDescent="0.2">
      <c r="A3761" s="1" t="s">
        <v>10</v>
      </c>
      <c r="B3761" s="1" t="s">
        <v>10</v>
      </c>
      <c r="C3761" s="1" t="s">
        <v>13096</v>
      </c>
      <c r="D3761" s="1" t="s">
        <v>13104</v>
      </c>
      <c r="E3761" s="1"/>
      <c r="F3761" s="1" t="s">
        <v>10</v>
      </c>
      <c r="G3761" s="1" t="s">
        <v>10</v>
      </c>
      <c r="H3761" s="1" t="s">
        <v>10</v>
      </c>
      <c r="I3761" s="1" t="s">
        <v>12117</v>
      </c>
      <c r="J3761" s="1" t="s">
        <v>10</v>
      </c>
      <c r="K3761" s="1" t="s">
        <v>10</v>
      </c>
      <c r="L3761" s="1" t="s">
        <v>13103</v>
      </c>
      <c r="M3761" s="1" t="s">
        <v>5</v>
      </c>
      <c r="N3761" s="1" t="s">
        <v>10</v>
      </c>
      <c r="O3761" s="1" t="s">
        <v>38</v>
      </c>
      <c r="P3761" s="5"/>
    </row>
    <row r="3762" spans="1:16" x14ac:dyDescent="0.2">
      <c r="A3762" s="1" t="s">
        <v>329</v>
      </c>
      <c r="B3762" s="1" t="s">
        <v>1659</v>
      </c>
      <c r="C3762" s="1" t="s">
        <v>13106</v>
      </c>
      <c r="D3762" s="1" t="s">
        <v>13107</v>
      </c>
      <c r="E3762" s="1" t="s">
        <v>13106</v>
      </c>
      <c r="F3762" s="1" t="s">
        <v>10</v>
      </c>
      <c r="G3762" s="1" t="s">
        <v>10</v>
      </c>
      <c r="H3762" s="1" t="s">
        <v>10</v>
      </c>
      <c r="I3762" s="1" t="s">
        <v>12117</v>
      </c>
      <c r="J3762" s="1" t="s">
        <v>12403</v>
      </c>
      <c r="K3762" s="1" t="s">
        <v>27</v>
      </c>
      <c r="L3762" s="1" t="s">
        <v>13105</v>
      </c>
      <c r="M3762" s="1" t="s">
        <v>5</v>
      </c>
      <c r="N3762" s="1" t="s">
        <v>1009</v>
      </c>
      <c r="O3762" s="1" t="s">
        <v>38</v>
      </c>
      <c r="P3762" s="5" t="s">
        <v>31593</v>
      </c>
    </row>
    <row r="3763" spans="1:16" x14ac:dyDescent="0.2">
      <c r="A3763" s="1" t="s">
        <v>20</v>
      </c>
      <c r="B3763" s="1" t="s">
        <v>445</v>
      </c>
      <c r="C3763" s="1" t="s">
        <v>13109</v>
      </c>
      <c r="D3763" s="1" t="s">
        <v>13110</v>
      </c>
      <c r="E3763" s="1" t="s">
        <v>13111</v>
      </c>
      <c r="F3763" s="1" t="s">
        <v>10</v>
      </c>
      <c r="G3763" s="1" t="s">
        <v>10</v>
      </c>
      <c r="H3763" s="1" t="s">
        <v>10</v>
      </c>
      <c r="I3763" s="1" t="s">
        <v>12117</v>
      </c>
      <c r="J3763" s="1" t="s">
        <v>12148</v>
      </c>
      <c r="K3763" s="1" t="s">
        <v>27</v>
      </c>
      <c r="L3763" s="1" t="s">
        <v>13108</v>
      </c>
      <c r="M3763" s="1" t="s">
        <v>5</v>
      </c>
      <c r="N3763" s="1" t="s">
        <v>1009</v>
      </c>
      <c r="O3763" s="1" t="s">
        <v>38</v>
      </c>
      <c r="P3763" s="5" t="s">
        <v>31594</v>
      </c>
    </row>
    <row r="3764" spans="1:16" x14ac:dyDescent="0.2">
      <c r="A3764" s="1" t="s">
        <v>20</v>
      </c>
      <c r="B3764" s="1" t="s">
        <v>445</v>
      </c>
      <c r="C3764" s="1" t="s">
        <v>13113</v>
      </c>
      <c r="D3764" s="1" t="s">
        <v>13114</v>
      </c>
      <c r="E3764" s="1" t="s">
        <v>13116</v>
      </c>
      <c r="F3764" s="1" t="s">
        <v>10</v>
      </c>
      <c r="G3764" s="1" t="s">
        <v>10</v>
      </c>
      <c r="H3764" s="1" t="s">
        <v>10</v>
      </c>
      <c r="I3764" s="1" t="s">
        <v>12117</v>
      </c>
      <c r="J3764" s="1" t="s">
        <v>12283</v>
      </c>
      <c r="K3764" s="1" t="s">
        <v>13115</v>
      </c>
      <c r="L3764" s="1" t="s">
        <v>13112</v>
      </c>
      <c r="M3764" s="1" t="s">
        <v>5</v>
      </c>
      <c r="N3764" s="1" t="s">
        <v>1009</v>
      </c>
      <c r="O3764" s="1" t="s">
        <v>38</v>
      </c>
      <c r="P3764" s="5" t="s">
        <v>30356</v>
      </c>
    </row>
    <row r="3765" spans="1:16" x14ac:dyDescent="0.2">
      <c r="A3765" s="1" t="s">
        <v>20</v>
      </c>
      <c r="B3765" s="1" t="s">
        <v>445</v>
      </c>
      <c r="C3765" s="1" t="s">
        <v>13118</v>
      </c>
      <c r="D3765" s="1" t="s">
        <v>13119</v>
      </c>
      <c r="E3765" s="1" t="s">
        <v>13120</v>
      </c>
      <c r="F3765" s="1" t="s">
        <v>10</v>
      </c>
      <c r="G3765" s="1" t="s">
        <v>10</v>
      </c>
      <c r="H3765" s="1" t="s">
        <v>10</v>
      </c>
      <c r="I3765" s="1" t="s">
        <v>12117</v>
      </c>
      <c r="J3765" s="1" t="s">
        <v>12148</v>
      </c>
      <c r="K3765" s="1" t="s">
        <v>27</v>
      </c>
      <c r="L3765" s="1" t="s">
        <v>13117</v>
      </c>
      <c r="M3765" s="1" t="s">
        <v>5</v>
      </c>
      <c r="N3765" s="1" t="s">
        <v>1009</v>
      </c>
      <c r="O3765" s="1" t="s">
        <v>38</v>
      </c>
      <c r="P3765" s="5" t="s">
        <v>31595</v>
      </c>
    </row>
    <row r="3766" spans="1:16" x14ac:dyDescent="0.2">
      <c r="A3766" s="1" t="s">
        <v>42</v>
      </c>
      <c r="B3766" s="1" t="s">
        <v>50</v>
      </c>
      <c r="C3766" s="1" t="s">
        <v>13122</v>
      </c>
      <c r="D3766" s="1" t="s">
        <v>13123</v>
      </c>
      <c r="E3766" s="1" t="s">
        <v>13122</v>
      </c>
      <c r="F3766" s="1" t="s">
        <v>10</v>
      </c>
      <c r="G3766" s="1" t="s">
        <v>10</v>
      </c>
      <c r="H3766" s="1" t="s">
        <v>10</v>
      </c>
      <c r="I3766" s="1" t="s">
        <v>12117</v>
      </c>
      <c r="J3766" s="1" t="s">
        <v>19</v>
      </c>
      <c r="K3766" s="1" t="s">
        <v>47</v>
      </c>
      <c r="L3766" s="1" t="s">
        <v>13121</v>
      </c>
      <c r="M3766" s="1" t="s">
        <v>5</v>
      </c>
      <c r="N3766" s="1" t="s">
        <v>1009</v>
      </c>
      <c r="O3766" s="1" t="s">
        <v>38</v>
      </c>
      <c r="P3766" s="5" t="s">
        <v>31526</v>
      </c>
    </row>
    <row r="3767" spans="1:16" x14ac:dyDescent="0.2">
      <c r="A3767" s="1" t="s">
        <v>10</v>
      </c>
      <c r="B3767" s="1" t="s">
        <v>10</v>
      </c>
      <c r="C3767" s="1" t="s">
        <v>13125</v>
      </c>
      <c r="D3767" s="1" t="s">
        <v>10</v>
      </c>
      <c r="E3767" s="1" t="s">
        <v>10</v>
      </c>
      <c r="F3767" s="1" t="s">
        <v>10</v>
      </c>
      <c r="G3767" s="1" t="s">
        <v>10</v>
      </c>
      <c r="H3767" s="1" t="s">
        <v>10</v>
      </c>
      <c r="I3767" s="1" t="s">
        <v>12117</v>
      </c>
      <c r="J3767" s="1" t="s">
        <v>10</v>
      </c>
      <c r="K3767" s="1" t="s">
        <v>10</v>
      </c>
      <c r="L3767" s="1" t="s">
        <v>13124</v>
      </c>
      <c r="M3767" s="1" t="s">
        <v>5</v>
      </c>
      <c r="N3767" s="1" t="s">
        <v>10</v>
      </c>
      <c r="O3767" s="1" t="s">
        <v>10</v>
      </c>
      <c r="P3767" s="5"/>
    </row>
    <row r="3768" spans="1:16" x14ac:dyDescent="0.2">
      <c r="A3768" s="1" t="s">
        <v>20</v>
      </c>
      <c r="B3768" s="1" t="s">
        <v>445</v>
      </c>
      <c r="C3768" s="1" t="s">
        <v>13127</v>
      </c>
      <c r="D3768" s="1" t="s">
        <v>13128</v>
      </c>
      <c r="E3768" s="1" t="s">
        <v>13129</v>
      </c>
      <c r="F3768" s="1" t="s">
        <v>10</v>
      </c>
      <c r="G3768" s="1" t="s">
        <v>10</v>
      </c>
      <c r="H3768" s="1" t="s">
        <v>10</v>
      </c>
      <c r="I3768" s="1" t="s">
        <v>12117</v>
      </c>
      <c r="J3768" s="1" t="s">
        <v>12283</v>
      </c>
      <c r="K3768" s="1" t="s">
        <v>27</v>
      </c>
      <c r="L3768" s="1" t="s">
        <v>13126</v>
      </c>
      <c r="M3768" s="1" t="s">
        <v>5</v>
      </c>
      <c r="N3768" s="1" t="s">
        <v>25</v>
      </c>
      <c r="O3768" s="1" t="s">
        <v>38</v>
      </c>
      <c r="P3768" s="5" t="s">
        <v>31596</v>
      </c>
    </row>
    <row r="3769" spans="1:16" ht="38.25" x14ac:dyDescent="0.2">
      <c r="A3769" s="1" t="s">
        <v>42</v>
      </c>
      <c r="B3769" s="1" t="s">
        <v>43</v>
      </c>
      <c r="C3769" s="1" t="s">
        <v>13131</v>
      </c>
      <c r="D3769" s="1" t="s">
        <v>13132</v>
      </c>
      <c r="E3769" s="1" t="s">
        <v>13133</v>
      </c>
      <c r="F3769" s="1" t="s">
        <v>10</v>
      </c>
      <c r="G3769" s="1" t="s">
        <v>10</v>
      </c>
      <c r="H3769" s="1" t="s">
        <v>10</v>
      </c>
      <c r="I3769" s="1" t="s">
        <v>12117</v>
      </c>
      <c r="J3769" s="1" t="s">
        <v>19</v>
      </c>
      <c r="K3769" s="1" t="s">
        <v>37</v>
      </c>
      <c r="L3769" s="1" t="s">
        <v>13130</v>
      </c>
      <c r="M3769" s="1" t="s">
        <v>5</v>
      </c>
      <c r="N3769" s="1" t="s">
        <v>1009</v>
      </c>
      <c r="O3769" s="1" t="s">
        <v>38</v>
      </c>
      <c r="P3769" s="9" t="s">
        <v>31597</v>
      </c>
    </row>
    <row r="3770" spans="1:16" x14ac:dyDescent="0.2">
      <c r="A3770" s="1" t="s">
        <v>20</v>
      </c>
      <c r="B3770" s="1" t="s">
        <v>445</v>
      </c>
      <c r="C3770" s="1" t="s">
        <v>13135</v>
      </c>
      <c r="D3770" s="1" t="s">
        <v>13136</v>
      </c>
      <c r="E3770" s="1" t="s">
        <v>13137</v>
      </c>
      <c r="F3770" s="1" t="s">
        <v>10</v>
      </c>
      <c r="G3770" s="1" t="s">
        <v>10</v>
      </c>
      <c r="H3770" s="1" t="s">
        <v>10</v>
      </c>
      <c r="I3770" s="1" t="s">
        <v>12117</v>
      </c>
      <c r="J3770" s="1" t="s">
        <v>12283</v>
      </c>
      <c r="K3770" s="1" t="s">
        <v>27</v>
      </c>
      <c r="L3770" s="1" t="s">
        <v>13134</v>
      </c>
      <c r="M3770" s="1" t="s">
        <v>5</v>
      </c>
      <c r="N3770" s="1" t="s">
        <v>1009</v>
      </c>
      <c r="O3770" s="1" t="s">
        <v>38</v>
      </c>
      <c r="P3770" s="5" t="s">
        <v>31598</v>
      </c>
    </row>
    <row r="3771" spans="1:16" x14ac:dyDescent="0.2">
      <c r="A3771" s="1" t="s">
        <v>194</v>
      </c>
      <c r="B3771" s="1" t="s">
        <v>195</v>
      </c>
      <c r="C3771" s="1" t="s">
        <v>13139</v>
      </c>
      <c r="D3771" s="1" t="s">
        <v>13140</v>
      </c>
      <c r="E3771" s="1" t="s">
        <v>13139</v>
      </c>
      <c r="F3771" s="1" t="s">
        <v>10</v>
      </c>
      <c r="G3771" s="1" t="s">
        <v>10</v>
      </c>
      <c r="H3771" s="1" t="s">
        <v>10</v>
      </c>
      <c r="I3771" s="1" t="s">
        <v>12117</v>
      </c>
      <c r="J3771" s="1" t="s">
        <v>12188</v>
      </c>
      <c r="K3771" s="1" t="s">
        <v>7</v>
      </c>
      <c r="L3771" s="1" t="s">
        <v>13138</v>
      </c>
      <c r="M3771" s="1" t="s">
        <v>5</v>
      </c>
      <c r="N3771" s="1" t="s">
        <v>1009</v>
      </c>
      <c r="O3771" s="1" t="s">
        <v>38</v>
      </c>
      <c r="P3771" s="5" t="s">
        <v>30357</v>
      </c>
    </row>
    <row r="3772" spans="1:16" x14ac:dyDescent="0.2">
      <c r="A3772" s="1" t="s">
        <v>20</v>
      </c>
      <c r="B3772" s="1" t="s">
        <v>445</v>
      </c>
      <c r="C3772" s="1" t="s">
        <v>13142</v>
      </c>
      <c r="D3772" s="1" t="s">
        <v>13143</v>
      </c>
      <c r="E3772" s="1" t="s">
        <v>13142</v>
      </c>
      <c r="F3772" s="1" t="s">
        <v>10</v>
      </c>
      <c r="G3772" s="1" t="s">
        <v>10</v>
      </c>
      <c r="H3772" s="1" t="s">
        <v>10</v>
      </c>
      <c r="I3772" s="1" t="s">
        <v>12117</v>
      </c>
      <c r="J3772" s="1" t="s">
        <v>19</v>
      </c>
      <c r="K3772" s="1" t="s">
        <v>1468</v>
      </c>
      <c r="L3772" s="1" t="s">
        <v>13141</v>
      </c>
      <c r="M3772" s="1" t="s">
        <v>5</v>
      </c>
      <c r="N3772" s="1" t="s">
        <v>25</v>
      </c>
      <c r="O3772" s="1" t="s">
        <v>38</v>
      </c>
      <c r="P3772" s="5" t="s">
        <v>31526</v>
      </c>
    </row>
    <row r="3773" spans="1:16" x14ac:dyDescent="0.2">
      <c r="A3773" s="1" t="s">
        <v>20</v>
      </c>
      <c r="B3773" s="1" t="s">
        <v>445</v>
      </c>
      <c r="C3773" s="1" t="s">
        <v>13145</v>
      </c>
      <c r="D3773" s="1" t="s">
        <v>13146</v>
      </c>
      <c r="E3773" s="1"/>
      <c r="F3773" s="1" t="s">
        <v>10</v>
      </c>
      <c r="G3773" s="1" t="s">
        <v>10</v>
      </c>
      <c r="H3773" s="1" t="s">
        <v>10</v>
      </c>
      <c r="I3773" s="1" t="s">
        <v>12117</v>
      </c>
      <c r="J3773" s="1" t="s">
        <v>12148</v>
      </c>
      <c r="K3773" s="1" t="s">
        <v>27</v>
      </c>
      <c r="L3773" s="1" t="s">
        <v>13144</v>
      </c>
      <c r="M3773" s="1" t="s">
        <v>5</v>
      </c>
      <c r="N3773" s="1" t="s">
        <v>25</v>
      </c>
      <c r="O3773" s="1" t="s">
        <v>38</v>
      </c>
      <c r="P3773" s="5" t="s">
        <v>31587</v>
      </c>
    </row>
    <row r="3774" spans="1:16" x14ac:dyDescent="0.2">
      <c r="A3774" s="1" t="s">
        <v>42</v>
      </c>
      <c r="B3774" s="1" t="s">
        <v>118</v>
      </c>
      <c r="C3774" s="1" t="s">
        <v>13142</v>
      </c>
      <c r="D3774" s="1" t="s">
        <v>13148</v>
      </c>
      <c r="E3774" s="1" t="s">
        <v>13149</v>
      </c>
      <c r="F3774" s="1" t="s">
        <v>10</v>
      </c>
      <c r="G3774" s="1" t="s">
        <v>10</v>
      </c>
      <c r="H3774" s="1" t="s">
        <v>10</v>
      </c>
      <c r="I3774" s="1" t="s">
        <v>12117</v>
      </c>
      <c r="J3774" s="1" t="s">
        <v>12899</v>
      </c>
      <c r="K3774" s="1" t="s">
        <v>27</v>
      </c>
      <c r="L3774" s="1" t="s">
        <v>13147</v>
      </c>
      <c r="M3774" s="1" t="s">
        <v>5</v>
      </c>
      <c r="N3774" s="1" t="s">
        <v>1009</v>
      </c>
      <c r="O3774" s="1" t="s">
        <v>38</v>
      </c>
      <c r="P3774" s="5" t="s">
        <v>31599</v>
      </c>
    </row>
    <row r="3775" spans="1:16" x14ac:dyDescent="0.2">
      <c r="A3775" s="1" t="s">
        <v>20</v>
      </c>
      <c r="B3775" s="1" t="s">
        <v>445</v>
      </c>
      <c r="C3775" s="1" t="s">
        <v>13151</v>
      </c>
      <c r="D3775" s="1" t="s">
        <v>13152</v>
      </c>
      <c r="E3775" s="1"/>
      <c r="F3775" s="1" t="s">
        <v>10</v>
      </c>
      <c r="G3775" s="1" t="s">
        <v>10</v>
      </c>
      <c r="H3775" s="1" t="s">
        <v>10</v>
      </c>
      <c r="I3775" s="1" t="s">
        <v>12117</v>
      </c>
      <c r="J3775" s="1" t="s">
        <v>12121</v>
      </c>
      <c r="K3775" s="1" t="s">
        <v>27</v>
      </c>
      <c r="L3775" s="1" t="s">
        <v>13150</v>
      </c>
      <c r="M3775" s="1" t="s">
        <v>5</v>
      </c>
      <c r="N3775" s="1" t="s">
        <v>1009</v>
      </c>
      <c r="O3775" s="1" t="s">
        <v>38</v>
      </c>
      <c r="P3775" s="5" t="s">
        <v>31600</v>
      </c>
    </row>
    <row r="3776" spans="1:16" x14ac:dyDescent="0.2">
      <c r="A3776" s="1" t="s">
        <v>66</v>
      </c>
      <c r="B3776" s="1" t="s">
        <v>1812</v>
      </c>
      <c r="C3776" s="1" t="s">
        <v>13154</v>
      </c>
      <c r="D3776" s="1" t="s">
        <v>13155</v>
      </c>
      <c r="E3776" s="1" t="s">
        <v>13156</v>
      </c>
      <c r="F3776" s="1" t="s">
        <v>10</v>
      </c>
      <c r="G3776" s="1" t="s">
        <v>10</v>
      </c>
      <c r="H3776" s="1" t="s">
        <v>10</v>
      </c>
      <c r="I3776" s="1" t="s">
        <v>12117</v>
      </c>
      <c r="J3776" s="1" t="s">
        <v>12148</v>
      </c>
      <c r="K3776" s="1" t="s">
        <v>27</v>
      </c>
      <c r="L3776" s="1" t="s">
        <v>13153</v>
      </c>
      <c r="M3776" s="1" t="s">
        <v>5</v>
      </c>
      <c r="N3776" s="1" t="s">
        <v>1009</v>
      </c>
      <c r="O3776" s="1" t="s">
        <v>38</v>
      </c>
      <c r="P3776" s="5" t="s">
        <v>31575</v>
      </c>
    </row>
    <row r="3777" spans="1:16" x14ac:dyDescent="0.2">
      <c r="A3777" s="1" t="s">
        <v>42</v>
      </c>
      <c r="B3777" s="1" t="s">
        <v>118</v>
      </c>
      <c r="C3777" s="1" t="s">
        <v>13158</v>
      </c>
      <c r="D3777" s="1" t="s">
        <v>13159</v>
      </c>
      <c r="E3777" s="1" t="s">
        <v>13160</v>
      </c>
      <c r="F3777" s="1" t="s">
        <v>27</v>
      </c>
      <c r="G3777" s="1" t="s">
        <v>10</v>
      </c>
      <c r="H3777" s="1" t="s">
        <v>13161</v>
      </c>
      <c r="I3777" s="1" t="s">
        <v>12117</v>
      </c>
      <c r="J3777" s="1" t="s">
        <v>12157</v>
      </c>
      <c r="K3777" s="1" t="s">
        <v>27</v>
      </c>
      <c r="L3777" s="1" t="s">
        <v>13157</v>
      </c>
      <c r="M3777" s="1" t="s">
        <v>5</v>
      </c>
      <c r="N3777" s="1" t="s">
        <v>25</v>
      </c>
      <c r="O3777" s="1" t="s">
        <v>8</v>
      </c>
      <c r="P3777" s="5" t="s">
        <v>32771</v>
      </c>
    </row>
    <row r="3778" spans="1:16" x14ac:dyDescent="0.2">
      <c r="A3778" s="1" t="s">
        <v>20</v>
      </c>
      <c r="B3778" s="1" t="s">
        <v>132</v>
      </c>
      <c r="C3778" s="1" t="s">
        <v>13163</v>
      </c>
      <c r="D3778" s="1" t="s">
        <v>13164</v>
      </c>
      <c r="E3778" s="1" t="s">
        <v>12369</v>
      </c>
      <c r="F3778" s="1" t="s">
        <v>27</v>
      </c>
      <c r="G3778" s="1" t="s">
        <v>10</v>
      </c>
      <c r="H3778" s="1" t="s">
        <v>13164</v>
      </c>
      <c r="I3778" s="1" t="s">
        <v>12117</v>
      </c>
      <c r="J3778" s="1" t="s">
        <v>19</v>
      </c>
      <c r="K3778" s="1" t="s">
        <v>586</v>
      </c>
      <c r="L3778" s="1" t="s">
        <v>13162</v>
      </c>
      <c r="M3778" s="1" t="s">
        <v>5</v>
      </c>
      <c r="N3778" s="1" t="s">
        <v>1009</v>
      </c>
      <c r="O3778" s="1" t="s">
        <v>8</v>
      </c>
      <c r="P3778" s="5" t="s">
        <v>30358</v>
      </c>
    </row>
    <row r="3779" spans="1:16" x14ac:dyDescent="0.2">
      <c r="A3779" s="1" t="s">
        <v>329</v>
      </c>
      <c r="B3779" s="1" t="s">
        <v>2622</v>
      </c>
      <c r="C3779" s="1" t="s">
        <v>13166</v>
      </c>
      <c r="D3779" s="1" t="s">
        <v>13167</v>
      </c>
      <c r="E3779" s="1" t="s">
        <v>13168</v>
      </c>
      <c r="F3779" s="1" t="s">
        <v>10</v>
      </c>
      <c r="G3779" s="1" t="s">
        <v>10</v>
      </c>
      <c r="H3779" s="1" t="s">
        <v>10</v>
      </c>
      <c r="I3779" s="1" t="s">
        <v>12117</v>
      </c>
      <c r="J3779" s="1" t="s">
        <v>12358</v>
      </c>
      <c r="K3779" s="1" t="s">
        <v>27</v>
      </c>
      <c r="L3779" s="1" t="s">
        <v>13165</v>
      </c>
      <c r="M3779" s="1" t="s">
        <v>5</v>
      </c>
      <c r="N3779" s="1" t="s">
        <v>25</v>
      </c>
      <c r="O3779" s="1" t="s">
        <v>38</v>
      </c>
      <c r="P3779" s="5" t="s">
        <v>31601</v>
      </c>
    </row>
    <row r="3780" spans="1:16" x14ac:dyDescent="0.2">
      <c r="A3780" s="1" t="s">
        <v>42</v>
      </c>
      <c r="B3780" s="1" t="s">
        <v>118</v>
      </c>
      <c r="C3780" s="1" t="s">
        <v>13170</v>
      </c>
      <c r="D3780" s="1" t="s">
        <v>13171</v>
      </c>
      <c r="E3780" s="1" t="s">
        <v>13172</v>
      </c>
      <c r="F3780" s="1" t="s">
        <v>10</v>
      </c>
      <c r="G3780" s="1" t="s">
        <v>10</v>
      </c>
      <c r="H3780" s="1" t="s">
        <v>10</v>
      </c>
      <c r="I3780" s="1" t="s">
        <v>12117</v>
      </c>
      <c r="J3780" s="1" t="s">
        <v>12283</v>
      </c>
      <c r="K3780" s="1" t="s">
        <v>27</v>
      </c>
      <c r="L3780" s="1" t="s">
        <v>13169</v>
      </c>
      <c r="M3780" s="1" t="s">
        <v>5</v>
      </c>
      <c r="N3780" s="1" t="s">
        <v>25</v>
      </c>
      <c r="O3780" s="1" t="s">
        <v>38</v>
      </c>
      <c r="P3780" s="5" t="s">
        <v>31602</v>
      </c>
    </row>
    <row r="3781" spans="1:16" x14ac:dyDescent="0.2">
      <c r="A3781" s="1" t="s">
        <v>42</v>
      </c>
      <c r="B3781" s="1" t="s">
        <v>1341</v>
      </c>
      <c r="C3781" s="1" t="s">
        <v>13174</v>
      </c>
      <c r="D3781" s="1" t="s">
        <v>13174</v>
      </c>
      <c r="E3781" s="1" t="s">
        <v>13175</v>
      </c>
      <c r="F3781" s="1" t="s">
        <v>10</v>
      </c>
      <c r="G3781" s="1" t="s">
        <v>10</v>
      </c>
      <c r="H3781" s="1" t="s">
        <v>10</v>
      </c>
      <c r="I3781" s="1" t="s">
        <v>12117</v>
      </c>
      <c r="J3781" s="1" t="s">
        <v>19</v>
      </c>
      <c r="K3781" s="1" t="s">
        <v>37</v>
      </c>
      <c r="L3781" s="1" t="s">
        <v>13173</v>
      </c>
      <c r="M3781" s="1" t="s">
        <v>5</v>
      </c>
      <c r="N3781" s="1" t="s">
        <v>1009</v>
      </c>
      <c r="O3781" s="1" t="s">
        <v>38</v>
      </c>
      <c r="P3781" s="5" t="s">
        <v>31551</v>
      </c>
    </row>
    <row r="3782" spans="1:16" x14ac:dyDescent="0.2">
      <c r="A3782" s="1" t="s">
        <v>20</v>
      </c>
      <c r="B3782" s="1" t="s">
        <v>445</v>
      </c>
      <c r="C3782" s="1" t="s">
        <v>13177</v>
      </c>
      <c r="D3782" s="1" t="s">
        <v>13178</v>
      </c>
      <c r="E3782" s="1" t="s">
        <v>13179</v>
      </c>
      <c r="F3782" s="1" t="s">
        <v>10</v>
      </c>
      <c r="G3782" s="1" t="s">
        <v>10</v>
      </c>
      <c r="H3782" s="1" t="s">
        <v>10</v>
      </c>
      <c r="I3782" s="1" t="s">
        <v>12117</v>
      </c>
      <c r="J3782" s="1" t="s">
        <v>12148</v>
      </c>
      <c r="K3782" s="1" t="s">
        <v>27</v>
      </c>
      <c r="L3782" s="1" t="s">
        <v>13176</v>
      </c>
      <c r="M3782" s="1" t="s">
        <v>5</v>
      </c>
      <c r="N3782" s="1" t="s">
        <v>25</v>
      </c>
      <c r="O3782" s="1" t="s">
        <v>38</v>
      </c>
      <c r="P3782" s="5" t="s">
        <v>31603</v>
      </c>
    </row>
    <row r="3783" spans="1:16" x14ac:dyDescent="0.2">
      <c r="A3783" s="1" t="s">
        <v>32</v>
      </c>
      <c r="B3783" s="1" t="s">
        <v>140</v>
      </c>
      <c r="C3783" s="1" t="s">
        <v>13181</v>
      </c>
      <c r="D3783" s="1" t="s">
        <v>13181</v>
      </c>
      <c r="E3783" s="1" t="s">
        <v>13182</v>
      </c>
      <c r="F3783" s="1" t="s">
        <v>10</v>
      </c>
      <c r="G3783" s="1" t="s">
        <v>10</v>
      </c>
      <c r="H3783" s="1" t="s">
        <v>10</v>
      </c>
      <c r="I3783" s="1" t="s">
        <v>12117</v>
      </c>
      <c r="J3783" s="1" t="s">
        <v>19</v>
      </c>
      <c r="K3783" s="1" t="s">
        <v>37</v>
      </c>
      <c r="L3783" s="1" t="s">
        <v>13180</v>
      </c>
      <c r="M3783" s="1" t="s">
        <v>5</v>
      </c>
      <c r="N3783" s="1" t="s">
        <v>1009</v>
      </c>
      <c r="O3783" s="1" t="s">
        <v>38</v>
      </c>
      <c r="P3783" s="5" t="s">
        <v>31551</v>
      </c>
    </row>
    <row r="3784" spans="1:16" x14ac:dyDescent="0.2">
      <c r="A3784" s="1" t="s">
        <v>20</v>
      </c>
      <c r="B3784" s="1" t="s">
        <v>445</v>
      </c>
      <c r="C3784" s="1" t="s">
        <v>13184</v>
      </c>
      <c r="D3784" s="1" t="s">
        <v>13185</v>
      </c>
      <c r="E3784" s="1" t="s">
        <v>13186</v>
      </c>
      <c r="F3784" s="1" t="s">
        <v>10</v>
      </c>
      <c r="G3784" s="1" t="s">
        <v>10</v>
      </c>
      <c r="H3784" s="1" t="s">
        <v>10</v>
      </c>
      <c r="I3784" s="1" t="s">
        <v>12117</v>
      </c>
      <c r="J3784" s="1" t="s">
        <v>12130</v>
      </c>
      <c r="K3784" s="1" t="s">
        <v>27</v>
      </c>
      <c r="L3784" s="1" t="s">
        <v>13183</v>
      </c>
      <c r="M3784" s="1" t="s">
        <v>5</v>
      </c>
      <c r="N3784" s="1" t="s">
        <v>25</v>
      </c>
      <c r="O3784" s="1" t="s">
        <v>38</v>
      </c>
      <c r="P3784" s="5" t="s">
        <v>31604</v>
      </c>
    </row>
    <row r="3785" spans="1:16" x14ac:dyDescent="0.2">
      <c r="A3785" s="1" t="s">
        <v>20</v>
      </c>
      <c r="B3785" s="1" t="s">
        <v>21</v>
      </c>
      <c r="C3785" s="1" t="s">
        <v>13188</v>
      </c>
      <c r="D3785" s="1" t="s">
        <v>8107</v>
      </c>
      <c r="E3785" s="1" t="s">
        <v>13189</v>
      </c>
      <c r="F3785" s="1" t="s">
        <v>27</v>
      </c>
      <c r="G3785" s="1" t="s">
        <v>10</v>
      </c>
      <c r="H3785" s="1" t="s">
        <v>8107</v>
      </c>
      <c r="I3785" s="1" t="s">
        <v>12117</v>
      </c>
      <c r="J3785" s="1" t="s">
        <v>19</v>
      </c>
      <c r="K3785" s="1" t="s">
        <v>443</v>
      </c>
      <c r="L3785" s="1" t="s">
        <v>13187</v>
      </c>
      <c r="M3785" s="1" t="s">
        <v>5</v>
      </c>
      <c r="N3785" s="1" t="s">
        <v>1009</v>
      </c>
      <c r="O3785" s="1" t="s">
        <v>8</v>
      </c>
      <c r="P3785" s="5" t="s">
        <v>32772</v>
      </c>
    </row>
    <row r="3786" spans="1:16" x14ac:dyDescent="0.2">
      <c r="A3786" s="1" t="s">
        <v>32</v>
      </c>
      <c r="B3786" s="1" t="s">
        <v>140</v>
      </c>
      <c r="C3786" s="1" t="s">
        <v>13191</v>
      </c>
      <c r="D3786" s="1" t="s">
        <v>762</v>
      </c>
      <c r="E3786" s="1" t="s">
        <v>13192</v>
      </c>
      <c r="F3786" s="1" t="s">
        <v>27</v>
      </c>
      <c r="G3786" s="1" t="s">
        <v>10</v>
      </c>
      <c r="H3786" s="1" t="s">
        <v>13193</v>
      </c>
      <c r="I3786" s="1" t="s">
        <v>12117</v>
      </c>
      <c r="J3786" s="1" t="s">
        <v>19</v>
      </c>
      <c r="K3786" s="1" t="s">
        <v>7</v>
      </c>
      <c r="L3786" s="1" t="s">
        <v>13190</v>
      </c>
      <c r="M3786" s="1" t="s">
        <v>5</v>
      </c>
      <c r="N3786" s="1" t="s">
        <v>1009</v>
      </c>
      <c r="O3786" s="1" t="s">
        <v>8</v>
      </c>
      <c r="P3786" s="5" t="s">
        <v>31605</v>
      </c>
    </row>
    <row r="3787" spans="1:16" x14ac:dyDescent="0.2">
      <c r="A3787" s="1" t="s">
        <v>42</v>
      </c>
      <c r="B3787" s="1" t="s">
        <v>588</v>
      </c>
      <c r="C3787" s="1" t="s">
        <v>13195</v>
      </c>
      <c r="D3787" s="1" t="s">
        <v>13196</v>
      </c>
      <c r="E3787" s="1" t="s">
        <v>13197</v>
      </c>
      <c r="F3787" s="1" t="s">
        <v>27</v>
      </c>
      <c r="G3787" s="1" t="s">
        <v>10</v>
      </c>
      <c r="H3787" s="1" t="s">
        <v>13198</v>
      </c>
      <c r="I3787" s="1" t="s">
        <v>12117</v>
      </c>
      <c r="J3787" s="1" t="s">
        <v>19</v>
      </c>
      <c r="K3787" s="1" t="s">
        <v>586</v>
      </c>
      <c r="L3787" s="1" t="s">
        <v>13194</v>
      </c>
      <c r="M3787" s="1" t="s">
        <v>5</v>
      </c>
      <c r="N3787" s="1" t="s">
        <v>1009</v>
      </c>
      <c r="O3787" s="1" t="s">
        <v>8</v>
      </c>
      <c r="P3787" s="5" t="s">
        <v>31606</v>
      </c>
    </row>
    <row r="3788" spans="1:16" x14ac:dyDescent="0.2">
      <c r="A3788" s="1" t="s">
        <v>20</v>
      </c>
      <c r="B3788" s="1" t="s">
        <v>3530</v>
      </c>
      <c r="C3788" s="1" t="s">
        <v>13200</v>
      </c>
      <c r="D3788" s="1" t="s">
        <v>13201</v>
      </c>
      <c r="E3788" s="1" t="s">
        <v>13202</v>
      </c>
      <c r="F3788" s="1" t="s">
        <v>27</v>
      </c>
      <c r="G3788" s="1" t="s">
        <v>10</v>
      </c>
      <c r="H3788" s="1" t="s">
        <v>13200</v>
      </c>
      <c r="I3788" s="1" t="s">
        <v>12117</v>
      </c>
      <c r="J3788" s="1" t="s">
        <v>12148</v>
      </c>
      <c r="K3788" s="1" t="s">
        <v>27</v>
      </c>
      <c r="L3788" s="1" t="s">
        <v>13199</v>
      </c>
      <c r="M3788" s="1" t="s">
        <v>5</v>
      </c>
      <c r="N3788" s="1" t="s">
        <v>25</v>
      </c>
      <c r="O3788" s="1" t="s">
        <v>8</v>
      </c>
      <c r="P3788" s="5" t="s">
        <v>31607</v>
      </c>
    </row>
    <row r="3789" spans="1:16" x14ac:dyDescent="0.2">
      <c r="A3789" s="1" t="s">
        <v>20</v>
      </c>
      <c r="B3789" s="1" t="s">
        <v>3530</v>
      </c>
      <c r="C3789" s="1" t="s">
        <v>13204</v>
      </c>
      <c r="D3789" s="1" t="s">
        <v>13205</v>
      </c>
      <c r="E3789" s="1" t="s">
        <v>13206</v>
      </c>
      <c r="F3789" s="1" t="s">
        <v>27</v>
      </c>
      <c r="G3789" s="1" t="s">
        <v>10</v>
      </c>
      <c r="H3789" s="1" t="s">
        <v>13207</v>
      </c>
      <c r="I3789" s="1" t="s">
        <v>12117</v>
      </c>
      <c r="J3789" s="1" t="s">
        <v>12148</v>
      </c>
      <c r="K3789" s="1" t="s">
        <v>27</v>
      </c>
      <c r="L3789" s="1" t="s">
        <v>13203</v>
      </c>
      <c r="M3789" s="1" t="s">
        <v>5</v>
      </c>
      <c r="N3789" s="1" t="s">
        <v>1009</v>
      </c>
      <c r="O3789" s="1" t="s">
        <v>8</v>
      </c>
      <c r="P3789" s="5" t="s">
        <v>31608</v>
      </c>
    </row>
    <row r="3790" spans="1:16" x14ac:dyDescent="0.2">
      <c r="A3790" s="1" t="s">
        <v>2187</v>
      </c>
      <c r="B3790" s="1" t="s">
        <v>2206</v>
      </c>
      <c r="C3790" s="1" t="s">
        <v>13209</v>
      </c>
      <c r="D3790" s="1" t="s">
        <v>13210</v>
      </c>
      <c r="E3790" s="1" t="s">
        <v>13211</v>
      </c>
      <c r="F3790" s="1" t="s">
        <v>27</v>
      </c>
      <c r="G3790" s="1" t="s">
        <v>10</v>
      </c>
      <c r="H3790" s="1" t="s">
        <v>13212</v>
      </c>
      <c r="I3790" s="1" t="s">
        <v>12117</v>
      </c>
      <c r="J3790" s="1" t="s">
        <v>12850</v>
      </c>
      <c r="K3790" s="1" t="s">
        <v>27</v>
      </c>
      <c r="L3790" s="1" t="s">
        <v>13208</v>
      </c>
      <c r="M3790" s="1" t="s">
        <v>5</v>
      </c>
      <c r="N3790" s="1" t="s">
        <v>1009</v>
      </c>
      <c r="O3790" s="1" t="s">
        <v>8</v>
      </c>
      <c r="P3790" s="5" t="s">
        <v>31609</v>
      </c>
    </row>
    <row r="3791" spans="1:16" x14ac:dyDescent="0.2">
      <c r="A3791" s="1" t="s">
        <v>20</v>
      </c>
      <c r="B3791" s="1" t="s">
        <v>445</v>
      </c>
      <c r="C3791" s="1" t="s">
        <v>13214</v>
      </c>
      <c r="D3791" s="1" t="s">
        <v>13215</v>
      </c>
      <c r="E3791" s="1" t="s">
        <v>13216</v>
      </c>
      <c r="F3791" s="1" t="s">
        <v>10</v>
      </c>
      <c r="G3791" s="1" t="s">
        <v>10</v>
      </c>
      <c r="H3791" s="1" t="s">
        <v>10</v>
      </c>
      <c r="I3791" s="1" t="s">
        <v>12117</v>
      </c>
      <c r="J3791" s="1" t="s">
        <v>12148</v>
      </c>
      <c r="K3791" s="1" t="s">
        <v>27</v>
      </c>
      <c r="L3791" s="1" t="s">
        <v>13213</v>
      </c>
      <c r="M3791" s="1" t="s">
        <v>5</v>
      </c>
      <c r="N3791" s="1" t="s">
        <v>25</v>
      </c>
      <c r="O3791" s="1" t="s">
        <v>38</v>
      </c>
      <c r="P3791" s="5" t="s">
        <v>31610</v>
      </c>
    </row>
    <row r="3792" spans="1:16" x14ac:dyDescent="0.2">
      <c r="A3792" s="1" t="s">
        <v>20</v>
      </c>
      <c r="B3792" s="1" t="s">
        <v>445</v>
      </c>
      <c r="C3792" s="1" t="s">
        <v>13218</v>
      </c>
      <c r="D3792" s="1" t="s">
        <v>13219</v>
      </c>
      <c r="E3792" s="1" t="s">
        <v>13220</v>
      </c>
      <c r="F3792" s="1" t="s">
        <v>10</v>
      </c>
      <c r="G3792" s="1" t="s">
        <v>10</v>
      </c>
      <c r="H3792" s="1" t="s">
        <v>10</v>
      </c>
      <c r="I3792" s="1" t="s">
        <v>12117</v>
      </c>
      <c r="J3792" s="1" t="s">
        <v>12148</v>
      </c>
      <c r="K3792" s="1" t="s">
        <v>27</v>
      </c>
      <c r="L3792" s="1" t="s">
        <v>13217</v>
      </c>
      <c r="M3792" s="1" t="s">
        <v>5</v>
      </c>
      <c r="N3792" s="1" t="s">
        <v>25</v>
      </c>
      <c r="O3792" s="1" t="s">
        <v>38</v>
      </c>
      <c r="P3792" s="5" t="s">
        <v>31611</v>
      </c>
    </row>
    <row r="3793" spans="1:16" x14ac:dyDescent="0.2">
      <c r="A3793" s="1" t="s">
        <v>20</v>
      </c>
      <c r="B3793" s="1" t="s">
        <v>445</v>
      </c>
      <c r="C3793" s="1" t="s">
        <v>13222</v>
      </c>
      <c r="D3793" s="1" t="s">
        <v>13223</v>
      </c>
      <c r="E3793" s="1" t="s">
        <v>13224</v>
      </c>
      <c r="F3793" s="1" t="s">
        <v>10</v>
      </c>
      <c r="G3793" s="1" t="s">
        <v>10</v>
      </c>
      <c r="H3793" s="1" t="s">
        <v>10</v>
      </c>
      <c r="I3793" s="1" t="s">
        <v>12117</v>
      </c>
      <c r="J3793" s="1" t="s">
        <v>12148</v>
      </c>
      <c r="K3793" s="1" t="s">
        <v>27</v>
      </c>
      <c r="L3793" s="1" t="s">
        <v>13221</v>
      </c>
      <c r="M3793" s="1" t="s">
        <v>5</v>
      </c>
      <c r="N3793" s="1" t="s">
        <v>25</v>
      </c>
      <c r="O3793" s="1" t="s">
        <v>38</v>
      </c>
      <c r="P3793" s="5" t="s">
        <v>31612</v>
      </c>
    </row>
    <row r="3794" spans="1:16" x14ac:dyDescent="0.2">
      <c r="A3794" s="1" t="s">
        <v>20</v>
      </c>
      <c r="B3794" s="1" t="s">
        <v>445</v>
      </c>
      <c r="C3794" s="1" t="s">
        <v>13226</v>
      </c>
      <c r="D3794" s="1" t="s">
        <v>13227</v>
      </c>
      <c r="E3794" s="1" t="s">
        <v>13228</v>
      </c>
      <c r="F3794" s="1" t="s">
        <v>10</v>
      </c>
      <c r="G3794" s="1" t="s">
        <v>10</v>
      </c>
      <c r="H3794" s="1" t="s">
        <v>10</v>
      </c>
      <c r="I3794" s="1" t="s">
        <v>12117</v>
      </c>
      <c r="J3794" s="1" t="s">
        <v>12148</v>
      </c>
      <c r="K3794" s="1" t="s">
        <v>27</v>
      </c>
      <c r="L3794" s="1" t="s">
        <v>13225</v>
      </c>
      <c r="M3794" s="1" t="s">
        <v>5</v>
      </c>
      <c r="N3794" s="1" t="s">
        <v>25</v>
      </c>
      <c r="O3794" s="1" t="s">
        <v>38</v>
      </c>
      <c r="P3794" s="5" t="s">
        <v>31522</v>
      </c>
    </row>
    <row r="3795" spans="1:16" x14ac:dyDescent="0.2">
      <c r="A3795" s="1" t="s">
        <v>20</v>
      </c>
      <c r="B3795" s="1" t="s">
        <v>445</v>
      </c>
      <c r="C3795" s="1" t="s">
        <v>13230</v>
      </c>
      <c r="D3795" s="1" t="s">
        <v>13231</v>
      </c>
      <c r="E3795" s="1" t="s">
        <v>13232</v>
      </c>
      <c r="F3795" s="1" t="s">
        <v>10</v>
      </c>
      <c r="G3795" s="1" t="s">
        <v>10</v>
      </c>
      <c r="H3795" s="1" t="s">
        <v>10</v>
      </c>
      <c r="I3795" s="1" t="s">
        <v>12117</v>
      </c>
      <c r="J3795" s="1" t="s">
        <v>12148</v>
      </c>
      <c r="K3795" s="1" t="s">
        <v>27</v>
      </c>
      <c r="L3795" s="1" t="s">
        <v>13229</v>
      </c>
      <c r="M3795" s="1" t="s">
        <v>5</v>
      </c>
      <c r="N3795" s="1" t="s">
        <v>25</v>
      </c>
      <c r="O3795" s="1" t="s">
        <v>38</v>
      </c>
      <c r="P3795" s="5" t="s">
        <v>31522</v>
      </c>
    </row>
    <row r="3796" spans="1:16" x14ac:dyDescent="0.2">
      <c r="A3796" s="1" t="s">
        <v>20</v>
      </c>
      <c r="B3796" s="1" t="s">
        <v>445</v>
      </c>
      <c r="C3796" s="1" t="s">
        <v>7173</v>
      </c>
      <c r="D3796" s="1" t="s">
        <v>7174</v>
      </c>
      <c r="E3796" s="1"/>
      <c r="F3796" s="1" t="s">
        <v>27</v>
      </c>
      <c r="G3796" s="1" t="s">
        <v>1042</v>
      </c>
      <c r="H3796" s="1" t="s">
        <v>13234</v>
      </c>
      <c r="I3796" s="1" t="s">
        <v>12117</v>
      </c>
      <c r="J3796" s="1" t="s">
        <v>12446</v>
      </c>
      <c r="K3796" s="1" t="s">
        <v>27</v>
      </c>
      <c r="L3796" s="1" t="s">
        <v>13233</v>
      </c>
      <c r="M3796" s="1" t="s">
        <v>5</v>
      </c>
      <c r="N3796" s="1" t="s">
        <v>1009</v>
      </c>
      <c r="O3796" s="1" t="s">
        <v>8</v>
      </c>
      <c r="P3796" s="5" t="s">
        <v>32773</v>
      </c>
    </row>
    <row r="3797" spans="1:16" x14ac:dyDescent="0.2">
      <c r="A3797" s="1" t="s">
        <v>20</v>
      </c>
      <c r="B3797" s="1" t="s">
        <v>445</v>
      </c>
      <c r="C3797" s="1" t="s">
        <v>13236</v>
      </c>
      <c r="D3797" s="1" t="s">
        <v>13237</v>
      </c>
      <c r="E3797" s="1" t="s">
        <v>13238</v>
      </c>
      <c r="F3797" s="1" t="s">
        <v>10</v>
      </c>
      <c r="G3797" s="1" t="s">
        <v>10</v>
      </c>
      <c r="H3797" s="1" t="s">
        <v>10</v>
      </c>
      <c r="I3797" s="1" t="s">
        <v>12117</v>
      </c>
      <c r="J3797" s="1" t="s">
        <v>12148</v>
      </c>
      <c r="K3797" s="1" t="s">
        <v>27</v>
      </c>
      <c r="L3797" s="1" t="s">
        <v>13235</v>
      </c>
      <c r="M3797" s="1" t="s">
        <v>5</v>
      </c>
      <c r="N3797" s="1" t="s">
        <v>1009</v>
      </c>
      <c r="O3797" s="1" t="s">
        <v>38</v>
      </c>
      <c r="P3797" s="5" t="s">
        <v>31595</v>
      </c>
    </row>
    <row r="3798" spans="1:16" x14ac:dyDescent="0.2">
      <c r="A3798" s="1" t="s">
        <v>42</v>
      </c>
      <c r="B3798" s="1" t="s">
        <v>118</v>
      </c>
      <c r="C3798" s="1" t="s">
        <v>13240</v>
      </c>
      <c r="D3798" s="1" t="s">
        <v>13241</v>
      </c>
      <c r="E3798" s="1" t="s">
        <v>13242</v>
      </c>
      <c r="F3798" s="1" t="s">
        <v>27</v>
      </c>
      <c r="G3798" s="1" t="s">
        <v>10</v>
      </c>
      <c r="H3798" s="1" t="s">
        <v>13243</v>
      </c>
      <c r="I3798" s="1" t="s">
        <v>12117</v>
      </c>
      <c r="J3798" s="1" t="s">
        <v>12283</v>
      </c>
      <c r="K3798" s="1" t="s">
        <v>27</v>
      </c>
      <c r="L3798" s="1" t="s">
        <v>13239</v>
      </c>
      <c r="M3798" s="1" t="s">
        <v>5</v>
      </c>
      <c r="N3798" s="1" t="s">
        <v>1009</v>
      </c>
      <c r="O3798" s="1" t="s">
        <v>8</v>
      </c>
      <c r="P3798" s="5" t="s">
        <v>31613</v>
      </c>
    </row>
    <row r="3799" spans="1:16" x14ac:dyDescent="0.2">
      <c r="A3799" s="1" t="s">
        <v>20</v>
      </c>
      <c r="B3799" s="1" t="s">
        <v>445</v>
      </c>
      <c r="C3799" s="1" t="s">
        <v>13245</v>
      </c>
      <c r="D3799" s="1" t="s">
        <v>13246</v>
      </c>
      <c r="E3799" s="1" t="s">
        <v>13247</v>
      </c>
      <c r="F3799" s="1" t="s">
        <v>10</v>
      </c>
      <c r="G3799" s="1" t="s">
        <v>10</v>
      </c>
      <c r="H3799" s="1" t="s">
        <v>10</v>
      </c>
      <c r="I3799" s="1" t="s">
        <v>12117</v>
      </c>
      <c r="J3799" s="1" t="s">
        <v>12148</v>
      </c>
      <c r="K3799" s="1" t="s">
        <v>27</v>
      </c>
      <c r="L3799" s="1" t="s">
        <v>13244</v>
      </c>
      <c r="M3799" s="1" t="s">
        <v>5</v>
      </c>
      <c r="N3799" s="1" t="s">
        <v>1009</v>
      </c>
      <c r="O3799" s="1" t="s">
        <v>38</v>
      </c>
      <c r="P3799" s="5" t="s">
        <v>31614</v>
      </c>
    </row>
    <row r="3800" spans="1:16" x14ac:dyDescent="0.2">
      <c r="A3800" s="1" t="s">
        <v>20</v>
      </c>
      <c r="B3800" s="1" t="s">
        <v>445</v>
      </c>
      <c r="C3800" s="1" t="s">
        <v>13249</v>
      </c>
      <c r="D3800" s="1" t="s">
        <v>13250</v>
      </c>
      <c r="E3800" s="1"/>
      <c r="F3800" s="1" t="s">
        <v>414</v>
      </c>
      <c r="G3800" s="1" t="s">
        <v>10</v>
      </c>
      <c r="H3800" s="1" t="s">
        <v>13252</v>
      </c>
      <c r="I3800" s="1" t="s">
        <v>12117</v>
      </c>
      <c r="J3800" s="1" t="s">
        <v>12157</v>
      </c>
      <c r="K3800" s="1" t="s">
        <v>13251</v>
      </c>
      <c r="L3800" s="1" t="s">
        <v>13248</v>
      </c>
      <c r="M3800" s="1" t="s">
        <v>5</v>
      </c>
      <c r="N3800" s="1" t="s">
        <v>25</v>
      </c>
      <c r="O3800" s="1" t="s">
        <v>38</v>
      </c>
      <c r="P3800" s="5" t="s">
        <v>31615</v>
      </c>
    </row>
    <row r="3801" spans="1:16" x14ac:dyDescent="0.2">
      <c r="A3801" s="1" t="s">
        <v>42</v>
      </c>
      <c r="B3801" s="1" t="s">
        <v>43</v>
      </c>
      <c r="C3801" s="1" t="s">
        <v>13254</v>
      </c>
      <c r="D3801" s="1" t="s">
        <v>13255</v>
      </c>
      <c r="E3801" s="1" t="s">
        <v>13256</v>
      </c>
      <c r="F3801" s="1" t="s">
        <v>10</v>
      </c>
      <c r="G3801" s="1" t="s">
        <v>10</v>
      </c>
      <c r="H3801" s="1" t="s">
        <v>10</v>
      </c>
      <c r="I3801" s="1" t="s">
        <v>12117</v>
      </c>
      <c r="J3801" s="1" t="s">
        <v>19</v>
      </c>
      <c r="K3801" s="1" t="s">
        <v>37</v>
      </c>
      <c r="L3801" s="1" t="s">
        <v>13253</v>
      </c>
      <c r="M3801" s="1" t="s">
        <v>5</v>
      </c>
      <c r="N3801" s="1" t="s">
        <v>25</v>
      </c>
      <c r="O3801" s="1" t="s">
        <v>38</v>
      </c>
      <c r="P3801" s="5" t="s">
        <v>31616</v>
      </c>
    </row>
    <row r="3802" spans="1:16" x14ac:dyDescent="0.2">
      <c r="A3802" s="1" t="s">
        <v>42</v>
      </c>
      <c r="B3802" s="1" t="s">
        <v>43</v>
      </c>
      <c r="C3802" s="1" t="s">
        <v>13258</v>
      </c>
      <c r="D3802" s="1" t="s">
        <v>13259</v>
      </c>
      <c r="E3802" s="1" t="s">
        <v>13260</v>
      </c>
      <c r="F3802" s="1" t="s">
        <v>10</v>
      </c>
      <c r="G3802" s="1" t="s">
        <v>10</v>
      </c>
      <c r="H3802" s="1" t="s">
        <v>10</v>
      </c>
      <c r="I3802" s="1" t="s">
        <v>12117</v>
      </c>
      <c r="J3802" s="1" t="s">
        <v>19</v>
      </c>
      <c r="K3802" s="1" t="s">
        <v>37</v>
      </c>
      <c r="L3802" s="1" t="s">
        <v>13257</v>
      </c>
      <c r="M3802" s="1" t="s">
        <v>5</v>
      </c>
      <c r="N3802" s="1" t="s">
        <v>1009</v>
      </c>
      <c r="O3802" s="1" t="s">
        <v>38</v>
      </c>
      <c r="P3802" s="5" t="s">
        <v>31617</v>
      </c>
    </row>
    <row r="3803" spans="1:16" x14ac:dyDescent="0.2">
      <c r="A3803" s="1" t="s">
        <v>194</v>
      </c>
      <c r="B3803" s="1" t="s">
        <v>4492</v>
      </c>
      <c r="C3803" s="1" t="s">
        <v>13262</v>
      </c>
      <c r="D3803" s="1" t="s">
        <v>13263</v>
      </c>
      <c r="E3803" s="1" t="s">
        <v>13264</v>
      </c>
      <c r="F3803" s="1" t="s">
        <v>10</v>
      </c>
      <c r="G3803" s="1" t="s">
        <v>10</v>
      </c>
      <c r="H3803" s="1" t="s">
        <v>10</v>
      </c>
      <c r="I3803" s="1" t="s">
        <v>12117</v>
      </c>
      <c r="J3803" s="1" t="s">
        <v>12121</v>
      </c>
      <c r="K3803" s="1" t="s">
        <v>27</v>
      </c>
      <c r="L3803" s="1" t="s">
        <v>13261</v>
      </c>
      <c r="M3803" s="1" t="s">
        <v>5</v>
      </c>
      <c r="N3803" s="1" t="s">
        <v>25</v>
      </c>
      <c r="O3803" s="1" t="s">
        <v>38</v>
      </c>
      <c r="P3803" s="5" t="s">
        <v>31618</v>
      </c>
    </row>
    <row r="3804" spans="1:16" x14ac:dyDescent="0.2">
      <c r="A3804" s="1" t="s">
        <v>20</v>
      </c>
      <c r="B3804" s="1" t="s">
        <v>445</v>
      </c>
      <c r="C3804" s="1" t="s">
        <v>13266</v>
      </c>
      <c r="D3804" s="1" t="s">
        <v>13267</v>
      </c>
      <c r="E3804" s="1" t="s">
        <v>13268</v>
      </c>
      <c r="F3804" s="1" t="s">
        <v>10</v>
      </c>
      <c r="G3804" s="1" t="s">
        <v>10</v>
      </c>
      <c r="H3804" s="1" t="s">
        <v>10</v>
      </c>
      <c r="I3804" s="1" t="s">
        <v>12117</v>
      </c>
      <c r="J3804" s="1" t="s">
        <v>12148</v>
      </c>
      <c r="K3804" s="1" t="s">
        <v>27</v>
      </c>
      <c r="L3804" s="1" t="s">
        <v>13265</v>
      </c>
      <c r="M3804" s="1" t="s">
        <v>5</v>
      </c>
      <c r="N3804" s="1" t="s">
        <v>25</v>
      </c>
      <c r="O3804" s="1" t="s">
        <v>38</v>
      </c>
      <c r="P3804" s="5" t="s">
        <v>31619</v>
      </c>
    </row>
    <row r="3805" spans="1:16" x14ac:dyDescent="0.2">
      <c r="A3805" s="1" t="s">
        <v>20</v>
      </c>
      <c r="B3805" s="1" t="s">
        <v>445</v>
      </c>
      <c r="C3805" s="1" t="s">
        <v>13270</v>
      </c>
      <c r="D3805" s="1" t="s">
        <v>13271</v>
      </c>
      <c r="E3805" s="1" t="s">
        <v>13272</v>
      </c>
      <c r="F3805" s="1" t="s">
        <v>10</v>
      </c>
      <c r="G3805" s="1" t="s">
        <v>10</v>
      </c>
      <c r="H3805" s="1" t="s">
        <v>10</v>
      </c>
      <c r="I3805" s="1" t="s">
        <v>12117</v>
      </c>
      <c r="J3805" s="1" t="s">
        <v>12148</v>
      </c>
      <c r="K3805" s="1" t="s">
        <v>27</v>
      </c>
      <c r="L3805" s="1" t="s">
        <v>13269</v>
      </c>
      <c r="M3805" s="1" t="s">
        <v>5</v>
      </c>
      <c r="N3805" s="1" t="s">
        <v>25</v>
      </c>
      <c r="O3805" s="1" t="s">
        <v>38</v>
      </c>
      <c r="P3805" s="5" t="s">
        <v>31620</v>
      </c>
    </row>
    <row r="3806" spans="1:16" x14ac:dyDescent="0.2">
      <c r="A3806" s="1" t="s">
        <v>20</v>
      </c>
      <c r="B3806" s="1" t="s">
        <v>445</v>
      </c>
      <c r="C3806" s="1" t="s">
        <v>13274</v>
      </c>
      <c r="D3806" s="1" t="s">
        <v>13275</v>
      </c>
      <c r="E3806" s="1" t="s">
        <v>13276</v>
      </c>
      <c r="F3806" s="1" t="s">
        <v>10</v>
      </c>
      <c r="G3806" s="1" t="s">
        <v>10</v>
      </c>
      <c r="H3806" s="1" t="s">
        <v>10</v>
      </c>
      <c r="I3806" s="1" t="s">
        <v>12117</v>
      </c>
      <c r="J3806" s="1" t="s">
        <v>12148</v>
      </c>
      <c r="K3806" s="1" t="s">
        <v>27</v>
      </c>
      <c r="L3806" s="1" t="s">
        <v>13273</v>
      </c>
      <c r="M3806" s="1" t="s">
        <v>5</v>
      </c>
      <c r="N3806" s="1" t="s">
        <v>1009</v>
      </c>
      <c r="O3806" s="1" t="s">
        <v>38</v>
      </c>
      <c r="P3806" s="5" t="s">
        <v>31621</v>
      </c>
    </row>
    <row r="3807" spans="1:16" x14ac:dyDescent="0.2">
      <c r="A3807" s="1" t="s">
        <v>42</v>
      </c>
      <c r="B3807" s="1" t="s">
        <v>118</v>
      </c>
      <c r="C3807" s="1" t="s">
        <v>13278</v>
      </c>
      <c r="D3807" s="1" t="s">
        <v>13279</v>
      </c>
      <c r="E3807" s="1" t="s">
        <v>13280</v>
      </c>
      <c r="F3807" s="1" t="s">
        <v>27</v>
      </c>
      <c r="G3807" s="1" t="s">
        <v>10</v>
      </c>
      <c r="H3807" s="1" t="s">
        <v>13281</v>
      </c>
      <c r="I3807" s="1" t="s">
        <v>12117</v>
      </c>
      <c r="J3807" s="1" t="s">
        <v>12283</v>
      </c>
      <c r="K3807" s="1" t="s">
        <v>2426</v>
      </c>
      <c r="L3807" s="1" t="s">
        <v>13277</v>
      </c>
      <c r="M3807" s="1" t="s">
        <v>5</v>
      </c>
      <c r="N3807" s="1" t="s">
        <v>1009</v>
      </c>
      <c r="O3807" s="1" t="s">
        <v>8</v>
      </c>
      <c r="P3807" s="5" t="s">
        <v>30359</v>
      </c>
    </row>
    <row r="3808" spans="1:16" x14ac:dyDescent="0.2">
      <c r="A3808" s="1" t="s">
        <v>10</v>
      </c>
      <c r="B3808" s="1" t="s">
        <v>10</v>
      </c>
      <c r="C3808" s="1" t="s">
        <v>13283</v>
      </c>
      <c r="D3808" s="1" t="s">
        <v>13283</v>
      </c>
      <c r="E3808" s="1" t="s">
        <v>13284</v>
      </c>
      <c r="F3808" s="1" t="s">
        <v>10</v>
      </c>
      <c r="G3808" s="1" t="s">
        <v>10</v>
      </c>
      <c r="H3808" s="1" t="s">
        <v>10</v>
      </c>
      <c r="I3808" s="1" t="s">
        <v>12117</v>
      </c>
      <c r="J3808" s="1" t="s">
        <v>10</v>
      </c>
      <c r="K3808" s="1" t="s">
        <v>10</v>
      </c>
      <c r="L3808" s="1" t="s">
        <v>13282</v>
      </c>
      <c r="M3808" s="1" t="s">
        <v>5</v>
      </c>
      <c r="N3808" s="1" t="s">
        <v>432</v>
      </c>
      <c r="O3808" s="1" t="s">
        <v>8</v>
      </c>
      <c r="P3808" s="5"/>
    </row>
    <row r="3809" spans="1:16" x14ac:dyDescent="0.2">
      <c r="A3809" s="1" t="s">
        <v>20</v>
      </c>
      <c r="B3809" s="1" t="s">
        <v>1047</v>
      </c>
      <c r="C3809" s="1" t="s">
        <v>13286</v>
      </c>
      <c r="D3809" s="1" t="s">
        <v>13287</v>
      </c>
      <c r="E3809" s="1" t="s">
        <v>13288</v>
      </c>
      <c r="F3809" s="1" t="s">
        <v>10</v>
      </c>
      <c r="G3809" s="1" t="s">
        <v>10</v>
      </c>
      <c r="H3809" s="1" t="s">
        <v>10</v>
      </c>
      <c r="I3809" s="1" t="s">
        <v>12117</v>
      </c>
      <c r="J3809" s="1" t="s">
        <v>12148</v>
      </c>
      <c r="K3809" s="1" t="s">
        <v>1468</v>
      </c>
      <c r="L3809" s="1" t="s">
        <v>13285</v>
      </c>
      <c r="M3809" s="1" t="s">
        <v>5</v>
      </c>
      <c r="N3809" s="1" t="s">
        <v>25</v>
      </c>
      <c r="O3809" s="1" t="s">
        <v>38</v>
      </c>
      <c r="P3809" s="5" t="s">
        <v>31537</v>
      </c>
    </row>
    <row r="3810" spans="1:16" x14ac:dyDescent="0.2">
      <c r="A3810" s="1" t="s">
        <v>20</v>
      </c>
      <c r="B3810" s="1" t="s">
        <v>310</v>
      </c>
      <c r="C3810" s="1" t="s">
        <v>13290</v>
      </c>
      <c r="D3810" s="1" t="s">
        <v>13291</v>
      </c>
      <c r="E3810" s="1" t="s">
        <v>13292</v>
      </c>
      <c r="F3810" s="1" t="s">
        <v>10</v>
      </c>
      <c r="G3810" s="1" t="s">
        <v>10</v>
      </c>
      <c r="H3810" s="1" t="s">
        <v>10</v>
      </c>
      <c r="I3810" s="1" t="s">
        <v>12117</v>
      </c>
      <c r="J3810" s="1" t="s">
        <v>19</v>
      </c>
      <c r="K3810" s="1" t="s">
        <v>100</v>
      </c>
      <c r="L3810" s="1" t="s">
        <v>13289</v>
      </c>
      <c r="M3810" s="1" t="s">
        <v>5</v>
      </c>
      <c r="N3810" s="1" t="s">
        <v>10</v>
      </c>
      <c r="O3810" s="1" t="s">
        <v>38</v>
      </c>
      <c r="P3810" s="5" t="s">
        <v>31622</v>
      </c>
    </row>
    <row r="3811" spans="1:16" x14ac:dyDescent="0.2">
      <c r="A3811" s="1" t="s">
        <v>66</v>
      </c>
      <c r="B3811" s="1" t="s">
        <v>574</v>
      </c>
      <c r="C3811" s="1" t="s">
        <v>13294</v>
      </c>
      <c r="D3811" s="1" t="s">
        <v>363</v>
      </c>
      <c r="E3811" s="1" t="s">
        <v>13295</v>
      </c>
      <c r="F3811" s="1" t="s">
        <v>10</v>
      </c>
      <c r="G3811" s="1" t="s">
        <v>10</v>
      </c>
      <c r="H3811" s="1" t="s">
        <v>10</v>
      </c>
      <c r="I3811" s="1" t="s">
        <v>12117</v>
      </c>
      <c r="J3811" s="1" t="s">
        <v>19</v>
      </c>
      <c r="K3811" s="1" t="s">
        <v>37</v>
      </c>
      <c r="L3811" s="1" t="s">
        <v>13293</v>
      </c>
      <c r="M3811" s="1" t="s">
        <v>5</v>
      </c>
      <c r="N3811" s="1" t="s">
        <v>1009</v>
      </c>
      <c r="O3811" s="1" t="s">
        <v>38</v>
      </c>
      <c r="P3811" s="5" t="s">
        <v>31623</v>
      </c>
    </row>
    <row r="3812" spans="1:16" x14ac:dyDescent="0.2">
      <c r="A3812" s="1" t="s">
        <v>66</v>
      </c>
      <c r="B3812" s="1" t="s">
        <v>574</v>
      </c>
      <c r="C3812" s="1" t="s">
        <v>13297</v>
      </c>
      <c r="D3812" s="1" t="s">
        <v>13298</v>
      </c>
      <c r="E3812" s="1" t="s">
        <v>13299</v>
      </c>
      <c r="F3812" s="1" t="s">
        <v>10</v>
      </c>
      <c r="G3812" s="1" t="s">
        <v>10</v>
      </c>
      <c r="H3812" s="1" t="s">
        <v>10</v>
      </c>
      <c r="I3812" s="1" t="s">
        <v>12117</v>
      </c>
      <c r="J3812" s="1" t="s">
        <v>19</v>
      </c>
      <c r="K3812" s="1" t="s">
        <v>37</v>
      </c>
      <c r="L3812" s="1" t="s">
        <v>13296</v>
      </c>
      <c r="M3812" s="1" t="s">
        <v>5</v>
      </c>
      <c r="N3812" s="1" t="s">
        <v>25</v>
      </c>
      <c r="O3812" s="1" t="s">
        <v>38</v>
      </c>
      <c r="P3812" s="5" t="s">
        <v>31624</v>
      </c>
    </row>
    <row r="3813" spans="1:16" x14ac:dyDescent="0.2">
      <c r="A3813" s="1" t="s">
        <v>66</v>
      </c>
      <c r="B3813" s="1" t="s">
        <v>574</v>
      </c>
      <c r="C3813" s="1" t="s">
        <v>13301</v>
      </c>
      <c r="D3813" s="1" t="s">
        <v>13301</v>
      </c>
      <c r="E3813" s="1" t="s">
        <v>13302</v>
      </c>
      <c r="F3813" s="1" t="s">
        <v>10</v>
      </c>
      <c r="G3813" s="1" t="s">
        <v>10</v>
      </c>
      <c r="H3813" s="1" t="s">
        <v>10</v>
      </c>
      <c r="I3813" s="1" t="s">
        <v>12117</v>
      </c>
      <c r="J3813" s="1" t="s">
        <v>19</v>
      </c>
      <c r="K3813" s="1" t="s">
        <v>37</v>
      </c>
      <c r="L3813" s="1" t="s">
        <v>13300</v>
      </c>
      <c r="M3813" s="1" t="s">
        <v>5</v>
      </c>
      <c r="N3813" s="1" t="s">
        <v>1009</v>
      </c>
      <c r="O3813" s="1" t="s">
        <v>38</v>
      </c>
      <c r="P3813" s="5" t="s">
        <v>31625</v>
      </c>
    </row>
    <row r="3814" spans="1:16" x14ac:dyDescent="0.2">
      <c r="A3814" s="1" t="s">
        <v>42</v>
      </c>
      <c r="B3814" s="1" t="s">
        <v>1858</v>
      </c>
      <c r="C3814" s="1" t="s">
        <v>13305</v>
      </c>
      <c r="D3814" s="1" t="s">
        <v>13306</v>
      </c>
      <c r="E3814" s="1" t="s">
        <v>13307</v>
      </c>
      <c r="F3814" s="1" t="s">
        <v>10</v>
      </c>
      <c r="G3814" s="1" t="s">
        <v>10</v>
      </c>
      <c r="H3814" s="1" t="s">
        <v>10</v>
      </c>
      <c r="I3814" s="1" t="s">
        <v>12117</v>
      </c>
      <c r="J3814" s="1" t="s">
        <v>19</v>
      </c>
      <c r="K3814" s="1" t="s">
        <v>37</v>
      </c>
      <c r="L3814" s="1" t="s">
        <v>13304</v>
      </c>
      <c r="M3814" s="1" t="s">
        <v>5</v>
      </c>
      <c r="N3814" s="1" t="s">
        <v>1009</v>
      </c>
      <c r="O3814" s="1" t="s">
        <v>38</v>
      </c>
      <c r="P3814" s="5" t="s">
        <v>31551</v>
      </c>
    </row>
    <row r="3815" spans="1:16" x14ac:dyDescent="0.2">
      <c r="A3815" s="1" t="s">
        <v>423</v>
      </c>
      <c r="B3815" s="1" t="s">
        <v>9314</v>
      </c>
      <c r="C3815" s="1" t="s">
        <v>6457</v>
      </c>
      <c r="D3815" s="1" t="s">
        <v>6457</v>
      </c>
      <c r="E3815" s="1" t="s">
        <v>13309</v>
      </c>
      <c r="F3815" s="1" t="s">
        <v>27</v>
      </c>
      <c r="G3815" s="1" t="s">
        <v>10</v>
      </c>
      <c r="H3815" s="1" t="s">
        <v>13310</v>
      </c>
      <c r="I3815" s="1" t="s">
        <v>12117</v>
      </c>
      <c r="J3815" s="1" t="s">
        <v>19</v>
      </c>
      <c r="K3815" s="1" t="s">
        <v>64</v>
      </c>
      <c r="L3815" s="1" t="s">
        <v>13308</v>
      </c>
      <c r="M3815" s="1" t="s">
        <v>5</v>
      </c>
      <c r="N3815" s="1" t="s">
        <v>10</v>
      </c>
      <c r="O3815" s="1" t="s">
        <v>8</v>
      </c>
      <c r="P3815" s="5" t="s">
        <v>31626</v>
      </c>
    </row>
    <row r="3816" spans="1:16" x14ac:dyDescent="0.2">
      <c r="A3816" s="1" t="s">
        <v>42</v>
      </c>
      <c r="B3816" s="1" t="s">
        <v>50</v>
      </c>
      <c r="C3816" s="1" t="s">
        <v>13312</v>
      </c>
      <c r="D3816" s="1" t="s">
        <v>13313</v>
      </c>
      <c r="E3816" s="1" t="s">
        <v>13315</v>
      </c>
      <c r="F3816" s="1" t="s">
        <v>27</v>
      </c>
      <c r="G3816" s="1" t="s">
        <v>10</v>
      </c>
      <c r="H3816" s="1" t="s">
        <v>57</v>
      </c>
      <c r="I3816" s="1" t="s">
        <v>12117</v>
      </c>
      <c r="J3816" s="1" t="s">
        <v>19</v>
      </c>
      <c r="K3816" s="1" t="s">
        <v>13314</v>
      </c>
      <c r="L3816" s="1" t="s">
        <v>13311</v>
      </c>
      <c r="M3816" s="1" t="s">
        <v>5</v>
      </c>
      <c r="N3816" s="1" t="s">
        <v>25</v>
      </c>
      <c r="O3816" s="1" t="s">
        <v>8</v>
      </c>
      <c r="P3816" s="5" t="s">
        <v>31627</v>
      </c>
    </row>
    <row r="3817" spans="1:16" x14ac:dyDescent="0.2">
      <c r="A3817" s="1" t="s">
        <v>20</v>
      </c>
      <c r="B3817" s="1" t="s">
        <v>445</v>
      </c>
      <c r="C3817" s="1" t="s">
        <v>13317</v>
      </c>
      <c r="D3817" s="1" t="s">
        <v>12158</v>
      </c>
      <c r="E3817" s="1" t="s">
        <v>13318</v>
      </c>
      <c r="F3817" s="1" t="s">
        <v>10</v>
      </c>
      <c r="G3817" s="1" t="s">
        <v>10</v>
      </c>
      <c r="H3817" s="1" t="s">
        <v>10</v>
      </c>
      <c r="I3817" s="1" t="s">
        <v>12117</v>
      </c>
      <c r="J3817" s="1" t="s">
        <v>12130</v>
      </c>
      <c r="K3817" s="1" t="s">
        <v>27</v>
      </c>
      <c r="L3817" s="1" t="s">
        <v>13316</v>
      </c>
      <c r="M3817" s="1" t="s">
        <v>5</v>
      </c>
      <c r="N3817" s="1" t="s">
        <v>25</v>
      </c>
      <c r="O3817" s="1" t="s">
        <v>38</v>
      </c>
      <c r="P3817" s="5" t="s">
        <v>31628</v>
      </c>
    </row>
    <row r="3818" spans="1:16" x14ac:dyDescent="0.2">
      <c r="A3818" s="1" t="s">
        <v>1086</v>
      </c>
      <c r="B3818" s="1" t="s">
        <v>1400</v>
      </c>
      <c r="C3818" s="1" t="s">
        <v>13320</v>
      </c>
      <c r="D3818" s="1" t="s">
        <v>13321</v>
      </c>
      <c r="E3818" s="1" t="s">
        <v>13322</v>
      </c>
      <c r="F3818" s="1" t="s">
        <v>10</v>
      </c>
      <c r="G3818" s="1" t="s">
        <v>10</v>
      </c>
      <c r="H3818" s="1" t="s">
        <v>10</v>
      </c>
      <c r="I3818" s="1" t="s">
        <v>12117</v>
      </c>
      <c r="J3818" s="1" t="s">
        <v>19</v>
      </c>
      <c r="K3818" s="1" t="s">
        <v>64</v>
      </c>
      <c r="L3818" s="1" t="s">
        <v>13319</v>
      </c>
      <c r="M3818" s="1" t="s">
        <v>5</v>
      </c>
      <c r="N3818" s="1" t="s">
        <v>25</v>
      </c>
      <c r="O3818" s="1" t="s">
        <v>38</v>
      </c>
      <c r="P3818" s="5" t="s">
        <v>31629</v>
      </c>
    </row>
    <row r="3819" spans="1:16" x14ac:dyDescent="0.2">
      <c r="A3819" s="1" t="s">
        <v>10</v>
      </c>
      <c r="B3819" s="1" t="s">
        <v>10</v>
      </c>
      <c r="C3819" s="1" t="s">
        <v>13324</v>
      </c>
      <c r="D3819" s="1" t="s">
        <v>10</v>
      </c>
      <c r="E3819" s="1" t="s">
        <v>10</v>
      </c>
      <c r="F3819" s="1" t="s">
        <v>10</v>
      </c>
      <c r="G3819" s="1" t="s">
        <v>10</v>
      </c>
      <c r="H3819" s="1" t="s">
        <v>10</v>
      </c>
      <c r="I3819" s="1" t="s">
        <v>12117</v>
      </c>
      <c r="J3819" s="1" t="s">
        <v>10</v>
      </c>
      <c r="K3819" s="1" t="s">
        <v>10</v>
      </c>
      <c r="L3819" s="1" t="s">
        <v>13323</v>
      </c>
      <c r="M3819" s="1" t="s">
        <v>5</v>
      </c>
      <c r="N3819" s="1" t="s">
        <v>10</v>
      </c>
      <c r="O3819" s="1" t="s">
        <v>10</v>
      </c>
      <c r="P3819" s="5"/>
    </row>
    <row r="3820" spans="1:16" x14ac:dyDescent="0.2">
      <c r="A3820" s="1" t="s">
        <v>20</v>
      </c>
      <c r="B3820" s="1" t="s">
        <v>445</v>
      </c>
      <c r="C3820" s="1" t="s">
        <v>13326</v>
      </c>
      <c r="D3820" s="1" t="s">
        <v>13327</v>
      </c>
      <c r="E3820" s="1" t="s">
        <v>13328</v>
      </c>
      <c r="F3820" s="1" t="s">
        <v>10</v>
      </c>
      <c r="G3820" s="1" t="s">
        <v>10</v>
      </c>
      <c r="H3820" s="1" t="s">
        <v>10</v>
      </c>
      <c r="I3820" s="1" t="s">
        <v>12117</v>
      </c>
      <c r="J3820" s="1" t="s">
        <v>12148</v>
      </c>
      <c r="K3820" s="1" t="s">
        <v>27</v>
      </c>
      <c r="L3820" s="1" t="s">
        <v>13325</v>
      </c>
      <c r="M3820" s="1" t="s">
        <v>5</v>
      </c>
      <c r="N3820" s="1" t="s">
        <v>25</v>
      </c>
      <c r="O3820" s="1" t="s">
        <v>38</v>
      </c>
      <c r="P3820" s="5" t="s">
        <v>30360</v>
      </c>
    </row>
    <row r="3821" spans="1:16" x14ac:dyDescent="0.2">
      <c r="A3821" s="1" t="s">
        <v>20</v>
      </c>
      <c r="B3821" s="1" t="s">
        <v>445</v>
      </c>
      <c r="C3821" s="1" t="s">
        <v>13330</v>
      </c>
      <c r="D3821" s="1" t="s">
        <v>13331</v>
      </c>
      <c r="E3821" s="1" t="s">
        <v>13332</v>
      </c>
      <c r="F3821" s="1" t="s">
        <v>10</v>
      </c>
      <c r="G3821" s="1" t="s">
        <v>10</v>
      </c>
      <c r="H3821" s="1" t="s">
        <v>10</v>
      </c>
      <c r="I3821" s="1" t="s">
        <v>12117</v>
      </c>
      <c r="J3821" s="1" t="s">
        <v>12148</v>
      </c>
      <c r="K3821" s="1" t="s">
        <v>27</v>
      </c>
      <c r="L3821" s="1" t="s">
        <v>13329</v>
      </c>
      <c r="M3821" s="1" t="s">
        <v>5</v>
      </c>
      <c r="N3821" s="1" t="s">
        <v>25</v>
      </c>
      <c r="O3821" s="1" t="s">
        <v>38</v>
      </c>
      <c r="P3821" s="5" t="s">
        <v>31523</v>
      </c>
    </row>
    <row r="3822" spans="1:16" x14ac:dyDescent="0.2">
      <c r="A3822" s="1" t="s">
        <v>20</v>
      </c>
      <c r="B3822" s="1" t="s">
        <v>445</v>
      </c>
      <c r="C3822" s="1" t="s">
        <v>13334</v>
      </c>
      <c r="D3822" s="1" t="s">
        <v>13335</v>
      </c>
      <c r="E3822" s="1" t="s">
        <v>13336</v>
      </c>
      <c r="F3822" s="1" t="s">
        <v>10</v>
      </c>
      <c r="G3822" s="1" t="s">
        <v>10</v>
      </c>
      <c r="H3822" s="1" t="s">
        <v>10</v>
      </c>
      <c r="I3822" s="1" t="s">
        <v>12117</v>
      </c>
      <c r="J3822" s="1" t="s">
        <v>12148</v>
      </c>
      <c r="K3822" s="1" t="s">
        <v>27</v>
      </c>
      <c r="L3822" s="1" t="s">
        <v>13333</v>
      </c>
      <c r="M3822" s="1" t="s">
        <v>5</v>
      </c>
      <c r="N3822" s="1" t="s">
        <v>25</v>
      </c>
      <c r="O3822" s="1" t="s">
        <v>38</v>
      </c>
      <c r="P3822" s="5" t="s">
        <v>31489</v>
      </c>
    </row>
    <row r="3823" spans="1:16" x14ac:dyDescent="0.2">
      <c r="A3823" s="1" t="s">
        <v>20</v>
      </c>
      <c r="B3823" s="1" t="s">
        <v>445</v>
      </c>
      <c r="C3823" s="1" t="s">
        <v>13338</v>
      </c>
      <c r="D3823" s="1" t="s">
        <v>13339</v>
      </c>
      <c r="E3823" s="1" t="s">
        <v>13340</v>
      </c>
      <c r="F3823" s="1" t="s">
        <v>10</v>
      </c>
      <c r="G3823" s="1" t="s">
        <v>10</v>
      </c>
      <c r="H3823" s="1" t="s">
        <v>10</v>
      </c>
      <c r="I3823" s="1" t="s">
        <v>12117</v>
      </c>
      <c r="J3823" s="1" t="s">
        <v>12148</v>
      </c>
      <c r="K3823" s="1" t="s">
        <v>27</v>
      </c>
      <c r="L3823" s="1" t="s">
        <v>13337</v>
      </c>
      <c r="M3823" s="1" t="s">
        <v>5</v>
      </c>
      <c r="N3823" s="1" t="s">
        <v>25</v>
      </c>
      <c r="O3823" s="1" t="s">
        <v>38</v>
      </c>
      <c r="P3823" s="5" t="s">
        <v>31489</v>
      </c>
    </row>
    <row r="3824" spans="1:16" x14ac:dyDescent="0.2">
      <c r="A3824" s="1" t="s">
        <v>42</v>
      </c>
      <c r="B3824" s="1" t="s">
        <v>50</v>
      </c>
      <c r="C3824" s="1" t="s">
        <v>13342</v>
      </c>
      <c r="D3824" s="1" t="s">
        <v>13343</v>
      </c>
      <c r="E3824" s="1" t="s">
        <v>13007</v>
      </c>
      <c r="F3824" s="1" t="s">
        <v>10</v>
      </c>
      <c r="G3824" s="1" t="s">
        <v>10</v>
      </c>
      <c r="H3824" s="1" t="s">
        <v>10</v>
      </c>
      <c r="I3824" s="1" t="s">
        <v>12117</v>
      </c>
      <c r="J3824" s="1" t="s">
        <v>19</v>
      </c>
      <c r="K3824" s="1" t="s">
        <v>47</v>
      </c>
      <c r="L3824" s="1" t="s">
        <v>13341</v>
      </c>
      <c r="M3824" s="1" t="s">
        <v>5</v>
      </c>
      <c r="N3824" s="1" t="s">
        <v>1009</v>
      </c>
      <c r="O3824" s="1" t="s">
        <v>38</v>
      </c>
      <c r="P3824" s="5" t="s">
        <v>31526</v>
      </c>
    </row>
    <row r="3825" spans="1:16" x14ac:dyDescent="0.2">
      <c r="A3825" s="1" t="s">
        <v>66</v>
      </c>
      <c r="B3825" s="1" t="s">
        <v>574</v>
      </c>
      <c r="C3825" s="1" t="s">
        <v>13345</v>
      </c>
      <c r="D3825" s="1" t="s">
        <v>13346</v>
      </c>
      <c r="E3825" s="1" t="s">
        <v>13347</v>
      </c>
      <c r="F3825" s="1" t="s">
        <v>10</v>
      </c>
      <c r="G3825" s="1" t="s">
        <v>10</v>
      </c>
      <c r="H3825" s="1" t="s">
        <v>10</v>
      </c>
      <c r="I3825" s="1" t="s">
        <v>12117</v>
      </c>
      <c r="J3825" s="1" t="s">
        <v>12148</v>
      </c>
      <c r="K3825" s="1" t="s">
        <v>27</v>
      </c>
      <c r="L3825" s="1" t="s">
        <v>13344</v>
      </c>
      <c r="M3825" s="1" t="s">
        <v>5</v>
      </c>
      <c r="N3825" s="1" t="s">
        <v>1009</v>
      </c>
      <c r="O3825" s="1" t="s">
        <v>38</v>
      </c>
      <c r="P3825" s="5" t="s">
        <v>31630</v>
      </c>
    </row>
    <row r="3826" spans="1:16" x14ac:dyDescent="0.2">
      <c r="A3826" s="1" t="s">
        <v>66</v>
      </c>
      <c r="B3826" s="1" t="s">
        <v>574</v>
      </c>
      <c r="C3826" s="1" t="s">
        <v>13349</v>
      </c>
      <c r="D3826" s="1" t="s">
        <v>13350</v>
      </c>
      <c r="E3826" s="1" t="s">
        <v>13351</v>
      </c>
      <c r="F3826" s="1" t="s">
        <v>10</v>
      </c>
      <c r="G3826" s="1" t="s">
        <v>10</v>
      </c>
      <c r="H3826" s="1" t="s">
        <v>10</v>
      </c>
      <c r="I3826" s="1" t="s">
        <v>12117</v>
      </c>
      <c r="J3826" s="1" t="s">
        <v>12148</v>
      </c>
      <c r="K3826" s="1" t="s">
        <v>27</v>
      </c>
      <c r="L3826" s="1" t="s">
        <v>13348</v>
      </c>
      <c r="M3826" s="1" t="s">
        <v>5</v>
      </c>
      <c r="N3826" s="1" t="s">
        <v>1009</v>
      </c>
      <c r="O3826" s="1" t="s">
        <v>38</v>
      </c>
      <c r="P3826" s="5" t="s">
        <v>31631</v>
      </c>
    </row>
    <row r="3827" spans="1:16" x14ac:dyDescent="0.2">
      <c r="A3827" s="1" t="s">
        <v>20</v>
      </c>
      <c r="B3827" s="1" t="s">
        <v>445</v>
      </c>
      <c r="C3827" s="1" t="s">
        <v>13353</v>
      </c>
      <c r="D3827" s="1" t="s">
        <v>13354</v>
      </c>
      <c r="E3827" s="1" t="s">
        <v>13355</v>
      </c>
      <c r="F3827" s="1" t="s">
        <v>10</v>
      </c>
      <c r="G3827" s="1" t="s">
        <v>10</v>
      </c>
      <c r="H3827" s="1" t="s">
        <v>10</v>
      </c>
      <c r="I3827" s="1" t="s">
        <v>12117</v>
      </c>
      <c r="J3827" s="1" t="s">
        <v>12148</v>
      </c>
      <c r="K3827" s="1" t="s">
        <v>1468</v>
      </c>
      <c r="L3827" s="1" t="s">
        <v>13352</v>
      </c>
      <c r="M3827" s="1" t="s">
        <v>5</v>
      </c>
      <c r="N3827" s="1" t="s">
        <v>25</v>
      </c>
      <c r="O3827" s="1" t="s">
        <v>38</v>
      </c>
      <c r="P3827" s="5" t="s">
        <v>31632</v>
      </c>
    </row>
    <row r="3828" spans="1:16" x14ac:dyDescent="0.2">
      <c r="A3828" s="1" t="s">
        <v>20</v>
      </c>
      <c r="B3828" s="1" t="s">
        <v>309</v>
      </c>
      <c r="C3828" s="1" t="s">
        <v>13357</v>
      </c>
      <c r="D3828" s="1" t="s">
        <v>13358</v>
      </c>
      <c r="E3828" s="1" t="s">
        <v>13357</v>
      </c>
      <c r="F3828" s="1" t="s">
        <v>10</v>
      </c>
      <c r="G3828" s="1" t="s">
        <v>10</v>
      </c>
      <c r="H3828" s="1" t="s">
        <v>10</v>
      </c>
      <c r="I3828" s="1" t="s">
        <v>12117</v>
      </c>
      <c r="J3828" s="1" t="s">
        <v>12148</v>
      </c>
      <c r="K3828" s="1" t="s">
        <v>27</v>
      </c>
      <c r="L3828" s="1" t="s">
        <v>13356</v>
      </c>
      <c r="M3828" s="1" t="s">
        <v>5</v>
      </c>
      <c r="N3828" s="1" t="s">
        <v>25</v>
      </c>
      <c r="O3828" s="1" t="s">
        <v>38</v>
      </c>
      <c r="P3828" s="5" t="s">
        <v>31537</v>
      </c>
    </row>
    <row r="3829" spans="1:16" x14ac:dyDescent="0.2">
      <c r="A3829" s="1" t="s">
        <v>42</v>
      </c>
      <c r="B3829" s="1" t="s">
        <v>118</v>
      </c>
      <c r="C3829" s="1" t="s">
        <v>7301</v>
      </c>
      <c r="D3829" s="1" t="s">
        <v>7301</v>
      </c>
      <c r="E3829" s="1" t="s">
        <v>13360</v>
      </c>
      <c r="F3829" s="1" t="s">
        <v>27</v>
      </c>
      <c r="G3829" s="1" t="s">
        <v>10</v>
      </c>
      <c r="H3829" s="1" t="s">
        <v>13361</v>
      </c>
      <c r="I3829" s="1" t="s">
        <v>12117</v>
      </c>
      <c r="J3829" s="1" t="s">
        <v>12188</v>
      </c>
      <c r="K3829" s="1" t="s">
        <v>747</v>
      </c>
      <c r="L3829" s="1" t="s">
        <v>13359</v>
      </c>
      <c r="M3829" s="1" t="s">
        <v>5</v>
      </c>
      <c r="N3829" s="1" t="s">
        <v>25</v>
      </c>
      <c r="O3829" s="1" t="s">
        <v>8</v>
      </c>
      <c r="P3829" s="5" t="s">
        <v>31633</v>
      </c>
    </row>
    <row r="3830" spans="1:16" x14ac:dyDescent="0.2">
      <c r="A3830" s="1" t="s">
        <v>1984</v>
      </c>
      <c r="B3830" s="1" t="s">
        <v>1985</v>
      </c>
      <c r="C3830" s="1" t="s">
        <v>13363</v>
      </c>
      <c r="D3830" s="1" t="s">
        <v>13364</v>
      </c>
      <c r="E3830" s="1" t="s">
        <v>13365</v>
      </c>
      <c r="F3830" s="1" t="s">
        <v>10</v>
      </c>
      <c r="G3830" s="1" t="s">
        <v>10</v>
      </c>
      <c r="H3830" s="1" t="s">
        <v>10</v>
      </c>
      <c r="I3830" s="1" t="s">
        <v>12117</v>
      </c>
      <c r="J3830" s="1" t="s">
        <v>12121</v>
      </c>
      <c r="K3830" s="1" t="s">
        <v>7</v>
      </c>
      <c r="L3830" s="1" t="s">
        <v>13362</v>
      </c>
      <c r="M3830" s="1" t="s">
        <v>5</v>
      </c>
      <c r="N3830" s="1" t="s">
        <v>10</v>
      </c>
      <c r="O3830" s="1" t="s">
        <v>38</v>
      </c>
      <c r="P3830" s="5" t="s">
        <v>30361</v>
      </c>
    </row>
    <row r="3831" spans="1:16" x14ac:dyDescent="0.2">
      <c r="A3831" s="1" t="s">
        <v>20</v>
      </c>
      <c r="B3831" s="1" t="s">
        <v>445</v>
      </c>
      <c r="C3831" s="1" t="s">
        <v>13367</v>
      </c>
      <c r="D3831" s="1" t="s">
        <v>13368</v>
      </c>
      <c r="E3831" s="1" t="s">
        <v>13369</v>
      </c>
      <c r="F3831" s="1" t="s">
        <v>10</v>
      </c>
      <c r="G3831" s="1" t="s">
        <v>10</v>
      </c>
      <c r="H3831" s="1" t="s">
        <v>10</v>
      </c>
      <c r="I3831" s="1" t="s">
        <v>12117</v>
      </c>
      <c r="J3831" s="1" t="s">
        <v>12144</v>
      </c>
      <c r="K3831" s="1" t="s">
        <v>27</v>
      </c>
      <c r="L3831" s="1" t="s">
        <v>13366</v>
      </c>
      <c r="M3831" s="1" t="s">
        <v>5</v>
      </c>
      <c r="N3831" s="1" t="s">
        <v>1009</v>
      </c>
      <c r="O3831" s="1" t="s">
        <v>38</v>
      </c>
      <c r="P3831" s="5" t="s">
        <v>31550</v>
      </c>
    </row>
    <row r="3832" spans="1:16" x14ac:dyDescent="0.2">
      <c r="A3832" s="1" t="s">
        <v>66</v>
      </c>
      <c r="B3832" s="1" t="s">
        <v>1812</v>
      </c>
      <c r="C3832" s="1" t="s">
        <v>13371</v>
      </c>
      <c r="D3832" s="1" t="s">
        <v>13371</v>
      </c>
      <c r="E3832" s="1" t="s">
        <v>13372</v>
      </c>
      <c r="F3832" s="1" t="s">
        <v>10</v>
      </c>
      <c r="G3832" s="1" t="s">
        <v>10</v>
      </c>
      <c r="H3832" s="1" t="s">
        <v>10</v>
      </c>
      <c r="I3832" s="1" t="s">
        <v>12117</v>
      </c>
      <c r="J3832" s="1" t="s">
        <v>12130</v>
      </c>
      <c r="K3832" s="1" t="s">
        <v>27</v>
      </c>
      <c r="L3832" s="1" t="s">
        <v>13370</v>
      </c>
      <c r="M3832" s="1" t="s">
        <v>5</v>
      </c>
      <c r="N3832" s="1" t="s">
        <v>25</v>
      </c>
      <c r="O3832" s="1" t="s">
        <v>38</v>
      </c>
      <c r="P3832" s="5" t="s">
        <v>31634</v>
      </c>
    </row>
    <row r="3833" spans="1:16" x14ac:dyDescent="0.2">
      <c r="A3833" s="1" t="s">
        <v>20</v>
      </c>
      <c r="B3833" s="1" t="s">
        <v>445</v>
      </c>
      <c r="C3833" s="1" t="s">
        <v>13374</v>
      </c>
      <c r="D3833" s="1" t="s">
        <v>13375</v>
      </c>
      <c r="E3833" s="1" t="s">
        <v>13376</v>
      </c>
      <c r="F3833" s="1" t="s">
        <v>10</v>
      </c>
      <c r="G3833" s="1" t="s">
        <v>10</v>
      </c>
      <c r="H3833" s="1" t="s">
        <v>10</v>
      </c>
      <c r="I3833" s="1" t="s">
        <v>12117</v>
      </c>
      <c r="J3833" s="1" t="s">
        <v>12144</v>
      </c>
      <c r="K3833" s="1" t="s">
        <v>27</v>
      </c>
      <c r="L3833" s="1" t="s">
        <v>13373</v>
      </c>
      <c r="M3833" s="1" t="s">
        <v>5</v>
      </c>
      <c r="N3833" s="1" t="s">
        <v>25</v>
      </c>
      <c r="O3833" s="1" t="s">
        <v>38</v>
      </c>
      <c r="P3833" s="5" t="s">
        <v>30362</v>
      </c>
    </row>
    <row r="3834" spans="1:16" x14ac:dyDescent="0.2">
      <c r="A3834" s="1" t="s">
        <v>20</v>
      </c>
      <c r="B3834" s="1" t="s">
        <v>445</v>
      </c>
      <c r="C3834" s="1" t="s">
        <v>13378</v>
      </c>
      <c r="D3834" s="1" t="s">
        <v>13379</v>
      </c>
      <c r="E3834" s="1" t="s">
        <v>13380</v>
      </c>
      <c r="F3834" s="1" t="s">
        <v>10</v>
      </c>
      <c r="G3834" s="1" t="s">
        <v>10</v>
      </c>
      <c r="H3834" s="1" t="s">
        <v>10</v>
      </c>
      <c r="I3834" s="1" t="s">
        <v>12117</v>
      </c>
      <c r="J3834" s="1" t="s">
        <v>12144</v>
      </c>
      <c r="K3834" s="1" t="s">
        <v>27</v>
      </c>
      <c r="L3834" s="1" t="s">
        <v>13377</v>
      </c>
      <c r="M3834" s="1" t="s">
        <v>5</v>
      </c>
      <c r="N3834" s="1" t="s">
        <v>25</v>
      </c>
      <c r="O3834" s="1" t="s">
        <v>38</v>
      </c>
      <c r="P3834" s="5" t="s">
        <v>30362</v>
      </c>
    </row>
    <row r="3835" spans="1:16" x14ac:dyDescent="0.2">
      <c r="A3835" s="1" t="s">
        <v>20</v>
      </c>
      <c r="B3835" s="1" t="s">
        <v>445</v>
      </c>
      <c r="C3835" s="1" t="s">
        <v>13382</v>
      </c>
      <c r="D3835" s="1" t="s">
        <v>13383</v>
      </c>
      <c r="E3835" s="1" t="s">
        <v>13384</v>
      </c>
      <c r="F3835" s="1" t="s">
        <v>10</v>
      </c>
      <c r="G3835" s="1" t="s">
        <v>10</v>
      </c>
      <c r="H3835" s="1" t="s">
        <v>10</v>
      </c>
      <c r="I3835" s="1" t="s">
        <v>12117</v>
      </c>
      <c r="J3835" s="1" t="s">
        <v>12144</v>
      </c>
      <c r="K3835" s="1" t="s">
        <v>27</v>
      </c>
      <c r="L3835" s="1" t="s">
        <v>13381</v>
      </c>
      <c r="M3835" s="1" t="s">
        <v>5</v>
      </c>
      <c r="N3835" s="1" t="s">
        <v>1009</v>
      </c>
      <c r="O3835" s="1" t="s">
        <v>38</v>
      </c>
      <c r="P3835" s="5" t="s">
        <v>31635</v>
      </c>
    </row>
    <row r="3836" spans="1:16" x14ac:dyDescent="0.2">
      <c r="A3836" s="1" t="s">
        <v>20</v>
      </c>
      <c r="B3836" s="1" t="s">
        <v>445</v>
      </c>
      <c r="C3836" s="1" t="s">
        <v>13386</v>
      </c>
      <c r="D3836" s="1" t="s">
        <v>13387</v>
      </c>
      <c r="E3836" s="1" t="s">
        <v>13388</v>
      </c>
      <c r="F3836" s="1" t="s">
        <v>10</v>
      </c>
      <c r="G3836" s="1" t="s">
        <v>10</v>
      </c>
      <c r="H3836" s="1" t="s">
        <v>10</v>
      </c>
      <c r="I3836" s="1" t="s">
        <v>12117</v>
      </c>
      <c r="J3836" s="1" t="s">
        <v>12144</v>
      </c>
      <c r="K3836" s="1" t="s">
        <v>27</v>
      </c>
      <c r="L3836" s="1" t="s">
        <v>13385</v>
      </c>
      <c r="M3836" s="1" t="s">
        <v>5</v>
      </c>
      <c r="N3836" s="1" t="s">
        <v>25</v>
      </c>
      <c r="O3836" s="1" t="s">
        <v>38</v>
      </c>
      <c r="P3836" s="5" t="s">
        <v>30363</v>
      </c>
    </row>
    <row r="3837" spans="1:16" x14ac:dyDescent="0.2">
      <c r="A3837" s="1" t="s">
        <v>20</v>
      </c>
      <c r="B3837" s="1" t="s">
        <v>445</v>
      </c>
      <c r="C3837" s="1" t="s">
        <v>13390</v>
      </c>
      <c r="D3837" s="1" t="s">
        <v>13391</v>
      </c>
      <c r="E3837" s="1" t="s">
        <v>13392</v>
      </c>
      <c r="F3837" s="1" t="s">
        <v>10</v>
      </c>
      <c r="G3837" s="1" t="s">
        <v>10</v>
      </c>
      <c r="H3837" s="1" t="s">
        <v>10</v>
      </c>
      <c r="I3837" s="1" t="s">
        <v>12117</v>
      </c>
      <c r="J3837" s="1" t="s">
        <v>12144</v>
      </c>
      <c r="K3837" s="1" t="s">
        <v>27</v>
      </c>
      <c r="L3837" s="1" t="s">
        <v>13389</v>
      </c>
      <c r="M3837" s="1" t="s">
        <v>5</v>
      </c>
      <c r="N3837" s="1" t="s">
        <v>1009</v>
      </c>
      <c r="O3837" s="1" t="s">
        <v>38</v>
      </c>
      <c r="P3837" s="5" t="s">
        <v>31550</v>
      </c>
    </row>
    <row r="3838" spans="1:16" x14ac:dyDescent="0.2">
      <c r="A3838" s="1" t="s">
        <v>194</v>
      </c>
      <c r="B3838" s="1" t="s">
        <v>4492</v>
      </c>
      <c r="C3838" s="1" t="s">
        <v>13394</v>
      </c>
      <c r="D3838" s="1" t="s">
        <v>13395</v>
      </c>
      <c r="E3838" s="1" t="s">
        <v>13396</v>
      </c>
      <c r="F3838" s="1" t="s">
        <v>10</v>
      </c>
      <c r="G3838" s="1" t="s">
        <v>10</v>
      </c>
      <c r="H3838" s="1" t="s">
        <v>10</v>
      </c>
      <c r="I3838" s="1" t="s">
        <v>12117</v>
      </c>
      <c r="J3838" s="1" t="s">
        <v>12655</v>
      </c>
      <c r="K3838" s="1" t="s">
        <v>27</v>
      </c>
      <c r="L3838" s="1" t="s">
        <v>13393</v>
      </c>
      <c r="M3838" s="1" t="s">
        <v>5</v>
      </c>
      <c r="N3838" s="1" t="s">
        <v>1009</v>
      </c>
      <c r="O3838" s="1" t="s">
        <v>38</v>
      </c>
      <c r="P3838" s="5" t="s">
        <v>31636</v>
      </c>
    </row>
    <row r="3839" spans="1:16" x14ac:dyDescent="0.2">
      <c r="A3839" s="1" t="s">
        <v>20</v>
      </c>
      <c r="B3839" s="1" t="s">
        <v>445</v>
      </c>
      <c r="C3839" s="1" t="s">
        <v>13398</v>
      </c>
      <c r="D3839" s="1" t="s">
        <v>13399</v>
      </c>
      <c r="E3839" s="1" t="s">
        <v>13400</v>
      </c>
      <c r="F3839" s="1" t="s">
        <v>10</v>
      </c>
      <c r="G3839" s="1" t="s">
        <v>10</v>
      </c>
      <c r="H3839" s="1" t="s">
        <v>10</v>
      </c>
      <c r="I3839" s="1" t="s">
        <v>12117</v>
      </c>
      <c r="J3839" s="1" t="s">
        <v>12121</v>
      </c>
      <c r="K3839" s="1" t="s">
        <v>7</v>
      </c>
      <c r="L3839" s="1" t="s">
        <v>13397</v>
      </c>
      <c r="M3839" s="1" t="s">
        <v>5</v>
      </c>
      <c r="N3839" s="1" t="s">
        <v>25</v>
      </c>
      <c r="O3839" s="1" t="s">
        <v>38</v>
      </c>
      <c r="P3839" s="5" t="s">
        <v>31637</v>
      </c>
    </row>
    <row r="3840" spans="1:16" x14ac:dyDescent="0.2">
      <c r="A3840" s="1" t="s">
        <v>20</v>
      </c>
      <c r="B3840" s="1" t="s">
        <v>445</v>
      </c>
      <c r="C3840" s="1" t="s">
        <v>13402</v>
      </c>
      <c r="D3840" s="1" t="s">
        <v>13403</v>
      </c>
      <c r="E3840" s="1"/>
      <c r="F3840" s="1" t="s">
        <v>10</v>
      </c>
      <c r="G3840" s="1" t="s">
        <v>10</v>
      </c>
      <c r="H3840" s="1" t="s">
        <v>10</v>
      </c>
      <c r="I3840" s="1" t="s">
        <v>12117</v>
      </c>
      <c r="J3840" s="1" t="s">
        <v>12148</v>
      </c>
      <c r="K3840" s="1" t="s">
        <v>27</v>
      </c>
      <c r="L3840" s="1" t="s">
        <v>13401</v>
      </c>
      <c r="M3840" s="1" t="s">
        <v>5</v>
      </c>
      <c r="N3840" s="1" t="s">
        <v>25</v>
      </c>
      <c r="O3840" s="1" t="s">
        <v>38</v>
      </c>
      <c r="P3840" s="5" t="s">
        <v>31638</v>
      </c>
    </row>
    <row r="3841" spans="1:16" x14ac:dyDescent="0.2">
      <c r="A3841" s="1" t="s">
        <v>20</v>
      </c>
      <c r="B3841" s="1" t="s">
        <v>445</v>
      </c>
      <c r="C3841" s="1" t="s">
        <v>13405</v>
      </c>
      <c r="D3841" s="1" t="s">
        <v>13406</v>
      </c>
      <c r="E3841" s="1" t="s">
        <v>13407</v>
      </c>
      <c r="F3841" s="1" t="s">
        <v>10</v>
      </c>
      <c r="G3841" s="1" t="s">
        <v>10</v>
      </c>
      <c r="H3841" s="1" t="s">
        <v>10</v>
      </c>
      <c r="I3841" s="1" t="s">
        <v>12117</v>
      </c>
      <c r="J3841" s="1" t="s">
        <v>12148</v>
      </c>
      <c r="K3841" s="1" t="s">
        <v>27</v>
      </c>
      <c r="L3841" s="1" t="s">
        <v>13404</v>
      </c>
      <c r="M3841" s="1" t="s">
        <v>5</v>
      </c>
      <c r="N3841" s="1" t="s">
        <v>1009</v>
      </c>
      <c r="O3841" s="1" t="s">
        <v>38</v>
      </c>
      <c r="P3841" s="5" t="s">
        <v>31639</v>
      </c>
    </row>
    <row r="3842" spans="1:16" x14ac:dyDescent="0.2">
      <c r="A3842" s="1" t="s">
        <v>194</v>
      </c>
      <c r="B3842" s="1" t="s">
        <v>4492</v>
      </c>
      <c r="C3842" s="1" t="s">
        <v>13409</v>
      </c>
      <c r="D3842" s="1" t="s">
        <v>13410</v>
      </c>
      <c r="E3842" s="1" t="s">
        <v>13411</v>
      </c>
      <c r="F3842" s="1" t="s">
        <v>474</v>
      </c>
      <c r="G3842" s="1" t="s">
        <v>4490</v>
      </c>
      <c r="H3842" s="1" t="s">
        <v>10</v>
      </c>
      <c r="I3842" s="1" t="s">
        <v>12117</v>
      </c>
      <c r="J3842" s="1" t="s">
        <v>12655</v>
      </c>
      <c r="K3842" s="1" t="s">
        <v>443</v>
      </c>
      <c r="L3842" s="1" t="s">
        <v>13408</v>
      </c>
      <c r="M3842" s="1" t="s">
        <v>5</v>
      </c>
      <c r="N3842" s="1" t="s">
        <v>1009</v>
      </c>
      <c r="O3842" s="1" t="s">
        <v>8</v>
      </c>
      <c r="P3842" s="5" t="s">
        <v>31640</v>
      </c>
    </row>
    <row r="3843" spans="1:16" x14ac:dyDescent="0.2">
      <c r="A3843" s="1" t="s">
        <v>20</v>
      </c>
      <c r="B3843" s="1" t="s">
        <v>1047</v>
      </c>
      <c r="C3843" s="1" t="s">
        <v>13413</v>
      </c>
      <c r="D3843" s="1" t="s">
        <v>13414</v>
      </c>
      <c r="E3843" s="1" t="s">
        <v>13415</v>
      </c>
      <c r="F3843" s="1" t="s">
        <v>10</v>
      </c>
      <c r="G3843" s="1" t="s">
        <v>10</v>
      </c>
      <c r="H3843" s="1" t="s">
        <v>10</v>
      </c>
      <c r="I3843" s="1" t="s">
        <v>12117</v>
      </c>
      <c r="J3843" s="1" t="s">
        <v>19</v>
      </c>
      <c r="K3843" s="1" t="s">
        <v>64</v>
      </c>
      <c r="L3843" s="1" t="s">
        <v>13412</v>
      </c>
      <c r="M3843" s="1" t="s">
        <v>5</v>
      </c>
      <c r="N3843" s="1" t="s">
        <v>25</v>
      </c>
      <c r="O3843" s="1" t="s">
        <v>38</v>
      </c>
      <c r="P3843" s="5" t="s">
        <v>31641</v>
      </c>
    </row>
    <row r="3844" spans="1:16" x14ac:dyDescent="0.2">
      <c r="A3844" s="1" t="s">
        <v>42</v>
      </c>
      <c r="B3844" s="1" t="s">
        <v>320</v>
      </c>
      <c r="C3844" s="1" t="s">
        <v>13417</v>
      </c>
      <c r="D3844" s="1" t="s">
        <v>13418</v>
      </c>
      <c r="E3844" s="1" t="s">
        <v>13419</v>
      </c>
      <c r="F3844" s="1" t="s">
        <v>10</v>
      </c>
      <c r="G3844" s="1" t="s">
        <v>10</v>
      </c>
      <c r="H3844" s="1" t="s">
        <v>10</v>
      </c>
      <c r="I3844" s="1" t="s">
        <v>12117</v>
      </c>
      <c r="J3844" s="1" t="s">
        <v>12148</v>
      </c>
      <c r="K3844" s="1" t="s">
        <v>27</v>
      </c>
      <c r="L3844" s="1" t="s">
        <v>13416</v>
      </c>
      <c r="M3844" s="1" t="s">
        <v>5</v>
      </c>
      <c r="N3844" s="1" t="s">
        <v>25</v>
      </c>
      <c r="O3844" s="1" t="s">
        <v>38</v>
      </c>
      <c r="P3844" s="5" t="s">
        <v>31536</v>
      </c>
    </row>
    <row r="3845" spans="1:16" x14ac:dyDescent="0.2">
      <c r="A3845" s="1" t="s">
        <v>20</v>
      </c>
      <c r="B3845" s="1" t="s">
        <v>445</v>
      </c>
      <c r="C3845" s="1" t="s">
        <v>13421</v>
      </c>
      <c r="D3845" s="1" t="s">
        <v>13422</v>
      </c>
      <c r="E3845" s="1" t="s">
        <v>13423</v>
      </c>
      <c r="F3845" s="1" t="s">
        <v>10</v>
      </c>
      <c r="G3845" s="1" t="s">
        <v>10</v>
      </c>
      <c r="H3845" s="1" t="s">
        <v>10</v>
      </c>
      <c r="I3845" s="1" t="s">
        <v>12117</v>
      </c>
      <c r="J3845" s="1" t="s">
        <v>12148</v>
      </c>
      <c r="K3845" s="1" t="s">
        <v>27</v>
      </c>
      <c r="L3845" s="1" t="s">
        <v>13420</v>
      </c>
      <c r="M3845" s="1" t="s">
        <v>5</v>
      </c>
      <c r="N3845" s="1" t="s">
        <v>1009</v>
      </c>
      <c r="O3845" s="1" t="s">
        <v>38</v>
      </c>
      <c r="P3845" s="5" t="s">
        <v>31550</v>
      </c>
    </row>
    <row r="3846" spans="1:16" x14ac:dyDescent="0.2">
      <c r="A3846" s="1" t="s">
        <v>20</v>
      </c>
      <c r="B3846" s="1" t="s">
        <v>445</v>
      </c>
      <c r="C3846" s="1" t="s">
        <v>13425</v>
      </c>
      <c r="D3846" s="1" t="s">
        <v>13426</v>
      </c>
      <c r="E3846" s="1" t="s">
        <v>13427</v>
      </c>
      <c r="F3846" s="1" t="s">
        <v>10</v>
      </c>
      <c r="G3846" s="1" t="s">
        <v>10</v>
      </c>
      <c r="H3846" s="1" t="s">
        <v>10</v>
      </c>
      <c r="I3846" s="1" t="s">
        <v>12117</v>
      </c>
      <c r="J3846" s="1" t="s">
        <v>12148</v>
      </c>
      <c r="K3846" s="1" t="s">
        <v>27</v>
      </c>
      <c r="L3846" s="1" t="s">
        <v>13424</v>
      </c>
      <c r="M3846" s="1" t="s">
        <v>5</v>
      </c>
      <c r="N3846" s="1" t="s">
        <v>1009</v>
      </c>
      <c r="O3846" s="1" t="s">
        <v>38</v>
      </c>
      <c r="P3846" s="5" t="s">
        <v>31538</v>
      </c>
    </row>
    <row r="3847" spans="1:16" x14ac:dyDescent="0.2">
      <c r="A3847" s="1" t="s">
        <v>20</v>
      </c>
      <c r="B3847" s="1" t="s">
        <v>1047</v>
      </c>
      <c r="C3847" s="1" t="s">
        <v>13429</v>
      </c>
      <c r="D3847" s="1" t="s">
        <v>13430</v>
      </c>
      <c r="E3847" s="1" t="s">
        <v>13432</v>
      </c>
      <c r="F3847" s="1" t="s">
        <v>10</v>
      </c>
      <c r="G3847" s="1" t="s">
        <v>10</v>
      </c>
      <c r="H3847" s="1" t="s">
        <v>10</v>
      </c>
      <c r="I3847" s="1" t="s">
        <v>12117</v>
      </c>
      <c r="J3847" s="1" t="s">
        <v>19</v>
      </c>
      <c r="K3847" s="1" t="s">
        <v>13431</v>
      </c>
      <c r="L3847" s="1" t="s">
        <v>13428</v>
      </c>
      <c r="M3847" s="1" t="s">
        <v>5</v>
      </c>
      <c r="N3847" s="1" t="s">
        <v>1009</v>
      </c>
      <c r="O3847" s="1" t="s">
        <v>38</v>
      </c>
      <c r="P3847" s="5" t="s">
        <v>31526</v>
      </c>
    </row>
    <row r="3848" spans="1:16" x14ac:dyDescent="0.2">
      <c r="A3848" s="1" t="s">
        <v>20</v>
      </c>
      <c r="B3848" s="1" t="s">
        <v>101</v>
      </c>
      <c r="C3848" s="1" t="s">
        <v>13434</v>
      </c>
      <c r="D3848" s="1" t="s">
        <v>13435</v>
      </c>
      <c r="E3848" s="1" t="s">
        <v>13436</v>
      </c>
      <c r="F3848" s="1" t="s">
        <v>10</v>
      </c>
      <c r="G3848" s="1" t="s">
        <v>10</v>
      </c>
      <c r="H3848" s="1" t="s">
        <v>10</v>
      </c>
      <c r="I3848" s="1" t="s">
        <v>12117</v>
      </c>
      <c r="J3848" s="1" t="s">
        <v>19</v>
      </c>
      <c r="K3848" s="1" t="s">
        <v>100</v>
      </c>
      <c r="L3848" s="1" t="s">
        <v>13433</v>
      </c>
      <c r="M3848" s="1" t="s">
        <v>5</v>
      </c>
      <c r="N3848" s="1" t="s">
        <v>25</v>
      </c>
      <c r="O3848" s="1" t="s">
        <v>38</v>
      </c>
      <c r="P3848" s="5" t="s">
        <v>31536</v>
      </c>
    </row>
    <row r="3849" spans="1:16" x14ac:dyDescent="0.2">
      <c r="A3849" s="1" t="s">
        <v>20</v>
      </c>
      <c r="B3849" s="1" t="s">
        <v>445</v>
      </c>
      <c r="C3849" s="1" t="s">
        <v>13438</v>
      </c>
      <c r="D3849" s="1" t="s">
        <v>13439</v>
      </c>
      <c r="E3849" s="1" t="s">
        <v>13440</v>
      </c>
      <c r="F3849" s="1" t="s">
        <v>10</v>
      </c>
      <c r="G3849" s="1" t="s">
        <v>10</v>
      </c>
      <c r="H3849" s="1" t="s">
        <v>10</v>
      </c>
      <c r="I3849" s="1" t="s">
        <v>12117</v>
      </c>
      <c r="J3849" s="1" t="s">
        <v>12148</v>
      </c>
      <c r="K3849" s="1" t="s">
        <v>27</v>
      </c>
      <c r="L3849" s="1" t="s">
        <v>13437</v>
      </c>
      <c r="M3849" s="1" t="s">
        <v>5</v>
      </c>
      <c r="N3849" s="1" t="s">
        <v>1009</v>
      </c>
      <c r="O3849" s="1" t="s">
        <v>38</v>
      </c>
      <c r="P3849" s="5" t="s">
        <v>31642</v>
      </c>
    </row>
    <row r="3850" spans="1:16" x14ac:dyDescent="0.2">
      <c r="A3850" s="1" t="s">
        <v>329</v>
      </c>
      <c r="B3850" s="1" t="s">
        <v>2622</v>
      </c>
      <c r="C3850" s="1" t="s">
        <v>13442</v>
      </c>
      <c r="D3850" s="1" t="s">
        <v>13443</v>
      </c>
      <c r="E3850" s="1" t="s">
        <v>13444</v>
      </c>
      <c r="F3850" s="1" t="s">
        <v>10</v>
      </c>
      <c r="G3850" s="1" t="s">
        <v>10</v>
      </c>
      <c r="H3850" s="1" t="s">
        <v>10</v>
      </c>
      <c r="I3850" s="1" t="s">
        <v>12117</v>
      </c>
      <c r="J3850" s="1" t="s">
        <v>12148</v>
      </c>
      <c r="K3850" s="1" t="s">
        <v>27</v>
      </c>
      <c r="L3850" s="1" t="s">
        <v>13441</v>
      </c>
      <c r="M3850" s="1" t="s">
        <v>5</v>
      </c>
      <c r="N3850" s="1" t="s">
        <v>1009</v>
      </c>
      <c r="O3850" s="1" t="s">
        <v>38</v>
      </c>
      <c r="P3850" s="5" t="s">
        <v>31643</v>
      </c>
    </row>
    <row r="3851" spans="1:16" x14ac:dyDescent="0.2">
      <c r="A3851" s="1" t="s">
        <v>20</v>
      </c>
      <c r="B3851" s="1" t="s">
        <v>445</v>
      </c>
      <c r="C3851" s="1" t="s">
        <v>13446</v>
      </c>
      <c r="D3851" s="1" t="s">
        <v>4561</v>
      </c>
      <c r="E3851" s="1" t="s">
        <v>13447</v>
      </c>
      <c r="F3851" s="1" t="s">
        <v>10</v>
      </c>
      <c r="G3851" s="1" t="s">
        <v>10</v>
      </c>
      <c r="H3851" s="1" t="s">
        <v>10</v>
      </c>
      <c r="I3851" s="1" t="s">
        <v>12117</v>
      </c>
      <c r="J3851" s="1" t="s">
        <v>12148</v>
      </c>
      <c r="K3851" s="1" t="s">
        <v>27</v>
      </c>
      <c r="L3851" s="1" t="s">
        <v>13445</v>
      </c>
      <c r="M3851" s="1" t="s">
        <v>5</v>
      </c>
      <c r="N3851" s="1" t="s">
        <v>1009</v>
      </c>
      <c r="O3851" s="1" t="s">
        <v>38</v>
      </c>
      <c r="P3851" s="5" t="s">
        <v>30364</v>
      </c>
    </row>
    <row r="3852" spans="1:16" x14ac:dyDescent="0.2">
      <c r="A3852" s="1" t="s">
        <v>42</v>
      </c>
      <c r="B3852" s="1" t="s">
        <v>588</v>
      </c>
      <c r="C3852" s="1" t="s">
        <v>13449</v>
      </c>
      <c r="D3852" s="1" t="s">
        <v>13450</v>
      </c>
      <c r="E3852" s="1" t="s">
        <v>12369</v>
      </c>
      <c r="F3852" s="1" t="s">
        <v>10</v>
      </c>
      <c r="G3852" s="1" t="s">
        <v>10</v>
      </c>
      <c r="H3852" s="1" t="s">
        <v>10</v>
      </c>
      <c r="I3852" s="1" t="s">
        <v>12117</v>
      </c>
      <c r="J3852" s="1" t="s">
        <v>19</v>
      </c>
      <c r="K3852" s="1" t="s">
        <v>586</v>
      </c>
      <c r="L3852" s="1" t="s">
        <v>13448</v>
      </c>
      <c r="M3852" s="1" t="s">
        <v>5</v>
      </c>
      <c r="N3852" s="1" t="s">
        <v>1009</v>
      </c>
      <c r="O3852" s="1" t="s">
        <v>38</v>
      </c>
      <c r="P3852" s="5" t="s">
        <v>30365</v>
      </c>
    </row>
    <row r="3853" spans="1:16" x14ac:dyDescent="0.2">
      <c r="A3853" s="1" t="s">
        <v>1086</v>
      </c>
      <c r="B3853" s="1" t="s">
        <v>1400</v>
      </c>
      <c r="C3853" s="1" t="s">
        <v>13452</v>
      </c>
      <c r="D3853" s="1" t="s">
        <v>13453</v>
      </c>
      <c r="E3853" s="1" t="s">
        <v>13454</v>
      </c>
      <c r="F3853" s="1" t="s">
        <v>10</v>
      </c>
      <c r="G3853" s="1" t="s">
        <v>10</v>
      </c>
      <c r="H3853" s="1" t="s">
        <v>10</v>
      </c>
      <c r="I3853" s="1" t="s">
        <v>12117</v>
      </c>
      <c r="J3853" s="1" t="s">
        <v>12148</v>
      </c>
      <c r="K3853" s="1" t="s">
        <v>27</v>
      </c>
      <c r="L3853" s="1" t="s">
        <v>13451</v>
      </c>
      <c r="M3853" s="1" t="s">
        <v>5</v>
      </c>
      <c r="N3853" s="1" t="s">
        <v>1009</v>
      </c>
      <c r="O3853" s="1" t="s">
        <v>38</v>
      </c>
      <c r="P3853" s="5" t="s">
        <v>30366</v>
      </c>
    </row>
    <row r="3854" spans="1:16" x14ac:dyDescent="0.2">
      <c r="A3854" s="1" t="s">
        <v>20</v>
      </c>
      <c r="B3854" s="1" t="s">
        <v>132</v>
      </c>
      <c r="C3854" s="1" t="s">
        <v>13456</v>
      </c>
      <c r="D3854" s="1" t="s">
        <v>13457</v>
      </c>
      <c r="E3854" s="1" t="s">
        <v>13458</v>
      </c>
      <c r="F3854" s="1" t="s">
        <v>27</v>
      </c>
      <c r="G3854" s="1" t="s">
        <v>10</v>
      </c>
      <c r="H3854" s="1" t="s">
        <v>13459</v>
      </c>
      <c r="I3854" s="1" t="s">
        <v>12117</v>
      </c>
      <c r="J3854" s="1" t="s">
        <v>19</v>
      </c>
      <c r="K3854" s="1" t="s">
        <v>7</v>
      </c>
      <c r="L3854" s="1" t="s">
        <v>13455</v>
      </c>
      <c r="M3854" s="1" t="s">
        <v>5</v>
      </c>
      <c r="N3854" s="1" t="s">
        <v>25</v>
      </c>
      <c r="O3854" s="1" t="s">
        <v>8</v>
      </c>
      <c r="P3854" s="5" t="s">
        <v>31644</v>
      </c>
    </row>
    <row r="3855" spans="1:16" x14ac:dyDescent="0.2">
      <c r="A3855" s="1" t="s">
        <v>20</v>
      </c>
      <c r="B3855" s="1" t="s">
        <v>445</v>
      </c>
      <c r="C3855" s="1" t="s">
        <v>13461</v>
      </c>
      <c r="D3855" s="1" t="s">
        <v>10311</v>
      </c>
      <c r="E3855" s="1" t="s">
        <v>13462</v>
      </c>
      <c r="F3855" s="1" t="s">
        <v>10</v>
      </c>
      <c r="G3855" s="1" t="s">
        <v>10</v>
      </c>
      <c r="H3855" s="1" t="s">
        <v>10</v>
      </c>
      <c r="I3855" s="1" t="s">
        <v>12117</v>
      </c>
      <c r="J3855" s="1" t="s">
        <v>12148</v>
      </c>
      <c r="K3855" s="1" t="s">
        <v>27</v>
      </c>
      <c r="L3855" s="1" t="s">
        <v>13460</v>
      </c>
      <c r="M3855" s="1" t="s">
        <v>5</v>
      </c>
      <c r="N3855" s="1" t="s">
        <v>1009</v>
      </c>
      <c r="O3855" s="1" t="s">
        <v>38</v>
      </c>
      <c r="P3855" s="5" t="s">
        <v>31538</v>
      </c>
    </row>
    <row r="3856" spans="1:16" x14ac:dyDescent="0.2">
      <c r="A3856" s="1" t="s">
        <v>10</v>
      </c>
      <c r="B3856" s="1" t="s">
        <v>10</v>
      </c>
      <c r="C3856" s="1" t="s">
        <v>13464</v>
      </c>
      <c r="D3856" s="1" t="s">
        <v>13465</v>
      </c>
      <c r="E3856" s="1" t="s">
        <v>13466</v>
      </c>
      <c r="F3856" s="1" t="s">
        <v>10</v>
      </c>
      <c r="G3856" s="1" t="s">
        <v>10</v>
      </c>
      <c r="H3856" s="1" t="s">
        <v>10</v>
      </c>
      <c r="I3856" s="1" t="s">
        <v>12117</v>
      </c>
      <c r="J3856" s="1" t="s">
        <v>10</v>
      </c>
      <c r="K3856" s="1" t="s">
        <v>10</v>
      </c>
      <c r="L3856" s="1" t="s">
        <v>13463</v>
      </c>
      <c r="M3856" s="1" t="s">
        <v>5</v>
      </c>
      <c r="N3856" s="1" t="s">
        <v>10</v>
      </c>
      <c r="O3856" s="1" t="s">
        <v>8</v>
      </c>
      <c r="P3856" s="5"/>
    </row>
    <row r="3857" spans="1:16" x14ac:dyDescent="0.2">
      <c r="A3857" s="1" t="s">
        <v>20</v>
      </c>
      <c r="B3857" s="1" t="s">
        <v>4373</v>
      </c>
      <c r="C3857" s="1" t="s">
        <v>13468</v>
      </c>
      <c r="D3857" s="1" t="s">
        <v>13469</v>
      </c>
      <c r="E3857" s="1" t="s">
        <v>13470</v>
      </c>
      <c r="F3857" s="1" t="s">
        <v>10</v>
      </c>
      <c r="G3857" s="1" t="s">
        <v>10</v>
      </c>
      <c r="H3857" s="1" t="s">
        <v>10</v>
      </c>
      <c r="I3857" s="1" t="s">
        <v>12117</v>
      </c>
      <c r="J3857" s="1" t="s">
        <v>19</v>
      </c>
      <c r="K3857" s="1" t="s">
        <v>100</v>
      </c>
      <c r="L3857" s="1" t="s">
        <v>13467</v>
      </c>
      <c r="M3857" s="1" t="s">
        <v>5</v>
      </c>
      <c r="N3857" s="1" t="s">
        <v>25</v>
      </c>
      <c r="O3857" s="1" t="s">
        <v>38</v>
      </c>
      <c r="P3857" s="5" t="s">
        <v>31645</v>
      </c>
    </row>
    <row r="3858" spans="1:16" x14ac:dyDescent="0.2">
      <c r="A3858" s="1" t="s">
        <v>20</v>
      </c>
      <c r="B3858" s="1" t="s">
        <v>99</v>
      </c>
      <c r="C3858" s="1" t="s">
        <v>11476</v>
      </c>
      <c r="D3858" s="1" t="s">
        <v>11476</v>
      </c>
      <c r="E3858" s="1" t="s">
        <v>13472</v>
      </c>
      <c r="F3858" s="1" t="s">
        <v>10</v>
      </c>
      <c r="G3858" s="1" t="s">
        <v>10</v>
      </c>
      <c r="H3858" s="1" t="s">
        <v>10</v>
      </c>
      <c r="I3858" s="1" t="s">
        <v>12117</v>
      </c>
      <c r="J3858" s="1" t="s">
        <v>19</v>
      </c>
      <c r="K3858" s="1" t="s">
        <v>443</v>
      </c>
      <c r="L3858" s="1" t="s">
        <v>13471</v>
      </c>
      <c r="M3858" s="1" t="s">
        <v>5</v>
      </c>
      <c r="N3858" s="1" t="s">
        <v>25</v>
      </c>
      <c r="O3858" s="1" t="s">
        <v>38</v>
      </c>
      <c r="P3858" s="5" t="s">
        <v>30902</v>
      </c>
    </row>
    <row r="3859" spans="1:16" x14ac:dyDescent="0.2">
      <c r="A3859" s="1" t="s">
        <v>42</v>
      </c>
      <c r="B3859" s="1" t="s">
        <v>1341</v>
      </c>
      <c r="C3859" s="1" t="s">
        <v>13474</v>
      </c>
      <c r="D3859" s="1" t="s">
        <v>13475</v>
      </c>
      <c r="E3859" s="1" t="s">
        <v>13476</v>
      </c>
      <c r="F3859" s="1" t="s">
        <v>10</v>
      </c>
      <c r="G3859" s="1" t="s">
        <v>10</v>
      </c>
      <c r="H3859" s="1" t="s">
        <v>10</v>
      </c>
      <c r="I3859" s="1" t="s">
        <v>12117</v>
      </c>
      <c r="J3859" s="1" t="s">
        <v>19</v>
      </c>
      <c r="K3859" s="1" t="s">
        <v>37</v>
      </c>
      <c r="L3859" s="1" t="s">
        <v>13473</v>
      </c>
      <c r="M3859" s="1" t="s">
        <v>5</v>
      </c>
      <c r="N3859" s="1" t="s">
        <v>1009</v>
      </c>
      <c r="O3859" s="1" t="s">
        <v>38</v>
      </c>
      <c r="P3859" s="5" t="s">
        <v>31551</v>
      </c>
    </row>
    <row r="3860" spans="1:16" x14ac:dyDescent="0.2">
      <c r="A3860" s="1" t="s">
        <v>20</v>
      </c>
      <c r="B3860" s="1" t="s">
        <v>1047</v>
      </c>
      <c r="C3860" s="1" t="s">
        <v>13478</v>
      </c>
      <c r="D3860" s="1" t="s">
        <v>13479</v>
      </c>
      <c r="E3860" s="1" t="s">
        <v>13480</v>
      </c>
      <c r="F3860" s="1" t="s">
        <v>10</v>
      </c>
      <c r="G3860" s="1" t="s">
        <v>10</v>
      </c>
      <c r="H3860" s="1" t="s">
        <v>10</v>
      </c>
      <c r="I3860" s="1" t="s">
        <v>12117</v>
      </c>
      <c r="J3860" s="1" t="s">
        <v>19</v>
      </c>
      <c r="K3860" s="1" t="s">
        <v>443</v>
      </c>
      <c r="L3860" s="1" t="s">
        <v>13477</v>
      </c>
      <c r="M3860" s="1" t="s">
        <v>5</v>
      </c>
      <c r="N3860" s="1" t="s">
        <v>10</v>
      </c>
      <c r="O3860" s="1" t="s">
        <v>38</v>
      </c>
      <c r="P3860" s="5" t="s">
        <v>32774</v>
      </c>
    </row>
    <row r="3861" spans="1:16" x14ac:dyDescent="0.2">
      <c r="A3861" s="1" t="s">
        <v>66</v>
      </c>
      <c r="B3861" s="1" t="s">
        <v>67</v>
      </c>
      <c r="C3861" s="1" t="s">
        <v>13482</v>
      </c>
      <c r="D3861" s="1" t="s">
        <v>13483</v>
      </c>
      <c r="E3861" s="1" t="s">
        <v>13484</v>
      </c>
      <c r="F3861" s="1" t="s">
        <v>10</v>
      </c>
      <c r="G3861" s="1" t="s">
        <v>10</v>
      </c>
      <c r="H3861" s="1" t="s">
        <v>10</v>
      </c>
      <c r="I3861" s="1" t="s">
        <v>12117</v>
      </c>
      <c r="J3861" s="1" t="s">
        <v>12121</v>
      </c>
      <c r="K3861" s="1" t="s">
        <v>27</v>
      </c>
      <c r="L3861" s="1" t="s">
        <v>13481</v>
      </c>
      <c r="M3861" s="1" t="s">
        <v>5</v>
      </c>
      <c r="N3861" s="1" t="s">
        <v>1009</v>
      </c>
      <c r="O3861" s="1" t="s">
        <v>38</v>
      </c>
      <c r="P3861" s="5" t="s">
        <v>31477</v>
      </c>
    </row>
    <row r="3862" spans="1:16" x14ac:dyDescent="0.2">
      <c r="A3862" s="1" t="s">
        <v>20</v>
      </c>
      <c r="B3862" s="1" t="s">
        <v>253</v>
      </c>
      <c r="C3862" s="1" t="s">
        <v>13486</v>
      </c>
      <c r="D3862" s="1" t="s">
        <v>13487</v>
      </c>
      <c r="E3862" s="1"/>
      <c r="F3862" s="1" t="s">
        <v>10</v>
      </c>
      <c r="G3862" s="1" t="s">
        <v>10</v>
      </c>
      <c r="H3862" s="1" t="s">
        <v>10</v>
      </c>
      <c r="I3862" s="1" t="s">
        <v>12117</v>
      </c>
      <c r="J3862" s="1" t="s">
        <v>12403</v>
      </c>
      <c r="K3862" s="1" t="s">
        <v>27</v>
      </c>
      <c r="L3862" s="1" t="s">
        <v>13485</v>
      </c>
      <c r="M3862" s="1" t="s">
        <v>5</v>
      </c>
      <c r="N3862" s="1" t="s">
        <v>1009</v>
      </c>
      <c r="O3862" s="1" t="s">
        <v>38</v>
      </c>
      <c r="P3862" s="5" t="s">
        <v>30903</v>
      </c>
    </row>
    <row r="3863" spans="1:16" x14ac:dyDescent="0.2">
      <c r="A3863" s="1" t="s">
        <v>42</v>
      </c>
      <c r="B3863" s="1" t="s">
        <v>588</v>
      </c>
      <c r="C3863" s="1" t="s">
        <v>13489</v>
      </c>
      <c r="D3863" s="1" t="s">
        <v>13490</v>
      </c>
      <c r="E3863" s="1" t="s">
        <v>13491</v>
      </c>
      <c r="F3863" s="1" t="s">
        <v>27</v>
      </c>
      <c r="G3863" s="1" t="s">
        <v>10</v>
      </c>
      <c r="H3863" s="1" t="s">
        <v>13492</v>
      </c>
      <c r="I3863" s="1" t="s">
        <v>12117</v>
      </c>
      <c r="J3863" s="1" t="s">
        <v>19</v>
      </c>
      <c r="K3863" s="1" t="s">
        <v>586</v>
      </c>
      <c r="L3863" s="1" t="s">
        <v>13488</v>
      </c>
      <c r="M3863" s="1" t="s">
        <v>5</v>
      </c>
      <c r="N3863" s="1" t="s">
        <v>25</v>
      </c>
      <c r="O3863" s="1" t="s">
        <v>8</v>
      </c>
      <c r="P3863" s="5" t="s">
        <v>31646</v>
      </c>
    </row>
    <row r="3864" spans="1:16" x14ac:dyDescent="0.2">
      <c r="A3864" s="1" t="s">
        <v>42</v>
      </c>
      <c r="B3864" s="1" t="s">
        <v>1664</v>
      </c>
      <c r="C3864" s="1" t="s">
        <v>13494</v>
      </c>
      <c r="D3864" s="1" t="s">
        <v>13494</v>
      </c>
      <c r="E3864" s="1" t="s">
        <v>13495</v>
      </c>
      <c r="F3864" s="1" t="s">
        <v>27</v>
      </c>
      <c r="G3864" s="1" t="s">
        <v>10</v>
      </c>
      <c r="H3864" s="1" t="s">
        <v>13496</v>
      </c>
      <c r="I3864" s="1" t="s">
        <v>12117</v>
      </c>
      <c r="J3864" s="1" t="s">
        <v>12446</v>
      </c>
      <c r="K3864" s="1" t="s">
        <v>27</v>
      </c>
      <c r="L3864" s="1" t="s">
        <v>13493</v>
      </c>
      <c r="M3864" s="1" t="s">
        <v>5</v>
      </c>
      <c r="N3864" s="1" t="s">
        <v>1009</v>
      </c>
      <c r="O3864" s="1" t="s">
        <v>8</v>
      </c>
      <c r="P3864" s="5" t="s">
        <v>31647</v>
      </c>
    </row>
    <row r="3865" spans="1:16" x14ac:dyDescent="0.2">
      <c r="A3865" s="1" t="s">
        <v>66</v>
      </c>
      <c r="B3865" s="1" t="s">
        <v>574</v>
      </c>
      <c r="C3865" s="1" t="s">
        <v>13498</v>
      </c>
      <c r="D3865" s="1" t="s">
        <v>13499</v>
      </c>
      <c r="E3865" s="1" t="s">
        <v>13500</v>
      </c>
      <c r="F3865" s="1" t="s">
        <v>10</v>
      </c>
      <c r="G3865" s="1" t="s">
        <v>10</v>
      </c>
      <c r="H3865" s="1" t="s">
        <v>10</v>
      </c>
      <c r="I3865" s="1" t="s">
        <v>12117</v>
      </c>
      <c r="J3865" s="1" t="s">
        <v>12148</v>
      </c>
      <c r="K3865" s="1" t="s">
        <v>27</v>
      </c>
      <c r="L3865" s="1" t="s">
        <v>13497</v>
      </c>
      <c r="M3865" s="1" t="s">
        <v>5</v>
      </c>
      <c r="N3865" s="1" t="s">
        <v>25</v>
      </c>
      <c r="O3865" s="1" t="s">
        <v>38</v>
      </c>
      <c r="P3865" s="5" t="s">
        <v>31648</v>
      </c>
    </row>
    <row r="3866" spans="1:16" x14ac:dyDescent="0.2">
      <c r="A3866" s="1" t="s">
        <v>10</v>
      </c>
      <c r="B3866" s="1" t="s">
        <v>10</v>
      </c>
      <c r="C3866" s="1" t="s">
        <v>13502</v>
      </c>
      <c r="D3866" s="1" t="s">
        <v>13503</v>
      </c>
      <c r="E3866" s="1" t="s">
        <v>13504</v>
      </c>
      <c r="F3866" s="1" t="s">
        <v>10</v>
      </c>
      <c r="G3866" s="1" t="s">
        <v>10</v>
      </c>
      <c r="H3866" s="1" t="s">
        <v>10</v>
      </c>
      <c r="I3866" s="1" t="s">
        <v>12117</v>
      </c>
      <c r="J3866" s="1" t="s">
        <v>12144</v>
      </c>
      <c r="K3866" s="1" t="s">
        <v>7</v>
      </c>
      <c r="L3866" s="1" t="s">
        <v>13501</v>
      </c>
      <c r="M3866" s="1" t="s">
        <v>5</v>
      </c>
      <c r="N3866" s="1" t="s">
        <v>10</v>
      </c>
      <c r="O3866" s="1" t="s">
        <v>38</v>
      </c>
      <c r="P3866" s="5" t="s">
        <v>31649</v>
      </c>
    </row>
    <row r="3867" spans="1:16" x14ac:dyDescent="0.2">
      <c r="A3867" s="1" t="s">
        <v>20</v>
      </c>
      <c r="B3867" s="1" t="s">
        <v>445</v>
      </c>
      <c r="C3867" s="1" t="s">
        <v>13506</v>
      </c>
      <c r="D3867" s="1" t="s">
        <v>4134</v>
      </c>
      <c r="E3867" s="1" t="s">
        <v>13507</v>
      </c>
      <c r="F3867" s="1" t="s">
        <v>10</v>
      </c>
      <c r="G3867" s="1" t="s">
        <v>10</v>
      </c>
      <c r="H3867" s="1" t="s">
        <v>10</v>
      </c>
      <c r="I3867" s="1" t="s">
        <v>12117</v>
      </c>
      <c r="J3867" s="1" t="s">
        <v>12148</v>
      </c>
      <c r="K3867" s="1" t="s">
        <v>27</v>
      </c>
      <c r="L3867" s="1" t="s">
        <v>13505</v>
      </c>
      <c r="M3867" s="1" t="s">
        <v>5</v>
      </c>
      <c r="N3867" s="1" t="s">
        <v>25</v>
      </c>
      <c r="O3867" s="1" t="s">
        <v>38</v>
      </c>
      <c r="P3867" s="5" t="s">
        <v>31489</v>
      </c>
    </row>
    <row r="3868" spans="1:16" x14ac:dyDescent="0.2">
      <c r="A3868" s="1" t="s">
        <v>42</v>
      </c>
      <c r="B3868" s="1" t="s">
        <v>588</v>
      </c>
      <c r="C3868" s="1" t="s">
        <v>13509</v>
      </c>
      <c r="D3868" s="1" t="s">
        <v>13510</v>
      </c>
      <c r="E3868" s="1"/>
      <c r="F3868" s="1" t="s">
        <v>27</v>
      </c>
      <c r="G3868" s="1" t="s">
        <v>10</v>
      </c>
      <c r="H3868" s="1" t="s">
        <v>9092</v>
      </c>
      <c r="I3868" s="1" t="s">
        <v>12117</v>
      </c>
      <c r="J3868" s="1" t="s">
        <v>19</v>
      </c>
      <c r="K3868" s="1" t="s">
        <v>586</v>
      </c>
      <c r="L3868" s="1" t="s">
        <v>13508</v>
      </c>
      <c r="M3868" s="1" t="s">
        <v>5</v>
      </c>
      <c r="N3868" s="1" t="s">
        <v>1009</v>
      </c>
      <c r="O3868" s="1" t="s">
        <v>8</v>
      </c>
      <c r="P3868" s="5" t="s">
        <v>30344</v>
      </c>
    </row>
    <row r="3869" spans="1:16" x14ac:dyDescent="0.2">
      <c r="A3869" s="1" t="s">
        <v>42</v>
      </c>
      <c r="B3869" s="1" t="s">
        <v>588</v>
      </c>
      <c r="C3869" s="1" t="s">
        <v>13512</v>
      </c>
      <c r="D3869" s="1" t="s">
        <v>585</v>
      </c>
      <c r="E3869" s="1" t="s">
        <v>13513</v>
      </c>
      <c r="F3869" s="1" t="s">
        <v>10</v>
      </c>
      <c r="G3869" s="1" t="s">
        <v>10</v>
      </c>
      <c r="H3869" s="1" t="s">
        <v>10</v>
      </c>
      <c r="I3869" s="1" t="s">
        <v>12117</v>
      </c>
      <c r="J3869" s="1" t="s">
        <v>19</v>
      </c>
      <c r="K3869" s="1" t="s">
        <v>586</v>
      </c>
      <c r="L3869" s="1" t="s">
        <v>13511</v>
      </c>
      <c r="M3869" s="1" t="s">
        <v>5</v>
      </c>
      <c r="N3869" s="1" t="s">
        <v>10</v>
      </c>
      <c r="O3869" s="1" t="s">
        <v>38</v>
      </c>
      <c r="P3869" s="5" t="s">
        <v>30367</v>
      </c>
    </row>
    <row r="3870" spans="1:16" x14ac:dyDescent="0.2">
      <c r="A3870" s="1" t="s">
        <v>194</v>
      </c>
      <c r="B3870" s="1" t="s">
        <v>4492</v>
      </c>
      <c r="C3870" s="1" t="s">
        <v>13515</v>
      </c>
      <c r="D3870" s="1" t="s">
        <v>13516</v>
      </c>
      <c r="E3870" s="1" t="s">
        <v>13517</v>
      </c>
      <c r="F3870" s="1" t="s">
        <v>10</v>
      </c>
      <c r="G3870" s="1" t="s">
        <v>10</v>
      </c>
      <c r="H3870" s="1" t="s">
        <v>10</v>
      </c>
      <c r="I3870" s="1" t="s">
        <v>12117</v>
      </c>
      <c r="J3870" s="1" t="s">
        <v>12121</v>
      </c>
      <c r="K3870" s="1" t="s">
        <v>27</v>
      </c>
      <c r="L3870" s="1" t="s">
        <v>13514</v>
      </c>
      <c r="M3870" s="1" t="s">
        <v>5</v>
      </c>
      <c r="N3870" s="1" t="s">
        <v>25</v>
      </c>
      <c r="O3870" s="1" t="s">
        <v>38</v>
      </c>
      <c r="P3870" s="5" t="s">
        <v>30368</v>
      </c>
    </row>
    <row r="3871" spans="1:16" x14ac:dyDescent="0.2">
      <c r="A3871" s="1" t="s">
        <v>20</v>
      </c>
      <c r="B3871" s="1" t="s">
        <v>445</v>
      </c>
      <c r="C3871" s="1" t="s">
        <v>13519</v>
      </c>
      <c r="D3871" s="1" t="s">
        <v>13520</v>
      </c>
      <c r="E3871" s="1" t="s">
        <v>13521</v>
      </c>
      <c r="F3871" s="1" t="s">
        <v>10</v>
      </c>
      <c r="G3871" s="1" t="s">
        <v>10</v>
      </c>
      <c r="H3871" s="1" t="s">
        <v>10</v>
      </c>
      <c r="I3871" s="1" t="s">
        <v>12117</v>
      </c>
      <c r="J3871" s="1" t="s">
        <v>12148</v>
      </c>
      <c r="K3871" s="1" t="s">
        <v>27</v>
      </c>
      <c r="L3871" s="1" t="s">
        <v>13518</v>
      </c>
      <c r="M3871" s="1" t="s">
        <v>5</v>
      </c>
      <c r="N3871" s="1" t="s">
        <v>1009</v>
      </c>
      <c r="O3871" s="1" t="s">
        <v>38</v>
      </c>
      <c r="P3871" s="5" t="s">
        <v>31650</v>
      </c>
    </row>
    <row r="3872" spans="1:16" x14ac:dyDescent="0.2">
      <c r="A3872" s="1" t="s">
        <v>20</v>
      </c>
      <c r="B3872" s="1" t="s">
        <v>445</v>
      </c>
      <c r="C3872" s="1" t="s">
        <v>13523</v>
      </c>
      <c r="D3872" s="1" t="s">
        <v>13524</v>
      </c>
      <c r="E3872" s="1" t="s">
        <v>13525</v>
      </c>
      <c r="F3872" s="1" t="s">
        <v>10</v>
      </c>
      <c r="G3872" s="1" t="s">
        <v>10</v>
      </c>
      <c r="H3872" s="1" t="s">
        <v>10</v>
      </c>
      <c r="I3872" s="1" t="s">
        <v>12117</v>
      </c>
      <c r="J3872" s="1" t="s">
        <v>12148</v>
      </c>
      <c r="K3872" s="1" t="s">
        <v>27</v>
      </c>
      <c r="L3872" s="1" t="s">
        <v>13522</v>
      </c>
      <c r="M3872" s="1" t="s">
        <v>5</v>
      </c>
      <c r="N3872" s="1" t="s">
        <v>1009</v>
      </c>
      <c r="O3872" s="1" t="s">
        <v>38</v>
      </c>
      <c r="P3872" s="5" t="s">
        <v>31650</v>
      </c>
    </row>
    <row r="3873" spans="1:16" x14ac:dyDescent="0.2">
      <c r="A3873" s="1" t="s">
        <v>10</v>
      </c>
      <c r="B3873" s="1" t="s">
        <v>10</v>
      </c>
      <c r="C3873" s="1" t="s">
        <v>13527</v>
      </c>
      <c r="D3873" s="1" t="s">
        <v>9615</v>
      </c>
      <c r="E3873" s="1" t="s">
        <v>13528</v>
      </c>
      <c r="F3873" s="1" t="s">
        <v>10</v>
      </c>
      <c r="G3873" s="1" t="s">
        <v>10</v>
      </c>
      <c r="H3873" s="1" t="s">
        <v>10</v>
      </c>
      <c r="I3873" s="1" t="s">
        <v>12117</v>
      </c>
      <c r="J3873" s="1" t="s">
        <v>10</v>
      </c>
      <c r="K3873" s="1" t="s">
        <v>10</v>
      </c>
      <c r="L3873" s="1" t="s">
        <v>13526</v>
      </c>
      <c r="M3873" s="1" t="s">
        <v>5</v>
      </c>
      <c r="N3873" s="1" t="s">
        <v>10</v>
      </c>
      <c r="O3873" s="1" t="s">
        <v>38</v>
      </c>
      <c r="P3873" s="5" t="s">
        <v>32775</v>
      </c>
    </row>
    <row r="3874" spans="1:16" x14ac:dyDescent="0.2">
      <c r="A3874" s="1" t="s">
        <v>32</v>
      </c>
      <c r="B3874" s="1" t="s">
        <v>140</v>
      </c>
      <c r="C3874" s="1" t="s">
        <v>13530</v>
      </c>
      <c r="D3874" s="1" t="s">
        <v>13531</v>
      </c>
      <c r="E3874" s="1" t="s">
        <v>13532</v>
      </c>
      <c r="F3874" s="1" t="s">
        <v>10</v>
      </c>
      <c r="G3874" s="1" t="s">
        <v>10</v>
      </c>
      <c r="H3874" s="1" t="s">
        <v>10</v>
      </c>
      <c r="I3874" s="1" t="s">
        <v>12117</v>
      </c>
      <c r="J3874" s="1" t="s">
        <v>19</v>
      </c>
      <c r="K3874" s="1" t="s">
        <v>1468</v>
      </c>
      <c r="L3874" s="1" t="s">
        <v>13529</v>
      </c>
      <c r="M3874" s="1" t="s">
        <v>5</v>
      </c>
      <c r="N3874" s="1" t="s">
        <v>25</v>
      </c>
      <c r="O3874" s="1" t="s">
        <v>38</v>
      </c>
      <c r="P3874" s="5" t="s">
        <v>30296</v>
      </c>
    </row>
    <row r="3875" spans="1:16" x14ac:dyDescent="0.2">
      <c r="A3875" s="1" t="s">
        <v>329</v>
      </c>
      <c r="B3875" s="1" t="s">
        <v>596</v>
      </c>
      <c r="C3875" s="1" t="s">
        <v>13534</v>
      </c>
      <c r="D3875" s="1" t="s">
        <v>13535</v>
      </c>
      <c r="E3875" s="1" t="s">
        <v>13536</v>
      </c>
      <c r="F3875" s="1" t="s">
        <v>10</v>
      </c>
      <c r="G3875" s="1" t="s">
        <v>10</v>
      </c>
      <c r="H3875" s="1" t="s">
        <v>10</v>
      </c>
      <c r="I3875" s="1" t="s">
        <v>12117</v>
      </c>
      <c r="J3875" s="1" t="s">
        <v>19</v>
      </c>
      <c r="K3875" s="1" t="s">
        <v>586</v>
      </c>
      <c r="L3875" s="1" t="s">
        <v>13533</v>
      </c>
      <c r="M3875" s="1" t="s">
        <v>5</v>
      </c>
      <c r="N3875" s="1" t="s">
        <v>1009</v>
      </c>
      <c r="O3875" s="1" t="s">
        <v>38</v>
      </c>
      <c r="P3875" s="5" t="s">
        <v>30369</v>
      </c>
    </row>
    <row r="3876" spans="1:16" x14ac:dyDescent="0.2">
      <c r="A3876" s="1" t="s">
        <v>42</v>
      </c>
      <c r="B3876" s="1" t="s">
        <v>43</v>
      </c>
      <c r="C3876" s="1" t="s">
        <v>13538</v>
      </c>
      <c r="D3876" s="1" t="s">
        <v>13539</v>
      </c>
      <c r="E3876" s="1" t="s">
        <v>13540</v>
      </c>
      <c r="F3876" s="1" t="s">
        <v>10</v>
      </c>
      <c r="G3876" s="1" t="s">
        <v>10</v>
      </c>
      <c r="H3876" s="1" t="s">
        <v>10</v>
      </c>
      <c r="I3876" s="1" t="s">
        <v>12117</v>
      </c>
      <c r="J3876" s="1" t="s">
        <v>19</v>
      </c>
      <c r="K3876" s="1" t="s">
        <v>113</v>
      </c>
      <c r="L3876" s="1" t="s">
        <v>13537</v>
      </c>
      <c r="M3876" s="1" t="s">
        <v>5</v>
      </c>
      <c r="N3876" s="1" t="s">
        <v>1009</v>
      </c>
      <c r="O3876" s="1" t="s">
        <v>38</v>
      </c>
      <c r="P3876" s="5" t="s">
        <v>30370</v>
      </c>
    </row>
    <row r="3877" spans="1:16" x14ac:dyDescent="0.2">
      <c r="A3877" s="1" t="s">
        <v>42</v>
      </c>
      <c r="B3877" s="1" t="s">
        <v>320</v>
      </c>
      <c r="C3877" s="1" t="s">
        <v>13542</v>
      </c>
      <c r="D3877" s="1" t="s">
        <v>13543</v>
      </c>
      <c r="E3877" s="1" t="s">
        <v>13544</v>
      </c>
      <c r="F3877" s="1" t="s">
        <v>10</v>
      </c>
      <c r="G3877" s="1" t="s">
        <v>10</v>
      </c>
      <c r="H3877" s="1" t="s">
        <v>10</v>
      </c>
      <c r="I3877" s="1" t="s">
        <v>12117</v>
      </c>
      <c r="J3877" s="1" t="s">
        <v>12148</v>
      </c>
      <c r="K3877" s="1" t="s">
        <v>27</v>
      </c>
      <c r="L3877" s="1" t="s">
        <v>13541</v>
      </c>
      <c r="M3877" s="1" t="s">
        <v>5</v>
      </c>
      <c r="N3877" s="1" t="s">
        <v>25</v>
      </c>
      <c r="O3877" s="1" t="s">
        <v>38</v>
      </c>
      <c r="P3877" s="5" t="s">
        <v>30371</v>
      </c>
    </row>
    <row r="3878" spans="1:16" x14ac:dyDescent="0.2">
      <c r="A3878" s="1" t="s">
        <v>20</v>
      </c>
      <c r="B3878" s="1" t="s">
        <v>445</v>
      </c>
      <c r="C3878" s="1" t="s">
        <v>13546</v>
      </c>
      <c r="D3878" s="1" t="s">
        <v>13547</v>
      </c>
      <c r="E3878" s="1" t="s">
        <v>13548</v>
      </c>
      <c r="F3878" s="1" t="s">
        <v>10</v>
      </c>
      <c r="G3878" s="1" t="s">
        <v>10</v>
      </c>
      <c r="H3878" s="1" t="s">
        <v>10</v>
      </c>
      <c r="I3878" s="1" t="s">
        <v>12117</v>
      </c>
      <c r="J3878" s="1" t="s">
        <v>12148</v>
      </c>
      <c r="K3878" s="1" t="s">
        <v>27</v>
      </c>
      <c r="L3878" s="1" t="s">
        <v>13545</v>
      </c>
      <c r="M3878" s="1" t="s">
        <v>5</v>
      </c>
      <c r="N3878" s="1" t="s">
        <v>1009</v>
      </c>
      <c r="O3878" s="1" t="s">
        <v>38</v>
      </c>
      <c r="P3878" s="5" t="s">
        <v>31651</v>
      </c>
    </row>
    <row r="3879" spans="1:16" x14ac:dyDescent="0.2">
      <c r="A3879" s="1" t="s">
        <v>66</v>
      </c>
      <c r="B3879" s="1" t="s">
        <v>10</v>
      </c>
      <c r="C3879" s="1" t="s">
        <v>13550</v>
      </c>
      <c r="D3879" s="1" t="s">
        <v>13551</v>
      </c>
      <c r="E3879" s="1" t="s">
        <v>13552</v>
      </c>
      <c r="F3879" s="1" t="s">
        <v>10</v>
      </c>
      <c r="G3879" s="1" t="s">
        <v>10</v>
      </c>
      <c r="H3879" s="1" t="s">
        <v>10</v>
      </c>
      <c r="I3879" s="1" t="s">
        <v>12117</v>
      </c>
      <c r="J3879" s="1" t="s">
        <v>12144</v>
      </c>
      <c r="K3879" s="1" t="s">
        <v>27</v>
      </c>
      <c r="L3879" s="1" t="s">
        <v>13549</v>
      </c>
      <c r="M3879" s="1" t="s">
        <v>5</v>
      </c>
      <c r="N3879" s="1" t="s">
        <v>6</v>
      </c>
      <c r="O3879" s="1" t="s">
        <v>38</v>
      </c>
      <c r="P3879" s="5" t="s">
        <v>30372</v>
      </c>
    </row>
    <row r="3880" spans="1:16" x14ac:dyDescent="0.2">
      <c r="A3880" s="1" t="s">
        <v>42</v>
      </c>
      <c r="B3880" s="1" t="s">
        <v>118</v>
      </c>
      <c r="C3880" s="1" t="s">
        <v>13554</v>
      </c>
      <c r="D3880" s="1" t="s">
        <v>13555</v>
      </c>
      <c r="E3880" s="1" t="s">
        <v>13556</v>
      </c>
      <c r="F3880" s="1" t="s">
        <v>10</v>
      </c>
      <c r="G3880" s="1" t="s">
        <v>10</v>
      </c>
      <c r="H3880" s="1" t="s">
        <v>10</v>
      </c>
      <c r="I3880" s="1" t="s">
        <v>12117</v>
      </c>
      <c r="J3880" s="1" t="s">
        <v>12899</v>
      </c>
      <c r="K3880" s="1" t="s">
        <v>27</v>
      </c>
      <c r="L3880" s="1" t="s">
        <v>13553</v>
      </c>
      <c r="M3880" s="1" t="s">
        <v>5</v>
      </c>
      <c r="N3880" s="1" t="s">
        <v>1009</v>
      </c>
      <c r="O3880" s="1" t="s">
        <v>38</v>
      </c>
      <c r="P3880" s="5" t="s">
        <v>31652</v>
      </c>
    </row>
    <row r="3881" spans="1:16" x14ac:dyDescent="0.2">
      <c r="A3881" s="1" t="s">
        <v>42</v>
      </c>
      <c r="B3881" s="1" t="s">
        <v>118</v>
      </c>
      <c r="C3881" s="1" t="s">
        <v>13558</v>
      </c>
      <c r="D3881" s="1" t="s">
        <v>13559</v>
      </c>
      <c r="E3881" s="1" t="s">
        <v>13560</v>
      </c>
      <c r="F3881" s="1" t="s">
        <v>10</v>
      </c>
      <c r="G3881" s="1" t="s">
        <v>10</v>
      </c>
      <c r="H3881" s="1" t="s">
        <v>10</v>
      </c>
      <c r="I3881" s="1" t="s">
        <v>12117</v>
      </c>
      <c r="J3881" s="1" t="s">
        <v>12899</v>
      </c>
      <c r="K3881" s="1" t="s">
        <v>27</v>
      </c>
      <c r="L3881" s="1" t="s">
        <v>13557</v>
      </c>
      <c r="M3881" s="1" t="s">
        <v>5</v>
      </c>
      <c r="N3881" s="1" t="s">
        <v>1009</v>
      </c>
      <c r="O3881" s="1" t="s">
        <v>38</v>
      </c>
      <c r="P3881" s="5" t="s">
        <v>30373</v>
      </c>
    </row>
    <row r="3882" spans="1:16" x14ac:dyDescent="0.2">
      <c r="A3882" s="1" t="s">
        <v>194</v>
      </c>
      <c r="B3882" s="1" t="s">
        <v>4492</v>
      </c>
      <c r="C3882" s="1" t="s">
        <v>13562</v>
      </c>
      <c r="D3882" s="1" t="s">
        <v>13563</v>
      </c>
      <c r="E3882" s="1" t="s">
        <v>13564</v>
      </c>
      <c r="F3882" s="1" t="s">
        <v>10</v>
      </c>
      <c r="G3882" s="1" t="s">
        <v>10</v>
      </c>
      <c r="H3882" s="1" t="s">
        <v>10</v>
      </c>
      <c r="I3882" s="1" t="s">
        <v>12117</v>
      </c>
      <c r="J3882" s="1" t="s">
        <v>12144</v>
      </c>
      <c r="K3882" s="1" t="s">
        <v>27</v>
      </c>
      <c r="L3882" s="1" t="s">
        <v>13561</v>
      </c>
      <c r="M3882" s="1" t="s">
        <v>5</v>
      </c>
      <c r="N3882" s="1" t="s">
        <v>25</v>
      </c>
      <c r="O3882" s="1" t="s">
        <v>38</v>
      </c>
      <c r="P3882" s="5" t="s">
        <v>30374</v>
      </c>
    </row>
    <row r="3883" spans="1:16" x14ac:dyDescent="0.2">
      <c r="A3883" s="1" t="s">
        <v>20</v>
      </c>
      <c r="B3883" s="1" t="s">
        <v>445</v>
      </c>
      <c r="C3883" s="1" t="s">
        <v>13566</v>
      </c>
      <c r="D3883" s="1" t="s">
        <v>13567</v>
      </c>
      <c r="E3883" s="1" t="s">
        <v>13568</v>
      </c>
      <c r="F3883" s="1" t="s">
        <v>10</v>
      </c>
      <c r="G3883" s="1" t="s">
        <v>10</v>
      </c>
      <c r="H3883" s="1" t="s">
        <v>10</v>
      </c>
      <c r="I3883" s="1" t="s">
        <v>12117</v>
      </c>
      <c r="J3883" s="1" t="s">
        <v>12711</v>
      </c>
      <c r="K3883" s="1" t="s">
        <v>7</v>
      </c>
      <c r="L3883" s="1" t="s">
        <v>13565</v>
      </c>
      <c r="M3883" s="1" t="s">
        <v>5</v>
      </c>
      <c r="N3883" s="1" t="s">
        <v>1009</v>
      </c>
      <c r="O3883" s="1" t="s">
        <v>38</v>
      </c>
      <c r="P3883" s="5" t="s">
        <v>30375</v>
      </c>
    </row>
    <row r="3884" spans="1:16" x14ac:dyDescent="0.2">
      <c r="A3884" s="1" t="s">
        <v>20</v>
      </c>
      <c r="B3884" s="1" t="s">
        <v>445</v>
      </c>
      <c r="C3884" s="1" t="s">
        <v>13570</v>
      </c>
      <c r="D3884" s="1" t="s">
        <v>6532</v>
      </c>
      <c r="E3884" s="1" t="s">
        <v>13571</v>
      </c>
      <c r="F3884" s="1" t="s">
        <v>10</v>
      </c>
      <c r="G3884" s="1" t="s">
        <v>10</v>
      </c>
      <c r="H3884" s="1" t="s">
        <v>10</v>
      </c>
      <c r="I3884" s="1" t="s">
        <v>12117</v>
      </c>
      <c r="J3884" s="1" t="s">
        <v>12144</v>
      </c>
      <c r="K3884" s="1" t="s">
        <v>27</v>
      </c>
      <c r="L3884" s="1" t="s">
        <v>13569</v>
      </c>
      <c r="M3884" s="1" t="s">
        <v>5</v>
      </c>
      <c r="N3884" s="1" t="s">
        <v>25</v>
      </c>
      <c r="O3884" s="1" t="s">
        <v>38</v>
      </c>
      <c r="P3884" s="5" t="s">
        <v>30376</v>
      </c>
    </row>
    <row r="3885" spans="1:16" x14ac:dyDescent="0.2">
      <c r="A3885" s="1" t="s">
        <v>20</v>
      </c>
      <c r="B3885" s="1" t="s">
        <v>445</v>
      </c>
      <c r="C3885" s="1" t="s">
        <v>13573</v>
      </c>
      <c r="D3885" s="1" t="s">
        <v>13574</v>
      </c>
      <c r="E3885" s="1" t="s">
        <v>13575</v>
      </c>
      <c r="F3885" s="1" t="s">
        <v>10</v>
      </c>
      <c r="G3885" s="1" t="s">
        <v>10</v>
      </c>
      <c r="H3885" s="1" t="s">
        <v>10</v>
      </c>
      <c r="I3885" s="1" t="s">
        <v>12117</v>
      </c>
      <c r="J3885" s="1" t="s">
        <v>12144</v>
      </c>
      <c r="K3885" s="1" t="s">
        <v>27</v>
      </c>
      <c r="L3885" s="1" t="s">
        <v>13572</v>
      </c>
      <c r="M3885" s="1" t="s">
        <v>5</v>
      </c>
      <c r="N3885" s="1" t="s">
        <v>1009</v>
      </c>
      <c r="O3885" s="1" t="s">
        <v>38</v>
      </c>
      <c r="P3885" s="5" t="s">
        <v>31550</v>
      </c>
    </row>
    <row r="3886" spans="1:16" x14ac:dyDescent="0.2">
      <c r="A3886" s="1" t="s">
        <v>20</v>
      </c>
      <c r="B3886" s="1" t="s">
        <v>21</v>
      </c>
      <c r="C3886" s="1" t="s">
        <v>13577</v>
      </c>
      <c r="D3886" s="1" t="s">
        <v>13578</v>
      </c>
      <c r="E3886" s="1" t="s">
        <v>13579</v>
      </c>
      <c r="F3886" s="1" t="s">
        <v>10</v>
      </c>
      <c r="G3886" s="1" t="s">
        <v>10</v>
      </c>
      <c r="H3886" s="1" t="s">
        <v>10</v>
      </c>
      <c r="I3886" s="1" t="s">
        <v>12117</v>
      </c>
      <c r="J3886" s="1" t="s">
        <v>12188</v>
      </c>
      <c r="K3886" s="1" t="s">
        <v>27</v>
      </c>
      <c r="L3886" s="1" t="s">
        <v>13576</v>
      </c>
      <c r="M3886" s="1" t="s">
        <v>5</v>
      </c>
      <c r="N3886" s="1" t="s">
        <v>1009</v>
      </c>
      <c r="O3886" s="1" t="s">
        <v>38</v>
      </c>
      <c r="P3886" s="5" t="s">
        <v>30310</v>
      </c>
    </row>
    <row r="3887" spans="1:16" x14ac:dyDescent="0.2">
      <c r="A3887" s="1" t="s">
        <v>194</v>
      </c>
      <c r="B3887" s="1" t="s">
        <v>195</v>
      </c>
      <c r="C3887" s="1" t="s">
        <v>13581</v>
      </c>
      <c r="D3887" s="1" t="s">
        <v>13582</v>
      </c>
      <c r="E3887" s="1" t="s">
        <v>13583</v>
      </c>
      <c r="F3887" s="1" t="s">
        <v>10</v>
      </c>
      <c r="G3887" s="1" t="s">
        <v>10</v>
      </c>
      <c r="H3887" s="1" t="s">
        <v>10</v>
      </c>
      <c r="I3887" s="1" t="s">
        <v>12117</v>
      </c>
      <c r="J3887" s="1" t="s">
        <v>12121</v>
      </c>
      <c r="K3887" s="1" t="s">
        <v>27</v>
      </c>
      <c r="L3887" s="1" t="s">
        <v>13580</v>
      </c>
      <c r="M3887" s="1" t="s">
        <v>5</v>
      </c>
      <c r="N3887" s="1" t="s">
        <v>25</v>
      </c>
      <c r="O3887" s="1" t="s">
        <v>38</v>
      </c>
      <c r="P3887" s="5" t="s">
        <v>30377</v>
      </c>
    </row>
    <row r="3888" spans="1:16" x14ac:dyDescent="0.2">
      <c r="A3888" s="1" t="s">
        <v>194</v>
      </c>
      <c r="B3888" s="1" t="s">
        <v>195</v>
      </c>
      <c r="C3888" s="1" t="s">
        <v>13585</v>
      </c>
      <c r="D3888" s="1" t="s">
        <v>13586</v>
      </c>
      <c r="E3888" s="1" t="s">
        <v>13587</v>
      </c>
      <c r="F3888" s="1" t="s">
        <v>10</v>
      </c>
      <c r="G3888" s="1" t="s">
        <v>10</v>
      </c>
      <c r="H3888" s="1" t="s">
        <v>10</v>
      </c>
      <c r="I3888" s="1" t="s">
        <v>12117</v>
      </c>
      <c r="J3888" s="1" t="s">
        <v>12121</v>
      </c>
      <c r="K3888" s="1" t="s">
        <v>27</v>
      </c>
      <c r="L3888" s="1" t="s">
        <v>13584</v>
      </c>
      <c r="M3888" s="1" t="s">
        <v>5</v>
      </c>
      <c r="N3888" s="1" t="s">
        <v>25</v>
      </c>
      <c r="O3888" s="1" t="s">
        <v>38</v>
      </c>
      <c r="P3888" s="5" t="s">
        <v>30377</v>
      </c>
    </row>
    <row r="3889" spans="1:16" x14ac:dyDescent="0.2">
      <c r="A3889" s="1" t="s">
        <v>194</v>
      </c>
      <c r="B3889" s="1" t="s">
        <v>195</v>
      </c>
      <c r="C3889" s="1" t="s">
        <v>13589</v>
      </c>
      <c r="D3889" s="1" t="s">
        <v>13590</v>
      </c>
      <c r="E3889" s="1" t="s">
        <v>13591</v>
      </c>
      <c r="F3889" s="1" t="s">
        <v>10</v>
      </c>
      <c r="G3889" s="1" t="s">
        <v>10</v>
      </c>
      <c r="H3889" s="1" t="s">
        <v>10</v>
      </c>
      <c r="I3889" s="1" t="s">
        <v>12117</v>
      </c>
      <c r="J3889" s="1" t="s">
        <v>12121</v>
      </c>
      <c r="K3889" s="1" t="s">
        <v>27</v>
      </c>
      <c r="L3889" s="1" t="s">
        <v>13588</v>
      </c>
      <c r="M3889" s="1" t="s">
        <v>5</v>
      </c>
      <c r="N3889" s="1" t="s">
        <v>25</v>
      </c>
      <c r="O3889" s="1" t="s">
        <v>38</v>
      </c>
      <c r="P3889" s="5" t="s">
        <v>30378</v>
      </c>
    </row>
    <row r="3890" spans="1:16" x14ac:dyDescent="0.2">
      <c r="A3890" s="1" t="s">
        <v>194</v>
      </c>
      <c r="B3890" s="1" t="s">
        <v>195</v>
      </c>
      <c r="C3890" s="1" t="s">
        <v>13593</v>
      </c>
      <c r="D3890" s="1" t="s">
        <v>13593</v>
      </c>
      <c r="E3890" s="1" t="s">
        <v>13594</v>
      </c>
      <c r="F3890" s="1" t="s">
        <v>27</v>
      </c>
      <c r="G3890" s="1" t="s">
        <v>10</v>
      </c>
      <c r="H3890" s="1" t="s">
        <v>13595</v>
      </c>
      <c r="I3890" s="1" t="s">
        <v>12117</v>
      </c>
      <c r="J3890" s="1" t="s">
        <v>12121</v>
      </c>
      <c r="K3890" s="1" t="s">
        <v>7</v>
      </c>
      <c r="L3890" s="1" t="s">
        <v>13592</v>
      </c>
      <c r="M3890" s="1" t="s">
        <v>5</v>
      </c>
      <c r="N3890" s="1" t="s">
        <v>25</v>
      </c>
      <c r="O3890" s="1" t="s">
        <v>8</v>
      </c>
      <c r="P3890" s="5" t="s">
        <v>31653</v>
      </c>
    </row>
    <row r="3891" spans="1:16" x14ac:dyDescent="0.2">
      <c r="A3891" s="1" t="s">
        <v>20</v>
      </c>
      <c r="B3891" s="1" t="s">
        <v>445</v>
      </c>
      <c r="C3891" s="1" t="s">
        <v>13597</v>
      </c>
      <c r="D3891" s="1" t="s">
        <v>13598</v>
      </c>
      <c r="E3891" s="1" t="s">
        <v>13599</v>
      </c>
      <c r="F3891" s="1" t="s">
        <v>10</v>
      </c>
      <c r="G3891" s="1" t="s">
        <v>10</v>
      </c>
      <c r="H3891" s="1" t="s">
        <v>10</v>
      </c>
      <c r="I3891" s="1" t="s">
        <v>12117</v>
      </c>
      <c r="J3891" s="1" t="s">
        <v>12446</v>
      </c>
      <c r="K3891" s="1" t="s">
        <v>27</v>
      </c>
      <c r="L3891" s="1" t="s">
        <v>13596</v>
      </c>
      <c r="M3891" s="1" t="s">
        <v>5</v>
      </c>
      <c r="N3891" s="1" t="s">
        <v>25</v>
      </c>
      <c r="O3891" s="1" t="s">
        <v>38</v>
      </c>
      <c r="P3891" s="5" t="s">
        <v>30295</v>
      </c>
    </row>
    <row r="3892" spans="1:16" x14ac:dyDescent="0.2">
      <c r="A3892" s="1" t="s">
        <v>20</v>
      </c>
      <c r="B3892" s="1" t="s">
        <v>445</v>
      </c>
      <c r="C3892" s="1" t="s">
        <v>13601</v>
      </c>
      <c r="D3892" s="1" t="s">
        <v>13602</v>
      </c>
      <c r="E3892" s="1" t="s">
        <v>13603</v>
      </c>
      <c r="F3892" s="1" t="s">
        <v>10</v>
      </c>
      <c r="G3892" s="1" t="s">
        <v>10</v>
      </c>
      <c r="H3892" s="1" t="s">
        <v>10</v>
      </c>
      <c r="I3892" s="1" t="s">
        <v>12117</v>
      </c>
      <c r="J3892" s="1" t="s">
        <v>12148</v>
      </c>
      <c r="K3892" s="1" t="s">
        <v>27</v>
      </c>
      <c r="L3892" s="1" t="s">
        <v>13600</v>
      </c>
      <c r="M3892" s="1" t="s">
        <v>5</v>
      </c>
      <c r="N3892" s="1" t="s">
        <v>1597</v>
      </c>
      <c r="O3892" s="1" t="s">
        <v>38</v>
      </c>
      <c r="P3892" s="5" t="s">
        <v>31654</v>
      </c>
    </row>
    <row r="3893" spans="1:16" x14ac:dyDescent="0.2">
      <c r="A3893" s="1" t="s">
        <v>329</v>
      </c>
      <c r="B3893" s="1" t="s">
        <v>596</v>
      </c>
      <c r="C3893" s="1" t="s">
        <v>13605</v>
      </c>
      <c r="D3893" s="1" t="s">
        <v>13606</v>
      </c>
      <c r="E3893" s="1" t="s">
        <v>13607</v>
      </c>
      <c r="F3893" s="1" t="s">
        <v>10</v>
      </c>
      <c r="G3893" s="1" t="s">
        <v>10</v>
      </c>
      <c r="H3893" s="1" t="s">
        <v>10</v>
      </c>
      <c r="I3893" s="1" t="s">
        <v>12117</v>
      </c>
      <c r="J3893" s="1" t="s">
        <v>12144</v>
      </c>
      <c r="K3893" s="1" t="s">
        <v>27</v>
      </c>
      <c r="L3893" s="1" t="s">
        <v>13604</v>
      </c>
      <c r="M3893" s="1" t="s">
        <v>5</v>
      </c>
      <c r="N3893" s="1" t="s">
        <v>25</v>
      </c>
      <c r="O3893" s="1" t="s">
        <v>38</v>
      </c>
      <c r="P3893" s="5" t="s">
        <v>31655</v>
      </c>
    </row>
    <row r="3894" spans="1:16" x14ac:dyDescent="0.2">
      <c r="A3894" s="1" t="s">
        <v>20</v>
      </c>
      <c r="B3894" s="1" t="s">
        <v>445</v>
      </c>
      <c r="C3894" s="1" t="s">
        <v>13609</v>
      </c>
      <c r="D3894" s="1" t="s">
        <v>13610</v>
      </c>
      <c r="E3894" s="1" t="s">
        <v>13611</v>
      </c>
      <c r="F3894" s="1" t="s">
        <v>10</v>
      </c>
      <c r="G3894" s="1" t="s">
        <v>10</v>
      </c>
      <c r="H3894" s="1" t="s">
        <v>10</v>
      </c>
      <c r="I3894" s="1" t="s">
        <v>12117</v>
      </c>
      <c r="J3894" s="1" t="s">
        <v>12283</v>
      </c>
      <c r="K3894" s="1" t="s">
        <v>27</v>
      </c>
      <c r="L3894" s="1" t="s">
        <v>13608</v>
      </c>
      <c r="M3894" s="1" t="s">
        <v>5</v>
      </c>
      <c r="N3894" s="1" t="s">
        <v>25</v>
      </c>
      <c r="O3894" s="1" t="s">
        <v>38</v>
      </c>
      <c r="P3894" s="5" t="s">
        <v>30379</v>
      </c>
    </row>
    <row r="3895" spans="1:16" x14ac:dyDescent="0.2">
      <c r="A3895" s="1" t="s">
        <v>20</v>
      </c>
      <c r="B3895" s="1" t="s">
        <v>445</v>
      </c>
      <c r="C3895" s="1" t="s">
        <v>13613</v>
      </c>
      <c r="D3895" s="1" t="s">
        <v>13614</v>
      </c>
      <c r="E3895" s="1" t="s">
        <v>13615</v>
      </c>
      <c r="F3895" s="1" t="s">
        <v>414</v>
      </c>
      <c r="G3895" s="1" t="s">
        <v>11583</v>
      </c>
      <c r="H3895" s="1" t="s">
        <v>10</v>
      </c>
      <c r="I3895" s="1" t="s">
        <v>12117</v>
      </c>
      <c r="J3895" s="1" t="s">
        <v>12283</v>
      </c>
      <c r="K3895" s="1" t="s">
        <v>27</v>
      </c>
      <c r="L3895" s="1" t="s">
        <v>13612</v>
      </c>
      <c r="M3895" s="1" t="s">
        <v>5</v>
      </c>
      <c r="N3895" s="1" t="s">
        <v>1009</v>
      </c>
      <c r="O3895" s="1" t="s">
        <v>38</v>
      </c>
      <c r="P3895" s="5" t="s">
        <v>30380</v>
      </c>
    </row>
    <row r="3896" spans="1:16" x14ac:dyDescent="0.2">
      <c r="A3896" s="1" t="s">
        <v>194</v>
      </c>
      <c r="B3896" s="1" t="s">
        <v>4492</v>
      </c>
      <c r="C3896" s="1" t="s">
        <v>13617</v>
      </c>
      <c r="D3896" s="1" t="s">
        <v>13618</v>
      </c>
      <c r="E3896" s="1" t="s">
        <v>13619</v>
      </c>
      <c r="F3896" s="1" t="s">
        <v>10</v>
      </c>
      <c r="G3896" s="1" t="s">
        <v>10</v>
      </c>
      <c r="H3896" s="1" t="s">
        <v>10</v>
      </c>
      <c r="I3896" s="1" t="s">
        <v>12117</v>
      </c>
      <c r="J3896" s="1" t="s">
        <v>12188</v>
      </c>
      <c r="K3896" s="1" t="s">
        <v>27</v>
      </c>
      <c r="L3896" s="1" t="s">
        <v>13616</v>
      </c>
      <c r="M3896" s="1" t="s">
        <v>5</v>
      </c>
      <c r="N3896" s="1" t="s">
        <v>25</v>
      </c>
      <c r="O3896" s="1" t="s">
        <v>38</v>
      </c>
      <c r="P3896" s="5" t="s">
        <v>30381</v>
      </c>
    </row>
    <row r="3897" spans="1:16" x14ac:dyDescent="0.2">
      <c r="A3897" s="1" t="s">
        <v>42</v>
      </c>
      <c r="B3897" s="1" t="s">
        <v>588</v>
      </c>
      <c r="C3897" s="1" t="s">
        <v>13621</v>
      </c>
      <c r="D3897" s="1" t="s">
        <v>13622</v>
      </c>
      <c r="E3897" s="1" t="s">
        <v>13623</v>
      </c>
      <c r="F3897" s="1" t="s">
        <v>10</v>
      </c>
      <c r="G3897" s="1" t="s">
        <v>10</v>
      </c>
      <c r="H3897" s="1" t="s">
        <v>10</v>
      </c>
      <c r="I3897" s="1" t="s">
        <v>12117</v>
      </c>
      <c r="J3897" s="1" t="s">
        <v>12899</v>
      </c>
      <c r="K3897" s="1" t="s">
        <v>27</v>
      </c>
      <c r="L3897" s="1" t="s">
        <v>13620</v>
      </c>
      <c r="M3897" s="1" t="s">
        <v>5</v>
      </c>
      <c r="N3897" s="1" t="s">
        <v>25</v>
      </c>
      <c r="O3897" s="1" t="s">
        <v>38</v>
      </c>
      <c r="P3897" s="5" t="s">
        <v>30296</v>
      </c>
    </row>
    <row r="3898" spans="1:16" x14ac:dyDescent="0.2">
      <c r="A3898" s="1" t="s">
        <v>42</v>
      </c>
      <c r="B3898" s="1" t="s">
        <v>588</v>
      </c>
      <c r="C3898" s="1" t="s">
        <v>13625</v>
      </c>
      <c r="D3898" s="1" t="s">
        <v>13626</v>
      </c>
      <c r="E3898" s="1" t="s">
        <v>13627</v>
      </c>
      <c r="F3898" s="1" t="s">
        <v>10</v>
      </c>
      <c r="G3898" s="1" t="s">
        <v>10</v>
      </c>
      <c r="H3898" s="1" t="s">
        <v>10</v>
      </c>
      <c r="I3898" s="1" t="s">
        <v>12117</v>
      </c>
      <c r="J3898" s="1" t="s">
        <v>12899</v>
      </c>
      <c r="K3898" s="1" t="s">
        <v>27</v>
      </c>
      <c r="L3898" s="1" t="s">
        <v>13624</v>
      </c>
      <c r="M3898" s="1" t="s">
        <v>5</v>
      </c>
      <c r="N3898" s="1" t="s">
        <v>25</v>
      </c>
      <c r="O3898" s="1" t="s">
        <v>38</v>
      </c>
      <c r="P3898" s="5" t="s">
        <v>30382</v>
      </c>
    </row>
    <row r="3899" spans="1:16" x14ac:dyDescent="0.2">
      <c r="A3899" s="1" t="s">
        <v>42</v>
      </c>
      <c r="B3899" s="1" t="s">
        <v>1890</v>
      </c>
      <c r="C3899" s="1" t="s">
        <v>13629</v>
      </c>
      <c r="D3899" s="1" t="s">
        <v>13630</v>
      </c>
      <c r="E3899" s="1" t="s">
        <v>13631</v>
      </c>
      <c r="F3899" s="1" t="s">
        <v>27</v>
      </c>
      <c r="G3899" s="1" t="s">
        <v>10</v>
      </c>
      <c r="H3899" s="1" t="s">
        <v>13632</v>
      </c>
      <c r="I3899" s="1" t="s">
        <v>12117</v>
      </c>
      <c r="J3899" s="1" t="s">
        <v>19</v>
      </c>
      <c r="K3899" s="1" t="s">
        <v>37</v>
      </c>
      <c r="L3899" s="1" t="s">
        <v>13628</v>
      </c>
      <c r="M3899" s="1" t="s">
        <v>5</v>
      </c>
      <c r="N3899" s="1" t="s">
        <v>1009</v>
      </c>
      <c r="O3899" s="1" t="s">
        <v>8</v>
      </c>
      <c r="P3899" s="5" t="s">
        <v>30383</v>
      </c>
    </row>
    <row r="3900" spans="1:16" x14ac:dyDescent="0.2">
      <c r="A3900" s="1" t="s">
        <v>194</v>
      </c>
      <c r="B3900" s="1" t="s">
        <v>6481</v>
      </c>
      <c r="C3900" s="1" t="s">
        <v>13634</v>
      </c>
      <c r="D3900" s="1" t="s">
        <v>13635</v>
      </c>
      <c r="E3900" s="1" t="s">
        <v>13636</v>
      </c>
      <c r="F3900" s="1" t="s">
        <v>10</v>
      </c>
      <c r="G3900" s="1" t="s">
        <v>10</v>
      </c>
      <c r="H3900" s="1" t="s">
        <v>10</v>
      </c>
      <c r="I3900" s="1" t="s">
        <v>12117</v>
      </c>
      <c r="J3900" s="1" t="s">
        <v>12518</v>
      </c>
      <c r="K3900" s="1" t="s">
        <v>27</v>
      </c>
      <c r="L3900" s="1" t="s">
        <v>13633</v>
      </c>
      <c r="M3900" s="1" t="s">
        <v>5</v>
      </c>
      <c r="N3900" s="1" t="s">
        <v>6</v>
      </c>
      <c r="O3900" s="1" t="s">
        <v>38</v>
      </c>
      <c r="P3900" s="5" t="s">
        <v>30384</v>
      </c>
    </row>
    <row r="3901" spans="1:16" x14ac:dyDescent="0.2">
      <c r="A3901" s="1" t="s">
        <v>20</v>
      </c>
      <c r="B3901" s="1" t="s">
        <v>445</v>
      </c>
      <c r="C3901" s="1" t="s">
        <v>13638</v>
      </c>
      <c r="D3901" s="1" t="s">
        <v>13639</v>
      </c>
      <c r="E3901" s="1" t="s">
        <v>13640</v>
      </c>
      <c r="F3901" s="1" t="s">
        <v>10</v>
      </c>
      <c r="G3901" s="1" t="s">
        <v>10</v>
      </c>
      <c r="H3901" s="1" t="s">
        <v>10</v>
      </c>
      <c r="I3901" s="1" t="s">
        <v>12117</v>
      </c>
      <c r="J3901" s="1" t="s">
        <v>19</v>
      </c>
      <c r="K3901" s="1" t="s">
        <v>27</v>
      </c>
      <c r="L3901" s="1" t="s">
        <v>13637</v>
      </c>
      <c r="M3901" s="1" t="s">
        <v>5</v>
      </c>
      <c r="N3901" s="1" t="s">
        <v>25</v>
      </c>
      <c r="O3901" s="1" t="s">
        <v>38</v>
      </c>
      <c r="P3901" s="5" t="s">
        <v>30315</v>
      </c>
    </row>
    <row r="3902" spans="1:16" x14ac:dyDescent="0.2">
      <c r="A3902" s="1" t="s">
        <v>10</v>
      </c>
      <c r="B3902" s="1" t="s">
        <v>10</v>
      </c>
      <c r="C3902" s="1" t="s">
        <v>13642</v>
      </c>
      <c r="D3902" s="1" t="s">
        <v>13643</v>
      </c>
      <c r="E3902" s="1" t="s">
        <v>13644</v>
      </c>
      <c r="F3902" s="1" t="s">
        <v>10</v>
      </c>
      <c r="G3902" s="1" t="s">
        <v>10</v>
      </c>
      <c r="H3902" s="1" t="s">
        <v>10</v>
      </c>
      <c r="I3902" s="1" t="s">
        <v>12117</v>
      </c>
      <c r="J3902" s="1" t="s">
        <v>10</v>
      </c>
      <c r="K3902" s="1" t="s">
        <v>27</v>
      </c>
      <c r="L3902" s="1" t="s">
        <v>13641</v>
      </c>
      <c r="M3902" s="1" t="s">
        <v>5</v>
      </c>
      <c r="N3902" s="1" t="s">
        <v>6</v>
      </c>
      <c r="O3902" s="1" t="s">
        <v>38</v>
      </c>
      <c r="P3902" s="5" t="s">
        <v>32776</v>
      </c>
    </row>
    <row r="3903" spans="1:16" x14ac:dyDescent="0.2">
      <c r="A3903" s="1" t="s">
        <v>20</v>
      </c>
      <c r="B3903" s="1" t="s">
        <v>302</v>
      </c>
      <c r="C3903" s="1" t="s">
        <v>13646</v>
      </c>
      <c r="D3903" s="1" t="s">
        <v>8279</v>
      </c>
      <c r="E3903" s="1" t="s">
        <v>13647</v>
      </c>
      <c r="F3903" s="1" t="s">
        <v>10</v>
      </c>
      <c r="G3903" s="1" t="s">
        <v>10</v>
      </c>
      <c r="H3903" s="1" t="s">
        <v>10</v>
      </c>
      <c r="I3903" s="1" t="s">
        <v>12117</v>
      </c>
      <c r="J3903" s="1" t="s">
        <v>12148</v>
      </c>
      <c r="K3903" s="1" t="s">
        <v>100</v>
      </c>
      <c r="L3903" s="1" t="s">
        <v>13645</v>
      </c>
      <c r="M3903" s="1" t="s">
        <v>5</v>
      </c>
      <c r="N3903" s="1" t="s">
        <v>25</v>
      </c>
      <c r="O3903" s="1" t="s">
        <v>38</v>
      </c>
      <c r="P3903" s="5" t="s">
        <v>30296</v>
      </c>
    </row>
    <row r="3904" spans="1:16" x14ac:dyDescent="0.2">
      <c r="A3904" s="1" t="s">
        <v>10</v>
      </c>
      <c r="B3904" s="1" t="s">
        <v>10</v>
      </c>
      <c r="C3904" s="1" t="s">
        <v>13638</v>
      </c>
      <c r="D3904" s="1" t="s">
        <v>13649</v>
      </c>
      <c r="E3904" s="1" t="s">
        <v>13650</v>
      </c>
      <c r="F3904" s="1" t="s">
        <v>10</v>
      </c>
      <c r="G3904" s="1" t="s">
        <v>10</v>
      </c>
      <c r="H3904" s="1" t="s">
        <v>10</v>
      </c>
      <c r="I3904" s="1" t="s">
        <v>12117</v>
      </c>
      <c r="J3904" s="1" t="s">
        <v>12157</v>
      </c>
      <c r="K3904" s="1" t="s">
        <v>27</v>
      </c>
      <c r="L3904" s="1" t="s">
        <v>13648</v>
      </c>
      <c r="M3904" s="1" t="s">
        <v>5</v>
      </c>
      <c r="N3904" s="1" t="s">
        <v>10</v>
      </c>
      <c r="O3904" s="1" t="s">
        <v>38</v>
      </c>
      <c r="P3904" s="5" t="s">
        <v>30385</v>
      </c>
    </row>
    <row r="3905" spans="1:16" x14ac:dyDescent="0.2">
      <c r="A3905" s="1" t="s">
        <v>20</v>
      </c>
      <c r="B3905" s="1" t="s">
        <v>445</v>
      </c>
      <c r="C3905" s="1" t="s">
        <v>13652</v>
      </c>
      <c r="D3905" s="1" t="s">
        <v>13653</v>
      </c>
      <c r="E3905" s="1" t="s">
        <v>13654</v>
      </c>
      <c r="F3905" s="1" t="s">
        <v>10</v>
      </c>
      <c r="G3905" s="1" t="s">
        <v>10</v>
      </c>
      <c r="H3905" s="1" t="s">
        <v>10</v>
      </c>
      <c r="I3905" s="1" t="s">
        <v>12117</v>
      </c>
      <c r="J3905" s="1" t="s">
        <v>10</v>
      </c>
      <c r="K3905" s="1" t="s">
        <v>10</v>
      </c>
      <c r="L3905" s="1" t="s">
        <v>13651</v>
      </c>
      <c r="M3905" s="1" t="s">
        <v>5</v>
      </c>
      <c r="N3905" s="1" t="s">
        <v>10</v>
      </c>
      <c r="O3905" s="1" t="s">
        <v>38</v>
      </c>
      <c r="P3905" s="5" t="s">
        <v>29944</v>
      </c>
    </row>
    <row r="3906" spans="1:16" x14ac:dyDescent="0.2">
      <c r="A3906" s="1" t="s">
        <v>20</v>
      </c>
      <c r="B3906" s="1" t="s">
        <v>445</v>
      </c>
      <c r="C3906" s="1" t="s">
        <v>13656</v>
      </c>
      <c r="D3906" s="1" t="s">
        <v>13657</v>
      </c>
      <c r="E3906" s="1" t="s">
        <v>13658</v>
      </c>
      <c r="F3906" s="1" t="s">
        <v>10</v>
      </c>
      <c r="G3906" s="1" t="s">
        <v>10</v>
      </c>
      <c r="H3906" s="1" t="s">
        <v>10</v>
      </c>
      <c r="I3906" s="1" t="s">
        <v>12117</v>
      </c>
      <c r="J3906" s="1" t="s">
        <v>12148</v>
      </c>
      <c r="K3906" s="1" t="s">
        <v>27</v>
      </c>
      <c r="L3906" s="1" t="s">
        <v>13655</v>
      </c>
      <c r="M3906" s="1" t="s">
        <v>5</v>
      </c>
      <c r="N3906" s="1" t="s">
        <v>1009</v>
      </c>
      <c r="O3906" s="1" t="s">
        <v>38</v>
      </c>
      <c r="P3906" s="5" t="s">
        <v>31594</v>
      </c>
    </row>
    <row r="3907" spans="1:16" x14ac:dyDescent="0.2">
      <c r="A3907" s="1" t="s">
        <v>20</v>
      </c>
      <c r="B3907" s="1" t="s">
        <v>21</v>
      </c>
      <c r="C3907" s="1" t="s">
        <v>617</v>
      </c>
      <c r="D3907" s="1" t="s">
        <v>617</v>
      </c>
      <c r="E3907" s="1" t="s">
        <v>13660</v>
      </c>
      <c r="F3907" s="1" t="s">
        <v>27</v>
      </c>
      <c r="G3907" s="1" t="s">
        <v>10</v>
      </c>
      <c r="H3907" s="1" t="s">
        <v>13661</v>
      </c>
      <c r="I3907" s="1" t="s">
        <v>12117</v>
      </c>
      <c r="J3907" s="1" t="s">
        <v>19</v>
      </c>
      <c r="K3907" s="1" t="s">
        <v>130</v>
      </c>
      <c r="L3907" s="1" t="s">
        <v>13659</v>
      </c>
      <c r="M3907" s="1" t="s">
        <v>5</v>
      </c>
      <c r="N3907" s="1" t="s">
        <v>1009</v>
      </c>
      <c r="O3907" s="1" t="s">
        <v>8</v>
      </c>
      <c r="P3907" s="5" t="s">
        <v>30358</v>
      </c>
    </row>
    <row r="3908" spans="1:16" x14ac:dyDescent="0.2">
      <c r="A3908" s="1" t="s">
        <v>66</v>
      </c>
      <c r="B3908" s="1" t="s">
        <v>574</v>
      </c>
      <c r="C3908" s="1" t="s">
        <v>7016</v>
      </c>
      <c r="D3908" s="1" t="s">
        <v>13664</v>
      </c>
      <c r="E3908" s="1" t="s">
        <v>7017</v>
      </c>
      <c r="F3908" s="1" t="s">
        <v>10</v>
      </c>
      <c r="G3908" s="1" t="s">
        <v>10</v>
      </c>
      <c r="H3908" s="1" t="s">
        <v>10</v>
      </c>
      <c r="I3908" s="1" t="s">
        <v>13662</v>
      </c>
      <c r="J3908" s="1" t="s">
        <v>19</v>
      </c>
      <c r="K3908" s="1" t="s">
        <v>7</v>
      </c>
      <c r="L3908" s="1" t="s">
        <v>13663</v>
      </c>
      <c r="M3908" s="1" t="s">
        <v>5</v>
      </c>
      <c r="N3908" s="1" t="s">
        <v>25</v>
      </c>
      <c r="O3908" s="1" t="s">
        <v>38</v>
      </c>
      <c r="P3908" s="5" t="s">
        <v>31656</v>
      </c>
    </row>
    <row r="3909" spans="1:16" x14ac:dyDescent="0.2">
      <c r="A3909" s="1" t="s">
        <v>66</v>
      </c>
      <c r="B3909" s="1" t="s">
        <v>574</v>
      </c>
      <c r="C3909" s="1" t="s">
        <v>7018</v>
      </c>
      <c r="D3909" s="1" t="s">
        <v>7019</v>
      </c>
      <c r="E3909" s="1" t="s">
        <v>7020</v>
      </c>
      <c r="F3909" s="1" t="s">
        <v>10</v>
      </c>
      <c r="G3909" s="1" t="s">
        <v>10</v>
      </c>
      <c r="H3909" s="1" t="s">
        <v>10</v>
      </c>
      <c r="I3909" s="1" t="s">
        <v>13662</v>
      </c>
      <c r="J3909" s="1" t="s">
        <v>19</v>
      </c>
      <c r="K3909" s="1" t="s">
        <v>7</v>
      </c>
      <c r="L3909" s="1" t="s">
        <v>13665</v>
      </c>
      <c r="M3909" s="1" t="s">
        <v>5</v>
      </c>
      <c r="N3909" s="1" t="s">
        <v>25</v>
      </c>
      <c r="O3909" s="1" t="s">
        <v>38</v>
      </c>
      <c r="P3909" s="5" t="s">
        <v>31657</v>
      </c>
    </row>
    <row r="3910" spans="1:16" x14ac:dyDescent="0.2">
      <c r="A3910" s="1" t="s">
        <v>66</v>
      </c>
      <c r="B3910" s="1" t="s">
        <v>574</v>
      </c>
      <c r="C3910" s="1" t="s">
        <v>7021</v>
      </c>
      <c r="D3910" s="1" t="s">
        <v>7022</v>
      </c>
      <c r="E3910" s="1" t="s">
        <v>7023</v>
      </c>
      <c r="F3910" s="1" t="s">
        <v>10</v>
      </c>
      <c r="G3910" s="1" t="s">
        <v>10</v>
      </c>
      <c r="H3910" s="1" t="s">
        <v>10</v>
      </c>
      <c r="I3910" s="1" t="s">
        <v>13662</v>
      </c>
      <c r="J3910" s="1" t="s">
        <v>19</v>
      </c>
      <c r="K3910" s="1" t="s">
        <v>64</v>
      </c>
      <c r="L3910" s="1" t="s">
        <v>13666</v>
      </c>
      <c r="M3910" s="1" t="s">
        <v>5</v>
      </c>
      <c r="N3910" s="1" t="s">
        <v>25</v>
      </c>
      <c r="O3910" s="1" t="s">
        <v>38</v>
      </c>
      <c r="P3910" s="5" t="s">
        <v>31658</v>
      </c>
    </row>
    <row r="3911" spans="1:16" x14ac:dyDescent="0.2">
      <c r="A3911" s="1" t="s">
        <v>66</v>
      </c>
      <c r="B3911" s="1" t="s">
        <v>574</v>
      </c>
      <c r="C3911" s="1" t="s">
        <v>7024</v>
      </c>
      <c r="D3911" s="1" t="s">
        <v>7025</v>
      </c>
      <c r="E3911" s="1" t="s">
        <v>13668</v>
      </c>
      <c r="F3911" s="1" t="s">
        <v>10</v>
      </c>
      <c r="G3911" s="1" t="s">
        <v>10</v>
      </c>
      <c r="H3911" s="1" t="s">
        <v>10</v>
      </c>
      <c r="I3911" s="1" t="s">
        <v>13662</v>
      </c>
      <c r="J3911" s="1" t="s">
        <v>19</v>
      </c>
      <c r="K3911" s="1" t="s">
        <v>100</v>
      </c>
      <c r="L3911" s="1" t="s">
        <v>13667</v>
      </c>
      <c r="M3911" s="1" t="s">
        <v>5</v>
      </c>
      <c r="N3911" s="1" t="s">
        <v>25</v>
      </c>
      <c r="O3911" s="1" t="s">
        <v>38</v>
      </c>
      <c r="P3911" s="5" t="s">
        <v>31659</v>
      </c>
    </row>
    <row r="3912" spans="1:16" x14ac:dyDescent="0.2">
      <c r="A3912" s="1" t="s">
        <v>1385</v>
      </c>
      <c r="B3912" s="1" t="s">
        <v>1490</v>
      </c>
      <c r="C3912" s="1" t="s">
        <v>7026</v>
      </c>
      <c r="D3912" s="1" t="s">
        <v>7027</v>
      </c>
      <c r="E3912" s="1" t="s">
        <v>7028</v>
      </c>
      <c r="F3912" s="1" t="s">
        <v>10</v>
      </c>
      <c r="G3912" s="1" t="s">
        <v>10</v>
      </c>
      <c r="H3912" s="1" t="s">
        <v>10</v>
      </c>
      <c r="I3912" s="1" t="s">
        <v>13662</v>
      </c>
      <c r="J3912" s="1" t="s">
        <v>19</v>
      </c>
      <c r="K3912" s="1" t="s">
        <v>64</v>
      </c>
      <c r="L3912" s="1" t="s">
        <v>13669</v>
      </c>
      <c r="M3912" s="1" t="s">
        <v>5</v>
      </c>
      <c r="N3912" s="1" t="s">
        <v>25</v>
      </c>
      <c r="O3912" s="1" t="s">
        <v>38</v>
      </c>
      <c r="P3912" s="5" t="s">
        <v>31660</v>
      </c>
    </row>
    <row r="3913" spans="1:16" x14ac:dyDescent="0.2">
      <c r="A3913" s="1" t="s">
        <v>20</v>
      </c>
      <c r="B3913" s="1" t="s">
        <v>93</v>
      </c>
      <c r="C3913" s="1" t="s">
        <v>7029</v>
      </c>
      <c r="D3913" s="1" t="s">
        <v>7030</v>
      </c>
      <c r="E3913" s="1"/>
      <c r="F3913" s="1" t="s">
        <v>27</v>
      </c>
      <c r="G3913" s="1" t="s">
        <v>10</v>
      </c>
      <c r="H3913" s="1" t="s">
        <v>13671</v>
      </c>
      <c r="I3913" s="1" t="s">
        <v>13662</v>
      </c>
      <c r="J3913" s="1" t="s">
        <v>19</v>
      </c>
      <c r="K3913" s="1" t="s">
        <v>7</v>
      </c>
      <c r="L3913" s="1" t="s">
        <v>13670</v>
      </c>
      <c r="M3913" s="1" t="s">
        <v>5</v>
      </c>
      <c r="N3913" s="1" t="s">
        <v>6</v>
      </c>
      <c r="O3913" s="1" t="s">
        <v>8</v>
      </c>
      <c r="P3913" s="5" t="s">
        <v>30390</v>
      </c>
    </row>
    <row r="3914" spans="1:16" x14ac:dyDescent="0.2">
      <c r="A3914" s="1" t="s">
        <v>20</v>
      </c>
      <c r="B3914" s="1" t="s">
        <v>172</v>
      </c>
      <c r="C3914" s="1" t="s">
        <v>7031</v>
      </c>
      <c r="D3914" s="1" t="s">
        <v>7032</v>
      </c>
      <c r="E3914" s="1"/>
      <c r="F3914" s="1" t="s">
        <v>27</v>
      </c>
      <c r="G3914" s="1" t="s">
        <v>10</v>
      </c>
      <c r="H3914" s="1" t="s">
        <v>13671</v>
      </c>
      <c r="I3914" s="1" t="s">
        <v>13662</v>
      </c>
      <c r="J3914" s="1" t="s">
        <v>19</v>
      </c>
      <c r="K3914" s="1" t="s">
        <v>7</v>
      </c>
      <c r="L3914" s="1" t="s">
        <v>13672</v>
      </c>
      <c r="M3914" s="1" t="s">
        <v>5</v>
      </c>
      <c r="N3914" s="1" t="s">
        <v>6</v>
      </c>
      <c r="O3914" s="1" t="s">
        <v>8</v>
      </c>
      <c r="P3914" s="5" t="s">
        <v>30390</v>
      </c>
    </row>
    <row r="3915" spans="1:16" x14ac:dyDescent="0.2">
      <c r="A3915" s="1" t="s">
        <v>20</v>
      </c>
      <c r="B3915" s="1" t="s">
        <v>93</v>
      </c>
      <c r="C3915" s="1" t="s">
        <v>7033</v>
      </c>
      <c r="D3915" s="1" t="s">
        <v>7034</v>
      </c>
      <c r="E3915" s="1" t="s">
        <v>7035</v>
      </c>
      <c r="F3915" s="1" t="s">
        <v>27</v>
      </c>
      <c r="G3915" s="1" t="s">
        <v>10</v>
      </c>
      <c r="H3915" s="1" t="s">
        <v>7036</v>
      </c>
      <c r="I3915" s="1" t="s">
        <v>13662</v>
      </c>
      <c r="J3915" s="1" t="s">
        <v>19</v>
      </c>
      <c r="K3915" s="1" t="s">
        <v>7</v>
      </c>
      <c r="L3915" s="1" t="s">
        <v>13673</v>
      </c>
      <c r="M3915" s="1" t="s">
        <v>5</v>
      </c>
      <c r="N3915" s="1" t="s">
        <v>25</v>
      </c>
      <c r="O3915" s="1" t="s">
        <v>8</v>
      </c>
      <c r="P3915" s="5" t="s">
        <v>31661</v>
      </c>
    </row>
    <row r="3916" spans="1:16" x14ac:dyDescent="0.2">
      <c r="A3916" s="1" t="s">
        <v>42</v>
      </c>
      <c r="B3916" s="1" t="s">
        <v>1341</v>
      </c>
      <c r="C3916" s="1" t="s">
        <v>7037</v>
      </c>
      <c r="D3916" s="1" t="s">
        <v>7038</v>
      </c>
      <c r="E3916" s="1"/>
      <c r="F3916" s="1" t="s">
        <v>10</v>
      </c>
      <c r="G3916" s="1" t="s">
        <v>10</v>
      </c>
      <c r="H3916" s="1" t="s">
        <v>10</v>
      </c>
      <c r="I3916" s="1" t="s">
        <v>13662</v>
      </c>
      <c r="J3916" s="1" t="s">
        <v>19</v>
      </c>
      <c r="K3916" s="1" t="s">
        <v>37</v>
      </c>
      <c r="L3916" s="1" t="s">
        <v>13674</v>
      </c>
      <c r="M3916" s="1" t="s">
        <v>5</v>
      </c>
      <c r="N3916" s="1" t="s">
        <v>6</v>
      </c>
      <c r="O3916" s="1" t="s">
        <v>38</v>
      </c>
      <c r="P3916" s="5" t="s">
        <v>31662</v>
      </c>
    </row>
    <row r="3917" spans="1:16" x14ac:dyDescent="0.2">
      <c r="A3917" s="1" t="s">
        <v>66</v>
      </c>
      <c r="B3917" s="1" t="s">
        <v>574</v>
      </c>
      <c r="C3917" s="1" t="s">
        <v>7039</v>
      </c>
      <c r="D3917" s="1" t="s">
        <v>7040</v>
      </c>
      <c r="E3917" s="1" t="s">
        <v>13676</v>
      </c>
      <c r="F3917" s="1" t="s">
        <v>10</v>
      </c>
      <c r="G3917" s="1" t="s">
        <v>10</v>
      </c>
      <c r="H3917" s="1" t="s">
        <v>10</v>
      </c>
      <c r="I3917" s="1" t="s">
        <v>13662</v>
      </c>
      <c r="J3917" s="1" t="s">
        <v>19</v>
      </c>
      <c r="K3917" s="1" t="s">
        <v>100</v>
      </c>
      <c r="L3917" s="1" t="s">
        <v>13675</v>
      </c>
      <c r="M3917" s="1" t="s">
        <v>5</v>
      </c>
      <c r="N3917" s="1" t="s">
        <v>25</v>
      </c>
      <c r="O3917" s="1" t="s">
        <v>38</v>
      </c>
      <c r="P3917" s="5" t="s">
        <v>30391</v>
      </c>
    </row>
    <row r="3918" spans="1:16" x14ac:dyDescent="0.2">
      <c r="A3918" s="1" t="s">
        <v>20</v>
      </c>
      <c r="B3918" s="1" t="s">
        <v>172</v>
      </c>
      <c r="C3918" s="1" t="s">
        <v>7041</v>
      </c>
      <c r="D3918" s="1" t="s">
        <v>13678</v>
      </c>
      <c r="E3918" s="1" t="s">
        <v>13679</v>
      </c>
      <c r="F3918" s="1" t="s">
        <v>27</v>
      </c>
      <c r="G3918" s="1" t="s">
        <v>10</v>
      </c>
      <c r="H3918" s="1" t="s">
        <v>7042</v>
      </c>
      <c r="I3918" s="1" t="s">
        <v>13662</v>
      </c>
      <c r="J3918" s="1" t="s">
        <v>19</v>
      </c>
      <c r="K3918" s="1" t="s">
        <v>7</v>
      </c>
      <c r="L3918" s="1" t="s">
        <v>13677</v>
      </c>
      <c r="M3918" s="1" t="s">
        <v>5</v>
      </c>
      <c r="N3918" s="1" t="s">
        <v>25</v>
      </c>
      <c r="O3918" s="1" t="s">
        <v>8</v>
      </c>
      <c r="P3918" s="5" t="s">
        <v>31663</v>
      </c>
    </row>
    <row r="3919" spans="1:16" x14ac:dyDescent="0.2">
      <c r="A3919" s="1" t="s">
        <v>66</v>
      </c>
      <c r="B3919" s="1" t="s">
        <v>574</v>
      </c>
      <c r="C3919" s="1" t="s">
        <v>7044</v>
      </c>
      <c r="D3919" s="1" t="s">
        <v>7045</v>
      </c>
      <c r="E3919" s="1" t="s">
        <v>7046</v>
      </c>
      <c r="F3919" s="1" t="s">
        <v>10</v>
      </c>
      <c r="G3919" s="1" t="s">
        <v>10</v>
      </c>
      <c r="H3919" s="1" t="s">
        <v>10</v>
      </c>
      <c r="I3919" s="1" t="s">
        <v>13662</v>
      </c>
      <c r="J3919" s="1" t="s">
        <v>19</v>
      </c>
      <c r="K3919" s="1" t="s">
        <v>7</v>
      </c>
      <c r="L3919" s="1" t="s">
        <v>13680</v>
      </c>
      <c r="M3919" s="1" t="s">
        <v>5</v>
      </c>
      <c r="N3919" s="1" t="s">
        <v>25</v>
      </c>
      <c r="O3919" s="1" t="s">
        <v>38</v>
      </c>
      <c r="P3919" s="5" t="s">
        <v>31664</v>
      </c>
    </row>
    <row r="3920" spans="1:16" x14ac:dyDescent="0.2">
      <c r="A3920" s="1" t="s">
        <v>32</v>
      </c>
      <c r="B3920" s="1" t="s">
        <v>140</v>
      </c>
      <c r="C3920" s="1" t="s">
        <v>7049</v>
      </c>
      <c r="D3920" s="1" t="s">
        <v>7050</v>
      </c>
      <c r="E3920" s="1" t="s">
        <v>7051</v>
      </c>
      <c r="F3920" s="1" t="s">
        <v>27</v>
      </c>
      <c r="G3920" s="1" t="s">
        <v>10</v>
      </c>
      <c r="H3920" s="1" t="s">
        <v>7052</v>
      </c>
      <c r="I3920" s="1" t="s">
        <v>13662</v>
      </c>
      <c r="J3920" s="1" t="s">
        <v>19</v>
      </c>
      <c r="K3920" s="1" t="s">
        <v>6469</v>
      </c>
      <c r="L3920" s="1" t="s">
        <v>13681</v>
      </c>
      <c r="M3920" s="1" t="s">
        <v>5</v>
      </c>
      <c r="N3920" s="1" t="s">
        <v>6</v>
      </c>
      <c r="O3920" s="1" t="s">
        <v>8</v>
      </c>
      <c r="P3920" s="5" t="s">
        <v>30904</v>
      </c>
    </row>
    <row r="3921" spans="1:16" x14ac:dyDescent="0.2">
      <c r="A3921" s="1" t="s">
        <v>42</v>
      </c>
      <c r="B3921" s="1" t="s">
        <v>109</v>
      </c>
      <c r="C3921" s="1" t="s">
        <v>13683</v>
      </c>
      <c r="D3921" s="1" t="s">
        <v>7053</v>
      </c>
      <c r="E3921" s="1" t="s">
        <v>13684</v>
      </c>
      <c r="F3921" s="1" t="s">
        <v>10</v>
      </c>
      <c r="G3921" s="1" t="s">
        <v>10</v>
      </c>
      <c r="H3921" s="1" t="s">
        <v>10</v>
      </c>
      <c r="I3921" s="1" t="s">
        <v>13662</v>
      </c>
      <c r="J3921" s="1" t="s">
        <v>7047</v>
      </c>
      <c r="K3921" s="1" t="s">
        <v>27</v>
      </c>
      <c r="L3921" s="1" t="s">
        <v>13682</v>
      </c>
      <c r="M3921" s="1" t="s">
        <v>5</v>
      </c>
      <c r="N3921" s="1" t="s">
        <v>6</v>
      </c>
      <c r="O3921" s="1" t="s">
        <v>38</v>
      </c>
      <c r="P3921" s="5" t="s">
        <v>31665</v>
      </c>
    </row>
    <row r="3922" spans="1:16" x14ac:dyDescent="0.2">
      <c r="A3922" s="1" t="s">
        <v>20</v>
      </c>
      <c r="B3922" s="1" t="s">
        <v>445</v>
      </c>
      <c r="C3922" s="1" t="s">
        <v>7054</v>
      </c>
      <c r="D3922" s="1" t="s">
        <v>7055</v>
      </c>
      <c r="E3922" s="1" t="s">
        <v>7056</v>
      </c>
      <c r="F3922" s="1" t="s">
        <v>10</v>
      </c>
      <c r="G3922" s="1" t="s">
        <v>10</v>
      </c>
      <c r="H3922" s="1" t="s">
        <v>10</v>
      </c>
      <c r="I3922" s="1" t="s">
        <v>13662</v>
      </c>
      <c r="J3922" s="1" t="s">
        <v>19</v>
      </c>
      <c r="K3922" s="1" t="s">
        <v>7</v>
      </c>
      <c r="L3922" s="1" t="s">
        <v>13685</v>
      </c>
      <c r="M3922" s="1" t="s">
        <v>5</v>
      </c>
      <c r="N3922" s="1" t="s">
        <v>6</v>
      </c>
      <c r="O3922" s="1" t="s">
        <v>38</v>
      </c>
      <c r="P3922" s="5" t="s">
        <v>31666</v>
      </c>
    </row>
    <row r="3923" spans="1:16" x14ac:dyDescent="0.2">
      <c r="A3923" s="1" t="s">
        <v>42</v>
      </c>
      <c r="B3923" s="1" t="s">
        <v>588</v>
      </c>
      <c r="C3923" s="1" t="s">
        <v>13687</v>
      </c>
      <c r="D3923" s="1" t="s">
        <v>13688</v>
      </c>
      <c r="E3923" s="1" t="s">
        <v>13689</v>
      </c>
      <c r="F3923" s="1" t="s">
        <v>10</v>
      </c>
      <c r="G3923" s="1" t="s">
        <v>10</v>
      </c>
      <c r="H3923" s="1" t="s">
        <v>10</v>
      </c>
      <c r="I3923" s="1" t="s">
        <v>13662</v>
      </c>
      <c r="J3923" s="1" t="s">
        <v>19</v>
      </c>
      <c r="K3923" s="1" t="s">
        <v>586</v>
      </c>
      <c r="L3923" s="1" t="s">
        <v>13686</v>
      </c>
      <c r="M3923" s="1" t="s">
        <v>5</v>
      </c>
      <c r="N3923" s="1" t="s">
        <v>6</v>
      </c>
      <c r="O3923" s="1" t="s">
        <v>38</v>
      </c>
      <c r="P3923" s="5" t="s">
        <v>30391</v>
      </c>
    </row>
    <row r="3924" spans="1:16" x14ac:dyDescent="0.2">
      <c r="A3924" s="1" t="s">
        <v>32</v>
      </c>
      <c r="B3924" s="1" t="s">
        <v>140</v>
      </c>
      <c r="C3924" s="1" t="s">
        <v>13691</v>
      </c>
      <c r="D3924" s="1" t="s">
        <v>13692</v>
      </c>
      <c r="E3924" s="1" t="s">
        <v>13693</v>
      </c>
      <c r="F3924" s="1" t="s">
        <v>27</v>
      </c>
      <c r="G3924" s="1" t="s">
        <v>10</v>
      </c>
      <c r="H3924" s="1" t="s">
        <v>13694</v>
      </c>
      <c r="I3924" s="1" t="s">
        <v>13662</v>
      </c>
      <c r="J3924" s="1" t="s">
        <v>19</v>
      </c>
      <c r="K3924" s="1" t="s">
        <v>7</v>
      </c>
      <c r="L3924" s="1" t="s">
        <v>13690</v>
      </c>
      <c r="M3924" s="1" t="s">
        <v>5</v>
      </c>
      <c r="N3924" s="1" t="s">
        <v>6</v>
      </c>
      <c r="O3924" s="1" t="s">
        <v>8</v>
      </c>
      <c r="P3924" s="5" t="s">
        <v>31667</v>
      </c>
    </row>
    <row r="3925" spans="1:16" x14ac:dyDescent="0.2">
      <c r="A3925" s="1" t="s">
        <v>20</v>
      </c>
      <c r="B3925" s="1" t="s">
        <v>21</v>
      </c>
      <c r="C3925" s="1" t="s">
        <v>13696</v>
      </c>
      <c r="D3925" s="1" t="s">
        <v>13697</v>
      </c>
      <c r="E3925" s="1" t="s">
        <v>13698</v>
      </c>
      <c r="F3925" s="1" t="s">
        <v>9</v>
      </c>
      <c r="G3925" s="1" t="s">
        <v>18</v>
      </c>
      <c r="H3925" s="1" t="s">
        <v>10</v>
      </c>
      <c r="I3925" s="1" t="s">
        <v>13662</v>
      </c>
      <c r="J3925" s="1" t="s">
        <v>19</v>
      </c>
      <c r="K3925" s="1" t="s">
        <v>7</v>
      </c>
      <c r="L3925" s="1" t="s">
        <v>13695</v>
      </c>
      <c r="M3925" s="1" t="s">
        <v>5</v>
      </c>
      <c r="N3925" s="1" t="s">
        <v>6</v>
      </c>
      <c r="O3925" s="1" t="s">
        <v>8</v>
      </c>
      <c r="P3925" s="5" t="s">
        <v>31668</v>
      </c>
    </row>
    <row r="3926" spans="1:16" x14ac:dyDescent="0.2">
      <c r="A3926" s="1" t="s">
        <v>66</v>
      </c>
      <c r="B3926" s="1" t="s">
        <v>574</v>
      </c>
      <c r="C3926" s="1" t="s">
        <v>13700</v>
      </c>
      <c r="D3926" s="1" t="s">
        <v>13701</v>
      </c>
      <c r="E3926" s="1"/>
      <c r="F3926" s="1" t="s">
        <v>27</v>
      </c>
      <c r="G3926" s="1" t="s">
        <v>10</v>
      </c>
      <c r="H3926" s="1" t="s">
        <v>13702</v>
      </c>
      <c r="I3926" s="1" t="s">
        <v>13662</v>
      </c>
      <c r="J3926" s="1" t="s">
        <v>19</v>
      </c>
      <c r="K3926" s="1" t="s">
        <v>7</v>
      </c>
      <c r="L3926" s="1" t="s">
        <v>13699</v>
      </c>
      <c r="M3926" s="1" t="s">
        <v>5</v>
      </c>
      <c r="N3926" s="1" t="s">
        <v>25</v>
      </c>
      <c r="O3926" s="1" t="s">
        <v>8</v>
      </c>
      <c r="P3926" s="5" t="s">
        <v>31669</v>
      </c>
    </row>
    <row r="3927" spans="1:16" x14ac:dyDescent="0.2">
      <c r="A3927" s="1" t="s">
        <v>32</v>
      </c>
      <c r="B3927" s="1" t="s">
        <v>140</v>
      </c>
      <c r="C3927" s="1" t="s">
        <v>13704</v>
      </c>
      <c r="D3927" s="1" t="s">
        <v>13705</v>
      </c>
      <c r="E3927" s="1" t="s">
        <v>13706</v>
      </c>
      <c r="F3927" s="1" t="s">
        <v>27</v>
      </c>
      <c r="G3927" s="1" t="s">
        <v>10</v>
      </c>
      <c r="H3927" s="1" t="s">
        <v>13694</v>
      </c>
      <c r="I3927" s="1" t="s">
        <v>13662</v>
      </c>
      <c r="J3927" s="1" t="s">
        <v>19</v>
      </c>
      <c r="K3927" s="1" t="s">
        <v>7</v>
      </c>
      <c r="L3927" s="1" t="s">
        <v>13703</v>
      </c>
      <c r="M3927" s="1" t="s">
        <v>5</v>
      </c>
      <c r="N3927" s="1" t="s">
        <v>6</v>
      </c>
      <c r="O3927" s="1" t="s">
        <v>8</v>
      </c>
      <c r="P3927" s="5" t="s">
        <v>31670</v>
      </c>
    </row>
    <row r="3928" spans="1:16" x14ac:dyDescent="0.2">
      <c r="A3928" s="1" t="s">
        <v>20</v>
      </c>
      <c r="B3928" s="1" t="s">
        <v>93</v>
      </c>
      <c r="C3928" s="1" t="s">
        <v>13708</v>
      </c>
      <c r="D3928" s="1" t="s">
        <v>13709</v>
      </c>
      <c r="E3928" s="1" t="s">
        <v>13710</v>
      </c>
      <c r="F3928" s="1" t="s">
        <v>10</v>
      </c>
      <c r="G3928" s="1" t="s">
        <v>10</v>
      </c>
      <c r="H3928" s="1" t="s">
        <v>10</v>
      </c>
      <c r="I3928" s="1" t="s">
        <v>13662</v>
      </c>
      <c r="J3928" s="1" t="s">
        <v>19</v>
      </c>
      <c r="K3928" s="1" t="s">
        <v>7</v>
      </c>
      <c r="L3928" s="1" t="s">
        <v>13707</v>
      </c>
      <c r="M3928" s="1" t="s">
        <v>5</v>
      </c>
      <c r="N3928" s="1" t="s">
        <v>25</v>
      </c>
      <c r="O3928" s="1" t="s">
        <v>38</v>
      </c>
      <c r="P3928" s="5" t="s">
        <v>30386</v>
      </c>
    </row>
    <row r="3929" spans="1:16" x14ac:dyDescent="0.2">
      <c r="A3929" s="1" t="s">
        <v>20</v>
      </c>
      <c r="B3929" s="1" t="s">
        <v>21</v>
      </c>
      <c r="C3929" s="1" t="s">
        <v>13712</v>
      </c>
      <c r="D3929" s="1" t="s">
        <v>13713</v>
      </c>
      <c r="E3929" s="1" t="s">
        <v>13714</v>
      </c>
      <c r="F3929" s="1" t="s">
        <v>9</v>
      </c>
      <c r="G3929" s="1" t="s">
        <v>18</v>
      </c>
      <c r="H3929" s="1" t="s">
        <v>10</v>
      </c>
      <c r="I3929" s="1" t="s">
        <v>13662</v>
      </c>
      <c r="J3929" s="1" t="s">
        <v>19</v>
      </c>
      <c r="K3929" s="1" t="s">
        <v>7</v>
      </c>
      <c r="L3929" s="1" t="s">
        <v>13711</v>
      </c>
      <c r="M3929" s="1" t="s">
        <v>5</v>
      </c>
      <c r="N3929" s="1" t="s">
        <v>6</v>
      </c>
      <c r="O3929" s="1" t="s">
        <v>8</v>
      </c>
      <c r="P3929" s="5" t="s">
        <v>31668</v>
      </c>
    </row>
    <row r="3930" spans="1:16" x14ac:dyDescent="0.2">
      <c r="A3930" s="1" t="s">
        <v>20</v>
      </c>
      <c r="B3930" s="1" t="s">
        <v>21</v>
      </c>
      <c r="C3930" s="1" t="s">
        <v>13716</v>
      </c>
      <c r="D3930" s="1" t="s">
        <v>13717</v>
      </c>
      <c r="E3930" s="1" t="s">
        <v>13718</v>
      </c>
      <c r="F3930" s="1" t="s">
        <v>10</v>
      </c>
      <c r="G3930" s="1" t="s">
        <v>10</v>
      </c>
      <c r="H3930" s="1" t="s">
        <v>10</v>
      </c>
      <c r="I3930" s="1" t="s">
        <v>13662</v>
      </c>
      <c r="J3930" s="1" t="s">
        <v>19</v>
      </c>
      <c r="K3930" s="1" t="s">
        <v>7</v>
      </c>
      <c r="L3930" s="1" t="s">
        <v>13715</v>
      </c>
      <c r="M3930" s="1" t="s">
        <v>5</v>
      </c>
      <c r="N3930" s="1" t="s">
        <v>25</v>
      </c>
      <c r="O3930" s="1" t="s">
        <v>38</v>
      </c>
      <c r="P3930" s="5" t="s">
        <v>30386</v>
      </c>
    </row>
    <row r="3931" spans="1:16" x14ac:dyDescent="0.2">
      <c r="A3931" s="1" t="s">
        <v>20</v>
      </c>
      <c r="B3931" s="1" t="s">
        <v>253</v>
      </c>
      <c r="C3931" s="1" t="s">
        <v>13720</v>
      </c>
      <c r="D3931" s="1" t="s">
        <v>13720</v>
      </c>
      <c r="E3931" s="1"/>
      <c r="F3931" s="1" t="s">
        <v>27</v>
      </c>
      <c r="G3931" s="1" t="s">
        <v>10</v>
      </c>
      <c r="H3931" s="1" t="s">
        <v>13722</v>
      </c>
      <c r="I3931" s="1" t="s">
        <v>13662</v>
      </c>
      <c r="J3931" s="1" t="s">
        <v>13721</v>
      </c>
      <c r="K3931" s="1" t="s">
        <v>7</v>
      </c>
      <c r="L3931" s="1" t="s">
        <v>13719</v>
      </c>
      <c r="M3931" s="1" t="s">
        <v>5</v>
      </c>
      <c r="N3931" s="1" t="s">
        <v>25</v>
      </c>
      <c r="O3931" s="1" t="s">
        <v>38</v>
      </c>
      <c r="P3931" s="5" t="s">
        <v>30386</v>
      </c>
    </row>
    <row r="3932" spans="1:16" x14ac:dyDescent="0.2">
      <c r="A3932" s="1" t="s">
        <v>66</v>
      </c>
      <c r="B3932" s="1" t="s">
        <v>4741</v>
      </c>
      <c r="C3932" s="1" t="s">
        <v>13724</v>
      </c>
      <c r="D3932" s="1" t="s">
        <v>13725</v>
      </c>
      <c r="E3932" s="1" t="s">
        <v>13726</v>
      </c>
      <c r="F3932" s="1" t="s">
        <v>10</v>
      </c>
      <c r="G3932" s="1" t="s">
        <v>10</v>
      </c>
      <c r="H3932" s="1" t="s">
        <v>10</v>
      </c>
      <c r="I3932" s="1" t="s">
        <v>13662</v>
      </c>
      <c r="J3932" s="1" t="s">
        <v>19</v>
      </c>
      <c r="K3932" s="1" t="s">
        <v>7</v>
      </c>
      <c r="L3932" s="1" t="s">
        <v>13723</v>
      </c>
      <c r="M3932" s="1" t="s">
        <v>5</v>
      </c>
      <c r="N3932" s="1" t="s">
        <v>25</v>
      </c>
      <c r="O3932" s="1" t="s">
        <v>38</v>
      </c>
      <c r="P3932" s="5" t="s">
        <v>30386</v>
      </c>
    </row>
    <row r="3933" spans="1:16" x14ac:dyDescent="0.2">
      <c r="A3933" s="1" t="s">
        <v>42</v>
      </c>
      <c r="B3933" s="1" t="s">
        <v>1664</v>
      </c>
      <c r="C3933" s="1" t="s">
        <v>13728</v>
      </c>
      <c r="D3933" s="1" t="s">
        <v>13728</v>
      </c>
      <c r="E3933" s="1"/>
      <c r="F3933" s="1" t="s">
        <v>10</v>
      </c>
      <c r="G3933" s="1" t="s">
        <v>10</v>
      </c>
      <c r="H3933" s="1" t="s">
        <v>10</v>
      </c>
      <c r="I3933" s="1" t="s">
        <v>13662</v>
      </c>
      <c r="J3933" s="1" t="s">
        <v>19</v>
      </c>
      <c r="K3933" s="1" t="s">
        <v>47</v>
      </c>
      <c r="L3933" s="1" t="s">
        <v>13727</v>
      </c>
      <c r="M3933" s="1" t="s">
        <v>5</v>
      </c>
      <c r="N3933" s="1" t="s">
        <v>25</v>
      </c>
      <c r="O3933" s="1" t="s">
        <v>38</v>
      </c>
      <c r="P3933" s="5" t="s">
        <v>30386</v>
      </c>
    </row>
    <row r="3934" spans="1:16" x14ac:dyDescent="0.2">
      <c r="A3934" s="1" t="s">
        <v>66</v>
      </c>
      <c r="B3934" s="1" t="s">
        <v>4741</v>
      </c>
      <c r="C3934" s="1" t="s">
        <v>13730</v>
      </c>
      <c r="D3934" s="1" t="s">
        <v>13731</v>
      </c>
      <c r="E3934" s="1"/>
      <c r="F3934" s="1" t="s">
        <v>10</v>
      </c>
      <c r="G3934" s="1" t="s">
        <v>10</v>
      </c>
      <c r="H3934" s="1" t="s">
        <v>10</v>
      </c>
      <c r="I3934" s="1" t="s">
        <v>13662</v>
      </c>
      <c r="J3934" s="1" t="s">
        <v>13721</v>
      </c>
      <c r="K3934" s="1" t="s">
        <v>7</v>
      </c>
      <c r="L3934" s="1" t="s">
        <v>13729</v>
      </c>
      <c r="M3934" s="1" t="s">
        <v>5</v>
      </c>
      <c r="N3934" s="1" t="s">
        <v>25</v>
      </c>
      <c r="O3934" s="1" t="s">
        <v>38</v>
      </c>
      <c r="P3934" s="5" t="s">
        <v>30386</v>
      </c>
    </row>
    <row r="3935" spans="1:16" x14ac:dyDescent="0.2">
      <c r="A3935" s="1" t="s">
        <v>20</v>
      </c>
      <c r="B3935" s="1" t="s">
        <v>4373</v>
      </c>
      <c r="C3935" s="1" t="s">
        <v>13733</v>
      </c>
      <c r="D3935" s="1" t="s">
        <v>13733</v>
      </c>
      <c r="E3935" s="1" t="s">
        <v>13734</v>
      </c>
      <c r="F3935" s="1" t="s">
        <v>10</v>
      </c>
      <c r="G3935" s="1" t="s">
        <v>10</v>
      </c>
      <c r="H3935" s="1" t="s">
        <v>10</v>
      </c>
      <c r="I3935" s="1" t="s">
        <v>13662</v>
      </c>
      <c r="J3935" s="1" t="s">
        <v>13721</v>
      </c>
      <c r="K3935" s="1" t="s">
        <v>64</v>
      </c>
      <c r="L3935" s="1" t="s">
        <v>13732</v>
      </c>
      <c r="M3935" s="1" t="s">
        <v>5</v>
      </c>
      <c r="N3935" s="1" t="s">
        <v>25</v>
      </c>
      <c r="O3935" s="1" t="s">
        <v>38</v>
      </c>
      <c r="P3935" s="5" t="s">
        <v>30387</v>
      </c>
    </row>
    <row r="3936" spans="1:16" x14ac:dyDescent="0.2">
      <c r="A3936" s="1" t="s">
        <v>66</v>
      </c>
      <c r="B3936" s="1" t="s">
        <v>498</v>
      </c>
      <c r="C3936" s="1" t="s">
        <v>13736</v>
      </c>
      <c r="D3936" s="1" t="s">
        <v>13737</v>
      </c>
      <c r="E3936" s="1" t="s">
        <v>13738</v>
      </c>
      <c r="F3936" s="1" t="s">
        <v>10</v>
      </c>
      <c r="G3936" s="1" t="s">
        <v>10</v>
      </c>
      <c r="H3936" s="1" t="s">
        <v>10</v>
      </c>
      <c r="I3936" s="1" t="s">
        <v>13662</v>
      </c>
      <c r="J3936" s="1" t="s">
        <v>13721</v>
      </c>
      <c r="K3936" s="1" t="s">
        <v>7</v>
      </c>
      <c r="L3936" s="1" t="s">
        <v>13735</v>
      </c>
      <c r="M3936" s="1" t="s">
        <v>5</v>
      </c>
      <c r="N3936" s="1" t="s">
        <v>25</v>
      </c>
      <c r="O3936" s="1" t="s">
        <v>38</v>
      </c>
      <c r="P3936" s="5" t="s">
        <v>30386</v>
      </c>
    </row>
    <row r="3937" spans="1:16" x14ac:dyDescent="0.2">
      <c r="A3937" s="1" t="s">
        <v>20</v>
      </c>
      <c r="B3937" s="1" t="s">
        <v>253</v>
      </c>
      <c r="C3937" s="1" t="s">
        <v>13740</v>
      </c>
      <c r="D3937" s="1" t="s">
        <v>13741</v>
      </c>
      <c r="E3937" s="1"/>
      <c r="F3937" s="1" t="s">
        <v>10</v>
      </c>
      <c r="G3937" s="1" t="s">
        <v>10</v>
      </c>
      <c r="H3937" s="1" t="s">
        <v>10</v>
      </c>
      <c r="I3937" s="1" t="s">
        <v>13662</v>
      </c>
      <c r="J3937" s="1" t="s">
        <v>13721</v>
      </c>
      <c r="K3937" s="1" t="s">
        <v>7</v>
      </c>
      <c r="L3937" s="1" t="s">
        <v>13739</v>
      </c>
      <c r="M3937" s="1" t="s">
        <v>5</v>
      </c>
      <c r="N3937" s="1" t="s">
        <v>6</v>
      </c>
      <c r="O3937" s="1" t="s">
        <v>38</v>
      </c>
      <c r="P3937" s="5" t="s">
        <v>30388</v>
      </c>
    </row>
    <row r="3938" spans="1:16" x14ac:dyDescent="0.2">
      <c r="A3938" s="1" t="s">
        <v>32</v>
      </c>
      <c r="B3938" s="1" t="s">
        <v>140</v>
      </c>
      <c r="C3938" s="1" t="s">
        <v>13743</v>
      </c>
      <c r="D3938" s="1" t="s">
        <v>13744</v>
      </c>
      <c r="E3938" s="1" t="s">
        <v>13745</v>
      </c>
      <c r="F3938" s="1" t="s">
        <v>27</v>
      </c>
      <c r="G3938" s="1" t="s">
        <v>10</v>
      </c>
      <c r="H3938" s="1" t="s">
        <v>13694</v>
      </c>
      <c r="I3938" s="1" t="s">
        <v>13662</v>
      </c>
      <c r="J3938" s="1" t="s">
        <v>19</v>
      </c>
      <c r="K3938" s="1" t="s">
        <v>7</v>
      </c>
      <c r="L3938" s="1" t="s">
        <v>13742</v>
      </c>
      <c r="M3938" s="1" t="s">
        <v>5</v>
      </c>
      <c r="N3938" s="1" t="s">
        <v>6</v>
      </c>
      <c r="O3938" s="1" t="s">
        <v>8</v>
      </c>
      <c r="P3938" s="5" t="s">
        <v>31671</v>
      </c>
    </row>
    <row r="3939" spans="1:16" x14ac:dyDescent="0.2">
      <c r="A3939" s="1" t="s">
        <v>20</v>
      </c>
      <c r="B3939" s="1" t="s">
        <v>21</v>
      </c>
      <c r="C3939" s="1" t="s">
        <v>13747</v>
      </c>
      <c r="D3939" s="1" t="s">
        <v>13748</v>
      </c>
      <c r="E3939" s="1"/>
      <c r="F3939" s="1" t="s">
        <v>10</v>
      </c>
      <c r="G3939" s="1" t="s">
        <v>10</v>
      </c>
      <c r="H3939" s="1" t="s">
        <v>10</v>
      </c>
      <c r="I3939" s="1" t="s">
        <v>13662</v>
      </c>
      <c r="J3939" s="1" t="s">
        <v>13721</v>
      </c>
      <c r="K3939" s="1" t="s">
        <v>64</v>
      </c>
      <c r="L3939" s="1" t="s">
        <v>13746</v>
      </c>
      <c r="M3939" s="1" t="s">
        <v>5</v>
      </c>
      <c r="N3939" s="1" t="s">
        <v>25</v>
      </c>
      <c r="O3939" s="1" t="s">
        <v>38</v>
      </c>
      <c r="P3939" s="5" t="s">
        <v>30388</v>
      </c>
    </row>
    <row r="3940" spans="1:16" x14ac:dyDescent="0.2">
      <c r="A3940" s="1" t="s">
        <v>42</v>
      </c>
      <c r="B3940" s="1" t="s">
        <v>118</v>
      </c>
      <c r="C3940" s="1" t="s">
        <v>13750</v>
      </c>
      <c r="D3940" s="1" t="s">
        <v>13750</v>
      </c>
      <c r="E3940" s="1" t="s">
        <v>13751</v>
      </c>
      <c r="F3940" s="1" t="s">
        <v>10</v>
      </c>
      <c r="G3940" s="1" t="s">
        <v>10</v>
      </c>
      <c r="H3940" s="1" t="s">
        <v>10</v>
      </c>
      <c r="I3940" s="1" t="s">
        <v>13662</v>
      </c>
      <c r="J3940" s="1" t="s">
        <v>19</v>
      </c>
      <c r="K3940" s="1" t="s">
        <v>113</v>
      </c>
      <c r="L3940" s="1" t="s">
        <v>13749</v>
      </c>
      <c r="M3940" s="1" t="s">
        <v>5</v>
      </c>
      <c r="N3940" s="1" t="s">
        <v>25</v>
      </c>
      <c r="O3940" s="1" t="s">
        <v>38</v>
      </c>
      <c r="P3940" s="5" t="s">
        <v>30388</v>
      </c>
    </row>
    <row r="3941" spans="1:16" x14ac:dyDescent="0.2">
      <c r="A3941" s="1" t="s">
        <v>20</v>
      </c>
      <c r="B3941" s="1" t="s">
        <v>99</v>
      </c>
      <c r="C3941" s="1" t="s">
        <v>13753</v>
      </c>
      <c r="D3941" s="1" t="s">
        <v>13754</v>
      </c>
      <c r="E3941" s="1" t="s">
        <v>13755</v>
      </c>
      <c r="F3941" s="1" t="s">
        <v>10</v>
      </c>
      <c r="G3941" s="1" t="s">
        <v>10</v>
      </c>
      <c r="H3941" s="1" t="s">
        <v>10</v>
      </c>
      <c r="I3941" s="1" t="s">
        <v>13662</v>
      </c>
      <c r="J3941" s="1" t="s">
        <v>13721</v>
      </c>
      <c r="K3941" s="1" t="s">
        <v>7</v>
      </c>
      <c r="L3941" s="1" t="s">
        <v>13752</v>
      </c>
      <c r="M3941" s="1" t="s">
        <v>5</v>
      </c>
      <c r="N3941" s="1" t="s">
        <v>25</v>
      </c>
      <c r="O3941" s="1" t="s">
        <v>38</v>
      </c>
      <c r="P3941" s="5" t="s">
        <v>30388</v>
      </c>
    </row>
    <row r="3942" spans="1:16" x14ac:dyDescent="0.2">
      <c r="A3942" s="1" t="s">
        <v>1385</v>
      </c>
      <c r="B3942" s="1" t="s">
        <v>2028</v>
      </c>
      <c r="C3942" s="1" t="s">
        <v>13757</v>
      </c>
      <c r="D3942" s="1" t="s">
        <v>13758</v>
      </c>
      <c r="E3942" s="1" t="s">
        <v>13759</v>
      </c>
      <c r="F3942" s="1" t="s">
        <v>10</v>
      </c>
      <c r="G3942" s="1" t="s">
        <v>10</v>
      </c>
      <c r="H3942" s="1" t="s">
        <v>10</v>
      </c>
      <c r="I3942" s="1" t="s">
        <v>13662</v>
      </c>
      <c r="J3942" s="1" t="s">
        <v>13721</v>
      </c>
      <c r="K3942" s="1" t="s">
        <v>7</v>
      </c>
      <c r="L3942" s="1" t="s">
        <v>13756</v>
      </c>
      <c r="M3942" s="1" t="s">
        <v>5</v>
      </c>
      <c r="N3942" s="1" t="s">
        <v>25</v>
      </c>
      <c r="O3942" s="1" t="s">
        <v>38</v>
      </c>
      <c r="P3942" s="5" t="s">
        <v>31672</v>
      </c>
    </row>
    <row r="3943" spans="1:16" x14ac:dyDescent="0.2">
      <c r="A3943" s="1" t="s">
        <v>20</v>
      </c>
      <c r="B3943" s="1" t="s">
        <v>21</v>
      </c>
      <c r="C3943" s="1" t="s">
        <v>13761</v>
      </c>
      <c r="D3943" s="1" t="s">
        <v>13762</v>
      </c>
      <c r="E3943" s="1" t="s">
        <v>13763</v>
      </c>
      <c r="F3943" s="1" t="s">
        <v>9</v>
      </c>
      <c r="G3943" s="1" t="s">
        <v>18</v>
      </c>
      <c r="H3943" s="1" t="s">
        <v>10</v>
      </c>
      <c r="I3943" s="1" t="s">
        <v>13662</v>
      </c>
      <c r="J3943" s="1" t="s">
        <v>19</v>
      </c>
      <c r="K3943" s="1" t="s">
        <v>7</v>
      </c>
      <c r="L3943" s="1" t="s">
        <v>13760</v>
      </c>
      <c r="M3943" s="1" t="s">
        <v>5</v>
      </c>
      <c r="N3943" s="1" t="s">
        <v>6</v>
      </c>
      <c r="O3943" s="1" t="s">
        <v>8</v>
      </c>
      <c r="P3943" s="5" t="s">
        <v>31668</v>
      </c>
    </row>
    <row r="3944" spans="1:16" x14ac:dyDescent="0.2">
      <c r="A3944" s="1" t="s">
        <v>42</v>
      </c>
      <c r="B3944" s="1" t="s">
        <v>109</v>
      </c>
      <c r="C3944" s="1" t="s">
        <v>13765</v>
      </c>
      <c r="D3944" s="1" t="s">
        <v>13766</v>
      </c>
      <c r="E3944" s="1" t="s">
        <v>13767</v>
      </c>
      <c r="F3944" s="1" t="s">
        <v>10</v>
      </c>
      <c r="G3944" s="1" t="s">
        <v>10</v>
      </c>
      <c r="H3944" s="1" t="s">
        <v>10</v>
      </c>
      <c r="I3944" s="1" t="s">
        <v>13662</v>
      </c>
      <c r="J3944" s="1" t="s">
        <v>13721</v>
      </c>
      <c r="K3944" s="1" t="s">
        <v>7</v>
      </c>
      <c r="L3944" s="1" t="s">
        <v>13764</v>
      </c>
      <c r="M3944" s="1" t="s">
        <v>5</v>
      </c>
      <c r="N3944" s="1" t="s">
        <v>25</v>
      </c>
      <c r="O3944" s="1" t="s">
        <v>38</v>
      </c>
      <c r="P3944" s="5" t="s">
        <v>30386</v>
      </c>
    </row>
    <row r="3945" spans="1:16" x14ac:dyDescent="0.2">
      <c r="A3945" s="1" t="s">
        <v>42</v>
      </c>
      <c r="B3945" s="1" t="s">
        <v>109</v>
      </c>
      <c r="C3945" s="1" t="s">
        <v>13769</v>
      </c>
      <c r="D3945" s="1" t="s">
        <v>13770</v>
      </c>
      <c r="E3945" s="1" t="s">
        <v>13771</v>
      </c>
      <c r="F3945" s="1" t="s">
        <v>10</v>
      </c>
      <c r="G3945" s="1" t="s">
        <v>10</v>
      </c>
      <c r="H3945" s="1" t="s">
        <v>10</v>
      </c>
      <c r="I3945" s="1" t="s">
        <v>13662</v>
      </c>
      <c r="J3945" s="1" t="s">
        <v>13721</v>
      </c>
      <c r="K3945" s="1" t="s">
        <v>7</v>
      </c>
      <c r="L3945" s="1" t="s">
        <v>13768</v>
      </c>
      <c r="M3945" s="1" t="s">
        <v>5</v>
      </c>
      <c r="N3945" s="1" t="s">
        <v>25</v>
      </c>
      <c r="O3945" s="1" t="s">
        <v>38</v>
      </c>
      <c r="P3945" s="5" t="s">
        <v>30386</v>
      </c>
    </row>
    <row r="3946" spans="1:16" x14ac:dyDescent="0.2">
      <c r="A3946" s="1" t="s">
        <v>42</v>
      </c>
      <c r="B3946" s="1" t="s">
        <v>50</v>
      </c>
      <c r="C3946" s="1" t="s">
        <v>13773</v>
      </c>
      <c r="D3946" s="1" t="s">
        <v>11356</v>
      </c>
      <c r="E3946" s="1"/>
      <c r="F3946" s="1" t="s">
        <v>27</v>
      </c>
      <c r="G3946" s="1" t="s">
        <v>10</v>
      </c>
      <c r="H3946" s="1" t="s">
        <v>13774</v>
      </c>
      <c r="I3946" s="1" t="s">
        <v>13662</v>
      </c>
      <c r="J3946" s="1" t="s">
        <v>19</v>
      </c>
      <c r="K3946" s="1" t="s">
        <v>47</v>
      </c>
      <c r="L3946" s="1" t="s">
        <v>13772</v>
      </c>
      <c r="M3946" s="1" t="s">
        <v>5</v>
      </c>
      <c r="N3946" s="1" t="s">
        <v>25</v>
      </c>
      <c r="O3946" s="1" t="s">
        <v>8</v>
      </c>
      <c r="P3946" s="5" t="s">
        <v>31673</v>
      </c>
    </row>
    <row r="3947" spans="1:16" x14ac:dyDescent="0.2">
      <c r="A3947" s="1" t="s">
        <v>42</v>
      </c>
      <c r="B3947" s="1" t="s">
        <v>50</v>
      </c>
      <c r="C3947" s="1" t="s">
        <v>13776</v>
      </c>
      <c r="D3947" s="1" t="s">
        <v>13777</v>
      </c>
      <c r="E3947" s="1"/>
      <c r="F3947" s="1" t="s">
        <v>27</v>
      </c>
      <c r="G3947" s="1" t="s">
        <v>10</v>
      </c>
      <c r="H3947" s="1" t="s">
        <v>13778</v>
      </c>
      <c r="I3947" s="1" t="s">
        <v>13662</v>
      </c>
      <c r="J3947" s="1" t="s">
        <v>19</v>
      </c>
      <c r="K3947" s="1" t="s">
        <v>231</v>
      </c>
      <c r="L3947" s="1" t="s">
        <v>13775</v>
      </c>
      <c r="M3947" s="1" t="s">
        <v>5</v>
      </c>
      <c r="N3947" s="1" t="s">
        <v>25</v>
      </c>
      <c r="O3947" s="1" t="s">
        <v>8</v>
      </c>
      <c r="P3947" s="5" t="s">
        <v>10</v>
      </c>
    </row>
    <row r="3948" spans="1:16" x14ac:dyDescent="0.2">
      <c r="A3948" s="1" t="s">
        <v>42</v>
      </c>
      <c r="B3948" s="1" t="s">
        <v>50</v>
      </c>
      <c r="C3948" s="1" t="s">
        <v>13780</v>
      </c>
      <c r="D3948" s="1" t="s">
        <v>13781</v>
      </c>
      <c r="E3948" s="1"/>
      <c r="F3948" s="1" t="s">
        <v>27</v>
      </c>
      <c r="G3948" s="1" t="s">
        <v>10</v>
      </c>
      <c r="H3948" s="1" t="s">
        <v>13782</v>
      </c>
      <c r="I3948" s="1" t="s">
        <v>13662</v>
      </c>
      <c r="J3948" s="1" t="s">
        <v>19</v>
      </c>
      <c r="K3948" s="1" t="s">
        <v>231</v>
      </c>
      <c r="L3948" s="1" t="s">
        <v>13779</v>
      </c>
      <c r="M3948" s="1" t="s">
        <v>5</v>
      </c>
      <c r="N3948" s="1" t="s">
        <v>25</v>
      </c>
      <c r="O3948" s="1" t="s">
        <v>8</v>
      </c>
      <c r="P3948" s="5" t="s">
        <v>10</v>
      </c>
    </row>
    <row r="3949" spans="1:16" x14ac:dyDescent="0.2">
      <c r="A3949" s="1" t="s">
        <v>42</v>
      </c>
      <c r="B3949" s="1" t="s">
        <v>50</v>
      </c>
      <c r="C3949" s="1" t="s">
        <v>13784</v>
      </c>
      <c r="D3949" s="1" t="s">
        <v>13785</v>
      </c>
      <c r="E3949" s="1"/>
      <c r="F3949" s="1" t="s">
        <v>27</v>
      </c>
      <c r="G3949" s="1" t="s">
        <v>10</v>
      </c>
      <c r="H3949" s="1" t="s">
        <v>13786</v>
      </c>
      <c r="I3949" s="1" t="s">
        <v>13662</v>
      </c>
      <c r="J3949" s="1" t="s">
        <v>19</v>
      </c>
      <c r="K3949" s="1" t="s">
        <v>231</v>
      </c>
      <c r="L3949" s="1" t="s">
        <v>13783</v>
      </c>
      <c r="M3949" s="1" t="s">
        <v>5</v>
      </c>
      <c r="N3949" s="1" t="s">
        <v>25</v>
      </c>
      <c r="O3949" s="1" t="s">
        <v>8</v>
      </c>
      <c r="P3949" s="5" t="s">
        <v>10</v>
      </c>
    </row>
    <row r="3950" spans="1:16" x14ac:dyDescent="0.2">
      <c r="A3950" s="1" t="s">
        <v>42</v>
      </c>
      <c r="B3950" s="1" t="s">
        <v>50</v>
      </c>
      <c r="C3950" s="1" t="s">
        <v>13788</v>
      </c>
      <c r="D3950" s="1" t="s">
        <v>13789</v>
      </c>
      <c r="E3950" s="1"/>
      <c r="F3950" s="1" t="s">
        <v>27</v>
      </c>
      <c r="G3950" s="1" t="s">
        <v>10</v>
      </c>
      <c r="H3950" s="1" t="s">
        <v>13790</v>
      </c>
      <c r="I3950" s="1" t="s">
        <v>13662</v>
      </c>
      <c r="J3950" s="1" t="s">
        <v>19</v>
      </c>
      <c r="K3950" s="1" t="s">
        <v>231</v>
      </c>
      <c r="L3950" s="1" t="s">
        <v>13787</v>
      </c>
      <c r="M3950" s="1" t="s">
        <v>5</v>
      </c>
      <c r="N3950" s="1" t="s">
        <v>25</v>
      </c>
      <c r="O3950" s="1" t="s">
        <v>8</v>
      </c>
      <c r="P3950" s="5" t="s">
        <v>10</v>
      </c>
    </row>
    <row r="3951" spans="1:16" x14ac:dyDescent="0.2">
      <c r="A3951" s="1" t="s">
        <v>42</v>
      </c>
      <c r="B3951" s="1" t="s">
        <v>50</v>
      </c>
      <c r="C3951" s="1" t="s">
        <v>13792</v>
      </c>
      <c r="D3951" s="1" t="s">
        <v>13793</v>
      </c>
      <c r="E3951" s="1"/>
      <c r="F3951" s="1" t="s">
        <v>27</v>
      </c>
      <c r="G3951" s="1" t="s">
        <v>10</v>
      </c>
      <c r="H3951" s="1" t="s">
        <v>13774</v>
      </c>
      <c r="I3951" s="1" t="s">
        <v>13662</v>
      </c>
      <c r="J3951" s="1" t="s">
        <v>19</v>
      </c>
      <c r="K3951" s="1" t="s">
        <v>47</v>
      </c>
      <c r="L3951" s="1" t="s">
        <v>13791</v>
      </c>
      <c r="M3951" s="1" t="s">
        <v>5</v>
      </c>
      <c r="N3951" s="1" t="s">
        <v>25</v>
      </c>
      <c r="O3951" s="1" t="s">
        <v>8</v>
      </c>
      <c r="P3951" s="5" t="s">
        <v>31673</v>
      </c>
    </row>
    <row r="3952" spans="1:16" x14ac:dyDescent="0.2">
      <c r="A3952" s="1" t="s">
        <v>42</v>
      </c>
      <c r="B3952" s="1" t="s">
        <v>50</v>
      </c>
      <c r="C3952" s="1" t="s">
        <v>13795</v>
      </c>
      <c r="D3952" s="1" t="s">
        <v>13796</v>
      </c>
      <c r="E3952" s="1"/>
      <c r="F3952" s="1" t="s">
        <v>27</v>
      </c>
      <c r="G3952" s="1" t="s">
        <v>10</v>
      </c>
      <c r="H3952" s="1" t="s">
        <v>13797</v>
      </c>
      <c r="I3952" s="1" t="s">
        <v>13662</v>
      </c>
      <c r="J3952" s="1" t="s">
        <v>19</v>
      </c>
      <c r="K3952" s="1" t="s">
        <v>231</v>
      </c>
      <c r="L3952" s="1" t="s">
        <v>13794</v>
      </c>
      <c r="M3952" s="1" t="s">
        <v>5</v>
      </c>
      <c r="N3952" s="1" t="s">
        <v>25</v>
      </c>
      <c r="O3952" s="1" t="s">
        <v>8</v>
      </c>
      <c r="P3952" s="5" t="s">
        <v>10</v>
      </c>
    </row>
    <row r="3953" spans="1:16" x14ac:dyDescent="0.2">
      <c r="A3953" s="1" t="s">
        <v>20</v>
      </c>
      <c r="B3953" s="1" t="s">
        <v>101</v>
      </c>
      <c r="C3953" s="1" t="s">
        <v>13799</v>
      </c>
      <c r="D3953" s="1" t="s">
        <v>13800</v>
      </c>
      <c r="E3953" s="1" t="s">
        <v>13801</v>
      </c>
      <c r="F3953" s="1" t="s">
        <v>10</v>
      </c>
      <c r="G3953" s="1" t="s">
        <v>10</v>
      </c>
      <c r="H3953" s="1" t="s">
        <v>10</v>
      </c>
      <c r="I3953" s="1" t="s">
        <v>13662</v>
      </c>
      <c r="J3953" s="1" t="s">
        <v>13721</v>
      </c>
      <c r="K3953" s="1" t="s">
        <v>7</v>
      </c>
      <c r="L3953" s="1" t="s">
        <v>13798</v>
      </c>
      <c r="M3953" s="1" t="s">
        <v>5</v>
      </c>
      <c r="N3953" s="1" t="s">
        <v>25</v>
      </c>
      <c r="O3953" s="1" t="s">
        <v>38</v>
      </c>
      <c r="P3953" s="5" t="s">
        <v>30388</v>
      </c>
    </row>
    <row r="3954" spans="1:16" x14ac:dyDescent="0.2">
      <c r="A3954" s="1" t="s">
        <v>20</v>
      </c>
      <c r="B3954" s="1" t="s">
        <v>99</v>
      </c>
      <c r="C3954" s="1" t="s">
        <v>13803</v>
      </c>
      <c r="D3954" s="1" t="s">
        <v>13804</v>
      </c>
      <c r="E3954" s="1" t="s">
        <v>13805</v>
      </c>
      <c r="F3954" s="1" t="s">
        <v>27</v>
      </c>
      <c r="G3954" s="1" t="s">
        <v>10</v>
      </c>
      <c r="H3954" s="1" t="s">
        <v>13806</v>
      </c>
      <c r="I3954" s="1" t="s">
        <v>13662</v>
      </c>
      <c r="J3954" s="1" t="s">
        <v>19</v>
      </c>
      <c r="K3954" s="1" t="s">
        <v>7</v>
      </c>
      <c r="L3954" s="1" t="s">
        <v>13802</v>
      </c>
      <c r="M3954" s="1" t="s">
        <v>5</v>
      </c>
      <c r="N3954" s="1" t="s">
        <v>25</v>
      </c>
      <c r="O3954" s="1" t="s">
        <v>8</v>
      </c>
      <c r="P3954" s="5" t="s">
        <v>30389</v>
      </c>
    </row>
    <row r="3955" spans="1:16" x14ac:dyDescent="0.2">
      <c r="A3955" s="1" t="s">
        <v>20</v>
      </c>
      <c r="B3955" s="1" t="s">
        <v>253</v>
      </c>
      <c r="C3955" s="1" t="s">
        <v>13808</v>
      </c>
      <c r="D3955" s="1" t="s">
        <v>13809</v>
      </c>
      <c r="E3955" s="1" t="s">
        <v>13810</v>
      </c>
      <c r="F3955" s="1" t="s">
        <v>10</v>
      </c>
      <c r="G3955" s="1" t="s">
        <v>10</v>
      </c>
      <c r="H3955" s="1" t="s">
        <v>10</v>
      </c>
      <c r="I3955" s="1" t="s">
        <v>13662</v>
      </c>
      <c r="J3955" s="1" t="s">
        <v>19</v>
      </c>
      <c r="K3955" s="1" t="s">
        <v>7</v>
      </c>
      <c r="L3955" s="1" t="s">
        <v>13807</v>
      </c>
      <c r="M3955" s="1" t="s">
        <v>5</v>
      </c>
      <c r="N3955" s="1" t="s">
        <v>25</v>
      </c>
      <c r="O3955" s="1" t="s">
        <v>38</v>
      </c>
      <c r="P3955" s="5" t="s">
        <v>30388</v>
      </c>
    </row>
    <row r="3956" spans="1:16" x14ac:dyDescent="0.2">
      <c r="A3956" s="1" t="s">
        <v>32</v>
      </c>
      <c r="B3956" s="1" t="s">
        <v>140</v>
      </c>
      <c r="C3956" s="1" t="s">
        <v>13812</v>
      </c>
      <c r="D3956" s="1" t="s">
        <v>13813</v>
      </c>
      <c r="E3956" s="1" t="s">
        <v>13814</v>
      </c>
      <c r="F3956" s="1" t="s">
        <v>27</v>
      </c>
      <c r="G3956" s="1" t="s">
        <v>10</v>
      </c>
      <c r="H3956" s="1" t="s">
        <v>13694</v>
      </c>
      <c r="I3956" s="1" t="s">
        <v>13662</v>
      </c>
      <c r="J3956" s="1" t="s">
        <v>19</v>
      </c>
      <c r="K3956" s="1" t="s">
        <v>7</v>
      </c>
      <c r="L3956" s="1" t="s">
        <v>13811</v>
      </c>
      <c r="M3956" s="1" t="s">
        <v>5</v>
      </c>
      <c r="N3956" s="1" t="s">
        <v>6</v>
      </c>
      <c r="O3956" s="1" t="s">
        <v>8</v>
      </c>
      <c r="P3956" s="5" t="s">
        <v>31670</v>
      </c>
    </row>
    <row r="3957" spans="1:16" x14ac:dyDescent="0.2">
      <c r="A3957" s="1" t="s">
        <v>42</v>
      </c>
      <c r="B3957" s="1" t="s">
        <v>118</v>
      </c>
      <c r="C3957" s="1" t="s">
        <v>13816</v>
      </c>
      <c r="D3957" s="1" t="s">
        <v>13817</v>
      </c>
      <c r="E3957" s="1" t="s">
        <v>13818</v>
      </c>
      <c r="F3957" s="1" t="s">
        <v>27</v>
      </c>
      <c r="G3957" s="1" t="s">
        <v>10</v>
      </c>
      <c r="H3957" s="1" t="s">
        <v>13694</v>
      </c>
      <c r="I3957" s="1" t="s">
        <v>13662</v>
      </c>
      <c r="J3957" s="1" t="s">
        <v>19</v>
      </c>
      <c r="K3957" s="1" t="s">
        <v>113</v>
      </c>
      <c r="L3957" s="1" t="s">
        <v>13815</v>
      </c>
      <c r="M3957" s="1" t="s">
        <v>5</v>
      </c>
      <c r="N3957" s="1" t="s">
        <v>6</v>
      </c>
      <c r="O3957" s="1" t="s">
        <v>8</v>
      </c>
      <c r="P3957" s="5" t="s">
        <v>31674</v>
      </c>
    </row>
    <row r="3958" spans="1:16" x14ac:dyDescent="0.2">
      <c r="A3958" s="1" t="s">
        <v>20</v>
      </c>
      <c r="B3958" s="1" t="s">
        <v>21</v>
      </c>
      <c r="C3958" s="1" t="s">
        <v>13820</v>
      </c>
      <c r="D3958" s="1" t="s">
        <v>13821</v>
      </c>
      <c r="E3958" s="1" t="s">
        <v>13822</v>
      </c>
      <c r="F3958" s="1" t="s">
        <v>9</v>
      </c>
      <c r="G3958" s="1" t="s">
        <v>18</v>
      </c>
      <c r="H3958" s="1" t="s">
        <v>10</v>
      </c>
      <c r="I3958" s="1" t="s">
        <v>13662</v>
      </c>
      <c r="J3958" s="1" t="s">
        <v>19</v>
      </c>
      <c r="K3958" s="1" t="s">
        <v>7</v>
      </c>
      <c r="L3958" s="1" t="s">
        <v>13819</v>
      </c>
      <c r="M3958" s="1" t="s">
        <v>5</v>
      </c>
      <c r="N3958" s="1" t="s">
        <v>6</v>
      </c>
      <c r="O3958" s="1" t="s">
        <v>8</v>
      </c>
      <c r="P3958" s="5" t="s">
        <v>31668</v>
      </c>
    </row>
    <row r="3959" spans="1:16" x14ac:dyDescent="0.2">
      <c r="A3959" s="1" t="s">
        <v>20</v>
      </c>
      <c r="B3959" s="1" t="s">
        <v>21</v>
      </c>
      <c r="C3959" s="1" t="s">
        <v>13824</v>
      </c>
      <c r="D3959" s="1" t="s">
        <v>13825</v>
      </c>
      <c r="E3959" s="1" t="s">
        <v>13826</v>
      </c>
      <c r="F3959" s="1" t="s">
        <v>9</v>
      </c>
      <c r="G3959" s="1" t="s">
        <v>18</v>
      </c>
      <c r="H3959" s="1" t="s">
        <v>10</v>
      </c>
      <c r="I3959" s="1" t="s">
        <v>13662</v>
      </c>
      <c r="J3959" s="1" t="s">
        <v>19</v>
      </c>
      <c r="K3959" s="1" t="s">
        <v>7</v>
      </c>
      <c r="L3959" s="1" t="s">
        <v>13823</v>
      </c>
      <c r="M3959" s="1" t="s">
        <v>5</v>
      </c>
      <c r="N3959" s="1" t="s">
        <v>6</v>
      </c>
      <c r="O3959" s="1" t="s">
        <v>8</v>
      </c>
      <c r="P3959" s="5" t="s">
        <v>31668</v>
      </c>
    </row>
    <row r="3960" spans="1:16" x14ac:dyDescent="0.2">
      <c r="A3960" s="1" t="s">
        <v>20</v>
      </c>
      <c r="B3960" s="1" t="s">
        <v>253</v>
      </c>
      <c r="C3960" s="1" t="s">
        <v>13828</v>
      </c>
      <c r="D3960" s="1" t="s">
        <v>13829</v>
      </c>
      <c r="E3960" s="1" t="s">
        <v>13830</v>
      </c>
      <c r="F3960" s="1" t="s">
        <v>10</v>
      </c>
      <c r="G3960" s="1" t="s">
        <v>10</v>
      </c>
      <c r="H3960" s="1" t="s">
        <v>10</v>
      </c>
      <c r="I3960" s="1" t="s">
        <v>13662</v>
      </c>
      <c r="J3960" s="1" t="s">
        <v>19</v>
      </c>
      <c r="K3960" s="1" t="s">
        <v>586</v>
      </c>
      <c r="L3960" s="1" t="s">
        <v>13827</v>
      </c>
      <c r="M3960" s="1" t="s">
        <v>5</v>
      </c>
      <c r="N3960" s="1" t="s">
        <v>25</v>
      </c>
      <c r="O3960" s="1" t="s">
        <v>38</v>
      </c>
      <c r="P3960" s="5" t="s">
        <v>29943</v>
      </c>
    </row>
    <row r="3961" spans="1:16" x14ac:dyDescent="0.2">
      <c r="A3961" s="1" t="s">
        <v>20</v>
      </c>
      <c r="B3961" s="1" t="s">
        <v>253</v>
      </c>
      <c r="C3961" s="1" t="s">
        <v>13832</v>
      </c>
      <c r="D3961" s="1" t="s">
        <v>13833</v>
      </c>
      <c r="E3961" s="1" t="s">
        <v>13834</v>
      </c>
      <c r="F3961" s="1" t="s">
        <v>10</v>
      </c>
      <c r="G3961" s="1" t="s">
        <v>10</v>
      </c>
      <c r="H3961" s="1" t="s">
        <v>10</v>
      </c>
      <c r="I3961" s="1" t="s">
        <v>13662</v>
      </c>
      <c r="J3961" s="1" t="s">
        <v>19</v>
      </c>
      <c r="K3961" s="1" t="s">
        <v>7</v>
      </c>
      <c r="L3961" s="1" t="s">
        <v>13831</v>
      </c>
      <c r="M3961" s="1" t="s">
        <v>5</v>
      </c>
      <c r="N3961" s="1" t="s">
        <v>25</v>
      </c>
      <c r="O3961" s="1" t="s">
        <v>38</v>
      </c>
      <c r="P3961" s="5" t="s">
        <v>31675</v>
      </c>
    </row>
    <row r="3962" spans="1:16" x14ac:dyDescent="0.2">
      <c r="A3962" s="1" t="s">
        <v>329</v>
      </c>
      <c r="B3962" s="1" t="s">
        <v>1659</v>
      </c>
      <c r="C3962" s="1" t="s">
        <v>13836</v>
      </c>
      <c r="D3962" s="1" t="s">
        <v>13837</v>
      </c>
      <c r="E3962" s="1" t="s">
        <v>13838</v>
      </c>
      <c r="F3962" s="1" t="s">
        <v>10</v>
      </c>
      <c r="G3962" s="1" t="s">
        <v>10</v>
      </c>
      <c r="H3962" s="1" t="s">
        <v>10</v>
      </c>
      <c r="I3962" s="1" t="s">
        <v>13662</v>
      </c>
      <c r="J3962" s="1" t="s">
        <v>19</v>
      </c>
      <c r="K3962" s="1" t="s">
        <v>7</v>
      </c>
      <c r="L3962" s="1" t="s">
        <v>13835</v>
      </c>
      <c r="M3962" s="1" t="s">
        <v>5</v>
      </c>
      <c r="N3962" s="1" t="s">
        <v>25</v>
      </c>
      <c r="O3962" s="1" t="s">
        <v>38</v>
      </c>
      <c r="P3962" s="5" t="s">
        <v>30386</v>
      </c>
    </row>
    <row r="3963" spans="1:16" x14ac:dyDescent="0.2">
      <c r="A3963" s="1" t="s">
        <v>42</v>
      </c>
      <c r="B3963" s="1" t="s">
        <v>1664</v>
      </c>
      <c r="C3963" s="1" t="s">
        <v>13840</v>
      </c>
      <c r="D3963" s="1" t="s">
        <v>13841</v>
      </c>
      <c r="E3963" s="1"/>
      <c r="F3963" s="1" t="s">
        <v>10</v>
      </c>
      <c r="G3963" s="1" t="s">
        <v>10</v>
      </c>
      <c r="H3963" s="1" t="s">
        <v>10</v>
      </c>
      <c r="I3963" s="1" t="s">
        <v>13662</v>
      </c>
      <c r="J3963" s="1" t="s">
        <v>19</v>
      </c>
      <c r="K3963" s="1" t="s">
        <v>47</v>
      </c>
      <c r="L3963" s="1" t="s">
        <v>13839</v>
      </c>
      <c r="M3963" s="1" t="s">
        <v>5</v>
      </c>
      <c r="N3963" s="1" t="s">
        <v>25</v>
      </c>
      <c r="O3963" s="1" t="s">
        <v>38</v>
      </c>
      <c r="P3963" s="5" t="s">
        <v>30386</v>
      </c>
    </row>
    <row r="3964" spans="1:16" x14ac:dyDescent="0.2">
      <c r="A3964" s="1" t="s">
        <v>42</v>
      </c>
      <c r="B3964" s="1" t="s">
        <v>588</v>
      </c>
      <c r="C3964" s="1" t="s">
        <v>7942</v>
      </c>
      <c r="D3964" s="1" t="s">
        <v>7942</v>
      </c>
      <c r="E3964" s="1" t="s">
        <v>13843</v>
      </c>
      <c r="F3964" s="1" t="s">
        <v>10</v>
      </c>
      <c r="G3964" s="1" t="s">
        <v>10</v>
      </c>
      <c r="H3964" s="1" t="s">
        <v>10</v>
      </c>
      <c r="I3964" s="1" t="s">
        <v>13662</v>
      </c>
      <c r="J3964" s="1" t="s">
        <v>19</v>
      </c>
      <c r="K3964" s="1" t="s">
        <v>586</v>
      </c>
      <c r="L3964" s="1" t="s">
        <v>13842</v>
      </c>
      <c r="M3964" s="1" t="s">
        <v>5</v>
      </c>
      <c r="N3964" s="1" t="s">
        <v>25</v>
      </c>
      <c r="O3964" s="1" t="s">
        <v>38</v>
      </c>
      <c r="P3964" s="5" t="s">
        <v>30386</v>
      </c>
    </row>
    <row r="3965" spans="1:16" x14ac:dyDescent="0.2">
      <c r="A3965" s="1" t="s">
        <v>42</v>
      </c>
      <c r="B3965" s="1" t="s">
        <v>109</v>
      </c>
      <c r="C3965" s="1" t="s">
        <v>13845</v>
      </c>
      <c r="D3965" s="1" t="s">
        <v>13846</v>
      </c>
      <c r="E3965" s="1" t="s">
        <v>13847</v>
      </c>
      <c r="F3965" s="1" t="s">
        <v>10</v>
      </c>
      <c r="G3965" s="1" t="s">
        <v>10</v>
      </c>
      <c r="H3965" s="1" t="s">
        <v>10</v>
      </c>
      <c r="I3965" s="1" t="s">
        <v>13662</v>
      </c>
      <c r="J3965" s="1" t="s">
        <v>13721</v>
      </c>
      <c r="K3965" s="1" t="s">
        <v>37</v>
      </c>
      <c r="L3965" s="1" t="s">
        <v>13844</v>
      </c>
      <c r="M3965" s="1" t="s">
        <v>5</v>
      </c>
      <c r="N3965" s="1" t="s">
        <v>25</v>
      </c>
      <c r="O3965" s="1" t="s">
        <v>38</v>
      </c>
      <c r="P3965" s="5" t="s">
        <v>30386</v>
      </c>
    </row>
    <row r="3966" spans="1:16" x14ac:dyDescent="0.2">
      <c r="A3966" s="1" t="s">
        <v>42</v>
      </c>
      <c r="B3966" s="1" t="s">
        <v>109</v>
      </c>
      <c r="C3966" s="1" t="s">
        <v>13849</v>
      </c>
      <c r="D3966" s="1" t="s">
        <v>13850</v>
      </c>
      <c r="E3966" s="1" t="s">
        <v>13851</v>
      </c>
      <c r="F3966" s="1" t="s">
        <v>10</v>
      </c>
      <c r="G3966" s="1" t="s">
        <v>10</v>
      </c>
      <c r="H3966" s="1" t="s">
        <v>10</v>
      </c>
      <c r="I3966" s="1" t="s">
        <v>13662</v>
      </c>
      <c r="J3966" s="1" t="s">
        <v>13721</v>
      </c>
      <c r="K3966" s="1" t="s">
        <v>37</v>
      </c>
      <c r="L3966" s="1" t="s">
        <v>13848</v>
      </c>
      <c r="M3966" s="1" t="s">
        <v>5</v>
      </c>
      <c r="N3966" s="1" t="s">
        <v>25</v>
      </c>
      <c r="O3966" s="1" t="s">
        <v>38</v>
      </c>
      <c r="P3966" s="5" t="s">
        <v>30386</v>
      </c>
    </row>
    <row r="3967" spans="1:16" x14ac:dyDescent="0.2">
      <c r="A3967" s="1" t="s">
        <v>42</v>
      </c>
      <c r="B3967" s="1" t="s">
        <v>109</v>
      </c>
      <c r="C3967" s="1" t="s">
        <v>13853</v>
      </c>
      <c r="D3967" s="1" t="s">
        <v>13854</v>
      </c>
      <c r="E3967" s="1" t="s">
        <v>13855</v>
      </c>
      <c r="F3967" s="1" t="s">
        <v>10</v>
      </c>
      <c r="G3967" s="1" t="s">
        <v>10</v>
      </c>
      <c r="H3967" s="1" t="s">
        <v>10</v>
      </c>
      <c r="I3967" s="1" t="s">
        <v>13662</v>
      </c>
      <c r="J3967" s="1" t="s">
        <v>13721</v>
      </c>
      <c r="K3967" s="1" t="s">
        <v>37</v>
      </c>
      <c r="L3967" s="1" t="s">
        <v>13852</v>
      </c>
      <c r="M3967" s="1" t="s">
        <v>5</v>
      </c>
      <c r="N3967" s="1" t="s">
        <v>25</v>
      </c>
      <c r="O3967" s="1" t="s">
        <v>38</v>
      </c>
      <c r="P3967" s="5" t="s">
        <v>30386</v>
      </c>
    </row>
    <row r="3968" spans="1:16" x14ac:dyDescent="0.2">
      <c r="A3968" s="1" t="s">
        <v>20</v>
      </c>
      <c r="B3968" s="1" t="s">
        <v>21</v>
      </c>
      <c r="C3968" s="1" t="s">
        <v>13857</v>
      </c>
      <c r="D3968" s="1" t="s">
        <v>13858</v>
      </c>
      <c r="E3968" s="1" t="s">
        <v>13859</v>
      </c>
      <c r="F3968" s="1" t="s">
        <v>9</v>
      </c>
      <c r="G3968" s="1" t="s">
        <v>18</v>
      </c>
      <c r="H3968" s="1" t="s">
        <v>10</v>
      </c>
      <c r="I3968" s="1" t="s">
        <v>13662</v>
      </c>
      <c r="J3968" s="1" t="s">
        <v>19</v>
      </c>
      <c r="K3968" s="1" t="s">
        <v>7</v>
      </c>
      <c r="L3968" s="1" t="s">
        <v>13856</v>
      </c>
      <c r="M3968" s="1" t="s">
        <v>5</v>
      </c>
      <c r="N3968" s="1" t="s">
        <v>6</v>
      </c>
      <c r="O3968" s="1" t="s">
        <v>8</v>
      </c>
      <c r="P3968" s="5" t="s">
        <v>31668</v>
      </c>
    </row>
    <row r="3969" spans="1:16" x14ac:dyDescent="0.2">
      <c r="A3969" s="1" t="s">
        <v>20</v>
      </c>
      <c r="B3969" s="1" t="s">
        <v>253</v>
      </c>
      <c r="C3969" s="1" t="s">
        <v>13861</v>
      </c>
      <c r="D3969" s="1" t="s">
        <v>13862</v>
      </c>
      <c r="E3969" s="1" t="s">
        <v>13863</v>
      </c>
      <c r="F3969" s="1" t="s">
        <v>10</v>
      </c>
      <c r="G3969" s="1" t="s">
        <v>10</v>
      </c>
      <c r="H3969" s="1" t="s">
        <v>10</v>
      </c>
      <c r="I3969" s="1" t="s">
        <v>13662</v>
      </c>
      <c r="J3969" s="1" t="s">
        <v>19</v>
      </c>
      <c r="K3969" s="1" t="s">
        <v>130</v>
      </c>
      <c r="L3969" s="1" t="s">
        <v>13860</v>
      </c>
      <c r="M3969" s="1" t="s">
        <v>5</v>
      </c>
      <c r="N3969" s="1" t="s">
        <v>25</v>
      </c>
      <c r="O3969" s="1" t="s">
        <v>38</v>
      </c>
      <c r="P3969" s="5" t="s">
        <v>30386</v>
      </c>
    </row>
    <row r="3970" spans="1:16" x14ac:dyDescent="0.2">
      <c r="A3970" s="1" t="s">
        <v>32</v>
      </c>
      <c r="B3970" s="1" t="s">
        <v>140</v>
      </c>
      <c r="C3970" s="1" t="s">
        <v>13865</v>
      </c>
      <c r="D3970" s="1" t="s">
        <v>13866</v>
      </c>
      <c r="E3970" s="1" t="s">
        <v>13867</v>
      </c>
      <c r="F3970" s="1" t="s">
        <v>27</v>
      </c>
      <c r="G3970" s="1" t="s">
        <v>10</v>
      </c>
      <c r="H3970" s="1" t="s">
        <v>13694</v>
      </c>
      <c r="I3970" s="1" t="s">
        <v>13662</v>
      </c>
      <c r="J3970" s="1" t="s">
        <v>19</v>
      </c>
      <c r="K3970" s="1" t="s">
        <v>7</v>
      </c>
      <c r="L3970" s="1" t="s">
        <v>13864</v>
      </c>
      <c r="M3970" s="1" t="s">
        <v>5</v>
      </c>
      <c r="N3970" s="1" t="s">
        <v>6</v>
      </c>
      <c r="O3970" s="1" t="s">
        <v>8</v>
      </c>
      <c r="P3970" s="5" t="s">
        <v>31670</v>
      </c>
    </row>
    <row r="3971" spans="1:16" x14ac:dyDescent="0.2">
      <c r="A3971" s="1" t="s">
        <v>42</v>
      </c>
      <c r="B3971" s="1" t="s">
        <v>356</v>
      </c>
      <c r="C3971" s="1" t="s">
        <v>13869</v>
      </c>
      <c r="D3971" s="1" t="s">
        <v>13869</v>
      </c>
      <c r="E3971" s="1" t="s">
        <v>13870</v>
      </c>
      <c r="F3971" s="1" t="s">
        <v>10</v>
      </c>
      <c r="G3971" s="1" t="s">
        <v>10</v>
      </c>
      <c r="H3971" s="1" t="s">
        <v>10</v>
      </c>
      <c r="I3971" s="1" t="s">
        <v>13662</v>
      </c>
      <c r="J3971" s="1" t="s">
        <v>19</v>
      </c>
      <c r="K3971" s="1" t="s">
        <v>1027</v>
      </c>
      <c r="L3971" s="1" t="s">
        <v>13868</v>
      </c>
      <c r="M3971" s="1" t="s">
        <v>5</v>
      </c>
      <c r="N3971" s="1" t="s">
        <v>25</v>
      </c>
      <c r="O3971" s="1" t="s">
        <v>38</v>
      </c>
      <c r="P3971" s="5" t="s">
        <v>31676</v>
      </c>
    </row>
    <row r="3972" spans="1:16" x14ac:dyDescent="0.2">
      <c r="A3972" s="1" t="s">
        <v>20</v>
      </c>
      <c r="B3972" s="1" t="s">
        <v>93</v>
      </c>
      <c r="C3972" s="1" t="s">
        <v>13872</v>
      </c>
      <c r="D3972" s="1" t="s">
        <v>13873</v>
      </c>
      <c r="E3972" s="1" t="s">
        <v>13874</v>
      </c>
      <c r="F3972" s="1" t="s">
        <v>27</v>
      </c>
      <c r="G3972" s="1" t="s">
        <v>10</v>
      </c>
      <c r="H3972" s="1" t="s">
        <v>13875</v>
      </c>
      <c r="I3972" s="1" t="s">
        <v>13662</v>
      </c>
      <c r="J3972" s="1" t="s">
        <v>19</v>
      </c>
      <c r="K3972" s="1" t="s">
        <v>7</v>
      </c>
      <c r="L3972" s="1" t="s">
        <v>13871</v>
      </c>
      <c r="M3972" s="1" t="s">
        <v>5</v>
      </c>
      <c r="N3972" s="1" t="s">
        <v>6</v>
      </c>
      <c r="O3972" s="1" t="s">
        <v>8</v>
      </c>
      <c r="P3972" s="5" t="s">
        <v>30390</v>
      </c>
    </row>
    <row r="3973" spans="1:16" x14ac:dyDescent="0.2">
      <c r="A3973" s="1" t="s">
        <v>42</v>
      </c>
      <c r="B3973" s="1" t="s">
        <v>118</v>
      </c>
      <c r="C3973" s="1" t="s">
        <v>13877</v>
      </c>
      <c r="D3973" s="1" t="s">
        <v>13878</v>
      </c>
      <c r="E3973" s="1" t="s">
        <v>13879</v>
      </c>
      <c r="F3973" s="1" t="s">
        <v>10</v>
      </c>
      <c r="G3973" s="1" t="s">
        <v>10</v>
      </c>
      <c r="H3973" s="1" t="s">
        <v>10</v>
      </c>
      <c r="I3973" s="1" t="s">
        <v>13662</v>
      </c>
      <c r="J3973" s="1" t="s">
        <v>19</v>
      </c>
      <c r="K3973" s="1" t="s">
        <v>586</v>
      </c>
      <c r="L3973" s="1" t="s">
        <v>13876</v>
      </c>
      <c r="M3973" s="1" t="s">
        <v>5</v>
      </c>
      <c r="N3973" s="1" t="s">
        <v>6</v>
      </c>
      <c r="O3973" s="1" t="s">
        <v>38</v>
      </c>
      <c r="P3973" s="5" t="s">
        <v>30391</v>
      </c>
    </row>
    <row r="3974" spans="1:16" x14ac:dyDescent="0.2">
      <c r="A3974" s="1" t="s">
        <v>66</v>
      </c>
      <c r="B3974" s="1" t="s">
        <v>4741</v>
      </c>
      <c r="C3974" s="1" t="s">
        <v>13881</v>
      </c>
      <c r="D3974" s="1" t="s">
        <v>13882</v>
      </c>
      <c r="E3974" s="1" t="s">
        <v>13883</v>
      </c>
      <c r="F3974" s="1" t="s">
        <v>10</v>
      </c>
      <c r="G3974" s="1" t="s">
        <v>10</v>
      </c>
      <c r="H3974" s="1" t="s">
        <v>10</v>
      </c>
      <c r="I3974" s="1" t="s">
        <v>13662</v>
      </c>
      <c r="J3974" s="1" t="s">
        <v>19</v>
      </c>
      <c r="K3974" s="1" t="s">
        <v>47</v>
      </c>
      <c r="L3974" s="1" t="s">
        <v>13880</v>
      </c>
      <c r="M3974" s="1" t="s">
        <v>5</v>
      </c>
      <c r="N3974" s="1" t="s">
        <v>25</v>
      </c>
      <c r="O3974" s="1" t="s">
        <v>38</v>
      </c>
      <c r="P3974" s="5" t="s">
        <v>30386</v>
      </c>
    </row>
    <row r="3975" spans="1:16" x14ac:dyDescent="0.2">
      <c r="A3975" s="1" t="s">
        <v>20</v>
      </c>
      <c r="B3975" s="1" t="s">
        <v>99</v>
      </c>
      <c r="C3975" s="1" t="s">
        <v>13885</v>
      </c>
      <c r="D3975" s="1" t="s">
        <v>13886</v>
      </c>
      <c r="E3975" s="1" t="s">
        <v>13888</v>
      </c>
      <c r="F3975" s="1" t="s">
        <v>10</v>
      </c>
      <c r="G3975" s="1" t="s">
        <v>13889</v>
      </c>
      <c r="H3975" s="1" t="s">
        <v>10</v>
      </c>
      <c r="I3975" s="1" t="s">
        <v>13662</v>
      </c>
      <c r="J3975" s="1" t="s">
        <v>13887</v>
      </c>
      <c r="K3975" s="1" t="s">
        <v>7</v>
      </c>
      <c r="L3975" s="1" t="s">
        <v>13884</v>
      </c>
      <c r="M3975" s="1" t="s">
        <v>5</v>
      </c>
      <c r="N3975" s="1" t="s">
        <v>25</v>
      </c>
      <c r="O3975" s="1" t="s">
        <v>38</v>
      </c>
      <c r="P3975" s="5" t="s">
        <v>15</v>
      </c>
    </row>
    <row r="3976" spans="1:16" x14ac:dyDescent="0.2">
      <c r="A3976" s="1" t="s">
        <v>20</v>
      </c>
      <c r="B3976" s="1" t="s">
        <v>1047</v>
      </c>
      <c r="C3976" s="1" t="s">
        <v>13891</v>
      </c>
      <c r="D3976" s="1" t="s">
        <v>13891</v>
      </c>
      <c r="E3976" s="1" t="s">
        <v>13892</v>
      </c>
      <c r="F3976" s="1" t="s">
        <v>10</v>
      </c>
      <c r="G3976" s="1" t="s">
        <v>10</v>
      </c>
      <c r="H3976" s="1" t="s">
        <v>10</v>
      </c>
      <c r="I3976" s="1" t="s">
        <v>13662</v>
      </c>
      <c r="J3976" s="1" t="s">
        <v>13721</v>
      </c>
      <c r="K3976" s="1" t="s">
        <v>7</v>
      </c>
      <c r="L3976" s="1" t="s">
        <v>13890</v>
      </c>
      <c r="M3976" s="1" t="s">
        <v>5</v>
      </c>
      <c r="N3976" s="1" t="s">
        <v>25</v>
      </c>
      <c r="O3976" s="1" t="s">
        <v>38</v>
      </c>
      <c r="P3976" s="5" t="s">
        <v>30388</v>
      </c>
    </row>
    <row r="3977" spans="1:16" x14ac:dyDescent="0.2">
      <c r="A3977" s="1" t="s">
        <v>1086</v>
      </c>
      <c r="B3977" s="1" t="s">
        <v>1087</v>
      </c>
      <c r="C3977" s="1" t="s">
        <v>13894</v>
      </c>
      <c r="D3977" s="1" t="s">
        <v>13895</v>
      </c>
      <c r="E3977" s="1"/>
      <c r="F3977" s="1" t="s">
        <v>27</v>
      </c>
      <c r="G3977" s="1" t="s">
        <v>10</v>
      </c>
      <c r="H3977" s="1" t="s">
        <v>13896</v>
      </c>
      <c r="I3977" s="1" t="s">
        <v>13662</v>
      </c>
      <c r="J3977" s="1" t="s">
        <v>19</v>
      </c>
      <c r="K3977" s="1" t="s">
        <v>586</v>
      </c>
      <c r="L3977" s="1" t="s">
        <v>13893</v>
      </c>
      <c r="M3977" s="1" t="s">
        <v>5</v>
      </c>
      <c r="N3977" s="1" t="s">
        <v>6</v>
      </c>
      <c r="O3977" s="1" t="s">
        <v>8</v>
      </c>
      <c r="P3977" s="5" t="s">
        <v>30391</v>
      </c>
    </row>
    <row r="3978" spans="1:16" x14ac:dyDescent="0.2">
      <c r="A3978" s="1" t="s">
        <v>329</v>
      </c>
      <c r="B3978" s="1" t="s">
        <v>596</v>
      </c>
      <c r="C3978" s="1" t="s">
        <v>13898</v>
      </c>
      <c r="D3978" s="1" t="s">
        <v>13899</v>
      </c>
      <c r="E3978" s="1" t="s">
        <v>13900</v>
      </c>
      <c r="F3978" s="1" t="s">
        <v>10</v>
      </c>
      <c r="G3978" s="1" t="s">
        <v>10</v>
      </c>
      <c r="H3978" s="1" t="s">
        <v>10</v>
      </c>
      <c r="I3978" s="1" t="s">
        <v>13662</v>
      </c>
      <c r="J3978" s="1" t="s">
        <v>19</v>
      </c>
      <c r="K3978" s="1" t="s">
        <v>6533</v>
      </c>
      <c r="L3978" s="1" t="s">
        <v>13897</v>
      </c>
      <c r="M3978" s="1" t="s">
        <v>5</v>
      </c>
      <c r="N3978" s="1" t="s">
        <v>25</v>
      </c>
      <c r="O3978" s="1" t="s">
        <v>38</v>
      </c>
      <c r="P3978" s="5" t="s">
        <v>30386</v>
      </c>
    </row>
    <row r="3979" spans="1:16" x14ac:dyDescent="0.2">
      <c r="A3979" s="1" t="s">
        <v>20</v>
      </c>
      <c r="B3979" s="1" t="s">
        <v>310</v>
      </c>
      <c r="C3979" s="1" t="s">
        <v>13902</v>
      </c>
      <c r="D3979" s="1" t="s">
        <v>1502</v>
      </c>
      <c r="E3979" s="1" t="s">
        <v>13903</v>
      </c>
      <c r="F3979" s="1" t="s">
        <v>10</v>
      </c>
      <c r="G3979" s="1" t="s">
        <v>10</v>
      </c>
      <c r="H3979" s="1" t="s">
        <v>10</v>
      </c>
      <c r="I3979" s="1" t="s">
        <v>13662</v>
      </c>
      <c r="J3979" s="1" t="s">
        <v>19</v>
      </c>
      <c r="K3979" s="1" t="s">
        <v>7</v>
      </c>
      <c r="L3979" s="1" t="s">
        <v>13901</v>
      </c>
      <c r="M3979" s="1" t="s">
        <v>5</v>
      </c>
      <c r="N3979" s="1" t="s">
        <v>25</v>
      </c>
      <c r="O3979" s="1" t="s">
        <v>38</v>
      </c>
      <c r="P3979" s="5"/>
    </row>
    <row r="3980" spans="1:16" x14ac:dyDescent="0.2">
      <c r="A3980" s="1" t="s">
        <v>42</v>
      </c>
      <c r="B3980" s="1" t="s">
        <v>50</v>
      </c>
      <c r="C3980" s="1" t="s">
        <v>13905</v>
      </c>
      <c r="D3980" s="1" t="s">
        <v>13906</v>
      </c>
      <c r="E3980" s="1"/>
      <c r="F3980" s="1" t="s">
        <v>27</v>
      </c>
      <c r="G3980" s="1" t="s">
        <v>10</v>
      </c>
      <c r="H3980" s="1" t="s">
        <v>13907</v>
      </c>
      <c r="I3980" s="1" t="s">
        <v>13662</v>
      </c>
      <c r="J3980" s="1" t="s">
        <v>19</v>
      </c>
      <c r="K3980" s="1" t="s">
        <v>231</v>
      </c>
      <c r="L3980" s="1" t="s">
        <v>13904</v>
      </c>
      <c r="M3980" s="1" t="s">
        <v>5</v>
      </c>
      <c r="N3980" s="1" t="s">
        <v>25</v>
      </c>
      <c r="O3980" s="1" t="s">
        <v>8</v>
      </c>
      <c r="P3980" s="5" t="s">
        <v>10</v>
      </c>
    </row>
    <row r="3981" spans="1:16" x14ac:dyDescent="0.2">
      <c r="A3981" s="1" t="s">
        <v>42</v>
      </c>
      <c r="B3981" s="1" t="s">
        <v>50</v>
      </c>
      <c r="C3981" s="1" t="s">
        <v>13909</v>
      </c>
      <c r="D3981" s="1" t="s">
        <v>13910</v>
      </c>
      <c r="E3981" s="1"/>
      <c r="F3981" s="1" t="s">
        <v>27</v>
      </c>
      <c r="G3981" s="1" t="s">
        <v>10</v>
      </c>
      <c r="H3981" s="1" t="s">
        <v>13911</v>
      </c>
      <c r="I3981" s="1" t="s">
        <v>13662</v>
      </c>
      <c r="J3981" s="1" t="s">
        <v>19</v>
      </c>
      <c r="K3981" s="1" t="s">
        <v>231</v>
      </c>
      <c r="L3981" s="1" t="s">
        <v>13908</v>
      </c>
      <c r="M3981" s="1" t="s">
        <v>5</v>
      </c>
      <c r="N3981" s="1" t="s">
        <v>25</v>
      </c>
      <c r="O3981" s="1" t="s">
        <v>8</v>
      </c>
      <c r="P3981" s="5" t="s">
        <v>10</v>
      </c>
    </row>
    <row r="3982" spans="1:16" x14ac:dyDescent="0.2">
      <c r="A3982" s="1" t="s">
        <v>42</v>
      </c>
      <c r="B3982" s="1" t="s">
        <v>50</v>
      </c>
      <c r="C3982" s="1" t="s">
        <v>13913</v>
      </c>
      <c r="D3982" s="1" t="s">
        <v>13914</v>
      </c>
      <c r="E3982" s="1"/>
      <c r="F3982" s="1" t="s">
        <v>27</v>
      </c>
      <c r="G3982" s="1" t="s">
        <v>10</v>
      </c>
      <c r="H3982" s="1" t="s">
        <v>13915</v>
      </c>
      <c r="I3982" s="1" t="s">
        <v>13662</v>
      </c>
      <c r="J3982" s="1" t="s">
        <v>19</v>
      </c>
      <c r="K3982" s="1" t="s">
        <v>231</v>
      </c>
      <c r="L3982" s="1" t="s">
        <v>13912</v>
      </c>
      <c r="M3982" s="1" t="s">
        <v>5</v>
      </c>
      <c r="N3982" s="1" t="s">
        <v>25</v>
      </c>
      <c r="O3982" s="1" t="s">
        <v>8</v>
      </c>
      <c r="P3982" s="5" t="s">
        <v>10</v>
      </c>
    </row>
    <row r="3983" spans="1:16" x14ac:dyDescent="0.2">
      <c r="A3983" s="1" t="s">
        <v>66</v>
      </c>
      <c r="B3983" s="1" t="s">
        <v>1812</v>
      </c>
      <c r="C3983" s="1" t="s">
        <v>13917</v>
      </c>
      <c r="D3983" s="1" t="s">
        <v>13918</v>
      </c>
      <c r="E3983" s="1" t="s">
        <v>13919</v>
      </c>
      <c r="F3983" s="1" t="s">
        <v>10</v>
      </c>
      <c r="G3983" s="1" t="s">
        <v>10</v>
      </c>
      <c r="H3983" s="1" t="s">
        <v>10</v>
      </c>
      <c r="I3983" s="1" t="s">
        <v>13662</v>
      </c>
      <c r="J3983" s="1" t="s">
        <v>19</v>
      </c>
      <c r="K3983" s="1" t="s">
        <v>7</v>
      </c>
      <c r="L3983" s="1" t="s">
        <v>13916</v>
      </c>
      <c r="M3983" s="1" t="s">
        <v>5</v>
      </c>
      <c r="N3983" s="1" t="s">
        <v>25</v>
      </c>
      <c r="O3983" s="1" t="s">
        <v>38</v>
      </c>
      <c r="P3983" s="5" t="s">
        <v>30391</v>
      </c>
    </row>
    <row r="3984" spans="1:16" x14ac:dyDescent="0.2">
      <c r="A3984" s="1" t="s">
        <v>42</v>
      </c>
      <c r="B3984" s="1" t="s">
        <v>118</v>
      </c>
      <c r="C3984" s="1" t="s">
        <v>13921</v>
      </c>
      <c r="D3984" s="1" t="s">
        <v>13922</v>
      </c>
      <c r="E3984" s="1" t="s">
        <v>13923</v>
      </c>
      <c r="F3984" s="1" t="s">
        <v>27</v>
      </c>
      <c r="G3984" s="1" t="s">
        <v>10</v>
      </c>
      <c r="H3984" s="1" t="s">
        <v>13694</v>
      </c>
      <c r="I3984" s="1" t="s">
        <v>13662</v>
      </c>
      <c r="J3984" s="1" t="s">
        <v>19</v>
      </c>
      <c r="K3984" s="1" t="s">
        <v>113</v>
      </c>
      <c r="L3984" s="1" t="s">
        <v>13920</v>
      </c>
      <c r="M3984" s="1" t="s">
        <v>5</v>
      </c>
      <c r="N3984" s="1" t="s">
        <v>6</v>
      </c>
      <c r="O3984" s="1" t="s">
        <v>8</v>
      </c>
      <c r="P3984" s="5" t="s">
        <v>31670</v>
      </c>
    </row>
    <row r="3985" spans="1:16" x14ac:dyDescent="0.2">
      <c r="A3985" s="1" t="s">
        <v>42</v>
      </c>
      <c r="B3985" s="1" t="s">
        <v>356</v>
      </c>
      <c r="C3985" s="1" t="s">
        <v>13925</v>
      </c>
      <c r="D3985" s="1" t="s">
        <v>13926</v>
      </c>
      <c r="E3985" s="1" t="s">
        <v>13927</v>
      </c>
      <c r="F3985" s="1" t="s">
        <v>27</v>
      </c>
      <c r="G3985" s="1" t="s">
        <v>10</v>
      </c>
      <c r="H3985" s="1" t="s">
        <v>13694</v>
      </c>
      <c r="I3985" s="1" t="s">
        <v>13662</v>
      </c>
      <c r="J3985" s="1" t="s">
        <v>19</v>
      </c>
      <c r="K3985" s="1" t="s">
        <v>7</v>
      </c>
      <c r="L3985" s="1" t="s">
        <v>13924</v>
      </c>
      <c r="M3985" s="1" t="s">
        <v>5</v>
      </c>
      <c r="N3985" s="1" t="s">
        <v>6</v>
      </c>
      <c r="O3985" s="1" t="s">
        <v>8</v>
      </c>
      <c r="P3985" s="5" t="s">
        <v>31677</v>
      </c>
    </row>
    <row r="3986" spans="1:16" x14ac:dyDescent="0.2">
      <c r="A3986" s="1" t="s">
        <v>32</v>
      </c>
      <c r="B3986" s="1" t="s">
        <v>140</v>
      </c>
      <c r="C3986" s="1" t="s">
        <v>13929</v>
      </c>
      <c r="D3986" s="1" t="s">
        <v>13930</v>
      </c>
      <c r="E3986" s="1" t="s">
        <v>13931</v>
      </c>
      <c r="F3986" s="1" t="s">
        <v>27</v>
      </c>
      <c r="G3986" s="1" t="s">
        <v>10</v>
      </c>
      <c r="H3986" s="1" t="s">
        <v>13694</v>
      </c>
      <c r="I3986" s="1" t="s">
        <v>13662</v>
      </c>
      <c r="J3986" s="1" t="s">
        <v>19</v>
      </c>
      <c r="K3986" s="1" t="s">
        <v>7</v>
      </c>
      <c r="L3986" s="1" t="s">
        <v>13928</v>
      </c>
      <c r="M3986" s="1" t="s">
        <v>5</v>
      </c>
      <c r="N3986" s="1" t="s">
        <v>6</v>
      </c>
      <c r="O3986" s="1" t="s">
        <v>8</v>
      </c>
      <c r="P3986" s="5" t="s">
        <v>31670</v>
      </c>
    </row>
    <row r="3987" spans="1:16" x14ac:dyDescent="0.2">
      <c r="A3987" s="1" t="s">
        <v>32</v>
      </c>
      <c r="B3987" s="1" t="s">
        <v>140</v>
      </c>
      <c r="C3987" s="1" t="s">
        <v>13933</v>
      </c>
      <c r="D3987" s="1" t="s">
        <v>13934</v>
      </c>
      <c r="E3987" s="1" t="s">
        <v>13935</v>
      </c>
      <c r="F3987" s="1" t="s">
        <v>27</v>
      </c>
      <c r="G3987" s="1" t="s">
        <v>10</v>
      </c>
      <c r="H3987" s="1" t="s">
        <v>13694</v>
      </c>
      <c r="I3987" s="1" t="s">
        <v>13662</v>
      </c>
      <c r="J3987" s="1" t="s">
        <v>19</v>
      </c>
      <c r="K3987" s="1" t="s">
        <v>7</v>
      </c>
      <c r="L3987" s="1" t="s">
        <v>13932</v>
      </c>
      <c r="M3987" s="1" t="s">
        <v>5</v>
      </c>
      <c r="N3987" s="1" t="s">
        <v>6</v>
      </c>
      <c r="O3987" s="1" t="s">
        <v>8</v>
      </c>
      <c r="P3987" s="5" t="s">
        <v>31670</v>
      </c>
    </row>
    <row r="3988" spans="1:16" x14ac:dyDescent="0.2">
      <c r="A3988" s="1" t="s">
        <v>42</v>
      </c>
      <c r="B3988" s="1" t="s">
        <v>43</v>
      </c>
      <c r="C3988" s="1" t="s">
        <v>13937</v>
      </c>
      <c r="D3988" s="1" t="s">
        <v>13938</v>
      </c>
      <c r="E3988" s="1" t="s">
        <v>13939</v>
      </c>
      <c r="F3988" s="1" t="s">
        <v>10</v>
      </c>
      <c r="G3988" s="1" t="s">
        <v>10</v>
      </c>
      <c r="H3988" s="1" t="s">
        <v>10</v>
      </c>
      <c r="I3988" s="1" t="s">
        <v>13662</v>
      </c>
      <c r="J3988" s="1" t="s">
        <v>19</v>
      </c>
      <c r="K3988" s="1" t="s">
        <v>47</v>
      </c>
      <c r="L3988" s="1" t="s">
        <v>13936</v>
      </c>
      <c r="M3988" s="1" t="s">
        <v>5</v>
      </c>
      <c r="N3988" s="1" t="s">
        <v>25</v>
      </c>
      <c r="O3988" s="1" t="s">
        <v>38</v>
      </c>
      <c r="P3988" s="5" t="s">
        <v>30386</v>
      </c>
    </row>
    <row r="3989" spans="1:16" x14ac:dyDescent="0.2">
      <c r="A3989" s="1" t="s">
        <v>20</v>
      </c>
      <c r="B3989" s="1" t="s">
        <v>99</v>
      </c>
      <c r="C3989" s="1" t="s">
        <v>13941</v>
      </c>
      <c r="D3989" s="1" t="s">
        <v>13942</v>
      </c>
      <c r="E3989" s="1" t="s">
        <v>13943</v>
      </c>
      <c r="F3989" s="1" t="s">
        <v>10</v>
      </c>
      <c r="G3989" s="1" t="s">
        <v>10</v>
      </c>
      <c r="H3989" s="1" t="s">
        <v>10</v>
      </c>
      <c r="I3989" s="1" t="s">
        <v>13662</v>
      </c>
      <c r="J3989" s="1" t="s">
        <v>13721</v>
      </c>
      <c r="K3989" s="1" t="s">
        <v>7</v>
      </c>
      <c r="L3989" s="1" t="s">
        <v>13940</v>
      </c>
      <c r="M3989" s="1" t="s">
        <v>5</v>
      </c>
      <c r="N3989" s="1" t="s">
        <v>25</v>
      </c>
      <c r="O3989" s="1" t="s">
        <v>38</v>
      </c>
      <c r="P3989" s="5" t="s">
        <v>30388</v>
      </c>
    </row>
    <row r="3990" spans="1:16" x14ac:dyDescent="0.2">
      <c r="A3990" s="1" t="s">
        <v>42</v>
      </c>
      <c r="B3990" s="1" t="s">
        <v>588</v>
      </c>
      <c r="C3990" s="1" t="s">
        <v>13945</v>
      </c>
      <c r="D3990" s="1" t="s">
        <v>13946</v>
      </c>
      <c r="E3990" s="1" t="s">
        <v>13947</v>
      </c>
      <c r="F3990" s="1" t="s">
        <v>10</v>
      </c>
      <c r="G3990" s="1" t="s">
        <v>10</v>
      </c>
      <c r="H3990" s="1" t="s">
        <v>10</v>
      </c>
      <c r="I3990" s="1" t="s">
        <v>13662</v>
      </c>
      <c r="J3990" s="1" t="s">
        <v>19</v>
      </c>
      <c r="K3990" s="1" t="s">
        <v>586</v>
      </c>
      <c r="L3990" s="1" t="s">
        <v>13944</v>
      </c>
      <c r="M3990" s="1" t="s">
        <v>5</v>
      </c>
      <c r="N3990" s="1" t="s">
        <v>25</v>
      </c>
      <c r="O3990" s="1" t="s">
        <v>38</v>
      </c>
      <c r="P3990" s="5" t="s">
        <v>30386</v>
      </c>
    </row>
    <row r="3991" spans="1:16" x14ac:dyDescent="0.2">
      <c r="A3991" s="1" t="s">
        <v>42</v>
      </c>
      <c r="B3991" s="1" t="s">
        <v>109</v>
      </c>
      <c r="C3991" s="1" t="s">
        <v>13949</v>
      </c>
      <c r="D3991" s="1" t="s">
        <v>13949</v>
      </c>
      <c r="E3991" s="1" t="s">
        <v>13950</v>
      </c>
      <c r="F3991" s="1" t="s">
        <v>10</v>
      </c>
      <c r="G3991" s="1" t="s">
        <v>10</v>
      </c>
      <c r="H3991" s="1" t="s">
        <v>10</v>
      </c>
      <c r="I3991" s="1" t="s">
        <v>13662</v>
      </c>
      <c r="J3991" s="1" t="s">
        <v>13721</v>
      </c>
      <c r="K3991" s="1" t="s">
        <v>7</v>
      </c>
      <c r="L3991" s="1" t="s">
        <v>13948</v>
      </c>
      <c r="M3991" s="1" t="s">
        <v>5</v>
      </c>
      <c r="N3991" s="1" t="s">
        <v>25</v>
      </c>
      <c r="O3991" s="1" t="s">
        <v>38</v>
      </c>
      <c r="P3991" s="5" t="s">
        <v>30386</v>
      </c>
    </row>
    <row r="3992" spans="1:16" x14ac:dyDescent="0.2">
      <c r="A3992" s="1" t="s">
        <v>20</v>
      </c>
      <c r="B3992" s="1" t="s">
        <v>253</v>
      </c>
      <c r="C3992" s="1" t="s">
        <v>13952</v>
      </c>
      <c r="D3992" s="1" t="s">
        <v>13953</v>
      </c>
      <c r="E3992" s="1"/>
      <c r="F3992" s="1" t="s">
        <v>10</v>
      </c>
      <c r="G3992" s="1" t="s">
        <v>10</v>
      </c>
      <c r="H3992" s="1" t="s">
        <v>10</v>
      </c>
      <c r="I3992" s="1" t="s">
        <v>13662</v>
      </c>
      <c r="J3992" s="1" t="s">
        <v>19</v>
      </c>
      <c r="K3992" s="1" t="s">
        <v>7</v>
      </c>
      <c r="L3992" s="1" t="s">
        <v>13951</v>
      </c>
      <c r="M3992" s="1" t="s">
        <v>5</v>
      </c>
      <c r="N3992" s="1" t="s">
        <v>25</v>
      </c>
      <c r="O3992" s="1" t="s">
        <v>38</v>
      </c>
      <c r="P3992" s="5" t="s">
        <v>30386</v>
      </c>
    </row>
    <row r="3993" spans="1:16" x14ac:dyDescent="0.2">
      <c r="A3993" s="1" t="s">
        <v>20</v>
      </c>
      <c r="B3993" s="1" t="s">
        <v>21</v>
      </c>
      <c r="C3993" s="1" t="s">
        <v>13955</v>
      </c>
      <c r="D3993" s="1" t="s">
        <v>13956</v>
      </c>
      <c r="E3993" s="1" t="s">
        <v>13957</v>
      </c>
      <c r="F3993" s="1" t="s">
        <v>9</v>
      </c>
      <c r="G3993" s="1" t="s">
        <v>18</v>
      </c>
      <c r="H3993" s="1" t="s">
        <v>10</v>
      </c>
      <c r="I3993" s="1" t="s">
        <v>13662</v>
      </c>
      <c r="J3993" s="1" t="s">
        <v>19</v>
      </c>
      <c r="K3993" s="1" t="s">
        <v>130</v>
      </c>
      <c r="L3993" s="1" t="s">
        <v>13954</v>
      </c>
      <c r="M3993" s="1" t="s">
        <v>5</v>
      </c>
      <c r="N3993" s="1" t="s">
        <v>6</v>
      </c>
      <c r="O3993" s="1" t="s">
        <v>8</v>
      </c>
      <c r="P3993" s="5" t="s">
        <v>31668</v>
      </c>
    </row>
    <row r="3994" spans="1:16" x14ac:dyDescent="0.2">
      <c r="A3994" s="1" t="s">
        <v>20</v>
      </c>
      <c r="B3994" s="1" t="s">
        <v>4373</v>
      </c>
      <c r="C3994" s="1" t="s">
        <v>12561</v>
      </c>
      <c r="D3994" s="1" t="s">
        <v>12335</v>
      </c>
      <c r="E3994" s="1" t="s">
        <v>13959</v>
      </c>
      <c r="F3994" s="1" t="s">
        <v>10</v>
      </c>
      <c r="G3994" s="1" t="s">
        <v>10</v>
      </c>
      <c r="H3994" s="1" t="s">
        <v>10</v>
      </c>
      <c r="I3994" s="1" t="s">
        <v>13662</v>
      </c>
      <c r="J3994" s="1" t="s">
        <v>19</v>
      </c>
      <c r="K3994" s="1" t="s">
        <v>7</v>
      </c>
      <c r="L3994" s="1" t="s">
        <v>13958</v>
      </c>
      <c r="M3994" s="1" t="s">
        <v>5</v>
      </c>
      <c r="N3994" s="1" t="s">
        <v>25</v>
      </c>
      <c r="O3994" s="1" t="s">
        <v>38</v>
      </c>
      <c r="P3994" s="5" t="s">
        <v>30386</v>
      </c>
    </row>
    <row r="3995" spans="1:16" x14ac:dyDescent="0.2">
      <c r="A3995" s="1" t="s">
        <v>20</v>
      </c>
      <c r="B3995" s="1" t="s">
        <v>99</v>
      </c>
      <c r="C3995" s="1" t="s">
        <v>13961</v>
      </c>
      <c r="D3995" s="1" t="s">
        <v>13962</v>
      </c>
      <c r="E3995" s="1" t="s">
        <v>13963</v>
      </c>
      <c r="F3995" s="1" t="s">
        <v>10</v>
      </c>
      <c r="G3995" s="1" t="s">
        <v>10</v>
      </c>
      <c r="H3995" s="1" t="s">
        <v>10</v>
      </c>
      <c r="I3995" s="1" t="s">
        <v>13662</v>
      </c>
      <c r="J3995" s="1" t="s">
        <v>13721</v>
      </c>
      <c r="K3995" s="1" t="s">
        <v>7</v>
      </c>
      <c r="L3995" s="1" t="s">
        <v>13960</v>
      </c>
      <c r="M3995" s="1" t="s">
        <v>5</v>
      </c>
      <c r="N3995" s="1" t="s">
        <v>25</v>
      </c>
      <c r="O3995" s="1" t="s">
        <v>38</v>
      </c>
      <c r="P3995" s="5" t="s">
        <v>30386</v>
      </c>
    </row>
    <row r="3996" spans="1:16" x14ac:dyDescent="0.2">
      <c r="A3996" s="1" t="s">
        <v>20</v>
      </c>
      <c r="B3996" s="1" t="s">
        <v>253</v>
      </c>
      <c r="C3996" s="1" t="s">
        <v>13965</v>
      </c>
      <c r="D3996" s="1" t="s">
        <v>13966</v>
      </c>
      <c r="E3996" s="1" t="s">
        <v>13967</v>
      </c>
      <c r="F3996" s="1" t="s">
        <v>10</v>
      </c>
      <c r="G3996" s="1" t="s">
        <v>10</v>
      </c>
      <c r="H3996" s="1" t="s">
        <v>10</v>
      </c>
      <c r="I3996" s="1" t="s">
        <v>13662</v>
      </c>
      <c r="J3996" s="1" t="s">
        <v>13721</v>
      </c>
      <c r="K3996" s="1" t="s">
        <v>8982</v>
      </c>
      <c r="L3996" s="1" t="s">
        <v>13964</v>
      </c>
      <c r="M3996" s="1" t="s">
        <v>5</v>
      </c>
      <c r="N3996" s="1" t="s">
        <v>25</v>
      </c>
      <c r="O3996" s="1" t="s">
        <v>38</v>
      </c>
      <c r="P3996" s="5" t="s">
        <v>30386</v>
      </c>
    </row>
    <row r="3997" spans="1:16" x14ac:dyDescent="0.2">
      <c r="A3997" s="1" t="s">
        <v>66</v>
      </c>
      <c r="B3997" s="1" t="s">
        <v>498</v>
      </c>
      <c r="C3997" s="1" t="s">
        <v>13969</v>
      </c>
      <c r="D3997" s="1" t="s">
        <v>13970</v>
      </c>
      <c r="E3997" s="1" t="s">
        <v>13971</v>
      </c>
      <c r="F3997" s="1" t="s">
        <v>10</v>
      </c>
      <c r="G3997" s="1" t="s">
        <v>10</v>
      </c>
      <c r="H3997" s="1" t="s">
        <v>10</v>
      </c>
      <c r="I3997" s="1" t="s">
        <v>13662</v>
      </c>
      <c r="J3997" s="1" t="s">
        <v>13721</v>
      </c>
      <c r="K3997" s="1" t="s">
        <v>7</v>
      </c>
      <c r="L3997" s="1" t="s">
        <v>13968</v>
      </c>
      <c r="M3997" s="1" t="s">
        <v>5</v>
      </c>
      <c r="N3997" s="1" t="s">
        <v>25</v>
      </c>
      <c r="O3997" s="1" t="s">
        <v>38</v>
      </c>
      <c r="P3997" s="5"/>
    </row>
    <row r="3998" spans="1:16" x14ac:dyDescent="0.2">
      <c r="A3998" s="1" t="s">
        <v>329</v>
      </c>
      <c r="B3998" s="1" t="s">
        <v>596</v>
      </c>
      <c r="C3998" s="1" t="s">
        <v>13973</v>
      </c>
      <c r="D3998" s="1" t="s">
        <v>13974</v>
      </c>
      <c r="E3998" s="1"/>
      <c r="F3998" s="1" t="s">
        <v>10</v>
      </c>
      <c r="G3998" s="1" t="s">
        <v>10</v>
      </c>
      <c r="H3998" s="1" t="s">
        <v>10</v>
      </c>
      <c r="I3998" s="1" t="s">
        <v>13662</v>
      </c>
      <c r="J3998" s="1" t="s">
        <v>19</v>
      </c>
      <c r="K3998" s="1" t="s">
        <v>7</v>
      </c>
      <c r="L3998" s="1" t="s">
        <v>13972</v>
      </c>
      <c r="M3998" s="1" t="s">
        <v>5</v>
      </c>
      <c r="N3998" s="1" t="s">
        <v>25</v>
      </c>
      <c r="O3998" s="1" t="s">
        <v>38</v>
      </c>
      <c r="P3998" s="5" t="s">
        <v>30386</v>
      </c>
    </row>
    <row r="3999" spans="1:16" x14ac:dyDescent="0.2">
      <c r="A3999" s="1" t="s">
        <v>1086</v>
      </c>
      <c r="B3999" s="1" t="s">
        <v>4754</v>
      </c>
      <c r="C3999" s="1" t="s">
        <v>13976</v>
      </c>
      <c r="D3999" s="1" t="s">
        <v>13977</v>
      </c>
      <c r="E3999" s="1" t="s">
        <v>13978</v>
      </c>
      <c r="F3999" s="1" t="s">
        <v>10</v>
      </c>
      <c r="G3999" s="1" t="s">
        <v>10</v>
      </c>
      <c r="H3999" s="1" t="s">
        <v>10</v>
      </c>
      <c r="I3999" s="1" t="s">
        <v>13662</v>
      </c>
      <c r="J3999" s="1" t="s">
        <v>19</v>
      </c>
      <c r="K3999" s="1" t="s">
        <v>64</v>
      </c>
      <c r="L3999" s="1" t="s">
        <v>13975</v>
      </c>
      <c r="M3999" s="1" t="s">
        <v>5</v>
      </c>
      <c r="N3999" s="1" t="s">
        <v>25</v>
      </c>
      <c r="O3999" s="1" t="s">
        <v>38</v>
      </c>
      <c r="P3999" s="5" t="s">
        <v>29821</v>
      </c>
    </row>
    <row r="4000" spans="1:16" x14ac:dyDescent="0.2">
      <c r="A4000" s="1" t="s">
        <v>20</v>
      </c>
      <c r="B4000" s="1" t="s">
        <v>310</v>
      </c>
      <c r="C4000" s="1" t="s">
        <v>13980</v>
      </c>
      <c r="D4000" s="1" t="s">
        <v>13980</v>
      </c>
      <c r="E4000" s="1" t="s">
        <v>13981</v>
      </c>
      <c r="F4000" s="1" t="s">
        <v>10</v>
      </c>
      <c r="G4000" s="1" t="s">
        <v>10</v>
      </c>
      <c r="H4000" s="1" t="s">
        <v>10</v>
      </c>
      <c r="I4000" s="1" t="s">
        <v>13662</v>
      </c>
      <c r="J4000" s="1" t="s">
        <v>19</v>
      </c>
      <c r="K4000" s="1" t="s">
        <v>7</v>
      </c>
      <c r="L4000" s="1" t="s">
        <v>13979</v>
      </c>
      <c r="M4000" s="1" t="s">
        <v>5</v>
      </c>
      <c r="N4000" s="1" t="s">
        <v>25</v>
      </c>
      <c r="O4000" s="1" t="s">
        <v>38</v>
      </c>
      <c r="P4000" s="5" t="s">
        <v>30392</v>
      </c>
    </row>
    <row r="4001" spans="1:16" x14ac:dyDescent="0.2">
      <c r="A4001" s="1" t="s">
        <v>20</v>
      </c>
      <c r="B4001" s="1" t="s">
        <v>253</v>
      </c>
      <c r="C4001" s="1" t="s">
        <v>13983</v>
      </c>
      <c r="D4001" s="1" t="s">
        <v>13984</v>
      </c>
      <c r="E4001" s="1" t="s">
        <v>13985</v>
      </c>
      <c r="F4001" s="1" t="s">
        <v>10</v>
      </c>
      <c r="G4001" s="1" t="s">
        <v>10</v>
      </c>
      <c r="H4001" s="1" t="s">
        <v>10</v>
      </c>
      <c r="I4001" s="1" t="s">
        <v>13662</v>
      </c>
      <c r="J4001" s="1" t="s">
        <v>19</v>
      </c>
      <c r="K4001" s="1" t="s">
        <v>7</v>
      </c>
      <c r="L4001" s="1" t="s">
        <v>13982</v>
      </c>
      <c r="M4001" s="1" t="s">
        <v>5</v>
      </c>
      <c r="N4001" s="1" t="s">
        <v>25</v>
      </c>
      <c r="O4001" s="1" t="s">
        <v>38</v>
      </c>
      <c r="P4001" s="5" t="s">
        <v>30386</v>
      </c>
    </row>
    <row r="4002" spans="1:16" x14ac:dyDescent="0.2">
      <c r="A4002" s="1" t="s">
        <v>66</v>
      </c>
      <c r="B4002" s="1" t="s">
        <v>574</v>
      </c>
      <c r="C4002" s="1" t="s">
        <v>13987</v>
      </c>
      <c r="D4002" s="1" t="s">
        <v>13988</v>
      </c>
      <c r="E4002" s="1" t="s">
        <v>13989</v>
      </c>
      <c r="F4002" s="1" t="s">
        <v>27</v>
      </c>
      <c r="G4002" s="1" t="s">
        <v>10</v>
      </c>
      <c r="H4002" s="1" t="s">
        <v>13702</v>
      </c>
      <c r="I4002" s="1" t="s">
        <v>13662</v>
      </c>
      <c r="J4002" s="1" t="s">
        <v>19</v>
      </c>
      <c r="K4002" s="1" t="s">
        <v>7</v>
      </c>
      <c r="L4002" s="1" t="s">
        <v>13986</v>
      </c>
      <c r="M4002" s="1" t="s">
        <v>5</v>
      </c>
      <c r="N4002" s="1" t="s">
        <v>25</v>
      </c>
      <c r="O4002" s="1" t="s">
        <v>8</v>
      </c>
      <c r="P4002" s="5" t="s">
        <v>31678</v>
      </c>
    </row>
    <row r="4003" spans="1:16" x14ac:dyDescent="0.2">
      <c r="A4003" s="1" t="s">
        <v>66</v>
      </c>
      <c r="B4003" s="1" t="s">
        <v>574</v>
      </c>
      <c r="C4003" s="1" t="s">
        <v>13991</v>
      </c>
      <c r="D4003" s="1" t="s">
        <v>13992</v>
      </c>
      <c r="E4003" s="1" t="s">
        <v>13993</v>
      </c>
      <c r="F4003" s="1" t="s">
        <v>27</v>
      </c>
      <c r="G4003" s="1" t="s">
        <v>10</v>
      </c>
      <c r="H4003" s="1" t="s">
        <v>13702</v>
      </c>
      <c r="I4003" s="1" t="s">
        <v>13662</v>
      </c>
      <c r="J4003" s="1" t="s">
        <v>19</v>
      </c>
      <c r="K4003" s="1" t="s">
        <v>7</v>
      </c>
      <c r="L4003" s="1" t="s">
        <v>13990</v>
      </c>
      <c r="M4003" s="1" t="s">
        <v>5</v>
      </c>
      <c r="N4003" s="1" t="s">
        <v>25</v>
      </c>
      <c r="O4003" s="1" t="s">
        <v>8</v>
      </c>
      <c r="P4003" s="5" t="s">
        <v>31679</v>
      </c>
    </row>
    <row r="4004" spans="1:16" x14ac:dyDescent="0.2">
      <c r="A4004" s="1" t="s">
        <v>66</v>
      </c>
      <c r="B4004" s="1" t="s">
        <v>574</v>
      </c>
      <c r="C4004" s="1" t="s">
        <v>13995</v>
      </c>
      <c r="D4004" s="1" t="s">
        <v>13996</v>
      </c>
      <c r="E4004" s="1" t="s">
        <v>13997</v>
      </c>
      <c r="F4004" s="1" t="s">
        <v>27</v>
      </c>
      <c r="G4004" s="1" t="s">
        <v>10</v>
      </c>
      <c r="H4004" s="1" t="s">
        <v>13702</v>
      </c>
      <c r="I4004" s="1" t="s">
        <v>13662</v>
      </c>
      <c r="J4004" s="1" t="s">
        <v>19</v>
      </c>
      <c r="K4004" s="1" t="s">
        <v>7</v>
      </c>
      <c r="L4004" s="1" t="s">
        <v>13994</v>
      </c>
      <c r="M4004" s="1" t="s">
        <v>5</v>
      </c>
      <c r="N4004" s="1" t="s">
        <v>25</v>
      </c>
      <c r="O4004" s="1" t="s">
        <v>8</v>
      </c>
      <c r="P4004" s="5" t="s">
        <v>31679</v>
      </c>
    </row>
    <row r="4005" spans="1:16" x14ac:dyDescent="0.2">
      <c r="A4005" s="1" t="s">
        <v>20</v>
      </c>
      <c r="B4005" s="1" t="s">
        <v>101</v>
      </c>
      <c r="C4005" s="1" t="s">
        <v>13999</v>
      </c>
      <c r="D4005" s="1" t="s">
        <v>14000</v>
      </c>
      <c r="E4005" s="1" t="s">
        <v>14001</v>
      </c>
      <c r="F4005" s="1" t="s">
        <v>27</v>
      </c>
      <c r="G4005" s="1" t="s">
        <v>10</v>
      </c>
      <c r="H4005" s="1" t="s">
        <v>13722</v>
      </c>
      <c r="I4005" s="1" t="s">
        <v>13662</v>
      </c>
      <c r="J4005" s="1" t="s">
        <v>13721</v>
      </c>
      <c r="K4005" s="1" t="s">
        <v>7</v>
      </c>
      <c r="L4005" s="1" t="s">
        <v>13998</v>
      </c>
      <c r="M4005" s="1" t="s">
        <v>5</v>
      </c>
      <c r="N4005" s="1" t="s">
        <v>25</v>
      </c>
      <c r="O4005" s="1" t="s">
        <v>38</v>
      </c>
      <c r="P4005" s="5" t="s">
        <v>30386</v>
      </c>
    </row>
    <row r="4006" spans="1:16" x14ac:dyDescent="0.2">
      <c r="A4006" s="1" t="s">
        <v>32</v>
      </c>
      <c r="B4006" s="1" t="s">
        <v>140</v>
      </c>
      <c r="C4006" s="1" t="s">
        <v>14003</v>
      </c>
      <c r="D4006" s="1" t="s">
        <v>14004</v>
      </c>
      <c r="E4006" s="1" t="s">
        <v>14005</v>
      </c>
      <c r="F4006" s="1" t="s">
        <v>27</v>
      </c>
      <c r="G4006" s="1" t="s">
        <v>10</v>
      </c>
      <c r="H4006" s="1" t="s">
        <v>13694</v>
      </c>
      <c r="I4006" s="1" t="s">
        <v>13662</v>
      </c>
      <c r="J4006" s="1" t="s">
        <v>19</v>
      </c>
      <c r="K4006" s="1" t="s">
        <v>7</v>
      </c>
      <c r="L4006" s="1" t="s">
        <v>14002</v>
      </c>
      <c r="M4006" s="1" t="s">
        <v>5</v>
      </c>
      <c r="N4006" s="1" t="s">
        <v>6</v>
      </c>
      <c r="O4006" s="1" t="s">
        <v>8</v>
      </c>
      <c r="P4006" s="5" t="s">
        <v>31670</v>
      </c>
    </row>
    <row r="4007" spans="1:16" x14ac:dyDescent="0.2">
      <c r="A4007" s="1" t="s">
        <v>42</v>
      </c>
      <c r="B4007" s="1" t="s">
        <v>1377</v>
      </c>
      <c r="C4007" s="1" t="s">
        <v>14007</v>
      </c>
      <c r="D4007" s="1" t="s">
        <v>14007</v>
      </c>
      <c r="E4007" s="1" t="s">
        <v>14009</v>
      </c>
      <c r="F4007" s="1" t="s">
        <v>10</v>
      </c>
      <c r="G4007" s="1" t="s">
        <v>10</v>
      </c>
      <c r="H4007" s="1" t="s">
        <v>10</v>
      </c>
      <c r="I4007" s="1" t="s">
        <v>13662</v>
      </c>
      <c r="J4007" s="1" t="s">
        <v>14008</v>
      </c>
      <c r="K4007" s="1" t="s">
        <v>7</v>
      </c>
      <c r="L4007" s="1" t="s">
        <v>14006</v>
      </c>
      <c r="M4007" s="1" t="s">
        <v>5</v>
      </c>
      <c r="N4007" s="1" t="s">
        <v>25</v>
      </c>
      <c r="O4007" s="1" t="s">
        <v>38</v>
      </c>
      <c r="P4007" s="5" t="s">
        <v>30391</v>
      </c>
    </row>
    <row r="4008" spans="1:16" x14ac:dyDescent="0.2">
      <c r="A4008" s="1" t="s">
        <v>20</v>
      </c>
      <c r="B4008" s="1" t="s">
        <v>172</v>
      </c>
      <c r="C4008" s="1" t="s">
        <v>14011</v>
      </c>
      <c r="D4008" s="1" t="s">
        <v>14012</v>
      </c>
      <c r="E4008" s="1"/>
      <c r="F4008" s="1" t="s">
        <v>27</v>
      </c>
      <c r="G4008" s="1" t="s">
        <v>10</v>
      </c>
      <c r="H4008" s="1" t="s">
        <v>13722</v>
      </c>
      <c r="I4008" s="1" t="s">
        <v>13662</v>
      </c>
      <c r="J4008" s="1" t="s">
        <v>19</v>
      </c>
      <c r="K4008" s="1" t="s">
        <v>7</v>
      </c>
      <c r="L4008" s="1" t="s">
        <v>14010</v>
      </c>
      <c r="M4008" s="1" t="s">
        <v>5</v>
      </c>
      <c r="N4008" s="1" t="s">
        <v>25</v>
      </c>
      <c r="O4008" s="1" t="s">
        <v>38</v>
      </c>
      <c r="P4008" s="5" t="s">
        <v>30386</v>
      </c>
    </row>
    <row r="4009" spans="1:16" x14ac:dyDescent="0.2">
      <c r="A4009" s="1" t="s">
        <v>194</v>
      </c>
      <c r="B4009" s="1" t="s">
        <v>4492</v>
      </c>
      <c r="C4009" s="1" t="s">
        <v>14014</v>
      </c>
      <c r="D4009" s="1" t="s">
        <v>14015</v>
      </c>
      <c r="E4009" s="1" t="s">
        <v>14016</v>
      </c>
      <c r="F4009" s="1" t="s">
        <v>10</v>
      </c>
      <c r="G4009" s="1" t="s">
        <v>10</v>
      </c>
      <c r="H4009" s="1" t="s">
        <v>10</v>
      </c>
      <c r="I4009" s="1" t="s">
        <v>13662</v>
      </c>
      <c r="J4009" s="1" t="s">
        <v>19</v>
      </c>
      <c r="K4009" s="1" t="s">
        <v>7</v>
      </c>
      <c r="L4009" s="1" t="s">
        <v>14013</v>
      </c>
      <c r="M4009" s="1" t="s">
        <v>5</v>
      </c>
      <c r="N4009" s="1" t="s">
        <v>25</v>
      </c>
      <c r="O4009" s="1" t="s">
        <v>38</v>
      </c>
      <c r="P4009" s="5" t="s">
        <v>30388</v>
      </c>
    </row>
    <row r="4010" spans="1:16" x14ac:dyDescent="0.2">
      <c r="A4010" s="1" t="s">
        <v>66</v>
      </c>
      <c r="B4010" s="1" t="s">
        <v>1812</v>
      </c>
      <c r="C4010" s="1" t="s">
        <v>14018</v>
      </c>
      <c r="D4010" s="1" t="s">
        <v>14019</v>
      </c>
      <c r="E4010" s="1" t="s">
        <v>14020</v>
      </c>
      <c r="F4010" s="1" t="s">
        <v>10</v>
      </c>
      <c r="G4010" s="1" t="s">
        <v>10</v>
      </c>
      <c r="H4010" s="1" t="s">
        <v>10</v>
      </c>
      <c r="I4010" s="1" t="s">
        <v>13662</v>
      </c>
      <c r="J4010" s="1" t="s">
        <v>19</v>
      </c>
      <c r="K4010" s="1" t="s">
        <v>7</v>
      </c>
      <c r="L4010" s="1" t="s">
        <v>14017</v>
      </c>
      <c r="M4010" s="1" t="s">
        <v>5</v>
      </c>
      <c r="N4010" s="1" t="s">
        <v>25</v>
      </c>
      <c r="O4010" s="1" t="s">
        <v>38</v>
      </c>
      <c r="P4010" s="5" t="s">
        <v>30393</v>
      </c>
    </row>
    <row r="4011" spans="1:16" x14ac:dyDescent="0.2">
      <c r="A4011" s="1" t="s">
        <v>42</v>
      </c>
      <c r="B4011" s="1" t="s">
        <v>118</v>
      </c>
      <c r="C4011" s="1" t="s">
        <v>14022</v>
      </c>
      <c r="D4011" s="1" t="s">
        <v>14023</v>
      </c>
      <c r="E4011" s="1" t="s">
        <v>14024</v>
      </c>
      <c r="F4011" s="1" t="s">
        <v>10</v>
      </c>
      <c r="G4011" s="1" t="s">
        <v>10</v>
      </c>
      <c r="H4011" s="1" t="s">
        <v>10</v>
      </c>
      <c r="I4011" s="1" t="s">
        <v>13662</v>
      </c>
      <c r="J4011" s="1" t="s">
        <v>19</v>
      </c>
      <c r="K4011" s="1" t="s">
        <v>64</v>
      </c>
      <c r="L4011" s="1" t="s">
        <v>14021</v>
      </c>
      <c r="M4011" s="1" t="s">
        <v>5</v>
      </c>
      <c r="N4011" s="1" t="s">
        <v>25</v>
      </c>
      <c r="O4011" s="1" t="s">
        <v>38</v>
      </c>
      <c r="P4011" s="5" t="s">
        <v>31680</v>
      </c>
    </row>
    <row r="4012" spans="1:16" x14ac:dyDescent="0.2">
      <c r="A4012" s="1" t="s">
        <v>42</v>
      </c>
      <c r="B4012" s="1" t="s">
        <v>351</v>
      </c>
      <c r="C4012" s="1" t="s">
        <v>14026</v>
      </c>
      <c r="D4012" s="1" t="s">
        <v>14027</v>
      </c>
      <c r="E4012" s="1" t="s">
        <v>14028</v>
      </c>
      <c r="F4012" s="1" t="s">
        <v>10</v>
      </c>
      <c r="G4012" s="1" t="s">
        <v>10</v>
      </c>
      <c r="H4012" s="1" t="s">
        <v>10</v>
      </c>
      <c r="I4012" s="1" t="s">
        <v>13662</v>
      </c>
      <c r="J4012" s="1" t="s">
        <v>19</v>
      </c>
      <c r="K4012" s="1" t="s">
        <v>37</v>
      </c>
      <c r="L4012" s="1" t="s">
        <v>14025</v>
      </c>
      <c r="M4012" s="1" t="s">
        <v>5</v>
      </c>
      <c r="N4012" s="1" t="s">
        <v>25</v>
      </c>
      <c r="O4012" s="1" t="s">
        <v>38</v>
      </c>
      <c r="P4012" s="5" t="s">
        <v>30386</v>
      </c>
    </row>
    <row r="4013" spans="1:16" x14ac:dyDescent="0.2">
      <c r="A4013" s="1" t="s">
        <v>20</v>
      </c>
      <c r="B4013" s="1" t="s">
        <v>310</v>
      </c>
      <c r="C4013" s="1" t="s">
        <v>14031</v>
      </c>
      <c r="D4013" s="1" t="s">
        <v>14032</v>
      </c>
      <c r="E4013" s="1" t="s">
        <v>14033</v>
      </c>
      <c r="F4013" s="1" t="s">
        <v>10</v>
      </c>
      <c r="G4013" s="1" t="s">
        <v>10</v>
      </c>
      <c r="H4013" s="1" t="s">
        <v>10</v>
      </c>
      <c r="I4013" s="1" t="s">
        <v>13662</v>
      </c>
      <c r="J4013" s="1" t="s">
        <v>19</v>
      </c>
      <c r="K4013" s="1" t="s">
        <v>7</v>
      </c>
      <c r="L4013" s="1" t="s">
        <v>14030</v>
      </c>
      <c r="M4013" s="1" t="s">
        <v>5</v>
      </c>
      <c r="N4013" s="1" t="s">
        <v>25</v>
      </c>
      <c r="O4013" s="1" t="s">
        <v>38</v>
      </c>
      <c r="P4013" s="5" t="s">
        <v>31681</v>
      </c>
    </row>
    <row r="4014" spans="1:16" x14ac:dyDescent="0.2">
      <c r="A4014" s="1" t="s">
        <v>20</v>
      </c>
      <c r="B4014" s="1" t="s">
        <v>1047</v>
      </c>
      <c r="C4014" s="1" t="s">
        <v>14035</v>
      </c>
      <c r="D4014" s="1" t="s">
        <v>14036</v>
      </c>
      <c r="E4014" s="1" t="s">
        <v>14037</v>
      </c>
      <c r="F4014" s="1" t="s">
        <v>10</v>
      </c>
      <c r="G4014" s="1" t="s">
        <v>10</v>
      </c>
      <c r="H4014" s="1" t="s">
        <v>10</v>
      </c>
      <c r="I4014" s="1" t="s">
        <v>13662</v>
      </c>
      <c r="J4014" s="1" t="s">
        <v>13721</v>
      </c>
      <c r="K4014" s="1" t="s">
        <v>7</v>
      </c>
      <c r="L4014" s="1" t="s">
        <v>14034</v>
      </c>
      <c r="M4014" s="1" t="s">
        <v>5</v>
      </c>
      <c r="N4014" s="1" t="s">
        <v>25</v>
      </c>
      <c r="O4014" s="1" t="s">
        <v>38</v>
      </c>
      <c r="P4014" s="5" t="s">
        <v>30394</v>
      </c>
    </row>
    <row r="4015" spans="1:16" ht="63.75" x14ac:dyDescent="0.2">
      <c r="A4015" s="1" t="s">
        <v>20</v>
      </c>
      <c r="B4015" s="1" t="s">
        <v>99</v>
      </c>
      <c r="C4015" s="1" t="s">
        <v>14039</v>
      </c>
      <c r="D4015" s="1" t="s">
        <v>14040</v>
      </c>
      <c r="E4015" s="1" t="s">
        <v>14041</v>
      </c>
      <c r="F4015" s="1" t="s">
        <v>10</v>
      </c>
      <c r="G4015" s="1" t="s">
        <v>10</v>
      </c>
      <c r="H4015" s="1" t="s">
        <v>10</v>
      </c>
      <c r="I4015" s="1" t="s">
        <v>13662</v>
      </c>
      <c r="J4015" s="1" t="s">
        <v>19</v>
      </c>
      <c r="K4015" s="1" t="s">
        <v>7</v>
      </c>
      <c r="L4015" s="1" t="s">
        <v>14038</v>
      </c>
      <c r="M4015" s="1" t="s">
        <v>5</v>
      </c>
      <c r="N4015" s="1" t="s">
        <v>25</v>
      </c>
      <c r="O4015" s="1" t="s">
        <v>38</v>
      </c>
      <c r="P4015" s="9" t="s">
        <v>32777</v>
      </c>
    </row>
    <row r="4016" spans="1:16" x14ac:dyDescent="0.2">
      <c r="A4016" s="1" t="s">
        <v>20</v>
      </c>
      <c r="B4016" s="1" t="s">
        <v>132</v>
      </c>
      <c r="C4016" s="1" t="s">
        <v>14043</v>
      </c>
      <c r="D4016" s="1" t="s">
        <v>14044</v>
      </c>
      <c r="E4016" s="1" t="s">
        <v>14045</v>
      </c>
      <c r="F4016" s="1" t="s">
        <v>10</v>
      </c>
      <c r="G4016" s="1" t="s">
        <v>10</v>
      </c>
      <c r="H4016" s="1" t="s">
        <v>10</v>
      </c>
      <c r="I4016" s="1" t="s">
        <v>13662</v>
      </c>
      <c r="J4016" s="1" t="s">
        <v>13721</v>
      </c>
      <c r="K4016" s="1" t="s">
        <v>7</v>
      </c>
      <c r="L4016" s="1" t="s">
        <v>14042</v>
      </c>
      <c r="M4016" s="1" t="s">
        <v>5</v>
      </c>
      <c r="N4016" s="1" t="s">
        <v>25</v>
      </c>
      <c r="O4016" s="1" t="s">
        <v>38</v>
      </c>
      <c r="P4016" s="5" t="s">
        <v>30395</v>
      </c>
    </row>
    <row r="4017" spans="1:16" x14ac:dyDescent="0.2">
      <c r="A4017" s="1" t="s">
        <v>20</v>
      </c>
      <c r="B4017" s="1" t="s">
        <v>21</v>
      </c>
      <c r="C4017" s="1" t="s">
        <v>14047</v>
      </c>
      <c r="D4017" s="1" t="s">
        <v>14048</v>
      </c>
      <c r="E4017" s="1" t="s">
        <v>14049</v>
      </c>
      <c r="F4017" s="1" t="s">
        <v>10</v>
      </c>
      <c r="G4017" s="1" t="s">
        <v>10</v>
      </c>
      <c r="H4017" s="1" t="s">
        <v>10</v>
      </c>
      <c r="I4017" s="1" t="s">
        <v>13662</v>
      </c>
      <c r="J4017" s="1" t="s">
        <v>19</v>
      </c>
      <c r="K4017" s="1" t="s">
        <v>7</v>
      </c>
      <c r="L4017" s="1" t="s">
        <v>14046</v>
      </c>
      <c r="M4017" s="1" t="s">
        <v>5</v>
      </c>
      <c r="N4017" s="1" t="s">
        <v>25</v>
      </c>
      <c r="O4017" s="1" t="s">
        <v>38</v>
      </c>
      <c r="P4017" s="5" t="s">
        <v>32778</v>
      </c>
    </row>
    <row r="4018" spans="1:16" x14ac:dyDescent="0.2">
      <c r="A4018" s="1" t="s">
        <v>1385</v>
      </c>
      <c r="B4018" s="1" t="s">
        <v>2930</v>
      </c>
      <c r="C4018" s="1" t="s">
        <v>7513</v>
      </c>
      <c r="D4018" s="1" t="s">
        <v>7513</v>
      </c>
      <c r="E4018" s="1" t="s">
        <v>14051</v>
      </c>
      <c r="F4018" s="1" t="s">
        <v>27</v>
      </c>
      <c r="G4018" s="1" t="s">
        <v>10</v>
      </c>
      <c r="H4018" s="1" t="s">
        <v>14052</v>
      </c>
      <c r="I4018" s="1" t="s">
        <v>13662</v>
      </c>
      <c r="J4018" s="1" t="s">
        <v>19</v>
      </c>
      <c r="K4018" s="1" t="s">
        <v>100</v>
      </c>
      <c r="L4018" s="1" t="s">
        <v>14050</v>
      </c>
      <c r="M4018" s="1" t="s">
        <v>5</v>
      </c>
      <c r="N4018" s="1" t="s">
        <v>25</v>
      </c>
      <c r="O4018" s="1" t="s">
        <v>8</v>
      </c>
      <c r="P4018" s="5" t="s">
        <v>30396</v>
      </c>
    </row>
    <row r="4019" spans="1:16" x14ac:dyDescent="0.2">
      <c r="A4019" s="1" t="s">
        <v>20</v>
      </c>
      <c r="B4019" s="1" t="s">
        <v>101</v>
      </c>
      <c r="C4019" s="1" t="s">
        <v>14054</v>
      </c>
      <c r="D4019" s="1" t="s">
        <v>14055</v>
      </c>
      <c r="E4019" s="1" t="s">
        <v>14056</v>
      </c>
      <c r="F4019" s="1" t="s">
        <v>10</v>
      </c>
      <c r="G4019" s="1" t="s">
        <v>10</v>
      </c>
      <c r="H4019" s="1" t="s">
        <v>10</v>
      </c>
      <c r="I4019" s="1" t="s">
        <v>13662</v>
      </c>
      <c r="J4019" s="1" t="s">
        <v>19</v>
      </c>
      <c r="K4019" s="1" t="s">
        <v>7</v>
      </c>
      <c r="L4019" s="1" t="s">
        <v>14053</v>
      </c>
      <c r="M4019" s="1" t="s">
        <v>5</v>
      </c>
      <c r="N4019" s="1" t="s">
        <v>25</v>
      </c>
      <c r="O4019" s="1" t="s">
        <v>38</v>
      </c>
      <c r="P4019" s="5"/>
    </row>
    <row r="4020" spans="1:16" x14ac:dyDescent="0.2">
      <c r="A4020" s="1" t="s">
        <v>42</v>
      </c>
      <c r="B4020" s="1" t="s">
        <v>109</v>
      </c>
      <c r="C4020" s="1" t="s">
        <v>14058</v>
      </c>
      <c r="D4020" s="1" t="s">
        <v>14059</v>
      </c>
      <c r="E4020" s="1" t="s">
        <v>14060</v>
      </c>
      <c r="F4020" s="1" t="s">
        <v>10</v>
      </c>
      <c r="G4020" s="1" t="s">
        <v>10</v>
      </c>
      <c r="H4020" s="1" t="s">
        <v>10</v>
      </c>
      <c r="I4020" s="1" t="s">
        <v>13662</v>
      </c>
      <c r="J4020" s="1" t="s">
        <v>13721</v>
      </c>
      <c r="K4020" s="1" t="s">
        <v>7</v>
      </c>
      <c r="L4020" s="1" t="s">
        <v>14057</v>
      </c>
      <c r="M4020" s="1" t="s">
        <v>5</v>
      </c>
      <c r="N4020" s="1" t="s">
        <v>25</v>
      </c>
      <c r="O4020" s="1" t="s">
        <v>38</v>
      </c>
      <c r="P4020" s="5" t="s">
        <v>10</v>
      </c>
    </row>
    <row r="4021" spans="1:16" x14ac:dyDescent="0.2">
      <c r="A4021" s="1" t="s">
        <v>329</v>
      </c>
      <c r="B4021" s="1" t="s">
        <v>340</v>
      </c>
      <c r="C4021" s="1" t="s">
        <v>14062</v>
      </c>
      <c r="D4021" s="1" t="s">
        <v>14063</v>
      </c>
      <c r="E4021" s="1" t="s">
        <v>14064</v>
      </c>
      <c r="F4021" s="1" t="s">
        <v>10</v>
      </c>
      <c r="G4021" s="1" t="s">
        <v>10</v>
      </c>
      <c r="H4021" s="1" t="s">
        <v>10</v>
      </c>
      <c r="I4021" s="1" t="s">
        <v>13662</v>
      </c>
      <c r="J4021" s="1" t="s">
        <v>19</v>
      </c>
      <c r="K4021" s="1" t="s">
        <v>7</v>
      </c>
      <c r="L4021" s="1" t="s">
        <v>14061</v>
      </c>
      <c r="M4021" s="1" t="s">
        <v>5</v>
      </c>
      <c r="N4021" s="1" t="s">
        <v>6</v>
      </c>
      <c r="O4021" s="1" t="s">
        <v>38</v>
      </c>
      <c r="P4021" s="5"/>
    </row>
    <row r="4022" spans="1:16" x14ac:dyDescent="0.2">
      <c r="A4022" s="1" t="s">
        <v>20</v>
      </c>
      <c r="B4022" s="1" t="s">
        <v>445</v>
      </c>
      <c r="C4022" s="1" t="s">
        <v>14066</v>
      </c>
      <c r="D4022" s="1" t="s">
        <v>14066</v>
      </c>
      <c r="E4022" s="1" t="s">
        <v>14067</v>
      </c>
      <c r="F4022" s="1" t="s">
        <v>10</v>
      </c>
      <c r="G4022" s="1" t="s">
        <v>10</v>
      </c>
      <c r="H4022" s="1" t="s">
        <v>10</v>
      </c>
      <c r="I4022" s="1" t="s">
        <v>13662</v>
      </c>
      <c r="J4022" s="1" t="s">
        <v>19</v>
      </c>
      <c r="K4022" s="1" t="s">
        <v>7</v>
      </c>
      <c r="L4022" s="1" t="s">
        <v>14065</v>
      </c>
      <c r="M4022" s="1" t="s">
        <v>5</v>
      </c>
      <c r="N4022" s="1" t="s">
        <v>25</v>
      </c>
      <c r="O4022" s="1" t="s">
        <v>38</v>
      </c>
      <c r="P4022" s="5" t="s">
        <v>10</v>
      </c>
    </row>
    <row r="4023" spans="1:16" x14ac:dyDescent="0.2">
      <c r="A4023" s="1" t="s">
        <v>20</v>
      </c>
      <c r="B4023" s="1" t="s">
        <v>445</v>
      </c>
      <c r="C4023" s="1" t="s">
        <v>14069</v>
      </c>
      <c r="D4023" s="1" t="s">
        <v>1160</v>
      </c>
      <c r="E4023" s="1" t="s">
        <v>14070</v>
      </c>
      <c r="F4023" s="1" t="s">
        <v>10</v>
      </c>
      <c r="G4023" s="1" t="s">
        <v>10</v>
      </c>
      <c r="H4023" s="1" t="s">
        <v>10</v>
      </c>
      <c r="I4023" s="1" t="s">
        <v>13662</v>
      </c>
      <c r="J4023" s="1" t="s">
        <v>19</v>
      </c>
      <c r="K4023" s="1" t="s">
        <v>7</v>
      </c>
      <c r="L4023" s="1" t="s">
        <v>14068</v>
      </c>
      <c r="M4023" s="1" t="s">
        <v>5</v>
      </c>
      <c r="N4023" s="1" t="s">
        <v>25</v>
      </c>
      <c r="O4023" s="1" t="s">
        <v>38</v>
      </c>
      <c r="P4023" s="5" t="s">
        <v>10</v>
      </c>
    </row>
    <row r="4024" spans="1:16" x14ac:dyDescent="0.2">
      <c r="A4024" s="1" t="s">
        <v>42</v>
      </c>
      <c r="B4024" s="1" t="s">
        <v>1890</v>
      </c>
      <c r="C4024" s="1" t="s">
        <v>14072</v>
      </c>
      <c r="D4024" s="1" t="s">
        <v>14073</v>
      </c>
      <c r="E4024" s="1" t="s">
        <v>14075</v>
      </c>
      <c r="F4024" s="1" t="s">
        <v>27</v>
      </c>
      <c r="G4024" s="1" t="s">
        <v>10</v>
      </c>
      <c r="H4024" s="1" t="s">
        <v>14076</v>
      </c>
      <c r="I4024" s="1" t="s">
        <v>13662</v>
      </c>
      <c r="J4024" s="1" t="s">
        <v>19</v>
      </c>
      <c r="K4024" s="1" t="s">
        <v>14074</v>
      </c>
      <c r="L4024" s="1" t="s">
        <v>14071</v>
      </c>
      <c r="M4024" s="1" t="s">
        <v>5</v>
      </c>
      <c r="N4024" s="1" t="s">
        <v>25</v>
      </c>
      <c r="O4024" s="1" t="s">
        <v>8</v>
      </c>
      <c r="P4024" s="5" t="s">
        <v>29846</v>
      </c>
    </row>
    <row r="4025" spans="1:16" x14ac:dyDescent="0.2">
      <c r="A4025" s="1" t="s">
        <v>66</v>
      </c>
      <c r="B4025" s="1" t="s">
        <v>498</v>
      </c>
      <c r="C4025" s="1" t="s">
        <v>14079</v>
      </c>
      <c r="D4025" s="1" t="s">
        <v>14079</v>
      </c>
      <c r="E4025" s="1" t="s">
        <v>13950</v>
      </c>
      <c r="F4025" s="1" t="s">
        <v>10</v>
      </c>
      <c r="G4025" s="1" t="s">
        <v>10</v>
      </c>
      <c r="H4025" s="1" t="s">
        <v>10</v>
      </c>
      <c r="I4025" s="1" t="s">
        <v>13662</v>
      </c>
      <c r="J4025" s="1" t="s">
        <v>13721</v>
      </c>
      <c r="K4025" s="1" t="s">
        <v>7</v>
      </c>
      <c r="L4025" s="1" t="s">
        <v>14078</v>
      </c>
      <c r="M4025" s="1" t="s">
        <v>5</v>
      </c>
      <c r="N4025" s="1" t="s">
        <v>25</v>
      </c>
      <c r="O4025" s="1" t="s">
        <v>38</v>
      </c>
      <c r="P4025" s="5" t="s">
        <v>10</v>
      </c>
    </row>
    <row r="4026" spans="1:16" x14ac:dyDescent="0.2">
      <c r="A4026" s="1" t="s">
        <v>20</v>
      </c>
      <c r="B4026" s="1" t="s">
        <v>99</v>
      </c>
      <c r="C4026" s="1" t="s">
        <v>14081</v>
      </c>
      <c r="D4026" s="1" t="s">
        <v>14082</v>
      </c>
      <c r="E4026" s="1" t="s">
        <v>14084</v>
      </c>
      <c r="F4026" s="1" t="s">
        <v>10</v>
      </c>
      <c r="G4026" s="1" t="s">
        <v>10</v>
      </c>
      <c r="H4026" s="1" t="s">
        <v>10</v>
      </c>
      <c r="I4026" s="1" t="s">
        <v>13662</v>
      </c>
      <c r="J4026" s="1" t="s">
        <v>14083</v>
      </c>
      <c r="K4026" s="1" t="s">
        <v>7</v>
      </c>
      <c r="L4026" s="1" t="s">
        <v>14080</v>
      </c>
      <c r="M4026" s="1" t="s">
        <v>5</v>
      </c>
      <c r="N4026" s="1" t="s">
        <v>25</v>
      </c>
      <c r="O4026" s="1" t="s">
        <v>38</v>
      </c>
      <c r="P4026" s="5" t="s">
        <v>30388</v>
      </c>
    </row>
    <row r="4027" spans="1:16" x14ac:dyDescent="0.2">
      <c r="A4027" s="1" t="s">
        <v>66</v>
      </c>
      <c r="B4027" s="1" t="s">
        <v>498</v>
      </c>
      <c r="C4027" s="1" t="s">
        <v>14086</v>
      </c>
      <c r="D4027" s="1" t="s">
        <v>14087</v>
      </c>
      <c r="E4027" s="1" t="s">
        <v>14088</v>
      </c>
      <c r="F4027" s="1" t="s">
        <v>10</v>
      </c>
      <c r="G4027" s="1" t="s">
        <v>10</v>
      </c>
      <c r="H4027" s="1" t="s">
        <v>10</v>
      </c>
      <c r="I4027" s="1" t="s">
        <v>13662</v>
      </c>
      <c r="J4027" s="1" t="s">
        <v>19</v>
      </c>
      <c r="K4027" s="1" t="s">
        <v>7</v>
      </c>
      <c r="L4027" s="1" t="s">
        <v>14085</v>
      </c>
      <c r="M4027" s="1" t="s">
        <v>5</v>
      </c>
      <c r="N4027" s="1" t="s">
        <v>25</v>
      </c>
      <c r="O4027" s="1" t="s">
        <v>38</v>
      </c>
      <c r="P4027" s="5" t="s">
        <v>10</v>
      </c>
    </row>
    <row r="4028" spans="1:16" x14ac:dyDescent="0.2">
      <c r="A4028" s="1" t="s">
        <v>66</v>
      </c>
      <c r="B4028" s="1" t="s">
        <v>498</v>
      </c>
      <c r="C4028" s="1" t="s">
        <v>14090</v>
      </c>
      <c r="D4028" s="1" t="s">
        <v>14091</v>
      </c>
      <c r="E4028" s="1" t="s">
        <v>14092</v>
      </c>
      <c r="F4028" s="1" t="s">
        <v>10</v>
      </c>
      <c r="G4028" s="1" t="s">
        <v>10</v>
      </c>
      <c r="H4028" s="1" t="s">
        <v>10</v>
      </c>
      <c r="I4028" s="1" t="s">
        <v>13662</v>
      </c>
      <c r="J4028" s="1" t="s">
        <v>19</v>
      </c>
      <c r="K4028" s="1" t="s">
        <v>7</v>
      </c>
      <c r="L4028" s="1" t="s">
        <v>14089</v>
      </c>
      <c r="M4028" s="1" t="s">
        <v>5</v>
      </c>
      <c r="N4028" s="1" t="s">
        <v>25</v>
      </c>
      <c r="O4028" s="1" t="s">
        <v>38</v>
      </c>
      <c r="P4028" s="5" t="s">
        <v>10</v>
      </c>
    </row>
    <row r="4029" spans="1:16" x14ac:dyDescent="0.2">
      <c r="A4029" s="1" t="s">
        <v>66</v>
      </c>
      <c r="B4029" s="1" t="s">
        <v>498</v>
      </c>
      <c r="C4029" s="1" t="s">
        <v>14094</v>
      </c>
      <c r="D4029" s="1" t="s">
        <v>14095</v>
      </c>
      <c r="E4029" s="1" t="s">
        <v>14096</v>
      </c>
      <c r="F4029" s="1" t="s">
        <v>10</v>
      </c>
      <c r="G4029" s="1" t="s">
        <v>10</v>
      </c>
      <c r="H4029" s="1" t="s">
        <v>10</v>
      </c>
      <c r="I4029" s="1" t="s">
        <v>13662</v>
      </c>
      <c r="J4029" s="1" t="s">
        <v>19</v>
      </c>
      <c r="K4029" s="1" t="s">
        <v>7</v>
      </c>
      <c r="L4029" s="1" t="s">
        <v>14093</v>
      </c>
      <c r="M4029" s="1" t="s">
        <v>5</v>
      </c>
      <c r="N4029" s="1" t="s">
        <v>25</v>
      </c>
      <c r="O4029" s="1" t="s">
        <v>38</v>
      </c>
      <c r="P4029" s="5" t="s">
        <v>114</v>
      </c>
    </row>
    <row r="4030" spans="1:16" x14ac:dyDescent="0.2">
      <c r="A4030" s="1" t="s">
        <v>66</v>
      </c>
      <c r="B4030" s="1" t="s">
        <v>498</v>
      </c>
      <c r="C4030" s="1" t="s">
        <v>14098</v>
      </c>
      <c r="D4030" s="1" t="s">
        <v>14098</v>
      </c>
      <c r="E4030" s="1" t="s">
        <v>14099</v>
      </c>
      <c r="F4030" s="1" t="s">
        <v>10</v>
      </c>
      <c r="G4030" s="1" t="s">
        <v>10</v>
      </c>
      <c r="H4030" s="1" t="s">
        <v>10</v>
      </c>
      <c r="I4030" s="1" t="s">
        <v>13662</v>
      </c>
      <c r="J4030" s="1" t="s">
        <v>19</v>
      </c>
      <c r="K4030" s="1" t="s">
        <v>1027</v>
      </c>
      <c r="L4030" s="1" t="s">
        <v>14097</v>
      </c>
      <c r="M4030" s="1" t="s">
        <v>5</v>
      </c>
      <c r="N4030" s="1" t="s">
        <v>25</v>
      </c>
      <c r="O4030" s="1" t="s">
        <v>38</v>
      </c>
      <c r="P4030" s="5" t="s">
        <v>10</v>
      </c>
    </row>
    <row r="4031" spans="1:16" x14ac:dyDescent="0.2">
      <c r="A4031" s="1" t="s">
        <v>66</v>
      </c>
      <c r="B4031" s="1" t="s">
        <v>498</v>
      </c>
      <c r="C4031" s="1" t="s">
        <v>14101</v>
      </c>
      <c r="D4031" s="1" t="s">
        <v>14102</v>
      </c>
      <c r="E4031" s="1" t="s">
        <v>14103</v>
      </c>
      <c r="F4031" s="1" t="s">
        <v>10</v>
      </c>
      <c r="G4031" s="1" t="s">
        <v>10</v>
      </c>
      <c r="H4031" s="1" t="s">
        <v>10</v>
      </c>
      <c r="I4031" s="1" t="s">
        <v>13662</v>
      </c>
      <c r="J4031" s="1" t="s">
        <v>13721</v>
      </c>
      <c r="K4031" s="1" t="s">
        <v>7</v>
      </c>
      <c r="L4031" s="1" t="s">
        <v>14100</v>
      </c>
      <c r="M4031" s="1" t="s">
        <v>5</v>
      </c>
      <c r="N4031" s="1" t="s">
        <v>25</v>
      </c>
      <c r="O4031" s="1" t="s">
        <v>38</v>
      </c>
      <c r="P4031" s="5" t="s">
        <v>10</v>
      </c>
    </row>
    <row r="4032" spans="1:16" x14ac:dyDescent="0.2">
      <c r="A4032" s="1" t="s">
        <v>42</v>
      </c>
      <c r="B4032" s="1" t="s">
        <v>109</v>
      </c>
      <c r="C4032" s="1" t="s">
        <v>14105</v>
      </c>
      <c r="D4032" s="1" t="s">
        <v>14106</v>
      </c>
      <c r="E4032" s="1" t="s">
        <v>14107</v>
      </c>
      <c r="F4032" s="1" t="s">
        <v>10</v>
      </c>
      <c r="G4032" s="1" t="s">
        <v>10</v>
      </c>
      <c r="H4032" s="1" t="s">
        <v>10</v>
      </c>
      <c r="I4032" s="1" t="s">
        <v>13662</v>
      </c>
      <c r="J4032" s="1" t="s">
        <v>13721</v>
      </c>
      <c r="K4032" s="1" t="s">
        <v>37</v>
      </c>
      <c r="L4032" s="1" t="s">
        <v>14104</v>
      </c>
      <c r="M4032" s="1" t="s">
        <v>5</v>
      </c>
      <c r="N4032" s="1" t="s">
        <v>25</v>
      </c>
      <c r="O4032" s="1" t="s">
        <v>38</v>
      </c>
      <c r="P4032" s="5" t="s">
        <v>10</v>
      </c>
    </row>
    <row r="4033" spans="1:16" x14ac:dyDescent="0.2">
      <c r="A4033" s="1" t="s">
        <v>42</v>
      </c>
      <c r="B4033" s="1" t="s">
        <v>109</v>
      </c>
      <c r="C4033" s="1" t="s">
        <v>14109</v>
      </c>
      <c r="D4033" s="1" t="s">
        <v>14110</v>
      </c>
      <c r="E4033" s="1" t="s">
        <v>14111</v>
      </c>
      <c r="F4033" s="1" t="s">
        <v>10</v>
      </c>
      <c r="G4033" s="1" t="s">
        <v>10</v>
      </c>
      <c r="H4033" s="1" t="s">
        <v>10</v>
      </c>
      <c r="I4033" s="1" t="s">
        <v>13662</v>
      </c>
      <c r="J4033" s="1" t="s">
        <v>13721</v>
      </c>
      <c r="K4033" s="1" t="s">
        <v>37</v>
      </c>
      <c r="L4033" s="1" t="s">
        <v>14108</v>
      </c>
      <c r="M4033" s="1" t="s">
        <v>5</v>
      </c>
      <c r="N4033" s="1" t="s">
        <v>25</v>
      </c>
      <c r="O4033" s="1" t="s">
        <v>38</v>
      </c>
      <c r="P4033" s="5" t="s">
        <v>10</v>
      </c>
    </row>
    <row r="4034" spans="1:16" x14ac:dyDescent="0.2">
      <c r="A4034" s="1" t="s">
        <v>1086</v>
      </c>
      <c r="B4034" s="1" t="s">
        <v>1400</v>
      </c>
      <c r="C4034" s="1" t="s">
        <v>14113</v>
      </c>
      <c r="D4034" s="1" t="s">
        <v>14113</v>
      </c>
      <c r="E4034" s="1"/>
      <c r="F4034" s="1" t="s">
        <v>10</v>
      </c>
      <c r="G4034" s="1" t="s">
        <v>10</v>
      </c>
      <c r="H4034" s="1" t="s">
        <v>10</v>
      </c>
      <c r="I4034" s="1" t="s">
        <v>13662</v>
      </c>
      <c r="J4034" s="1" t="s">
        <v>19</v>
      </c>
      <c r="K4034" s="1" t="s">
        <v>7</v>
      </c>
      <c r="L4034" s="1" t="s">
        <v>14112</v>
      </c>
      <c r="M4034" s="1" t="s">
        <v>5</v>
      </c>
      <c r="N4034" s="1" t="s">
        <v>25</v>
      </c>
      <c r="O4034" s="1" t="s">
        <v>38</v>
      </c>
      <c r="P4034" s="5"/>
    </row>
    <row r="4035" spans="1:16" x14ac:dyDescent="0.2">
      <c r="A4035" s="1" t="s">
        <v>20</v>
      </c>
      <c r="B4035" s="1" t="s">
        <v>21</v>
      </c>
      <c r="C4035" s="1" t="s">
        <v>14115</v>
      </c>
      <c r="D4035" s="1" t="s">
        <v>14115</v>
      </c>
      <c r="E4035" s="1" t="s">
        <v>14117</v>
      </c>
      <c r="F4035" s="1" t="s">
        <v>14116</v>
      </c>
      <c r="G4035" s="1" t="s">
        <v>14118</v>
      </c>
      <c r="H4035" s="1" t="s">
        <v>10</v>
      </c>
      <c r="I4035" s="1" t="s">
        <v>13662</v>
      </c>
      <c r="J4035" s="1" t="s">
        <v>19</v>
      </c>
      <c r="K4035" s="1" t="s">
        <v>64</v>
      </c>
      <c r="L4035" s="1" t="s">
        <v>14114</v>
      </c>
      <c r="M4035" s="1" t="s">
        <v>5</v>
      </c>
      <c r="N4035" s="1" t="s">
        <v>25</v>
      </c>
      <c r="O4035" s="1" t="s">
        <v>8</v>
      </c>
      <c r="P4035" s="5"/>
    </row>
    <row r="4036" spans="1:16" x14ac:dyDescent="0.2">
      <c r="A4036" s="1" t="s">
        <v>66</v>
      </c>
      <c r="B4036" s="1" t="s">
        <v>1117</v>
      </c>
      <c r="C4036" s="1" t="s">
        <v>14120</v>
      </c>
      <c r="D4036" s="1" t="s">
        <v>14121</v>
      </c>
      <c r="E4036" s="1" t="s">
        <v>14122</v>
      </c>
      <c r="F4036" s="1" t="s">
        <v>10</v>
      </c>
      <c r="G4036" s="1" t="s">
        <v>10</v>
      </c>
      <c r="H4036" s="1" t="s">
        <v>10</v>
      </c>
      <c r="I4036" s="1" t="s">
        <v>13662</v>
      </c>
      <c r="J4036" s="1" t="s">
        <v>19</v>
      </c>
      <c r="K4036" s="1" t="s">
        <v>7</v>
      </c>
      <c r="L4036" s="1" t="s">
        <v>14119</v>
      </c>
      <c r="M4036" s="1" t="s">
        <v>5</v>
      </c>
      <c r="N4036" s="1" t="s">
        <v>6</v>
      </c>
      <c r="O4036" s="1" t="s">
        <v>38</v>
      </c>
      <c r="P4036" s="5"/>
    </row>
    <row r="4037" spans="1:16" x14ac:dyDescent="0.2">
      <c r="A4037" s="1" t="s">
        <v>20</v>
      </c>
      <c r="B4037" s="1" t="s">
        <v>132</v>
      </c>
      <c r="C4037" s="1" t="s">
        <v>14124</v>
      </c>
      <c r="D4037" s="1" t="s">
        <v>14125</v>
      </c>
      <c r="E4037" s="1" t="s">
        <v>14126</v>
      </c>
      <c r="F4037" s="1" t="s">
        <v>10</v>
      </c>
      <c r="G4037" s="1" t="s">
        <v>10</v>
      </c>
      <c r="H4037" s="1" t="s">
        <v>10</v>
      </c>
      <c r="I4037" s="1" t="s">
        <v>13662</v>
      </c>
      <c r="J4037" s="1" t="s">
        <v>19</v>
      </c>
      <c r="K4037" s="1" t="s">
        <v>64</v>
      </c>
      <c r="L4037" s="1" t="s">
        <v>14123</v>
      </c>
      <c r="M4037" s="1" t="s">
        <v>5</v>
      </c>
      <c r="N4037" s="1" t="s">
        <v>25</v>
      </c>
      <c r="O4037" s="1" t="s">
        <v>38</v>
      </c>
      <c r="P4037" s="5" t="s">
        <v>29821</v>
      </c>
    </row>
    <row r="4038" spans="1:16" x14ac:dyDescent="0.2">
      <c r="A4038" s="1" t="s">
        <v>66</v>
      </c>
      <c r="B4038" s="1" t="s">
        <v>4741</v>
      </c>
      <c r="C4038" s="1" t="s">
        <v>14128</v>
      </c>
      <c r="D4038" s="1" t="s">
        <v>14128</v>
      </c>
      <c r="E4038" s="1" t="s">
        <v>14129</v>
      </c>
      <c r="F4038" s="1" t="s">
        <v>10</v>
      </c>
      <c r="G4038" s="1" t="s">
        <v>10</v>
      </c>
      <c r="H4038" s="1" t="s">
        <v>10</v>
      </c>
      <c r="I4038" s="1" t="s">
        <v>13662</v>
      </c>
      <c r="J4038" s="1" t="s">
        <v>19</v>
      </c>
      <c r="K4038" s="1" t="s">
        <v>7</v>
      </c>
      <c r="L4038" s="1" t="s">
        <v>14127</v>
      </c>
      <c r="M4038" s="1" t="s">
        <v>5</v>
      </c>
      <c r="N4038" s="1" t="s">
        <v>25</v>
      </c>
      <c r="O4038" s="1" t="s">
        <v>38</v>
      </c>
      <c r="P4038" s="5" t="s">
        <v>10</v>
      </c>
    </row>
    <row r="4039" spans="1:16" x14ac:dyDescent="0.2">
      <c r="A4039" s="1" t="s">
        <v>20</v>
      </c>
      <c r="B4039" s="1" t="s">
        <v>253</v>
      </c>
      <c r="C4039" s="1" t="s">
        <v>14131</v>
      </c>
      <c r="D4039" s="1" t="s">
        <v>14132</v>
      </c>
      <c r="E4039" s="1" t="s">
        <v>14133</v>
      </c>
      <c r="F4039" s="1" t="s">
        <v>10</v>
      </c>
      <c r="G4039" s="1" t="s">
        <v>10</v>
      </c>
      <c r="H4039" s="1" t="s">
        <v>10</v>
      </c>
      <c r="I4039" s="1" t="s">
        <v>13662</v>
      </c>
      <c r="J4039" s="1" t="s">
        <v>19</v>
      </c>
      <c r="K4039" s="1" t="s">
        <v>7</v>
      </c>
      <c r="L4039" s="1" t="s">
        <v>14130</v>
      </c>
      <c r="M4039" s="1" t="s">
        <v>5</v>
      </c>
      <c r="N4039" s="1" t="s">
        <v>25</v>
      </c>
      <c r="O4039" s="1" t="s">
        <v>38</v>
      </c>
      <c r="P4039" s="5"/>
    </row>
    <row r="4040" spans="1:16" x14ac:dyDescent="0.2">
      <c r="A4040" s="1" t="s">
        <v>20</v>
      </c>
      <c r="B4040" s="1" t="s">
        <v>99</v>
      </c>
      <c r="C4040" s="1" t="s">
        <v>14135</v>
      </c>
      <c r="D4040" s="1" t="s">
        <v>14136</v>
      </c>
      <c r="E4040" s="1" t="s">
        <v>14137</v>
      </c>
      <c r="F4040" s="1" t="s">
        <v>10</v>
      </c>
      <c r="G4040" s="1" t="s">
        <v>10</v>
      </c>
      <c r="H4040" s="1" t="s">
        <v>10</v>
      </c>
      <c r="I4040" s="1" t="s">
        <v>13662</v>
      </c>
      <c r="J4040" s="1" t="s">
        <v>13721</v>
      </c>
      <c r="K4040" s="1" t="s">
        <v>7</v>
      </c>
      <c r="L4040" s="1" t="s">
        <v>14134</v>
      </c>
      <c r="M4040" s="1" t="s">
        <v>5</v>
      </c>
      <c r="N4040" s="1" t="s">
        <v>1695</v>
      </c>
      <c r="O4040" s="1" t="s">
        <v>38</v>
      </c>
      <c r="P4040" s="5"/>
    </row>
    <row r="4041" spans="1:16" x14ac:dyDescent="0.2">
      <c r="A4041" s="1" t="s">
        <v>66</v>
      </c>
      <c r="B4041" s="1" t="s">
        <v>498</v>
      </c>
      <c r="C4041" s="1" t="s">
        <v>14139</v>
      </c>
      <c r="D4041" s="1" t="s">
        <v>14140</v>
      </c>
      <c r="E4041" s="1" t="s">
        <v>14141</v>
      </c>
      <c r="F4041" s="1" t="s">
        <v>10</v>
      </c>
      <c r="G4041" s="1" t="s">
        <v>10</v>
      </c>
      <c r="H4041" s="1" t="s">
        <v>10</v>
      </c>
      <c r="I4041" s="1" t="s">
        <v>13662</v>
      </c>
      <c r="J4041" s="1" t="s">
        <v>19</v>
      </c>
      <c r="K4041" s="1" t="s">
        <v>7</v>
      </c>
      <c r="L4041" s="1" t="s">
        <v>14138</v>
      </c>
      <c r="M4041" s="1" t="s">
        <v>5</v>
      </c>
      <c r="N4041" s="1" t="s">
        <v>25</v>
      </c>
      <c r="O4041" s="1" t="s">
        <v>38</v>
      </c>
      <c r="P4041" s="5"/>
    </row>
    <row r="4042" spans="1:16" x14ac:dyDescent="0.2">
      <c r="A4042" s="1" t="s">
        <v>20</v>
      </c>
      <c r="B4042" s="1" t="s">
        <v>309</v>
      </c>
      <c r="C4042" s="1" t="s">
        <v>14143</v>
      </c>
      <c r="D4042" s="1" t="s">
        <v>14143</v>
      </c>
      <c r="E4042" s="1" t="s">
        <v>14144</v>
      </c>
      <c r="F4042" s="1" t="s">
        <v>105</v>
      </c>
      <c r="G4042" s="1" t="s">
        <v>10</v>
      </c>
      <c r="H4042" s="1" t="s">
        <v>14145</v>
      </c>
      <c r="I4042" s="1" t="s">
        <v>13662</v>
      </c>
      <c r="J4042" s="1" t="s">
        <v>19</v>
      </c>
      <c r="K4042" s="1" t="s">
        <v>7</v>
      </c>
      <c r="L4042" s="1" t="s">
        <v>14142</v>
      </c>
      <c r="M4042" s="1" t="s">
        <v>5</v>
      </c>
      <c r="N4042" s="1" t="s">
        <v>25</v>
      </c>
      <c r="O4042" s="1" t="s">
        <v>8</v>
      </c>
      <c r="P4042" s="5" t="s">
        <v>31672</v>
      </c>
    </row>
    <row r="4043" spans="1:16" x14ac:dyDescent="0.2">
      <c r="A4043" s="1" t="s">
        <v>42</v>
      </c>
      <c r="B4043" s="1" t="s">
        <v>1890</v>
      </c>
      <c r="C4043" s="1" t="s">
        <v>14147</v>
      </c>
      <c r="D4043" s="1" t="s">
        <v>14148</v>
      </c>
      <c r="E4043" s="1"/>
      <c r="F4043" s="1" t="s">
        <v>27</v>
      </c>
      <c r="G4043" s="1" t="s">
        <v>10</v>
      </c>
      <c r="H4043" s="1" t="s">
        <v>14076</v>
      </c>
      <c r="I4043" s="1" t="s">
        <v>13662</v>
      </c>
      <c r="J4043" s="1" t="s">
        <v>19</v>
      </c>
      <c r="K4043" s="1" t="s">
        <v>37</v>
      </c>
      <c r="L4043" s="1" t="s">
        <v>14146</v>
      </c>
      <c r="M4043" s="1" t="s">
        <v>5</v>
      </c>
      <c r="N4043" s="1" t="s">
        <v>6</v>
      </c>
      <c r="O4043" s="1" t="s">
        <v>8</v>
      </c>
      <c r="P4043" s="5"/>
    </row>
    <row r="4044" spans="1:16" x14ac:dyDescent="0.2">
      <c r="A4044" s="1" t="s">
        <v>42</v>
      </c>
      <c r="B4044" s="1" t="s">
        <v>1890</v>
      </c>
      <c r="C4044" s="1" t="s">
        <v>14150</v>
      </c>
      <c r="D4044" s="1" t="s">
        <v>14151</v>
      </c>
      <c r="E4044" s="1" t="s">
        <v>14152</v>
      </c>
      <c r="F4044" s="1" t="s">
        <v>27</v>
      </c>
      <c r="G4044" s="1" t="s">
        <v>10</v>
      </c>
      <c r="H4044" s="1" t="s">
        <v>14076</v>
      </c>
      <c r="I4044" s="1" t="s">
        <v>13662</v>
      </c>
      <c r="J4044" s="1" t="s">
        <v>19</v>
      </c>
      <c r="K4044" s="1" t="s">
        <v>37</v>
      </c>
      <c r="L4044" s="1" t="s">
        <v>14149</v>
      </c>
      <c r="M4044" s="1" t="s">
        <v>5</v>
      </c>
      <c r="N4044" s="1" t="s">
        <v>25</v>
      </c>
      <c r="O4044" s="1" t="s">
        <v>8</v>
      </c>
      <c r="P4044" s="5"/>
    </row>
    <row r="4045" spans="1:16" x14ac:dyDescent="0.2">
      <c r="A4045" s="1" t="s">
        <v>42</v>
      </c>
      <c r="B4045" s="1" t="s">
        <v>1890</v>
      </c>
      <c r="C4045" s="1" t="s">
        <v>14154</v>
      </c>
      <c r="D4045" s="1" t="s">
        <v>14155</v>
      </c>
      <c r="E4045" s="1"/>
      <c r="F4045" s="1" t="s">
        <v>27</v>
      </c>
      <c r="G4045" s="1" t="s">
        <v>10</v>
      </c>
      <c r="H4045" s="1" t="s">
        <v>14076</v>
      </c>
      <c r="I4045" s="1" t="s">
        <v>13662</v>
      </c>
      <c r="J4045" s="1" t="s">
        <v>19</v>
      </c>
      <c r="K4045" s="1" t="s">
        <v>14074</v>
      </c>
      <c r="L4045" s="1" t="s">
        <v>14153</v>
      </c>
      <c r="M4045" s="1" t="s">
        <v>5</v>
      </c>
      <c r="N4045" s="1" t="s">
        <v>6</v>
      </c>
      <c r="O4045" s="1" t="s">
        <v>8</v>
      </c>
      <c r="P4045" s="5" t="s">
        <v>29846</v>
      </c>
    </row>
    <row r="4046" spans="1:16" ht="63.75" x14ac:dyDescent="0.2">
      <c r="A4046" s="1" t="s">
        <v>20</v>
      </c>
      <c r="B4046" s="1" t="s">
        <v>99</v>
      </c>
      <c r="C4046" s="1" t="s">
        <v>14157</v>
      </c>
      <c r="D4046" s="1" t="s">
        <v>14158</v>
      </c>
      <c r="E4046" s="1" t="s">
        <v>14159</v>
      </c>
      <c r="F4046" s="1" t="s">
        <v>10</v>
      </c>
      <c r="G4046" s="1" t="s">
        <v>10</v>
      </c>
      <c r="H4046" s="1" t="s">
        <v>10</v>
      </c>
      <c r="I4046" s="1" t="s">
        <v>13662</v>
      </c>
      <c r="J4046" s="1" t="s">
        <v>13721</v>
      </c>
      <c r="K4046" s="1" t="s">
        <v>7</v>
      </c>
      <c r="L4046" s="1" t="s">
        <v>14156</v>
      </c>
      <c r="M4046" s="1" t="s">
        <v>5</v>
      </c>
      <c r="N4046" s="1" t="s">
        <v>25</v>
      </c>
      <c r="O4046" s="1" t="s">
        <v>38</v>
      </c>
      <c r="P4046" s="9" t="s">
        <v>30395</v>
      </c>
    </row>
    <row r="4047" spans="1:16" x14ac:dyDescent="0.2">
      <c r="A4047" s="1" t="s">
        <v>66</v>
      </c>
      <c r="B4047" s="1" t="s">
        <v>276</v>
      </c>
      <c r="C4047" s="1" t="s">
        <v>7061</v>
      </c>
      <c r="D4047" s="1" t="s">
        <v>7061</v>
      </c>
      <c r="E4047" s="1" t="s">
        <v>14161</v>
      </c>
      <c r="F4047" s="1" t="s">
        <v>27</v>
      </c>
      <c r="G4047" s="1" t="s">
        <v>10</v>
      </c>
      <c r="H4047" s="1" t="s">
        <v>14162</v>
      </c>
      <c r="I4047" s="1" t="s">
        <v>13662</v>
      </c>
      <c r="J4047" s="1" t="s">
        <v>19</v>
      </c>
      <c r="K4047" s="1" t="s">
        <v>7</v>
      </c>
      <c r="L4047" s="1" t="s">
        <v>14160</v>
      </c>
      <c r="M4047" s="1" t="s">
        <v>5</v>
      </c>
      <c r="N4047" s="1" t="s">
        <v>25</v>
      </c>
      <c r="O4047" s="1" t="s">
        <v>8</v>
      </c>
      <c r="P4047" s="5" t="s">
        <v>32778</v>
      </c>
    </row>
    <row r="4048" spans="1:16" x14ac:dyDescent="0.2">
      <c r="A4048" s="1" t="s">
        <v>1086</v>
      </c>
      <c r="B4048" s="1" t="s">
        <v>11891</v>
      </c>
      <c r="C4048" s="1" t="s">
        <v>14164</v>
      </c>
      <c r="D4048" s="1" t="s">
        <v>14165</v>
      </c>
      <c r="E4048" s="1" t="s">
        <v>14166</v>
      </c>
      <c r="F4048" s="1" t="s">
        <v>10</v>
      </c>
      <c r="G4048" s="1" t="s">
        <v>10</v>
      </c>
      <c r="H4048" s="1" t="s">
        <v>10</v>
      </c>
      <c r="I4048" s="1" t="s">
        <v>13662</v>
      </c>
      <c r="J4048" s="1" t="s">
        <v>13721</v>
      </c>
      <c r="K4048" s="1" t="s">
        <v>7</v>
      </c>
      <c r="L4048" s="1" t="s">
        <v>14163</v>
      </c>
      <c r="M4048" s="1" t="s">
        <v>5</v>
      </c>
      <c r="N4048" s="1" t="s">
        <v>6</v>
      </c>
      <c r="O4048" s="1" t="s">
        <v>38</v>
      </c>
      <c r="P4048" s="5"/>
    </row>
    <row r="4049" spans="1:16" x14ac:dyDescent="0.2">
      <c r="A4049" s="1" t="s">
        <v>20</v>
      </c>
      <c r="B4049" s="1" t="s">
        <v>132</v>
      </c>
      <c r="C4049" s="1" t="s">
        <v>14168</v>
      </c>
      <c r="D4049" s="1" t="s">
        <v>14169</v>
      </c>
      <c r="E4049" s="1" t="s">
        <v>14170</v>
      </c>
      <c r="F4049" s="1" t="s">
        <v>10</v>
      </c>
      <c r="G4049" s="1" t="s">
        <v>10</v>
      </c>
      <c r="H4049" s="1" t="s">
        <v>10</v>
      </c>
      <c r="I4049" s="1" t="s">
        <v>13662</v>
      </c>
      <c r="J4049" s="1" t="s">
        <v>19</v>
      </c>
      <c r="K4049" s="1" t="s">
        <v>7</v>
      </c>
      <c r="L4049" s="1" t="s">
        <v>14167</v>
      </c>
      <c r="M4049" s="1" t="s">
        <v>5</v>
      </c>
      <c r="N4049" s="1" t="s">
        <v>25</v>
      </c>
      <c r="O4049" s="1" t="s">
        <v>38</v>
      </c>
      <c r="P4049" s="5"/>
    </row>
    <row r="4050" spans="1:16" x14ac:dyDescent="0.2">
      <c r="A4050" s="1" t="s">
        <v>66</v>
      </c>
      <c r="B4050" s="1" t="s">
        <v>1127</v>
      </c>
      <c r="C4050" s="1" t="s">
        <v>14172</v>
      </c>
      <c r="D4050" s="1" t="s">
        <v>14087</v>
      </c>
      <c r="E4050" s="1" t="s">
        <v>14173</v>
      </c>
      <c r="F4050" s="1" t="s">
        <v>27</v>
      </c>
      <c r="G4050" s="1" t="s">
        <v>10</v>
      </c>
      <c r="H4050" s="1" t="s">
        <v>10</v>
      </c>
      <c r="I4050" s="1" t="s">
        <v>13662</v>
      </c>
      <c r="J4050" s="1" t="s">
        <v>19</v>
      </c>
      <c r="K4050" s="1" t="s">
        <v>7</v>
      </c>
      <c r="L4050" s="1" t="s">
        <v>14171</v>
      </c>
      <c r="M4050" s="1" t="s">
        <v>5</v>
      </c>
      <c r="N4050" s="1" t="s">
        <v>25</v>
      </c>
      <c r="O4050" s="1" t="s">
        <v>8</v>
      </c>
      <c r="P4050" s="5"/>
    </row>
    <row r="4051" spans="1:16" x14ac:dyDescent="0.2">
      <c r="A4051" s="1" t="s">
        <v>66</v>
      </c>
      <c r="B4051" s="1" t="s">
        <v>1812</v>
      </c>
      <c r="C4051" s="1" t="s">
        <v>14175</v>
      </c>
      <c r="D4051" s="1" t="s">
        <v>14176</v>
      </c>
      <c r="E4051" s="1" t="s">
        <v>14177</v>
      </c>
      <c r="F4051" s="1" t="s">
        <v>10</v>
      </c>
      <c r="G4051" s="1" t="s">
        <v>10</v>
      </c>
      <c r="H4051" s="1" t="s">
        <v>10</v>
      </c>
      <c r="I4051" s="1" t="s">
        <v>13662</v>
      </c>
      <c r="J4051" s="1" t="s">
        <v>19</v>
      </c>
      <c r="K4051" s="1" t="s">
        <v>7</v>
      </c>
      <c r="L4051" s="1" t="s">
        <v>14174</v>
      </c>
      <c r="M4051" s="1" t="s">
        <v>5</v>
      </c>
      <c r="N4051" s="1" t="s">
        <v>6</v>
      </c>
      <c r="O4051" s="1" t="s">
        <v>38</v>
      </c>
      <c r="P4051" s="5"/>
    </row>
    <row r="4052" spans="1:16" x14ac:dyDescent="0.2">
      <c r="A4052" s="1" t="s">
        <v>329</v>
      </c>
      <c r="B4052" s="1" t="s">
        <v>1168</v>
      </c>
      <c r="C4052" s="1" t="s">
        <v>14179</v>
      </c>
      <c r="D4052" s="1" t="s">
        <v>14180</v>
      </c>
      <c r="E4052" s="1" t="s">
        <v>14181</v>
      </c>
      <c r="F4052" s="1" t="s">
        <v>10</v>
      </c>
      <c r="G4052" s="1" t="s">
        <v>10</v>
      </c>
      <c r="H4052" s="1" t="s">
        <v>10</v>
      </c>
      <c r="I4052" s="1" t="s">
        <v>13662</v>
      </c>
      <c r="J4052" s="1" t="s">
        <v>19</v>
      </c>
      <c r="K4052" s="1" t="s">
        <v>7</v>
      </c>
      <c r="L4052" s="1" t="s">
        <v>14178</v>
      </c>
      <c r="M4052" s="1" t="s">
        <v>5</v>
      </c>
      <c r="N4052" s="1" t="s">
        <v>25</v>
      </c>
      <c r="O4052" s="1" t="s">
        <v>38</v>
      </c>
      <c r="P4052" s="5"/>
    </row>
    <row r="4053" spans="1:16" x14ac:dyDescent="0.2">
      <c r="A4053" s="1" t="s">
        <v>329</v>
      </c>
      <c r="B4053" s="1" t="s">
        <v>340</v>
      </c>
      <c r="C4053" s="1" t="s">
        <v>14183</v>
      </c>
      <c r="D4053" s="1" t="s">
        <v>14183</v>
      </c>
      <c r="E4053" s="1" t="s">
        <v>14184</v>
      </c>
      <c r="F4053" s="1" t="s">
        <v>10</v>
      </c>
      <c r="G4053" s="1" t="s">
        <v>10</v>
      </c>
      <c r="H4053" s="1" t="s">
        <v>10</v>
      </c>
      <c r="I4053" s="1" t="s">
        <v>13662</v>
      </c>
      <c r="J4053" s="1" t="s">
        <v>19</v>
      </c>
      <c r="K4053" s="1" t="s">
        <v>7</v>
      </c>
      <c r="L4053" s="1" t="s">
        <v>14182</v>
      </c>
      <c r="M4053" s="1" t="s">
        <v>5</v>
      </c>
      <c r="N4053" s="1" t="s">
        <v>25</v>
      </c>
      <c r="O4053" s="1" t="s">
        <v>38</v>
      </c>
      <c r="P4053" s="5"/>
    </row>
    <row r="4054" spans="1:16" x14ac:dyDescent="0.2">
      <c r="A4054" s="1" t="s">
        <v>66</v>
      </c>
      <c r="B4054" s="1" t="s">
        <v>498</v>
      </c>
      <c r="C4054" s="1" t="s">
        <v>14186</v>
      </c>
      <c r="D4054" s="1" t="s">
        <v>14187</v>
      </c>
      <c r="E4054" s="1" t="s">
        <v>14188</v>
      </c>
      <c r="F4054" s="1" t="s">
        <v>10</v>
      </c>
      <c r="G4054" s="1" t="s">
        <v>10</v>
      </c>
      <c r="H4054" s="1" t="s">
        <v>10</v>
      </c>
      <c r="I4054" s="1" t="s">
        <v>13662</v>
      </c>
      <c r="J4054" s="1" t="s">
        <v>19</v>
      </c>
      <c r="K4054" s="1" t="s">
        <v>7</v>
      </c>
      <c r="L4054" s="1" t="s">
        <v>14185</v>
      </c>
      <c r="M4054" s="1" t="s">
        <v>5</v>
      </c>
      <c r="N4054" s="1" t="s">
        <v>25</v>
      </c>
      <c r="O4054" s="1" t="s">
        <v>38</v>
      </c>
      <c r="P4054" s="5"/>
    </row>
    <row r="4055" spans="1:16" x14ac:dyDescent="0.2">
      <c r="A4055" s="1" t="s">
        <v>329</v>
      </c>
      <c r="B4055" s="1" t="s">
        <v>691</v>
      </c>
      <c r="C4055" s="1" t="s">
        <v>14190</v>
      </c>
      <c r="D4055" s="1" t="s">
        <v>14190</v>
      </c>
      <c r="E4055" s="1" t="s">
        <v>14191</v>
      </c>
      <c r="F4055" s="1" t="s">
        <v>10</v>
      </c>
      <c r="G4055" s="1" t="s">
        <v>10</v>
      </c>
      <c r="H4055" s="1" t="s">
        <v>10</v>
      </c>
      <c r="I4055" s="1" t="s">
        <v>13662</v>
      </c>
      <c r="J4055" s="1" t="s">
        <v>19</v>
      </c>
      <c r="K4055" s="1" t="s">
        <v>7</v>
      </c>
      <c r="L4055" s="1" t="s">
        <v>14189</v>
      </c>
      <c r="M4055" s="1" t="s">
        <v>5</v>
      </c>
      <c r="N4055" s="1" t="s">
        <v>25</v>
      </c>
      <c r="O4055" s="1" t="s">
        <v>38</v>
      </c>
      <c r="P4055" s="5"/>
    </row>
    <row r="4056" spans="1:16" x14ac:dyDescent="0.2">
      <c r="A4056" s="1" t="s">
        <v>66</v>
      </c>
      <c r="B4056" s="1" t="s">
        <v>1812</v>
      </c>
      <c r="C4056" s="1" t="s">
        <v>14193</v>
      </c>
      <c r="D4056" s="1" t="s">
        <v>10893</v>
      </c>
      <c r="E4056" s="1" t="s">
        <v>14194</v>
      </c>
      <c r="F4056" s="1" t="s">
        <v>10</v>
      </c>
      <c r="G4056" s="1" t="s">
        <v>10</v>
      </c>
      <c r="H4056" s="1" t="s">
        <v>10</v>
      </c>
      <c r="I4056" s="1" t="s">
        <v>13662</v>
      </c>
      <c r="J4056" s="1" t="s">
        <v>19</v>
      </c>
      <c r="K4056" s="1" t="s">
        <v>7</v>
      </c>
      <c r="L4056" s="1" t="s">
        <v>14192</v>
      </c>
      <c r="M4056" s="1" t="s">
        <v>5</v>
      </c>
      <c r="N4056" s="1" t="s">
        <v>25</v>
      </c>
      <c r="O4056" s="1" t="s">
        <v>38</v>
      </c>
      <c r="P4056" s="5"/>
    </row>
    <row r="4057" spans="1:16" x14ac:dyDescent="0.2">
      <c r="A4057" s="1" t="s">
        <v>20</v>
      </c>
      <c r="B4057" s="1" t="s">
        <v>445</v>
      </c>
      <c r="C4057" s="1" t="s">
        <v>14196</v>
      </c>
      <c r="D4057" s="1" t="s">
        <v>14197</v>
      </c>
      <c r="E4057" s="1" t="s">
        <v>14198</v>
      </c>
      <c r="F4057" s="1" t="s">
        <v>10</v>
      </c>
      <c r="G4057" s="1" t="s">
        <v>10</v>
      </c>
      <c r="H4057" s="1" t="s">
        <v>10</v>
      </c>
      <c r="I4057" s="1" t="s">
        <v>13662</v>
      </c>
      <c r="J4057" s="1" t="s">
        <v>13721</v>
      </c>
      <c r="K4057" s="1" t="s">
        <v>7</v>
      </c>
      <c r="L4057" s="1" t="s">
        <v>14195</v>
      </c>
      <c r="M4057" s="1" t="s">
        <v>5</v>
      </c>
      <c r="N4057" s="1" t="s">
        <v>25</v>
      </c>
      <c r="O4057" s="1" t="s">
        <v>38</v>
      </c>
      <c r="P4057" s="5"/>
    </row>
    <row r="4058" spans="1:16" x14ac:dyDescent="0.2">
      <c r="A4058" s="1" t="s">
        <v>20</v>
      </c>
      <c r="B4058" s="1" t="s">
        <v>445</v>
      </c>
      <c r="C4058" s="1" t="s">
        <v>14200</v>
      </c>
      <c r="D4058" s="1" t="s">
        <v>14201</v>
      </c>
      <c r="E4058" s="1" t="s">
        <v>14202</v>
      </c>
      <c r="F4058" s="1" t="s">
        <v>10</v>
      </c>
      <c r="G4058" s="1" t="s">
        <v>10</v>
      </c>
      <c r="H4058" s="1" t="s">
        <v>10</v>
      </c>
      <c r="I4058" s="1" t="s">
        <v>13662</v>
      </c>
      <c r="J4058" s="1" t="s">
        <v>13721</v>
      </c>
      <c r="K4058" s="1" t="s">
        <v>7</v>
      </c>
      <c r="L4058" s="1" t="s">
        <v>14199</v>
      </c>
      <c r="M4058" s="1" t="s">
        <v>5</v>
      </c>
      <c r="N4058" s="1" t="s">
        <v>25</v>
      </c>
      <c r="O4058" s="1" t="s">
        <v>38</v>
      </c>
      <c r="P4058" s="5"/>
    </row>
    <row r="4059" spans="1:16" x14ac:dyDescent="0.2">
      <c r="A4059" s="1" t="s">
        <v>20</v>
      </c>
      <c r="B4059" s="1" t="s">
        <v>253</v>
      </c>
      <c r="C4059" s="1" t="s">
        <v>14204</v>
      </c>
      <c r="D4059" s="1" t="s">
        <v>14205</v>
      </c>
      <c r="E4059" s="1" t="s">
        <v>14206</v>
      </c>
      <c r="F4059" s="1" t="s">
        <v>10</v>
      </c>
      <c r="G4059" s="1" t="s">
        <v>10</v>
      </c>
      <c r="H4059" s="1" t="s">
        <v>10</v>
      </c>
      <c r="I4059" s="1" t="s">
        <v>13662</v>
      </c>
      <c r="J4059" s="1" t="s">
        <v>13721</v>
      </c>
      <c r="K4059" s="1" t="s">
        <v>7</v>
      </c>
      <c r="L4059" s="1" t="s">
        <v>14203</v>
      </c>
      <c r="M4059" s="1" t="s">
        <v>5</v>
      </c>
      <c r="N4059" s="1" t="s">
        <v>25</v>
      </c>
      <c r="O4059" s="1" t="s">
        <v>38</v>
      </c>
      <c r="P4059" s="5" t="s">
        <v>30388</v>
      </c>
    </row>
    <row r="4060" spans="1:16" x14ac:dyDescent="0.2">
      <c r="A4060" s="1" t="s">
        <v>329</v>
      </c>
      <c r="B4060" s="1" t="s">
        <v>596</v>
      </c>
      <c r="C4060" s="1" t="s">
        <v>14208</v>
      </c>
      <c r="D4060" s="1" t="s">
        <v>14209</v>
      </c>
      <c r="E4060" s="1" t="s">
        <v>14210</v>
      </c>
      <c r="F4060" s="1" t="s">
        <v>10</v>
      </c>
      <c r="G4060" s="1" t="s">
        <v>10</v>
      </c>
      <c r="H4060" s="1" t="s">
        <v>10</v>
      </c>
      <c r="I4060" s="1" t="s">
        <v>13662</v>
      </c>
      <c r="J4060" s="1" t="s">
        <v>19</v>
      </c>
      <c r="K4060" s="1" t="s">
        <v>7</v>
      </c>
      <c r="L4060" s="1" t="s">
        <v>14207</v>
      </c>
      <c r="M4060" s="1" t="s">
        <v>5</v>
      </c>
      <c r="N4060" s="1" t="s">
        <v>25</v>
      </c>
      <c r="O4060" s="1" t="s">
        <v>38</v>
      </c>
      <c r="P4060" s="5"/>
    </row>
    <row r="4061" spans="1:16" x14ac:dyDescent="0.2">
      <c r="A4061" s="1" t="s">
        <v>66</v>
      </c>
      <c r="B4061" s="1" t="s">
        <v>276</v>
      </c>
      <c r="C4061" s="1" t="s">
        <v>14212</v>
      </c>
      <c r="D4061" s="1" t="s">
        <v>14213</v>
      </c>
      <c r="E4061" s="1" t="s">
        <v>14214</v>
      </c>
      <c r="F4061" s="1" t="s">
        <v>10</v>
      </c>
      <c r="G4061" s="1" t="s">
        <v>10</v>
      </c>
      <c r="H4061" s="1" t="s">
        <v>10</v>
      </c>
      <c r="I4061" s="1" t="s">
        <v>13662</v>
      </c>
      <c r="J4061" s="1" t="s">
        <v>19</v>
      </c>
      <c r="K4061" s="1" t="s">
        <v>7</v>
      </c>
      <c r="L4061" s="1" t="s">
        <v>14211</v>
      </c>
      <c r="M4061" s="1" t="s">
        <v>5</v>
      </c>
      <c r="N4061" s="1" t="s">
        <v>6</v>
      </c>
      <c r="O4061" s="1" t="s">
        <v>38</v>
      </c>
      <c r="P4061" s="5"/>
    </row>
    <row r="4062" spans="1:16" x14ac:dyDescent="0.2">
      <c r="A4062" s="1" t="s">
        <v>66</v>
      </c>
      <c r="B4062" s="1" t="s">
        <v>498</v>
      </c>
      <c r="C4062" s="1" t="s">
        <v>14216</v>
      </c>
      <c r="D4062" s="1" t="s">
        <v>14217</v>
      </c>
      <c r="E4062" s="1" t="s">
        <v>14218</v>
      </c>
      <c r="F4062" s="1" t="s">
        <v>10</v>
      </c>
      <c r="G4062" s="1" t="s">
        <v>10</v>
      </c>
      <c r="H4062" s="1" t="s">
        <v>10</v>
      </c>
      <c r="I4062" s="1" t="s">
        <v>13662</v>
      </c>
      <c r="J4062" s="1" t="s">
        <v>19</v>
      </c>
      <c r="K4062" s="1" t="s">
        <v>7</v>
      </c>
      <c r="L4062" s="1" t="s">
        <v>14215</v>
      </c>
      <c r="M4062" s="1" t="s">
        <v>5</v>
      </c>
      <c r="N4062" s="1" t="s">
        <v>6</v>
      </c>
      <c r="O4062" s="1" t="s">
        <v>38</v>
      </c>
      <c r="P4062" s="5"/>
    </row>
    <row r="4063" spans="1:16" x14ac:dyDescent="0.2">
      <c r="A4063" s="1" t="s">
        <v>1086</v>
      </c>
      <c r="B4063" s="1" t="s">
        <v>1087</v>
      </c>
      <c r="C4063" s="1" t="s">
        <v>14220</v>
      </c>
      <c r="D4063" s="1" t="s">
        <v>14221</v>
      </c>
      <c r="E4063" s="1"/>
      <c r="F4063" s="1" t="s">
        <v>27</v>
      </c>
      <c r="G4063" s="1" t="s">
        <v>10</v>
      </c>
      <c r="H4063" s="1" t="s">
        <v>13896</v>
      </c>
      <c r="I4063" s="1" t="s">
        <v>13662</v>
      </c>
      <c r="J4063" s="1" t="s">
        <v>19</v>
      </c>
      <c r="K4063" s="1" t="s">
        <v>586</v>
      </c>
      <c r="L4063" s="1" t="s">
        <v>14219</v>
      </c>
      <c r="M4063" s="1" t="s">
        <v>5</v>
      </c>
      <c r="N4063" s="1" t="s">
        <v>6</v>
      </c>
      <c r="O4063" s="1" t="s">
        <v>8</v>
      </c>
      <c r="P4063" s="5" t="s">
        <v>30391</v>
      </c>
    </row>
    <row r="4064" spans="1:16" x14ac:dyDescent="0.2">
      <c r="A4064" s="1" t="s">
        <v>42</v>
      </c>
      <c r="B4064" s="1" t="s">
        <v>1664</v>
      </c>
      <c r="C4064" s="1" t="s">
        <v>14223</v>
      </c>
      <c r="D4064" s="1" t="s">
        <v>14224</v>
      </c>
      <c r="E4064" s="1" t="s">
        <v>14225</v>
      </c>
      <c r="F4064" s="1" t="s">
        <v>10</v>
      </c>
      <c r="G4064" s="1" t="s">
        <v>10</v>
      </c>
      <c r="H4064" s="1" t="s">
        <v>10</v>
      </c>
      <c r="I4064" s="1" t="s">
        <v>13662</v>
      </c>
      <c r="J4064" s="1" t="s">
        <v>19</v>
      </c>
      <c r="K4064" s="1" t="s">
        <v>47</v>
      </c>
      <c r="L4064" s="1" t="s">
        <v>14222</v>
      </c>
      <c r="M4064" s="1" t="s">
        <v>5</v>
      </c>
      <c r="N4064" s="1" t="s">
        <v>25</v>
      </c>
      <c r="O4064" s="1" t="s">
        <v>38</v>
      </c>
      <c r="P4064" s="5" t="s">
        <v>30386</v>
      </c>
    </row>
    <row r="4065" spans="1:16" x14ac:dyDescent="0.2">
      <c r="A4065" s="1" t="s">
        <v>66</v>
      </c>
      <c r="B4065" s="1" t="s">
        <v>498</v>
      </c>
      <c r="C4065" s="1" t="s">
        <v>14227</v>
      </c>
      <c r="D4065" s="1" t="s">
        <v>14228</v>
      </c>
      <c r="E4065" s="1"/>
      <c r="F4065" s="1" t="s">
        <v>10</v>
      </c>
      <c r="G4065" s="1" t="s">
        <v>10</v>
      </c>
      <c r="H4065" s="1" t="s">
        <v>10</v>
      </c>
      <c r="I4065" s="1" t="s">
        <v>13662</v>
      </c>
      <c r="J4065" s="1" t="s">
        <v>19</v>
      </c>
      <c r="K4065" s="1" t="s">
        <v>7</v>
      </c>
      <c r="L4065" s="1" t="s">
        <v>14226</v>
      </c>
      <c r="M4065" s="1" t="s">
        <v>5</v>
      </c>
      <c r="N4065" s="1" t="s">
        <v>25</v>
      </c>
      <c r="O4065" s="1" t="s">
        <v>38</v>
      </c>
      <c r="P4065" s="5"/>
    </row>
    <row r="4066" spans="1:16" x14ac:dyDescent="0.2">
      <c r="A4066" s="1" t="s">
        <v>20</v>
      </c>
      <c r="B4066" s="1" t="s">
        <v>99</v>
      </c>
      <c r="C4066" s="1" t="s">
        <v>14230</v>
      </c>
      <c r="D4066" s="1" t="s">
        <v>14231</v>
      </c>
      <c r="E4066" s="1" t="s">
        <v>14232</v>
      </c>
      <c r="F4066" s="1" t="s">
        <v>10</v>
      </c>
      <c r="G4066" s="1" t="s">
        <v>10</v>
      </c>
      <c r="H4066" s="1" t="s">
        <v>10</v>
      </c>
      <c r="I4066" s="1" t="s">
        <v>13662</v>
      </c>
      <c r="J4066" s="1" t="s">
        <v>19</v>
      </c>
      <c r="K4066" s="1" t="s">
        <v>7</v>
      </c>
      <c r="L4066" s="1" t="s">
        <v>14229</v>
      </c>
      <c r="M4066" s="1" t="s">
        <v>5</v>
      </c>
      <c r="N4066" s="1" t="s">
        <v>25</v>
      </c>
      <c r="O4066" s="1" t="s">
        <v>38</v>
      </c>
      <c r="P4066" s="5"/>
    </row>
    <row r="4067" spans="1:16" x14ac:dyDescent="0.2">
      <c r="A4067" s="1" t="s">
        <v>20</v>
      </c>
      <c r="B4067" s="1" t="s">
        <v>445</v>
      </c>
      <c r="C4067" s="1" t="s">
        <v>14234</v>
      </c>
      <c r="D4067" s="1" t="s">
        <v>14235</v>
      </c>
      <c r="E4067" s="1" t="s">
        <v>14236</v>
      </c>
      <c r="F4067" s="1" t="s">
        <v>10</v>
      </c>
      <c r="G4067" s="1" t="s">
        <v>10</v>
      </c>
      <c r="H4067" s="1" t="s">
        <v>10</v>
      </c>
      <c r="I4067" s="1" t="s">
        <v>13662</v>
      </c>
      <c r="J4067" s="1" t="s">
        <v>13721</v>
      </c>
      <c r="K4067" s="1" t="s">
        <v>7</v>
      </c>
      <c r="L4067" s="1" t="s">
        <v>14233</v>
      </c>
      <c r="M4067" s="1" t="s">
        <v>5</v>
      </c>
      <c r="N4067" s="1" t="s">
        <v>25</v>
      </c>
      <c r="O4067" s="1" t="s">
        <v>38</v>
      </c>
      <c r="P4067" s="5"/>
    </row>
    <row r="4068" spans="1:16" x14ac:dyDescent="0.2">
      <c r="A4068" s="1" t="s">
        <v>20</v>
      </c>
      <c r="B4068" s="1" t="s">
        <v>445</v>
      </c>
      <c r="C4068" s="1" t="s">
        <v>14238</v>
      </c>
      <c r="D4068" s="1" t="s">
        <v>14239</v>
      </c>
      <c r="E4068" s="1" t="s">
        <v>14236</v>
      </c>
      <c r="F4068" s="1" t="s">
        <v>10</v>
      </c>
      <c r="G4068" s="1" t="s">
        <v>10</v>
      </c>
      <c r="H4068" s="1" t="s">
        <v>10</v>
      </c>
      <c r="I4068" s="1" t="s">
        <v>13662</v>
      </c>
      <c r="J4068" s="1" t="s">
        <v>13721</v>
      </c>
      <c r="K4068" s="1" t="s">
        <v>7</v>
      </c>
      <c r="L4068" s="1" t="s">
        <v>14237</v>
      </c>
      <c r="M4068" s="1" t="s">
        <v>5</v>
      </c>
      <c r="N4068" s="1" t="s">
        <v>25</v>
      </c>
      <c r="O4068" s="1" t="s">
        <v>38</v>
      </c>
      <c r="P4068" s="5"/>
    </row>
    <row r="4069" spans="1:16" x14ac:dyDescent="0.2">
      <c r="A4069" s="1" t="s">
        <v>20</v>
      </c>
      <c r="B4069" s="1" t="s">
        <v>445</v>
      </c>
      <c r="C4069" s="1" t="s">
        <v>14241</v>
      </c>
      <c r="D4069" s="1" t="s">
        <v>14242</v>
      </c>
      <c r="E4069" s="1" t="s">
        <v>14236</v>
      </c>
      <c r="F4069" s="1" t="s">
        <v>10</v>
      </c>
      <c r="G4069" s="1" t="s">
        <v>10</v>
      </c>
      <c r="H4069" s="1" t="s">
        <v>10</v>
      </c>
      <c r="I4069" s="1" t="s">
        <v>13662</v>
      </c>
      <c r="J4069" s="1" t="s">
        <v>13721</v>
      </c>
      <c r="K4069" s="1" t="s">
        <v>7</v>
      </c>
      <c r="L4069" s="1" t="s">
        <v>14240</v>
      </c>
      <c r="M4069" s="1" t="s">
        <v>5</v>
      </c>
      <c r="N4069" s="1" t="s">
        <v>25</v>
      </c>
      <c r="O4069" s="1" t="s">
        <v>38</v>
      </c>
      <c r="P4069" s="5"/>
    </row>
    <row r="4070" spans="1:16" x14ac:dyDescent="0.2">
      <c r="A4070" s="1" t="s">
        <v>42</v>
      </c>
      <c r="B4070" s="1" t="s">
        <v>109</v>
      </c>
      <c r="C4070" s="1" t="s">
        <v>14244</v>
      </c>
      <c r="D4070" s="1" t="s">
        <v>13850</v>
      </c>
      <c r="E4070" s="1" t="s">
        <v>13851</v>
      </c>
      <c r="F4070" s="1" t="s">
        <v>10</v>
      </c>
      <c r="G4070" s="1" t="s">
        <v>10</v>
      </c>
      <c r="H4070" s="1" t="s">
        <v>10</v>
      </c>
      <c r="I4070" s="1" t="s">
        <v>13662</v>
      </c>
      <c r="J4070" s="1" t="s">
        <v>13721</v>
      </c>
      <c r="K4070" s="1" t="s">
        <v>37</v>
      </c>
      <c r="L4070" s="1" t="s">
        <v>14243</v>
      </c>
      <c r="M4070" s="1" t="s">
        <v>5</v>
      </c>
      <c r="N4070" s="1" t="s">
        <v>25</v>
      </c>
      <c r="O4070" s="1" t="s">
        <v>38</v>
      </c>
      <c r="P4070" s="5" t="s">
        <v>30386</v>
      </c>
    </row>
    <row r="4071" spans="1:16" x14ac:dyDescent="0.2">
      <c r="A4071" s="1" t="s">
        <v>1086</v>
      </c>
      <c r="B4071" s="1" t="s">
        <v>1400</v>
      </c>
      <c r="C4071" s="1" t="s">
        <v>14246</v>
      </c>
      <c r="D4071" s="1" t="s">
        <v>14247</v>
      </c>
      <c r="E4071" s="1" t="s">
        <v>14248</v>
      </c>
      <c r="F4071" s="1" t="s">
        <v>10</v>
      </c>
      <c r="G4071" s="1" t="s">
        <v>10</v>
      </c>
      <c r="H4071" s="1" t="s">
        <v>10</v>
      </c>
      <c r="I4071" s="1" t="s">
        <v>13662</v>
      </c>
      <c r="J4071" s="1" t="s">
        <v>19</v>
      </c>
      <c r="K4071" s="1" t="s">
        <v>7</v>
      </c>
      <c r="L4071" s="1" t="s">
        <v>14245</v>
      </c>
      <c r="M4071" s="1" t="s">
        <v>5</v>
      </c>
      <c r="N4071" s="1" t="s">
        <v>25</v>
      </c>
      <c r="O4071" s="1" t="s">
        <v>38</v>
      </c>
      <c r="P4071" s="5"/>
    </row>
    <row r="4072" spans="1:16" x14ac:dyDescent="0.2">
      <c r="A4072" s="1" t="s">
        <v>1385</v>
      </c>
      <c r="B4072" s="1" t="s">
        <v>1687</v>
      </c>
      <c r="C4072" s="1" t="s">
        <v>14250</v>
      </c>
      <c r="D4072" s="1" t="s">
        <v>14251</v>
      </c>
      <c r="E4072" s="1" t="s">
        <v>14252</v>
      </c>
      <c r="F4072" s="1" t="s">
        <v>10</v>
      </c>
      <c r="G4072" s="1" t="s">
        <v>10</v>
      </c>
      <c r="H4072" s="1" t="s">
        <v>10</v>
      </c>
      <c r="I4072" s="1" t="s">
        <v>13662</v>
      </c>
      <c r="J4072" s="1" t="s">
        <v>1714</v>
      </c>
      <c r="K4072" s="1" t="s">
        <v>7</v>
      </c>
      <c r="L4072" s="1" t="s">
        <v>14249</v>
      </c>
      <c r="M4072" s="1" t="s">
        <v>5</v>
      </c>
      <c r="N4072" s="1" t="s">
        <v>25</v>
      </c>
      <c r="O4072" s="1" t="s">
        <v>38</v>
      </c>
      <c r="P4072" s="5"/>
    </row>
    <row r="4073" spans="1:16" x14ac:dyDescent="0.2">
      <c r="A4073" s="1" t="s">
        <v>66</v>
      </c>
      <c r="B4073" s="1" t="s">
        <v>1127</v>
      </c>
      <c r="C4073" s="1" t="s">
        <v>14254</v>
      </c>
      <c r="D4073" s="1" t="s">
        <v>14254</v>
      </c>
      <c r="E4073" s="1" t="s">
        <v>14255</v>
      </c>
      <c r="F4073" s="1" t="s">
        <v>10</v>
      </c>
      <c r="G4073" s="1" t="s">
        <v>10</v>
      </c>
      <c r="H4073" s="1" t="s">
        <v>10</v>
      </c>
      <c r="I4073" s="1" t="s">
        <v>13662</v>
      </c>
      <c r="J4073" s="1" t="s">
        <v>19</v>
      </c>
      <c r="K4073" s="1" t="s">
        <v>7</v>
      </c>
      <c r="L4073" s="1" t="s">
        <v>14253</v>
      </c>
      <c r="M4073" s="1" t="s">
        <v>5</v>
      </c>
      <c r="N4073" s="1" t="s">
        <v>25</v>
      </c>
      <c r="O4073" s="1" t="s">
        <v>38</v>
      </c>
      <c r="P4073" s="5"/>
    </row>
    <row r="4074" spans="1:16" x14ac:dyDescent="0.2">
      <c r="A4074" s="1" t="s">
        <v>1086</v>
      </c>
      <c r="B4074" s="1" t="s">
        <v>1400</v>
      </c>
      <c r="C4074" s="1" t="s">
        <v>14257</v>
      </c>
      <c r="D4074" s="1" t="s">
        <v>14258</v>
      </c>
      <c r="E4074" s="1" t="s">
        <v>14259</v>
      </c>
      <c r="F4074" s="1" t="s">
        <v>10</v>
      </c>
      <c r="G4074" s="1" t="s">
        <v>10</v>
      </c>
      <c r="H4074" s="1" t="s">
        <v>10</v>
      </c>
      <c r="I4074" s="1" t="s">
        <v>13662</v>
      </c>
      <c r="J4074" s="1" t="s">
        <v>19</v>
      </c>
      <c r="K4074" s="1" t="s">
        <v>7</v>
      </c>
      <c r="L4074" s="1" t="s">
        <v>14256</v>
      </c>
      <c r="M4074" s="1" t="s">
        <v>5</v>
      </c>
      <c r="N4074" s="1" t="s">
        <v>25</v>
      </c>
      <c r="O4074" s="1" t="s">
        <v>38</v>
      </c>
      <c r="P4074" s="5"/>
    </row>
    <row r="4075" spans="1:16" x14ac:dyDescent="0.2">
      <c r="A4075" s="1" t="s">
        <v>1086</v>
      </c>
      <c r="B4075" s="1" t="s">
        <v>1400</v>
      </c>
      <c r="C4075" s="1" t="s">
        <v>14261</v>
      </c>
      <c r="D4075" s="1" t="s">
        <v>14262</v>
      </c>
      <c r="E4075" s="1" t="s">
        <v>14263</v>
      </c>
      <c r="F4075" s="1" t="s">
        <v>10</v>
      </c>
      <c r="G4075" s="1" t="s">
        <v>10</v>
      </c>
      <c r="H4075" s="1" t="s">
        <v>10</v>
      </c>
      <c r="I4075" s="1" t="s">
        <v>13662</v>
      </c>
      <c r="J4075" s="1" t="s">
        <v>19</v>
      </c>
      <c r="K4075" s="1" t="s">
        <v>7</v>
      </c>
      <c r="L4075" s="1" t="s">
        <v>14260</v>
      </c>
      <c r="M4075" s="1" t="s">
        <v>5</v>
      </c>
      <c r="N4075" s="1" t="s">
        <v>25</v>
      </c>
      <c r="O4075" s="1" t="s">
        <v>38</v>
      </c>
      <c r="P4075" s="5"/>
    </row>
    <row r="4076" spans="1:16" x14ac:dyDescent="0.2">
      <c r="A4076" s="1" t="s">
        <v>42</v>
      </c>
      <c r="B4076" s="1" t="s">
        <v>1890</v>
      </c>
      <c r="C4076" s="1" t="s">
        <v>1661</v>
      </c>
      <c r="D4076" s="1" t="s">
        <v>14265</v>
      </c>
      <c r="E4076" s="1" t="s">
        <v>14266</v>
      </c>
      <c r="F4076" s="1" t="s">
        <v>27</v>
      </c>
      <c r="G4076" s="1" t="s">
        <v>10</v>
      </c>
      <c r="H4076" s="1" t="s">
        <v>10</v>
      </c>
      <c r="I4076" s="1" t="s">
        <v>13662</v>
      </c>
      <c r="J4076" s="1" t="s">
        <v>19</v>
      </c>
      <c r="K4076" s="1" t="s">
        <v>37</v>
      </c>
      <c r="L4076" s="1" t="s">
        <v>14264</v>
      </c>
      <c r="M4076" s="1" t="s">
        <v>5</v>
      </c>
      <c r="N4076" s="1" t="s">
        <v>6</v>
      </c>
      <c r="O4076" s="1" t="s">
        <v>8</v>
      </c>
      <c r="P4076" s="5"/>
    </row>
    <row r="4077" spans="1:16" x14ac:dyDescent="0.2">
      <c r="A4077" s="1" t="s">
        <v>20</v>
      </c>
      <c r="B4077" s="1" t="s">
        <v>253</v>
      </c>
      <c r="C4077" s="1" t="s">
        <v>14268</v>
      </c>
      <c r="D4077" s="1" t="s">
        <v>14269</v>
      </c>
      <c r="E4077" s="1" t="s">
        <v>14270</v>
      </c>
      <c r="F4077" s="1" t="s">
        <v>10</v>
      </c>
      <c r="G4077" s="1" t="s">
        <v>10</v>
      </c>
      <c r="H4077" s="1" t="s">
        <v>10</v>
      </c>
      <c r="I4077" s="1" t="s">
        <v>13662</v>
      </c>
      <c r="J4077" s="1" t="s">
        <v>19</v>
      </c>
      <c r="K4077" s="1" t="s">
        <v>7</v>
      </c>
      <c r="L4077" s="1" t="s">
        <v>14267</v>
      </c>
      <c r="M4077" s="1" t="s">
        <v>5</v>
      </c>
      <c r="N4077" s="1" t="s">
        <v>25</v>
      </c>
      <c r="O4077" s="1" t="s">
        <v>38</v>
      </c>
      <c r="P4077" s="5"/>
    </row>
    <row r="4078" spans="1:16" x14ac:dyDescent="0.2">
      <c r="A4078" s="1" t="s">
        <v>1385</v>
      </c>
      <c r="B4078" s="1" t="s">
        <v>2028</v>
      </c>
      <c r="C4078" s="1" t="s">
        <v>14272</v>
      </c>
      <c r="D4078" s="1" t="s">
        <v>2027</v>
      </c>
      <c r="E4078" s="1"/>
      <c r="F4078" s="1" t="s">
        <v>10</v>
      </c>
      <c r="G4078" s="1" t="s">
        <v>10</v>
      </c>
      <c r="H4078" s="1" t="s">
        <v>10</v>
      </c>
      <c r="I4078" s="1" t="s">
        <v>13662</v>
      </c>
      <c r="J4078" s="1" t="s">
        <v>19</v>
      </c>
      <c r="K4078" s="1" t="s">
        <v>47</v>
      </c>
      <c r="L4078" s="1" t="s">
        <v>14271</v>
      </c>
      <c r="M4078" s="1" t="s">
        <v>5</v>
      </c>
      <c r="N4078" s="1" t="s">
        <v>25</v>
      </c>
      <c r="O4078" s="1" t="s">
        <v>38</v>
      </c>
      <c r="P4078" s="5"/>
    </row>
    <row r="4079" spans="1:16" x14ac:dyDescent="0.2">
      <c r="A4079" s="1" t="s">
        <v>1086</v>
      </c>
      <c r="B4079" s="1" t="s">
        <v>4754</v>
      </c>
      <c r="C4079" s="1" t="s">
        <v>14274</v>
      </c>
      <c r="D4079" s="1" t="s">
        <v>14275</v>
      </c>
      <c r="E4079" s="1" t="s">
        <v>14276</v>
      </c>
      <c r="F4079" s="1" t="s">
        <v>10</v>
      </c>
      <c r="G4079" s="1" t="s">
        <v>10</v>
      </c>
      <c r="H4079" s="1" t="s">
        <v>10</v>
      </c>
      <c r="I4079" s="1" t="s">
        <v>13662</v>
      </c>
      <c r="J4079" s="1" t="s">
        <v>1714</v>
      </c>
      <c r="K4079" s="1" t="s">
        <v>100</v>
      </c>
      <c r="L4079" s="1" t="s">
        <v>14273</v>
      </c>
      <c r="M4079" s="1" t="s">
        <v>5</v>
      </c>
      <c r="N4079" s="1" t="s">
        <v>1597</v>
      </c>
      <c r="O4079" s="1" t="s">
        <v>8</v>
      </c>
      <c r="P4079" s="5"/>
    </row>
    <row r="4080" spans="1:16" x14ac:dyDescent="0.2">
      <c r="A4080" s="1" t="s">
        <v>329</v>
      </c>
      <c r="B4080" s="1" t="s">
        <v>596</v>
      </c>
      <c r="C4080" s="1" t="s">
        <v>7062</v>
      </c>
      <c r="D4080" s="1" t="s">
        <v>14278</v>
      </c>
      <c r="E4080" s="1" t="s">
        <v>7063</v>
      </c>
      <c r="F4080" s="1" t="s">
        <v>10</v>
      </c>
      <c r="G4080" s="1" t="s">
        <v>10</v>
      </c>
      <c r="H4080" s="1" t="s">
        <v>10</v>
      </c>
      <c r="I4080" s="1" t="s">
        <v>13662</v>
      </c>
      <c r="J4080" s="1" t="s">
        <v>19</v>
      </c>
      <c r="K4080" s="1" t="s">
        <v>7</v>
      </c>
      <c r="L4080" s="1" t="s">
        <v>14277</v>
      </c>
      <c r="M4080" s="1" t="s">
        <v>5</v>
      </c>
      <c r="N4080" s="1" t="s">
        <v>25</v>
      </c>
      <c r="O4080" s="1" t="s">
        <v>38</v>
      </c>
      <c r="P4080" s="5" t="s">
        <v>31682</v>
      </c>
    </row>
    <row r="4081" spans="1:16" x14ac:dyDescent="0.2">
      <c r="A4081" s="1" t="s">
        <v>32</v>
      </c>
      <c r="B4081" s="1" t="s">
        <v>33</v>
      </c>
      <c r="C4081" s="1" t="s">
        <v>14280</v>
      </c>
      <c r="D4081" s="1" t="s">
        <v>14281</v>
      </c>
      <c r="E4081" s="1" t="s">
        <v>14282</v>
      </c>
      <c r="F4081" s="1" t="s">
        <v>10</v>
      </c>
      <c r="G4081" s="1" t="s">
        <v>10</v>
      </c>
      <c r="H4081" s="1" t="s">
        <v>10</v>
      </c>
      <c r="I4081" s="1" t="s">
        <v>13662</v>
      </c>
      <c r="J4081" s="1" t="s">
        <v>19</v>
      </c>
      <c r="K4081" s="1" t="s">
        <v>64</v>
      </c>
      <c r="L4081" s="1" t="s">
        <v>14279</v>
      </c>
      <c r="M4081" s="1" t="s">
        <v>5</v>
      </c>
      <c r="N4081" s="1" t="s">
        <v>25</v>
      </c>
      <c r="O4081" s="1" t="s">
        <v>38</v>
      </c>
      <c r="P4081" s="5" t="s">
        <v>31683</v>
      </c>
    </row>
    <row r="4082" spans="1:16" x14ac:dyDescent="0.2">
      <c r="A4082" s="1" t="s">
        <v>10</v>
      </c>
      <c r="B4082" s="1" t="s">
        <v>376</v>
      </c>
      <c r="C4082" s="1" t="s">
        <v>14285</v>
      </c>
      <c r="D4082" s="1" t="s">
        <v>14286</v>
      </c>
      <c r="E4082" s="1" t="s">
        <v>14288</v>
      </c>
      <c r="F4082" s="1" t="s">
        <v>10</v>
      </c>
      <c r="G4082" s="1" t="s">
        <v>10</v>
      </c>
      <c r="H4082" s="1" t="s">
        <v>10</v>
      </c>
      <c r="I4082" s="1" t="s">
        <v>14283</v>
      </c>
      <c r="J4082" s="1" t="s">
        <v>14287</v>
      </c>
      <c r="K4082" s="1" t="s">
        <v>7</v>
      </c>
      <c r="L4082" s="1" t="s">
        <v>14284</v>
      </c>
      <c r="M4082" s="1" t="s">
        <v>5</v>
      </c>
      <c r="N4082" s="1" t="s">
        <v>25</v>
      </c>
      <c r="O4082" s="1" t="s">
        <v>38</v>
      </c>
      <c r="P4082" s="5" t="s">
        <v>30397</v>
      </c>
    </row>
    <row r="4083" spans="1:16" x14ac:dyDescent="0.2">
      <c r="A4083" s="1" t="s">
        <v>10</v>
      </c>
      <c r="B4083" s="1" t="s">
        <v>376</v>
      </c>
      <c r="C4083" s="1" t="s">
        <v>14290</v>
      </c>
      <c r="D4083" s="1" t="s">
        <v>14291</v>
      </c>
      <c r="E4083" s="1" t="s">
        <v>14292</v>
      </c>
      <c r="F4083" s="1" t="s">
        <v>10</v>
      </c>
      <c r="G4083" s="1" t="s">
        <v>10</v>
      </c>
      <c r="H4083" s="1" t="s">
        <v>10</v>
      </c>
      <c r="I4083" s="1" t="s">
        <v>14283</v>
      </c>
      <c r="J4083" s="1" t="s">
        <v>14287</v>
      </c>
      <c r="K4083" s="1" t="s">
        <v>7</v>
      </c>
      <c r="L4083" s="1" t="s">
        <v>14289</v>
      </c>
      <c r="M4083" s="1" t="s">
        <v>5</v>
      </c>
      <c r="N4083" s="1" t="s">
        <v>25</v>
      </c>
      <c r="O4083" s="1" t="s">
        <v>38</v>
      </c>
      <c r="P4083" s="5" t="s">
        <v>30397</v>
      </c>
    </row>
    <row r="4084" spans="1:16" x14ac:dyDescent="0.2">
      <c r="A4084" s="1" t="s">
        <v>10</v>
      </c>
      <c r="B4084" s="1" t="s">
        <v>376</v>
      </c>
      <c r="C4084" s="1" t="s">
        <v>14294</v>
      </c>
      <c r="D4084" s="1" t="s">
        <v>10</v>
      </c>
      <c r="E4084" s="1"/>
      <c r="F4084" s="1" t="s">
        <v>10</v>
      </c>
      <c r="G4084" s="1" t="s">
        <v>10</v>
      </c>
      <c r="H4084" s="1" t="s">
        <v>10</v>
      </c>
      <c r="I4084" s="1" t="s">
        <v>14283</v>
      </c>
      <c r="J4084" s="1" t="s">
        <v>14295</v>
      </c>
      <c r="K4084" s="1" t="s">
        <v>27</v>
      </c>
      <c r="L4084" s="1" t="s">
        <v>14293</v>
      </c>
      <c r="M4084" s="1" t="s">
        <v>5</v>
      </c>
      <c r="N4084" s="1" t="s">
        <v>6</v>
      </c>
      <c r="O4084" s="1" t="s">
        <v>38</v>
      </c>
      <c r="P4084" s="5" t="s">
        <v>30397</v>
      </c>
    </row>
    <row r="4085" spans="1:16" x14ac:dyDescent="0.2">
      <c r="A4085" s="1" t="s">
        <v>10</v>
      </c>
      <c r="B4085" s="1" t="s">
        <v>376</v>
      </c>
      <c r="C4085" s="1" t="s">
        <v>14297</v>
      </c>
      <c r="D4085" s="1" t="s">
        <v>10</v>
      </c>
      <c r="E4085" s="1"/>
      <c r="F4085" s="1" t="s">
        <v>10</v>
      </c>
      <c r="G4085" s="1" t="s">
        <v>10</v>
      </c>
      <c r="H4085" s="1" t="s">
        <v>10</v>
      </c>
      <c r="I4085" s="1" t="s">
        <v>14283</v>
      </c>
      <c r="J4085" s="1" t="s">
        <v>14295</v>
      </c>
      <c r="K4085" s="1" t="s">
        <v>27</v>
      </c>
      <c r="L4085" s="1" t="s">
        <v>14296</v>
      </c>
      <c r="M4085" s="1" t="s">
        <v>5</v>
      </c>
      <c r="N4085" s="1" t="s">
        <v>6</v>
      </c>
      <c r="O4085" s="1" t="s">
        <v>38</v>
      </c>
      <c r="P4085" s="5" t="s">
        <v>30397</v>
      </c>
    </row>
    <row r="4086" spans="1:16" x14ac:dyDescent="0.2">
      <c r="A4086" s="1" t="s">
        <v>10</v>
      </c>
      <c r="B4086" s="1" t="s">
        <v>376</v>
      </c>
      <c r="C4086" s="1" t="s">
        <v>14299</v>
      </c>
      <c r="D4086" s="1" t="s">
        <v>14300</v>
      </c>
      <c r="E4086" s="1"/>
      <c r="F4086" s="1" t="s">
        <v>10</v>
      </c>
      <c r="G4086" s="1" t="s">
        <v>10</v>
      </c>
      <c r="H4086" s="1" t="s">
        <v>10</v>
      </c>
      <c r="I4086" s="1" t="s">
        <v>14283</v>
      </c>
      <c r="J4086" s="1" t="s">
        <v>14301</v>
      </c>
      <c r="K4086" s="1" t="s">
        <v>27</v>
      </c>
      <c r="L4086" s="1" t="s">
        <v>14298</v>
      </c>
      <c r="M4086" s="1" t="s">
        <v>5</v>
      </c>
      <c r="N4086" s="1" t="s">
        <v>6</v>
      </c>
      <c r="O4086" s="1" t="s">
        <v>38</v>
      </c>
      <c r="P4086" s="5" t="s">
        <v>30397</v>
      </c>
    </row>
    <row r="4087" spans="1:16" x14ac:dyDescent="0.2">
      <c r="A4087" s="1" t="s">
        <v>10</v>
      </c>
      <c r="B4087" s="1" t="s">
        <v>376</v>
      </c>
      <c r="C4087" s="1" t="s">
        <v>14303</v>
      </c>
      <c r="D4087" s="1" t="s">
        <v>10</v>
      </c>
      <c r="E4087" s="1" t="s">
        <v>14305</v>
      </c>
      <c r="F4087" s="1" t="s">
        <v>10</v>
      </c>
      <c r="G4087" s="1" t="s">
        <v>10</v>
      </c>
      <c r="H4087" s="1" t="s">
        <v>10</v>
      </c>
      <c r="I4087" s="1" t="s">
        <v>14283</v>
      </c>
      <c r="J4087" s="1" t="s">
        <v>14304</v>
      </c>
      <c r="K4087" s="1" t="s">
        <v>7</v>
      </c>
      <c r="L4087" s="1" t="s">
        <v>14302</v>
      </c>
      <c r="M4087" s="1" t="s">
        <v>5</v>
      </c>
      <c r="N4087" s="1" t="s">
        <v>6</v>
      </c>
      <c r="O4087" s="1" t="s">
        <v>38</v>
      </c>
      <c r="P4087" s="5" t="s">
        <v>30397</v>
      </c>
    </row>
    <row r="4088" spans="1:16" x14ac:dyDescent="0.2">
      <c r="A4088" s="1" t="s">
        <v>10</v>
      </c>
      <c r="B4088" s="1" t="s">
        <v>376</v>
      </c>
      <c r="C4088" s="1" t="s">
        <v>14307</v>
      </c>
      <c r="D4088" s="1" t="s">
        <v>10</v>
      </c>
      <c r="E4088" s="1"/>
      <c r="F4088" s="1" t="s">
        <v>10</v>
      </c>
      <c r="G4088" s="1" t="s">
        <v>10</v>
      </c>
      <c r="H4088" s="1" t="s">
        <v>10</v>
      </c>
      <c r="I4088" s="1" t="s">
        <v>14283</v>
      </c>
      <c r="J4088" s="1" t="s">
        <v>14295</v>
      </c>
      <c r="K4088" s="1" t="s">
        <v>27</v>
      </c>
      <c r="L4088" s="1" t="s">
        <v>14306</v>
      </c>
      <c r="M4088" s="1" t="s">
        <v>5</v>
      </c>
      <c r="N4088" s="1" t="s">
        <v>6</v>
      </c>
      <c r="O4088" s="1" t="s">
        <v>38</v>
      </c>
      <c r="P4088" s="5" t="s">
        <v>30397</v>
      </c>
    </row>
    <row r="4089" spans="1:16" x14ac:dyDescent="0.2">
      <c r="A4089" s="1" t="s">
        <v>10</v>
      </c>
      <c r="B4089" s="1" t="s">
        <v>376</v>
      </c>
      <c r="C4089" s="1" t="s">
        <v>14309</v>
      </c>
      <c r="D4089" s="1" t="s">
        <v>14310</v>
      </c>
      <c r="E4089" s="1"/>
      <c r="F4089" s="1" t="s">
        <v>10</v>
      </c>
      <c r="G4089" s="1" t="s">
        <v>10</v>
      </c>
      <c r="H4089" s="1" t="s">
        <v>10</v>
      </c>
      <c r="I4089" s="1" t="s">
        <v>14283</v>
      </c>
      <c r="J4089" s="1" t="s">
        <v>14311</v>
      </c>
      <c r="K4089" s="1" t="s">
        <v>27</v>
      </c>
      <c r="L4089" s="1" t="s">
        <v>14308</v>
      </c>
      <c r="M4089" s="1" t="s">
        <v>5</v>
      </c>
      <c r="N4089" s="1" t="s">
        <v>6</v>
      </c>
      <c r="O4089" s="1" t="s">
        <v>38</v>
      </c>
      <c r="P4089" s="5" t="s">
        <v>30397</v>
      </c>
    </row>
    <row r="4090" spans="1:16" x14ac:dyDescent="0.2">
      <c r="A4090" s="1" t="s">
        <v>10</v>
      </c>
      <c r="B4090" s="1" t="s">
        <v>376</v>
      </c>
      <c r="C4090" s="1" t="s">
        <v>14313</v>
      </c>
      <c r="D4090" s="1" t="s">
        <v>10</v>
      </c>
      <c r="E4090" s="1"/>
      <c r="F4090" s="1" t="s">
        <v>10</v>
      </c>
      <c r="G4090" s="1" t="s">
        <v>10</v>
      </c>
      <c r="H4090" s="1" t="s">
        <v>10</v>
      </c>
      <c r="I4090" s="1" t="s">
        <v>14283</v>
      </c>
      <c r="J4090" s="1" t="s">
        <v>14314</v>
      </c>
      <c r="K4090" s="1" t="s">
        <v>7</v>
      </c>
      <c r="L4090" s="1" t="s">
        <v>14312</v>
      </c>
      <c r="M4090" s="1" t="s">
        <v>5</v>
      </c>
      <c r="N4090" s="1" t="s">
        <v>6</v>
      </c>
      <c r="O4090" s="1" t="s">
        <v>38</v>
      </c>
      <c r="P4090" s="5" t="s">
        <v>30397</v>
      </c>
    </row>
    <row r="4091" spans="1:16" x14ac:dyDescent="0.2">
      <c r="A4091" s="1" t="s">
        <v>10</v>
      </c>
      <c r="B4091" s="1" t="s">
        <v>376</v>
      </c>
      <c r="C4091" s="1" t="s">
        <v>14316</v>
      </c>
      <c r="D4091" s="1" t="s">
        <v>10</v>
      </c>
      <c r="E4091" s="1" t="s">
        <v>14317</v>
      </c>
      <c r="F4091" s="1" t="s">
        <v>10</v>
      </c>
      <c r="G4091" s="1" t="s">
        <v>10</v>
      </c>
      <c r="H4091" s="1" t="s">
        <v>10</v>
      </c>
      <c r="I4091" s="1" t="s">
        <v>14283</v>
      </c>
      <c r="J4091" s="1" t="s">
        <v>14314</v>
      </c>
      <c r="K4091" s="1" t="s">
        <v>113</v>
      </c>
      <c r="L4091" s="1" t="s">
        <v>14315</v>
      </c>
      <c r="M4091" s="1" t="s">
        <v>5</v>
      </c>
      <c r="N4091" s="1" t="s">
        <v>6</v>
      </c>
      <c r="O4091" s="1" t="s">
        <v>38</v>
      </c>
      <c r="P4091" s="5" t="s">
        <v>30397</v>
      </c>
    </row>
    <row r="4092" spans="1:16" x14ac:dyDescent="0.2">
      <c r="A4092" s="1" t="s">
        <v>10</v>
      </c>
      <c r="B4092" s="1" t="s">
        <v>376</v>
      </c>
      <c r="C4092" s="1" t="s">
        <v>14319</v>
      </c>
      <c r="D4092" s="1" t="s">
        <v>10</v>
      </c>
      <c r="E4092" s="1"/>
      <c r="F4092" s="1" t="s">
        <v>10</v>
      </c>
      <c r="G4092" s="1" t="s">
        <v>10</v>
      </c>
      <c r="H4092" s="1" t="s">
        <v>10</v>
      </c>
      <c r="I4092" s="1" t="s">
        <v>14283</v>
      </c>
      <c r="J4092" s="1" t="s">
        <v>14295</v>
      </c>
      <c r="K4092" s="1" t="s">
        <v>130</v>
      </c>
      <c r="L4092" s="1" t="s">
        <v>14318</v>
      </c>
      <c r="M4092" s="1" t="s">
        <v>5</v>
      </c>
      <c r="N4092" s="1" t="s">
        <v>6</v>
      </c>
      <c r="O4092" s="1" t="s">
        <v>38</v>
      </c>
      <c r="P4092" s="5" t="s">
        <v>30397</v>
      </c>
    </row>
    <row r="4093" spans="1:16" x14ac:dyDescent="0.2">
      <c r="A4093" s="1" t="s">
        <v>10</v>
      </c>
      <c r="B4093" s="1" t="s">
        <v>376</v>
      </c>
      <c r="C4093" s="1" t="s">
        <v>14321</v>
      </c>
      <c r="D4093" s="1" t="s">
        <v>10</v>
      </c>
      <c r="E4093" s="1"/>
      <c r="F4093" s="1" t="s">
        <v>10</v>
      </c>
      <c r="G4093" s="1" t="s">
        <v>10</v>
      </c>
      <c r="H4093" s="1" t="s">
        <v>10</v>
      </c>
      <c r="I4093" s="1" t="s">
        <v>14283</v>
      </c>
      <c r="J4093" s="1" t="s">
        <v>14295</v>
      </c>
      <c r="K4093" s="1" t="s">
        <v>27</v>
      </c>
      <c r="L4093" s="1" t="s">
        <v>14320</v>
      </c>
      <c r="M4093" s="1" t="s">
        <v>5</v>
      </c>
      <c r="N4093" s="1" t="s">
        <v>6</v>
      </c>
      <c r="O4093" s="1" t="s">
        <v>38</v>
      </c>
      <c r="P4093" s="5" t="s">
        <v>30397</v>
      </c>
    </row>
    <row r="4094" spans="1:16" x14ac:dyDescent="0.2">
      <c r="A4094" s="1" t="s">
        <v>10</v>
      </c>
      <c r="B4094" s="1" t="s">
        <v>376</v>
      </c>
      <c r="C4094" s="1" t="s">
        <v>14323</v>
      </c>
      <c r="D4094" s="1" t="s">
        <v>14324</v>
      </c>
      <c r="E4094" s="1"/>
      <c r="F4094" s="1" t="s">
        <v>10</v>
      </c>
      <c r="G4094" s="1" t="s">
        <v>10</v>
      </c>
      <c r="H4094" s="1" t="s">
        <v>10</v>
      </c>
      <c r="I4094" s="1" t="s">
        <v>14283</v>
      </c>
      <c r="J4094" s="1" t="s">
        <v>14325</v>
      </c>
      <c r="K4094" s="1" t="s">
        <v>7</v>
      </c>
      <c r="L4094" s="1" t="s">
        <v>14322</v>
      </c>
      <c r="M4094" s="1" t="s">
        <v>5</v>
      </c>
      <c r="N4094" s="1" t="s">
        <v>6</v>
      </c>
      <c r="O4094" s="1" t="s">
        <v>38</v>
      </c>
      <c r="P4094" s="5" t="s">
        <v>30397</v>
      </c>
    </row>
    <row r="4095" spans="1:16" x14ac:dyDescent="0.2">
      <c r="A4095" s="1" t="s">
        <v>10</v>
      </c>
      <c r="B4095" s="1" t="s">
        <v>376</v>
      </c>
      <c r="C4095" s="1" t="s">
        <v>14327</v>
      </c>
      <c r="D4095" s="1" t="s">
        <v>10</v>
      </c>
      <c r="E4095" s="1" t="s">
        <v>14328</v>
      </c>
      <c r="F4095" s="1" t="s">
        <v>10</v>
      </c>
      <c r="G4095" s="1" t="s">
        <v>10</v>
      </c>
      <c r="H4095" s="1" t="s">
        <v>10</v>
      </c>
      <c r="I4095" s="1" t="s">
        <v>14283</v>
      </c>
      <c r="J4095" s="1" t="s">
        <v>14295</v>
      </c>
      <c r="K4095" s="1" t="s">
        <v>113</v>
      </c>
      <c r="L4095" s="1" t="s">
        <v>14326</v>
      </c>
      <c r="M4095" s="1" t="s">
        <v>5</v>
      </c>
      <c r="N4095" s="1" t="s">
        <v>6</v>
      </c>
      <c r="O4095" s="1" t="s">
        <v>38</v>
      </c>
      <c r="P4095" s="5" t="s">
        <v>30397</v>
      </c>
    </row>
    <row r="4096" spans="1:16" x14ac:dyDescent="0.2">
      <c r="A4096" s="1" t="s">
        <v>10</v>
      </c>
      <c r="B4096" s="1" t="s">
        <v>376</v>
      </c>
      <c r="C4096" s="1" t="s">
        <v>14330</v>
      </c>
      <c r="D4096" s="1" t="s">
        <v>10</v>
      </c>
      <c r="E4096" s="1"/>
      <c r="F4096" s="1" t="s">
        <v>10</v>
      </c>
      <c r="G4096" s="1" t="s">
        <v>10</v>
      </c>
      <c r="H4096" s="1" t="s">
        <v>10</v>
      </c>
      <c r="I4096" s="1" t="s">
        <v>14283</v>
      </c>
      <c r="J4096" s="1" t="s">
        <v>14331</v>
      </c>
      <c r="K4096" s="1" t="s">
        <v>586</v>
      </c>
      <c r="L4096" s="1" t="s">
        <v>14329</v>
      </c>
      <c r="M4096" s="1" t="s">
        <v>5</v>
      </c>
      <c r="N4096" s="1" t="s">
        <v>6</v>
      </c>
      <c r="O4096" s="1" t="s">
        <v>38</v>
      </c>
      <c r="P4096" s="5" t="s">
        <v>30397</v>
      </c>
    </row>
    <row r="4097" spans="1:16" x14ac:dyDescent="0.2">
      <c r="A4097" s="1" t="s">
        <v>10</v>
      </c>
      <c r="B4097" s="1" t="s">
        <v>376</v>
      </c>
      <c r="C4097" s="1" t="s">
        <v>14333</v>
      </c>
      <c r="D4097" s="1" t="s">
        <v>10</v>
      </c>
      <c r="E4097" s="1"/>
      <c r="F4097" s="1" t="s">
        <v>10</v>
      </c>
      <c r="G4097" s="1" t="s">
        <v>10</v>
      </c>
      <c r="H4097" s="1" t="s">
        <v>10</v>
      </c>
      <c r="I4097" s="1" t="s">
        <v>14283</v>
      </c>
      <c r="J4097" s="1" t="s">
        <v>14334</v>
      </c>
      <c r="K4097" s="1" t="s">
        <v>130</v>
      </c>
      <c r="L4097" s="1" t="s">
        <v>14332</v>
      </c>
      <c r="M4097" s="1" t="s">
        <v>5</v>
      </c>
      <c r="N4097" s="1" t="s">
        <v>6</v>
      </c>
      <c r="O4097" s="1" t="s">
        <v>38</v>
      </c>
      <c r="P4097" s="5" t="s">
        <v>30397</v>
      </c>
    </row>
    <row r="4098" spans="1:16" x14ac:dyDescent="0.2">
      <c r="A4098" s="1" t="s">
        <v>10</v>
      </c>
      <c r="B4098" s="1" t="s">
        <v>376</v>
      </c>
      <c r="C4098" s="1" t="s">
        <v>14336</v>
      </c>
      <c r="D4098" s="1" t="s">
        <v>14337</v>
      </c>
      <c r="E4098" s="1"/>
      <c r="F4098" s="1" t="s">
        <v>10</v>
      </c>
      <c r="G4098" s="1" t="s">
        <v>10</v>
      </c>
      <c r="H4098" s="1" t="s">
        <v>10</v>
      </c>
      <c r="I4098" s="1" t="s">
        <v>14283</v>
      </c>
      <c r="J4098" s="1" t="s">
        <v>14295</v>
      </c>
      <c r="K4098" s="1" t="s">
        <v>27</v>
      </c>
      <c r="L4098" s="1" t="s">
        <v>14335</v>
      </c>
      <c r="M4098" s="1" t="s">
        <v>5</v>
      </c>
      <c r="N4098" s="1" t="s">
        <v>6</v>
      </c>
      <c r="O4098" s="1" t="s">
        <v>38</v>
      </c>
      <c r="P4098" s="5" t="s">
        <v>30397</v>
      </c>
    </row>
    <row r="4099" spans="1:16" x14ac:dyDescent="0.2">
      <c r="A4099" s="1" t="s">
        <v>10</v>
      </c>
      <c r="B4099" s="1" t="s">
        <v>376</v>
      </c>
      <c r="C4099" s="1" t="s">
        <v>14339</v>
      </c>
      <c r="D4099" s="1" t="s">
        <v>10</v>
      </c>
      <c r="E4099" s="1"/>
      <c r="F4099" s="1" t="s">
        <v>10</v>
      </c>
      <c r="G4099" s="1" t="s">
        <v>10</v>
      </c>
      <c r="H4099" s="1" t="s">
        <v>10</v>
      </c>
      <c r="I4099" s="1" t="s">
        <v>14283</v>
      </c>
      <c r="J4099" s="1" t="s">
        <v>14311</v>
      </c>
      <c r="K4099" s="1" t="s">
        <v>27</v>
      </c>
      <c r="L4099" s="1" t="s">
        <v>14338</v>
      </c>
      <c r="M4099" s="1" t="s">
        <v>5</v>
      </c>
      <c r="N4099" s="1" t="s">
        <v>6</v>
      </c>
      <c r="O4099" s="1" t="s">
        <v>38</v>
      </c>
      <c r="P4099" s="5" t="s">
        <v>30397</v>
      </c>
    </row>
    <row r="4100" spans="1:16" x14ac:dyDescent="0.2">
      <c r="A4100" s="1" t="s">
        <v>10</v>
      </c>
      <c r="B4100" s="1" t="s">
        <v>376</v>
      </c>
      <c r="C4100" s="1" t="s">
        <v>14341</v>
      </c>
      <c r="D4100" s="1" t="s">
        <v>14342</v>
      </c>
      <c r="E4100" s="1"/>
      <c r="F4100" s="1" t="s">
        <v>10</v>
      </c>
      <c r="G4100" s="1" t="s">
        <v>10</v>
      </c>
      <c r="H4100" s="1" t="s">
        <v>10</v>
      </c>
      <c r="I4100" s="1" t="s">
        <v>14283</v>
      </c>
      <c r="J4100" s="1" t="s">
        <v>14295</v>
      </c>
      <c r="K4100" s="1" t="s">
        <v>27</v>
      </c>
      <c r="L4100" s="1" t="s">
        <v>14340</v>
      </c>
      <c r="M4100" s="1" t="s">
        <v>5</v>
      </c>
      <c r="N4100" s="1" t="s">
        <v>6</v>
      </c>
      <c r="O4100" s="1" t="s">
        <v>38</v>
      </c>
      <c r="P4100" s="5" t="s">
        <v>30397</v>
      </c>
    </row>
    <row r="4101" spans="1:16" x14ac:dyDescent="0.2">
      <c r="A4101" s="1" t="s">
        <v>10</v>
      </c>
      <c r="B4101" s="1" t="s">
        <v>376</v>
      </c>
      <c r="C4101" s="1" t="s">
        <v>14344</v>
      </c>
      <c r="D4101" s="1" t="s">
        <v>10</v>
      </c>
      <c r="E4101" s="1"/>
      <c r="F4101" s="1" t="s">
        <v>10</v>
      </c>
      <c r="G4101" s="1" t="s">
        <v>10</v>
      </c>
      <c r="H4101" s="1" t="s">
        <v>10</v>
      </c>
      <c r="I4101" s="1" t="s">
        <v>14283</v>
      </c>
      <c r="J4101" s="1" t="s">
        <v>14314</v>
      </c>
      <c r="K4101" s="1" t="s">
        <v>7</v>
      </c>
      <c r="L4101" s="1" t="s">
        <v>14343</v>
      </c>
      <c r="M4101" s="1" t="s">
        <v>5</v>
      </c>
      <c r="N4101" s="1" t="s">
        <v>6</v>
      </c>
      <c r="O4101" s="1" t="s">
        <v>38</v>
      </c>
      <c r="P4101" s="5" t="s">
        <v>30397</v>
      </c>
    </row>
    <row r="4102" spans="1:16" x14ac:dyDescent="0.2">
      <c r="A4102" s="1" t="s">
        <v>10</v>
      </c>
      <c r="B4102" s="1" t="s">
        <v>376</v>
      </c>
      <c r="C4102" s="1" t="s">
        <v>14346</v>
      </c>
      <c r="D4102" s="1" t="s">
        <v>10</v>
      </c>
      <c r="E4102" s="1" t="s">
        <v>14347</v>
      </c>
      <c r="F4102" s="1" t="s">
        <v>10</v>
      </c>
      <c r="G4102" s="1" t="s">
        <v>10</v>
      </c>
      <c r="H4102" s="1" t="s">
        <v>10</v>
      </c>
      <c r="I4102" s="1" t="s">
        <v>14283</v>
      </c>
      <c r="J4102" s="1" t="s">
        <v>14314</v>
      </c>
      <c r="K4102" s="1" t="s">
        <v>113</v>
      </c>
      <c r="L4102" s="1" t="s">
        <v>14345</v>
      </c>
      <c r="M4102" s="1" t="s">
        <v>5</v>
      </c>
      <c r="N4102" s="1" t="s">
        <v>6</v>
      </c>
      <c r="O4102" s="1" t="s">
        <v>38</v>
      </c>
      <c r="P4102" s="5" t="s">
        <v>30397</v>
      </c>
    </row>
    <row r="4103" spans="1:16" x14ac:dyDescent="0.2">
      <c r="A4103" s="1" t="s">
        <v>10</v>
      </c>
      <c r="B4103" s="1" t="s">
        <v>376</v>
      </c>
      <c r="C4103" s="1" t="s">
        <v>14349</v>
      </c>
      <c r="D4103" s="1" t="s">
        <v>10</v>
      </c>
      <c r="E4103" s="1"/>
      <c r="F4103" s="1" t="s">
        <v>10</v>
      </c>
      <c r="G4103" s="1" t="s">
        <v>10</v>
      </c>
      <c r="H4103" s="1" t="s">
        <v>10</v>
      </c>
      <c r="I4103" s="1" t="s">
        <v>14283</v>
      </c>
      <c r="J4103" s="1" t="s">
        <v>14350</v>
      </c>
      <c r="K4103" s="1" t="s">
        <v>27</v>
      </c>
      <c r="L4103" s="1" t="s">
        <v>14348</v>
      </c>
      <c r="M4103" s="1" t="s">
        <v>5</v>
      </c>
      <c r="N4103" s="1" t="s">
        <v>6</v>
      </c>
      <c r="O4103" s="1" t="s">
        <v>38</v>
      </c>
      <c r="P4103" s="5" t="s">
        <v>30397</v>
      </c>
    </row>
    <row r="4104" spans="1:16" x14ac:dyDescent="0.2">
      <c r="A4104" s="1" t="s">
        <v>10</v>
      </c>
      <c r="B4104" s="1" t="s">
        <v>376</v>
      </c>
      <c r="C4104" s="1" t="s">
        <v>14352</v>
      </c>
      <c r="D4104" s="1" t="s">
        <v>14353</v>
      </c>
      <c r="E4104" s="1"/>
      <c r="F4104" s="1" t="s">
        <v>10</v>
      </c>
      <c r="G4104" s="1" t="s">
        <v>10</v>
      </c>
      <c r="H4104" s="1" t="s">
        <v>10</v>
      </c>
      <c r="I4104" s="1" t="s">
        <v>14283</v>
      </c>
      <c r="J4104" s="1" t="s">
        <v>14325</v>
      </c>
      <c r="K4104" s="1" t="s">
        <v>7</v>
      </c>
      <c r="L4104" s="1" t="s">
        <v>14351</v>
      </c>
      <c r="M4104" s="1" t="s">
        <v>5</v>
      </c>
      <c r="N4104" s="1" t="s">
        <v>6</v>
      </c>
      <c r="O4104" s="1" t="s">
        <v>38</v>
      </c>
      <c r="P4104" s="5" t="s">
        <v>30397</v>
      </c>
    </row>
    <row r="4105" spans="1:16" x14ac:dyDescent="0.2">
      <c r="A4105" s="1" t="s">
        <v>10</v>
      </c>
      <c r="B4105" s="1" t="s">
        <v>376</v>
      </c>
      <c r="C4105" s="1" t="s">
        <v>14355</v>
      </c>
      <c r="D4105" s="1" t="s">
        <v>10</v>
      </c>
      <c r="E4105" s="1"/>
      <c r="F4105" s="1" t="s">
        <v>10</v>
      </c>
      <c r="G4105" s="1" t="s">
        <v>10</v>
      </c>
      <c r="H4105" s="1" t="s">
        <v>10</v>
      </c>
      <c r="I4105" s="1" t="s">
        <v>14283</v>
      </c>
      <c r="J4105" s="1" t="s">
        <v>14350</v>
      </c>
      <c r="K4105" s="1" t="s">
        <v>27</v>
      </c>
      <c r="L4105" s="1" t="s">
        <v>14354</v>
      </c>
      <c r="M4105" s="1" t="s">
        <v>5</v>
      </c>
      <c r="N4105" s="1" t="s">
        <v>6</v>
      </c>
      <c r="O4105" s="1" t="s">
        <v>38</v>
      </c>
      <c r="P4105" s="5" t="s">
        <v>30397</v>
      </c>
    </row>
    <row r="4106" spans="1:16" x14ac:dyDescent="0.2">
      <c r="A4106" s="1" t="s">
        <v>10</v>
      </c>
      <c r="B4106" s="1" t="s">
        <v>376</v>
      </c>
      <c r="C4106" s="1" t="s">
        <v>14357</v>
      </c>
      <c r="D4106" s="1" t="s">
        <v>10</v>
      </c>
      <c r="E4106" s="1"/>
      <c r="F4106" s="1" t="s">
        <v>10</v>
      </c>
      <c r="G4106" s="1" t="s">
        <v>10</v>
      </c>
      <c r="H4106" s="1" t="s">
        <v>10</v>
      </c>
      <c r="I4106" s="1" t="s">
        <v>14283</v>
      </c>
      <c r="J4106" s="1" t="s">
        <v>14358</v>
      </c>
      <c r="K4106" s="1" t="s">
        <v>7</v>
      </c>
      <c r="L4106" s="1" t="s">
        <v>14356</v>
      </c>
      <c r="M4106" s="1" t="s">
        <v>5</v>
      </c>
      <c r="N4106" s="1" t="s">
        <v>6</v>
      </c>
      <c r="O4106" s="1" t="s">
        <v>38</v>
      </c>
      <c r="P4106" s="5" t="s">
        <v>30397</v>
      </c>
    </row>
    <row r="4107" spans="1:16" x14ac:dyDescent="0.2">
      <c r="A4107" s="1" t="s">
        <v>10</v>
      </c>
      <c r="B4107" s="1" t="s">
        <v>376</v>
      </c>
      <c r="C4107" s="1" t="s">
        <v>14360</v>
      </c>
      <c r="D4107" s="1" t="s">
        <v>14361</v>
      </c>
      <c r="E4107" s="1"/>
      <c r="F4107" s="1" t="s">
        <v>10</v>
      </c>
      <c r="G4107" s="1" t="s">
        <v>10</v>
      </c>
      <c r="H4107" s="1" t="s">
        <v>10</v>
      </c>
      <c r="I4107" s="1" t="s">
        <v>14283</v>
      </c>
      <c r="J4107" s="1" t="s">
        <v>14362</v>
      </c>
      <c r="K4107" s="1" t="s">
        <v>27</v>
      </c>
      <c r="L4107" s="1" t="s">
        <v>14359</v>
      </c>
      <c r="M4107" s="1" t="s">
        <v>5</v>
      </c>
      <c r="N4107" s="1" t="s">
        <v>6</v>
      </c>
      <c r="O4107" s="1" t="s">
        <v>38</v>
      </c>
      <c r="P4107" s="5" t="s">
        <v>30397</v>
      </c>
    </row>
    <row r="4108" spans="1:16" x14ac:dyDescent="0.2">
      <c r="A4108" s="1" t="s">
        <v>10</v>
      </c>
      <c r="B4108" s="1" t="s">
        <v>376</v>
      </c>
      <c r="C4108" s="1" t="s">
        <v>14364</v>
      </c>
      <c r="D4108" s="1" t="s">
        <v>10</v>
      </c>
      <c r="E4108" s="1"/>
      <c r="F4108" s="1" t="s">
        <v>10</v>
      </c>
      <c r="G4108" s="1" t="s">
        <v>10</v>
      </c>
      <c r="H4108" s="1" t="s">
        <v>10</v>
      </c>
      <c r="I4108" s="1" t="s">
        <v>14283</v>
      </c>
      <c r="J4108" s="1" t="s">
        <v>14311</v>
      </c>
      <c r="K4108" s="1" t="s">
        <v>27</v>
      </c>
      <c r="L4108" s="1" t="s">
        <v>14363</v>
      </c>
      <c r="M4108" s="1" t="s">
        <v>5</v>
      </c>
      <c r="N4108" s="1" t="s">
        <v>6</v>
      </c>
      <c r="O4108" s="1" t="s">
        <v>38</v>
      </c>
      <c r="P4108" s="5" t="s">
        <v>30397</v>
      </c>
    </row>
    <row r="4109" spans="1:16" x14ac:dyDescent="0.2">
      <c r="A4109" s="1" t="s">
        <v>10</v>
      </c>
      <c r="B4109" s="1" t="s">
        <v>376</v>
      </c>
      <c r="C4109" s="1" t="s">
        <v>14366</v>
      </c>
      <c r="D4109" s="1" t="s">
        <v>10</v>
      </c>
      <c r="E4109" s="1" t="s">
        <v>14368</v>
      </c>
      <c r="F4109" s="1" t="s">
        <v>10</v>
      </c>
      <c r="G4109" s="1" t="s">
        <v>10</v>
      </c>
      <c r="H4109" s="1" t="s">
        <v>10</v>
      </c>
      <c r="I4109" s="1" t="s">
        <v>14283</v>
      </c>
      <c r="J4109" s="1" t="s">
        <v>14367</v>
      </c>
      <c r="K4109" s="1" t="s">
        <v>7</v>
      </c>
      <c r="L4109" s="1" t="s">
        <v>14365</v>
      </c>
      <c r="M4109" s="1" t="s">
        <v>5</v>
      </c>
      <c r="N4109" s="1" t="s">
        <v>6</v>
      </c>
      <c r="O4109" s="1" t="s">
        <v>38</v>
      </c>
      <c r="P4109" s="5" t="s">
        <v>30397</v>
      </c>
    </row>
    <row r="4110" spans="1:16" x14ac:dyDescent="0.2">
      <c r="A4110" s="1" t="s">
        <v>10</v>
      </c>
      <c r="B4110" s="1" t="s">
        <v>376</v>
      </c>
      <c r="C4110" s="1" t="s">
        <v>14370</v>
      </c>
      <c r="D4110" s="1" t="s">
        <v>10</v>
      </c>
      <c r="E4110" s="1" t="s">
        <v>14371</v>
      </c>
      <c r="F4110" s="1" t="s">
        <v>10</v>
      </c>
      <c r="G4110" s="1" t="s">
        <v>10</v>
      </c>
      <c r="H4110" s="1" t="s">
        <v>10</v>
      </c>
      <c r="I4110" s="1" t="s">
        <v>14283</v>
      </c>
      <c r="J4110" s="1" t="s">
        <v>14295</v>
      </c>
      <c r="K4110" s="1" t="s">
        <v>113</v>
      </c>
      <c r="L4110" s="1" t="s">
        <v>14369</v>
      </c>
      <c r="M4110" s="1" t="s">
        <v>5</v>
      </c>
      <c r="N4110" s="1" t="s">
        <v>6</v>
      </c>
      <c r="O4110" s="1" t="s">
        <v>38</v>
      </c>
      <c r="P4110" s="5" t="s">
        <v>30397</v>
      </c>
    </row>
    <row r="4111" spans="1:16" x14ac:dyDescent="0.2">
      <c r="A4111" s="1" t="s">
        <v>10</v>
      </c>
      <c r="B4111" s="1" t="s">
        <v>376</v>
      </c>
      <c r="C4111" s="1" t="s">
        <v>14373</v>
      </c>
      <c r="D4111" s="1" t="s">
        <v>10</v>
      </c>
      <c r="E4111" s="1" t="s">
        <v>14374</v>
      </c>
      <c r="F4111" s="1" t="s">
        <v>10</v>
      </c>
      <c r="G4111" s="1" t="s">
        <v>10</v>
      </c>
      <c r="H4111" s="1" t="s">
        <v>10</v>
      </c>
      <c r="I4111" s="1" t="s">
        <v>14283</v>
      </c>
      <c r="J4111" s="1" t="s">
        <v>14295</v>
      </c>
      <c r="K4111" s="1" t="s">
        <v>7</v>
      </c>
      <c r="L4111" s="1" t="s">
        <v>14372</v>
      </c>
      <c r="M4111" s="1" t="s">
        <v>5</v>
      </c>
      <c r="N4111" s="1" t="s">
        <v>6</v>
      </c>
      <c r="O4111" s="1" t="s">
        <v>38</v>
      </c>
      <c r="P4111" s="5" t="s">
        <v>30397</v>
      </c>
    </row>
    <row r="4112" spans="1:16" x14ac:dyDescent="0.2">
      <c r="A4112" s="1" t="s">
        <v>10</v>
      </c>
      <c r="B4112" s="1" t="s">
        <v>376</v>
      </c>
      <c r="C4112" s="1" t="s">
        <v>14376</v>
      </c>
      <c r="D4112" s="1" t="s">
        <v>10</v>
      </c>
      <c r="E4112" s="1" t="s">
        <v>14377</v>
      </c>
      <c r="F4112" s="1" t="s">
        <v>10</v>
      </c>
      <c r="G4112" s="1" t="s">
        <v>10</v>
      </c>
      <c r="H4112" s="1" t="s">
        <v>10</v>
      </c>
      <c r="I4112" s="1" t="s">
        <v>14283</v>
      </c>
      <c r="J4112" s="1" t="s">
        <v>14295</v>
      </c>
      <c r="K4112" s="1" t="s">
        <v>7</v>
      </c>
      <c r="L4112" s="1" t="s">
        <v>14375</v>
      </c>
      <c r="M4112" s="1" t="s">
        <v>5</v>
      </c>
      <c r="N4112" s="1" t="s">
        <v>6</v>
      </c>
      <c r="O4112" s="1" t="s">
        <v>38</v>
      </c>
      <c r="P4112" s="5" t="s">
        <v>30397</v>
      </c>
    </row>
    <row r="4113" spans="1:16" x14ac:dyDescent="0.2">
      <c r="A4113" s="1" t="s">
        <v>10</v>
      </c>
      <c r="B4113" s="1" t="s">
        <v>376</v>
      </c>
      <c r="C4113" s="1" t="s">
        <v>14379</v>
      </c>
      <c r="D4113" s="1" t="s">
        <v>10</v>
      </c>
      <c r="E4113" s="1" t="s">
        <v>14380</v>
      </c>
      <c r="F4113" s="1" t="s">
        <v>10</v>
      </c>
      <c r="G4113" s="1" t="s">
        <v>10</v>
      </c>
      <c r="H4113" s="1" t="s">
        <v>10</v>
      </c>
      <c r="I4113" s="1" t="s">
        <v>14283</v>
      </c>
      <c r="J4113" s="1" t="s">
        <v>14314</v>
      </c>
      <c r="K4113" s="1" t="s">
        <v>113</v>
      </c>
      <c r="L4113" s="1" t="s">
        <v>14378</v>
      </c>
      <c r="M4113" s="1" t="s">
        <v>5</v>
      </c>
      <c r="N4113" s="1" t="s">
        <v>6</v>
      </c>
      <c r="O4113" s="1" t="s">
        <v>38</v>
      </c>
      <c r="P4113" s="5" t="s">
        <v>30397</v>
      </c>
    </row>
    <row r="4114" spans="1:16" x14ac:dyDescent="0.2">
      <c r="A4114" s="1" t="s">
        <v>10</v>
      </c>
      <c r="B4114" s="1" t="s">
        <v>376</v>
      </c>
      <c r="C4114" s="1" t="s">
        <v>14382</v>
      </c>
      <c r="D4114" s="1" t="s">
        <v>14383</v>
      </c>
      <c r="E4114" s="1" t="s">
        <v>14384</v>
      </c>
      <c r="F4114" s="1" t="s">
        <v>10</v>
      </c>
      <c r="G4114" s="1" t="s">
        <v>10</v>
      </c>
      <c r="H4114" s="1" t="s">
        <v>10</v>
      </c>
      <c r="I4114" s="1" t="s">
        <v>14283</v>
      </c>
      <c r="J4114" s="1" t="s">
        <v>14295</v>
      </c>
      <c r="K4114" s="1" t="s">
        <v>27</v>
      </c>
      <c r="L4114" s="1" t="s">
        <v>14381</v>
      </c>
      <c r="M4114" s="1" t="s">
        <v>5</v>
      </c>
      <c r="N4114" s="1" t="s">
        <v>6</v>
      </c>
      <c r="O4114" s="1" t="s">
        <v>38</v>
      </c>
      <c r="P4114" s="5" t="s">
        <v>30397</v>
      </c>
    </row>
    <row r="4115" spans="1:16" x14ac:dyDescent="0.2">
      <c r="A4115" s="1" t="s">
        <v>10</v>
      </c>
      <c r="B4115" s="1" t="s">
        <v>376</v>
      </c>
      <c r="C4115" s="1" t="s">
        <v>14386</v>
      </c>
      <c r="D4115" s="1" t="s">
        <v>10</v>
      </c>
      <c r="E4115" s="1" t="s">
        <v>14387</v>
      </c>
      <c r="F4115" s="1" t="s">
        <v>10</v>
      </c>
      <c r="G4115" s="1" t="s">
        <v>10</v>
      </c>
      <c r="H4115" s="1" t="s">
        <v>10</v>
      </c>
      <c r="I4115" s="1" t="s">
        <v>14283</v>
      </c>
      <c r="J4115" s="1" t="s">
        <v>14311</v>
      </c>
      <c r="K4115" s="1" t="s">
        <v>64</v>
      </c>
      <c r="L4115" s="1" t="s">
        <v>14385</v>
      </c>
      <c r="M4115" s="1" t="s">
        <v>5</v>
      </c>
      <c r="N4115" s="1" t="s">
        <v>6</v>
      </c>
      <c r="O4115" s="1" t="s">
        <v>38</v>
      </c>
      <c r="P4115" s="5" t="s">
        <v>30397</v>
      </c>
    </row>
    <row r="4116" spans="1:16" x14ac:dyDescent="0.2">
      <c r="A4116" s="1" t="s">
        <v>10</v>
      </c>
      <c r="B4116" s="1" t="s">
        <v>376</v>
      </c>
      <c r="C4116" s="1" t="s">
        <v>14389</v>
      </c>
      <c r="D4116" s="1" t="s">
        <v>10</v>
      </c>
      <c r="E4116" s="1" t="s">
        <v>14390</v>
      </c>
      <c r="F4116" s="1" t="s">
        <v>10</v>
      </c>
      <c r="G4116" s="1" t="s">
        <v>10</v>
      </c>
      <c r="H4116" s="1" t="s">
        <v>10</v>
      </c>
      <c r="I4116" s="1" t="s">
        <v>14283</v>
      </c>
      <c r="J4116" s="1" t="s">
        <v>14295</v>
      </c>
      <c r="K4116" s="1" t="s">
        <v>7</v>
      </c>
      <c r="L4116" s="1" t="s">
        <v>14388</v>
      </c>
      <c r="M4116" s="1" t="s">
        <v>5</v>
      </c>
      <c r="N4116" s="1" t="s">
        <v>6</v>
      </c>
      <c r="O4116" s="1" t="s">
        <v>38</v>
      </c>
      <c r="P4116" s="5" t="s">
        <v>30397</v>
      </c>
    </row>
    <row r="4117" spans="1:16" x14ac:dyDescent="0.2">
      <c r="A4117" s="1" t="s">
        <v>10</v>
      </c>
      <c r="B4117" s="1" t="s">
        <v>376</v>
      </c>
      <c r="C4117" s="1" t="s">
        <v>14392</v>
      </c>
      <c r="D4117" s="1" t="s">
        <v>10</v>
      </c>
      <c r="E4117" s="1" t="s">
        <v>14393</v>
      </c>
      <c r="F4117" s="1" t="s">
        <v>10</v>
      </c>
      <c r="G4117" s="1" t="s">
        <v>10</v>
      </c>
      <c r="H4117" s="1" t="s">
        <v>10</v>
      </c>
      <c r="I4117" s="1" t="s">
        <v>14283</v>
      </c>
      <c r="J4117" s="1" t="s">
        <v>14295</v>
      </c>
      <c r="K4117" s="1" t="s">
        <v>27</v>
      </c>
      <c r="L4117" s="1" t="s">
        <v>14391</v>
      </c>
      <c r="M4117" s="1" t="s">
        <v>5</v>
      </c>
      <c r="N4117" s="1" t="s">
        <v>6</v>
      </c>
      <c r="O4117" s="1" t="s">
        <v>38</v>
      </c>
      <c r="P4117" s="5" t="s">
        <v>30397</v>
      </c>
    </row>
    <row r="4118" spans="1:16" x14ac:dyDescent="0.2">
      <c r="A4118" s="1" t="s">
        <v>10</v>
      </c>
      <c r="B4118" s="1" t="s">
        <v>376</v>
      </c>
      <c r="C4118" s="1" t="s">
        <v>14395</v>
      </c>
      <c r="D4118" s="1" t="s">
        <v>10</v>
      </c>
      <c r="E4118" s="1" t="s">
        <v>14396</v>
      </c>
      <c r="F4118" s="1" t="s">
        <v>10</v>
      </c>
      <c r="G4118" s="1" t="s">
        <v>10</v>
      </c>
      <c r="H4118" s="1" t="s">
        <v>10</v>
      </c>
      <c r="I4118" s="1" t="s">
        <v>14283</v>
      </c>
      <c r="J4118" s="1" t="s">
        <v>14295</v>
      </c>
      <c r="K4118" s="1" t="s">
        <v>27</v>
      </c>
      <c r="L4118" s="1" t="s">
        <v>14394</v>
      </c>
      <c r="M4118" s="1" t="s">
        <v>5</v>
      </c>
      <c r="N4118" s="1" t="s">
        <v>6</v>
      </c>
      <c r="O4118" s="1" t="s">
        <v>38</v>
      </c>
      <c r="P4118" s="5" t="s">
        <v>30397</v>
      </c>
    </row>
    <row r="4119" spans="1:16" x14ac:dyDescent="0.2">
      <c r="A4119" s="1" t="s">
        <v>10</v>
      </c>
      <c r="B4119" s="1" t="s">
        <v>376</v>
      </c>
      <c r="C4119" s="1" t="s">
        <v>14398</v>
      </c>
      <c r="D4119" s="1" t="s">
        <v>10</v>
      </c>
      <c r="E4119" s="1" t="s">
        <v>14400</v>
      </c>
      <c r="F4119" s="1" t="s">
        <v>10</v>
      </c>
      <c r="G4119" s="1" t="s">
        <v>10</v>
      </c>
      <c r="H4119" s="1" t="s">
        <v>10</v>
      </c>
      <c r="I4119" s="1" t="s">
        <v>14283</v>
      </c>
      <c r="J4119" s="1" t="s">
        <v>14399</v>
      </c>
      <c r="K4119" s="1" t="s">
        <v>27</v>
      </c>
      <c r="L4119" s="1" t="s">
        <v>14397</v>
      </c>
      <c r="M4119" s="1" t="s">
        <v>5</v>
      </c>
      <c r="N4119" s="1" t="s">
        <v>6</v>
      </c>
      <c r="O4119" s="1" t="s">
        <v>38</v>
      </c>
      <c r="P4119" s="5" t="s">
        <v>30397</v>
      </c>
    </row>
    <row r="4120" spans="1:16" x14ac:dyDescent="0.2">
      <c r="A4120" s="1" t="s">
        <v>10</v>
      </c>
      <c r="B4120" s="1" t="s">
        <v>376</v>
      </c>
      <c r="C4120" s="1" t="s">
        <v>14402</v>
      </c>
      <c r="D4120" s="1" t="s">
        <v>10</v>
      </c>
      <c r="E4120" s="1" t="s">
        <v>14403</v>
      </c>
      <c r="F4120" s="1" t="s">
        <v>10</v>
      </c>
      <c r="G4120" s="1" t="s">
        <v>10</v>
      </c>
      <c r="H4120" s="1" t="s">
        <v>10</v>
      </c>
      <c r="I4120" s="1" t="s">
        <v>14283</v>
      </c>
      <c r="J4120" s="1" t="s">
        <v>14399</v>
      </c>
      <c r="K4120" s="1" t="s">
        <v>27</v>
      </c>
      <c r="L4120" s="1" t="s">
        <v>14401</v>
      </c>
      <c r="M4120" s="1" t="s">
        <v>5</v>
      </c>
      <c r="N4120" s="1" t="s">
        <v>6</v>
      </c>
      <c r="O4120" s="1" t="s">
        <v>38</v>
      </c>
      <c r="P4120" s="5" t="s">
        <v>30397</v>
      </c>
    </row>
    <row r="4121" spans="1:16" x14ac:dyDescent="0.2">
      <c r="A4121" s="1" t="s">
        <v>10</v>
      </c>
      <c r="B4121" s="1" t="s">
        <v>376</v>
      </c>
      <c r="C4121" s="1" t="s">
        <v>14405</v>
      </c>
      <c r="D4121" s="1" t="s">
        <v>10</v>
      </c>
      <c r="E4121" s="1" t="s">
        <v>14406</v>
      </c>
      <c r="F4121" s="1" t="s">
        <v>10</v>
      </c>
      <c r="G4121" s="1" t="s">
        <v>10</v>
      </c>
      <c r="H4121" s="1" t="s">
        <v>10</v>
      </c>
      <c r="I4121" s="1" t="s">
        <v>14283</v>
      </c>
      <c r="J4121" s="1" t="s">
        <v>14399</v>
      </c>
      <c r="K4121" s="1" t="s">
        <v>1548</v>
      </c>
      <c r="L4121" s="1" t="s">
        <v>14404</v>
      </c>
      <c r="M4121" s="1" t="s">
        <v>5</v>
      </c>
      <c r="N4121" s="1" t="s">
        <v>6</v>
      </c>
      <c r="O4121" s="1" t="s">
        <v>38</v>
      </c>
      <c r="P4121" s="5" t="s">
        <v>30397</v>
      </c>
    </row>
    <row r="4122" spans="1:16" x14ac:dyDescent="0.2">
      <c r="A4122" s="1" t="s">
        <v>10</v>
      </c>
      <c r="B4122" s="1" t="s">
        <v>376</v>
      </c>
      <c r="C4122" s="1" t="s">
        <v>14299</v>
      </c>
      <c r="D4122" s="1" t="s">
        <v>14300</v>
      </c>
      <c r="E4122" s="1"/>
      <c r="F4122" s="1" t="s">
        <v>10</v>
      </c>
      <c r="G4122" s="1" t="s">
        <v>10</v>
      </c>
      <c r="H4122" s="1" t="s">
        <v>10</v>
      </c>
      <c r="I4122" s="1" t="s">
        <v>14283</v>
      </c>
      <c r="J4122" s="1" t="s">
        <v>14301</v>
      </c>
      <c r="K4122" s="1" t="s">
        <v>27</v>
      </c>
      <c r="L4122" s="1" t="s">
        <v>14407</v>
      </c>
      <c r="M4122" s="1" t="s">
        <v>5</v>
      </c>
      <c r="N4122" s="1" t="s">
        <v>6</v>
      </c>
      <c r="O4122" s="1" t="s">
        <v>38</v>
      </c>
      <c r="P4122" s="5" t="s">
        <v>30397</v>
      </c>
    </row>
    <row r="4123" spans="1:16" x14ac:dyDescent="0.2">
      <c r="A4123" s="1" t="s">
        <v>10</v>
      </c>
      <c r="B4123" s="1" t="s">
        <v>376</v>
      </c>
      <c r="C4123" s="1" t="s">
        <v>14409</v>
      </c>
      <c r="D4123" s="1" t="s">
        <v>10</v>
      </c>
      <c r="E4123" s="1" t="s">
        <v>14410</v>
      </c>
      <c r="F4123" s="1" t="s">
        <v>10</v>
      </c>
      <c r="G4123" s="1" t="s">
        <v>10</v>
      </c>
      <c r="H4123" s="1" t="s">
        <v>10</v>
      </c>
      <c r="I4123" s="1" t="s">
        <v>14283</v>
      </c>
      <c r="J4123" s="1" t="s">
        <v>14301</v>
      </c>
      <c r="K4123" s="1" t="s">
        <v>113</v>
      </c>
      <c r="L4123" s="1" t="s">
        <v>14408</v>
      </c>
      <c r="M4123" s="1" t="s">
        <v>5</v>
      </c>
      <c r="N4123" s="1" t="s">
        <v>6</v>
      </c>
      <c r="O4123" s="1" t="s">
        <v>38</v>
      </c>
      <c r="P4123" s="5" t="s">
        <v>30397</v>
      </c>
    </row>
    <row r="4124" spans="1:16" x14ac:dyDescent="0.2">
      <c r="A4124" s="1" t="s">
        <v>10</v>
      </c>
      <c r="B4124" s="1" t="s">
        <v>376</v>
      </c>
      <c r="C4124" s="1" t="s">
        <v>14412</v>
      </c>
      <c r="D4124" s="1" t="s">
        <v>10</v>
      </c>
      <c r="E4124" s="1" t="s">
        <v>14413</v>
      </c>
      <c r="F4124" s="1" t="s">
        <v>10</v>
      </c>
      <c r="G4124" s="1" t="s">
        <v>10</v>
      </c>
      <c r="H4124" s="1" t="s">
        <v>10</v>
      </c>
      <c r="I4124" s="1" t="s">
        <v>14283</v>
      </c>
      <c r="J4124" s="1" t="s">
        <v>14331</v>
      </c>
      <c r="K4124" s="1" t="s">
        <v>586</v>
      </c>
      <c r="L4124" s="1" t="s">
        <v>14411</v>
      </c>
      <c r="M4124" s="1" t="s">
        <v>5</v>
      </c>
      <c r="N4124" s="1" t="s">
        <v>6</v>
      </c>
      <c r="O4124" s="1" t="s">
        <v>38</v>
      </c>
      <c r="P4124" s="5" t="s">
        <v>30397</v>
      </c>
    </row>
    <row r="4125" spans="1:16" x14ac:dyDescent="0.2">
      <c r="A4125" s="1" t="s">
        <v>10</v>
      </c>
      <c r="B4125" s="1" t="s">
        <v>376</v>
      </c>
      <c r="C4125" s="1" t="s">
        <v>14415</v>
      </c>
      <c r="D4125" s="1" t="s">
        <v>10</v>
      </c>
      <c r="E4125" s="1" t="s">
        <v>14416</v>
      </c>
      <c r="F4125" s="1" t="s">
        <v>10</v>
      </c>
      <c r="G4125" s="1" t="s">
        <v>10</v>
      </c>
      <c r="H4125" s="1" t="s">
        <v>10</v>
      </c>
      <c r="I4125" s="1" t="s">
        <v>14283</v>
      </c>
      <c r="J4125" s="1" t="s">
        <v>14331</v>
      </c>
      <c r="K4125" s="1" t="s">
        <v>586</v>
      </c>
      <c r="L4125" s="1" t="s">
        <v>14414</v>
      </c>
      <c r="M4125" s="1" t="s">
        <v>5</v>
      </c>
      <c r="N4125" s="1" t="s">
        <v>6</v>
      </c>
      <c r="O4125" s="1" t="s">
        <v>38</v>
      </c>
      <c r="P4125" s="5" t="s">
        <v>30397</v>
      </c>
    </row>
    <row r="4126" spans="1:16" x14ac:dyDescent="0.2">
      <c r="A4126" s="1" t="s">
        <v>10</v>
      </c>
      <c r="B4126" s="1" t="s">
        <v>376</v>
      </c>
      <c r="C4126" s="1" t="s">
        <v>14418</v>
      </c>
      <c r="D4126" s="1" t="s">
        <v>300</v>
      </c>
      <c r="E4126" s="1" t="s">
        <v>14419</v>
      </c>
      <c r="F4126" s="1" t="s">
        <v>10</v>
      </c>
      <c r="G4126" s="1" t="s">
        <v>10</v>
      </c>
      <c r="H4126" s="1" t="s">
        <v>10</v>
      </c>
      <c r="I4126" s="1" t="s">
        <v>14283</v>
      </c>
      <c r="J4126" s="1" t="s">
        <v>14295</v>
      </c>
      <c r="K4126" s="1" t="s">
        <v>27</v>
      </c>
      <c r="L4126" s="1" t="s">
        <v>14417</v>
      </c>
      <c r="M4126" s="1" t="s">
        <v>5</v>
      </c>
      <c r="N4126" s="1" t="s">
        <v>6</v>
      </c>
      <c r="O4126" s="1" t="s">
        <v>38</v>
      </c>
      <c r="P4126" s="5" t="s">
        <v>30397</v>
      </c>
    </row>
    <row r="4127" spans="1:16" x14ac:dyDescent="0.2">
      <c r="A4127" s="1" t="s">
        <v>10</v>
      </c>
      <c r="B4127" s="1" t="s">
        <v>376</v>
      </c>
      <c r="C4127" s="1" t="s">
        <v>14421</v>
      </c>
      <c r="D4127" s="1" t="s">
        <v>10</v>
      </c>
      <c r="E4127" s="1" t="s">
        <v>14422</v>
      </c>
      <c r="F4127" s="1" t="s">
        <v>10</v>
      </c>
      <c r="G4127" s="1" t="s">
        <v>10</v>
      </c>
      <c r="H4127" s="1" t="s">
        <v>10</v>
      </c>
      <c r="I4127" s="1" t="s">
        <v>14283</v>
      </c>
      <c r="J4127" s="1" t="s">
        <v>14325</v>
      </c>
      <c r="K4127" s="1" t="s">
        <v>7</v>
      </c>
      <c r="L4127" s="1" t="s">
        <v>14420</v>
      </c>
      <c r="M4127" s="1" t="s">
        <v>5</v>
      </c>
      <c r="N4127" s="1" t="s">
        <v>6</v>
      </c>
      <c r="O4127" s="1" t="s">
        <v>38</v>
      </c>
      <c r="P4127" s="5" t="s">
        <v>30397</v>
      </c>
    </row>
    <row r="4128" spans="1:16" x14ac:dyDescent="0.2">
      <c r="A4128" s="1" t="s">
        <v>10</v>
      </c>
      <c r="B4128" s="1" t="s">
        <v>376</v>
      </c>
      <c r="C4128" s="1" t="s">
        <v>14424</v>
      </c>
      <c r="D4128" s="1" t="s">
        <v>10</v>
      </c>
      <c r="E4128" s="1" t="s">
        <v>14425</v>
      </c>
      <c r="F4128" s="1" t="s">
        <v>10</v>
      </c>
      <c r="G4128" s="1" t="s">
        <v>10</v>
      </c>
      <c r="H4128" s="1" t="s">
        <v>10</v>
      </c>
      <c r="I4128" s="1" t="s">
        <v>14283</v>
      </c>
      <c r="J4128" s="1" t="s">
        <v>14287</v>
      </c>
      <c r="K4128" s="1" t="s">
        <v>7</v>
      </c>
      <c r="L4128" s="1" t="s">
        <v>14423</v>
      </c>
      <c r="M4128" s="1" t="s">
        <v>5</v>
      </c>
      <c r="N4128" s="1" t="s">
        <v>25</v>
      </c>
      <c r="O4128" s="1" t="s">
        <v>38</v>
      </c>
      <c r="P4128" s="5" t="s">
        <v>30397</v>
      </c>
    </row>
    <row r="4129" spans="1:16" x14ac:dyDescent="0.2">
      <c r="A4129" s="1" t="s">
        <v>10</v>
      </c>
      <c r="B4129" s="1" t="s">
        <v>376</v>
      </c>
      <c r="C4129" s="1" t="s">
        <v>14427</v>
      </c>
      <c r="D4129" s="1" t="s">
        <v>4511</v>
      </c>
      <c r="E4129" s="1"/>
      <c r="F4129" s="1" t="s">
        <v>10</v>
      </c>
      <c r="G4129" s="1" t="s">
        <v>10</v>
      </c>
      <c r="H4129" s="1" t="s">
        <v>10</v>
      </c>
      <c r="I4129" s="1" t="s">
        <v>14283</v>
      </c>
      <c r="J4129" s="1" t="s">
        <v>14311</v>
      </c>
      <c r="K4129" s="1" t="s">
        <v>27</v>
      </c>
      <c r="L4129" s="1" t="s">
        <v>14426</v>
      </c>
      <c r="M4129" s="1" t="s">
        <v>5</v>
      </c>
      <c r="N4129" s="1" t="s">
        <v>6</v>
      </c>
      <c r="O4129" s="1" t="s">
        <v>38</v>
      </c>
      <c r="P4129" s="5" t="s">
        <v>30397</v>
      </c>
    </row>
    <row r="4130" spans="1:16" x14ac:dyDescent="0.2">
      <c r="A4130" s="1" t="s">
        <v>10</v>
      </c>
      <c r="B4130" s="1" t="s">
        <v>376</v>
      </c>
      <c r="C4130" s="1" t="s">
        <v>14429</v>
      </c>
      <c r="D4130" s="1" t="s">
        <v>10</v>
      </c>
      <c r="E4130" s="1" t="s">
        <v>14430</v>
      </c>
      <c r="F4130" s="1" t="s">
        <v>10</v>
      </c>
      <c r="G4130" s="1" t="s">
        <v>10</v>
      </c>
      <c r="H4130" s="1" t="s">
        <v>10</v>
      </c>
      <c r="I4130" s="1" t="s">
        <v>14283</v>
      </c>
      <c r="J4130" s="1" t="s">
        <v>14301</v>
      </c>
      <c r="K4130" s="1" t="s">
        <v>27</v>
      </c>
      <c r="L4130" s="1" t="s">
        <v>14428</v>
      </c>
      <c r="M4130" s="1" t="s">
        <v>5</v>
      </c>
      <c r="N4130" s="1" t="s">
        <v>6</v>
      </c>
      <c r="O4130" s="1" t="s">
        <v>38</v>
      </c>
      <c r="P4130" s="5" t="s">
        <v>30397</v>
      </c>
    </row>
    <row r="4131" spans="1:16" x14ac:dyDescent="0.2">
      <c r="A4131" s="1" t="s">
        <v>10</v>
      </c>
      <c r="B4131" s="1" t="s">
        <v>376</v>
      </c>
      <c r="C4131" s="1" t="s">
        <v>14432</v>
      </c>
      <c r="D4131" s="1" t="s">
        <v>10</v>
      </c>
      <c r="E4131" s="1" t="s">
        <v>14433</v>
      </c>
      <c r="F4131" s="1" t="s">
        <v>10</v>
      </c>
      <c r="G4131" s="1" t="s">
        <v>10</v>
      </c>
      <c r="H4131" s="1" t="s">
        <v>10</v>
      </c>
      <c r="I4131" s="1" t="s">
        <v>14283</v>
      </c>
      <c r="J4131" s="1" t="s">
        <v>14331</v>
      </c>
      <c r="K4131" s="1" t="s">
        <v>586</v>
      </c>
      <c r="L4131" s="1" t="s">
        <v>14431</v>
      </c>
      <c r="M4131" s="1" t="s">
        <v>5</v>
      </c>
      <c r="N4131" s="1" t="s">
        <v>6</v>
      </c>
      <c r="O4131" s="1" t="s">
        <v>38</v>
      </c>
      <c r="P4131" s="5" t="s">
        <v>30397</v>
      </c>
    </row>
    <row r="4132" spans="1:16" x14ac:dyDescent="0.2">
      <c r="A4132" s="1" t="s">
        <v>10</v>
      </c>
      <c r="B4132" s="1" t="s">
        <v>376</v>
      </c>
      <c r="C4132" s="1" t="s">
        <v>14435</v>
      </c>
      <c r="D4132" s="1" t="s">
        <v>14436</v>
      </c>
      <c r="E4132" s="1" t="s">
        <v>14437</v>
      </c>
      <c r="F4132" s="1" t="s">
        <v>10</v>
      </c>
      <c r="G4132" s="1" t="s">
        <v>10</v>
      </c>
      <c r="H4132" s="1" t="s">
        <v>10</v>
      </c>
      <c r="I4132" s="1" t="s">
        <v>14283</v>
      </c>
      <c r="J4132" s="1" t="s">
        <v>14331</v>
      </c>
      <c r="K4132" s="1" t="s">
        <v>586</v>
      </c>
      <c r="L4132" s="1" t="s">
        <v>14434</v>
      </c>
      <c r="M4132" s="1" t="s">
        <v>5</v>
      </c>
      <c r="N4132" s="1" t="s">
        <v>6</v>
      </c>
      <c r="O4132" s="1" t="s">
        <v>38</v>
      </c>
      <c r="P4132" s="5" t="s">
        <v>30397</v>
      </c>
    </row>
    <row r="4133" spans="1:16" x14ac:dyDescent="0.2">
      <c r="A4133" s="1" t="s">
        <v>10</v>
      </c>
      <c r="B4133" s="1" t="s">
        <v>376</v>
      </c>
      <c r="C4133" s="1" t="s">
        <v>14439</v>
      </c>
      <c r="D4133" s="1" t="s">
        <v>10</v>
      </c>
      <c r="E4133" s="1" t="s">
        <v>14440</v>
      </c>
      <c r="F4133" s="1" t="s">
        <v>10</v>
      </c>
      <c r="G4133" s="1" t="s">
        <v>10</v>
      </c>
      <c r="H4133" s="1" t="s">
        <v>10</v>
      </c>
      <c r="I4133" s="1" t="s">
        <v>14283</v>
      </c>
      <c r="J4133" s="1" t="s">
        <v>14334</v>
      </c>
      <c r="K4133" s="1" t="s">
        <v>130</v>
      </c>
      <c r="L4133" s="1" t="s">
        <v>14438</v>
      </c>
      <c r="M4133" s="1" t="s">
        <v>5</v>
      </c>
      <c r="N4133" s="1" t="s">
        <v>6</v>
      </c>
      <c r="O4133" s="1" t="s">
        <v>38</v>
      </c>
      <c r="P4133" s="5" t="s">
        <v>30397</v>
      </c>
    </row>
    <row r="4134" spans="1:16" x14ac:dyDescent="0.2">
      <c r="A4134" s="1" t="s">
        <v>10</v>
      </c>
      <c r="B4134" s="1" t="s">
        <v>376</v>
      </c>
      <c r="C4134" s="1" t="s">
        <v>14442</v>
      </c>
      <c r="D4134" s="1" t="s">
        <v>10</v>
      </c>
      <c r="E4134" s="1" t="s">
        <v>14443</v>
      </c>
      <c r="F4134" s="1" t="s">
        <v>10</v>
      </c>
      <c r="G4134" s="1" t="s">
        <v>10</v>
      </c>
      <c r="H4134" s="1" t="s">
        <v>10</v>
      </c>
      <c r="I4134" s="1" t="s">
        <v>14283</v>
      </c>
      <c r="J4134" s="1" t="s">
        <v>14287</v>
      </c>
      <c r="K4134" s="1" t="s">
        <v>10218</v>
      </c>
      <c r="L4134" s="1" t="s">
        <v>14441</v>
      </c>
      <c r="M4134" s="1" t="s">
        <v>5</v>
      </c>
      <c r="N4134" s="1" t="s">
        <v>25</v>
      </c>
      <c r="O4134" s="1" t="s">
        <v>38</v>
      </c>
      <c r="P4134" s="5" t="s">
        <v>31</v>
      </c>
    </row>
    <row r="4135" spans="1:16" x14ac:dyDescent="0.2">
      <c r="A4135" s="1" t="s">
        <v>10</v>
      </c>
      <c r="B4135" s="1" t="s">
        <v>376</v>
      </c>
      <c r="C4135" s="1" t="s">
        <v>14445</v>
      </c>
      <c r="D4135" s="1" t="s">
        <v>14446</v>
      </c>
      <c r="E4135" s="1"/>
      <c r="F4135" s="1" t="s">
        <v>10</v>
      </c>
      <c r="G4135" s="1" t="s">
        <v>10</v>
      </c>
      <c r="H4135" s="1" t="s">
        <v>10</v>
      </c>
      <c r="I4135" s="1" t="s">
        <v>14283</v>
      </c>
      <c r="J4135" s="1" t="s">
        <v>14311</v>
      </c>
      <c r="K4135" s="1" t="s">
        <v>130</v>
      </c>
      <c r="L4135" s="1" t="s">
        <v>14444</v>
      </c>
      <c r="M4135" s="1" t="s">
        <v>5</v>
      </c>
      <c r="N4135" s="1" t="s">
        <v>25</v>
      </c>
      <c r="O4135" s="1" t="s">
        <v>38</v>
      </c>
      <c r="P4135" s="5"/>
    </row>
    <row r="4136" spans="1:16" x14ac:dyDescent="0.2">
      <c r="A4136" s="1" t="s">
        <v>10</v>
      </c>
      <c r="B4136" s="1" t="s">
        <v>376</v>
      </c>
      <c r="C4136" s="1" t="s">
        <v>14448</v>
      </c>
      <c r="D4136" s="1" t="s">
        <v>10</v>
      </c>
      <c r="E4136" s="1" t="s">
        <v>14449</v>
      </c>
      <c r="F4136" s="1" t="s">
        <v>10</v>
      </c>
      <c r="G4136" s="1" t="s">
        <v>10</v>
      </c>
      <c r="H4136" s="1" t="s">
        <v>10</v>
      </c>
      <c r="I4136" s="1" t="s">
        <v>14283</v>
      </c>
      <c r="J4136" s="1" t="s">
        <v>14295</v>
      </c>
      <c r="K4136" s="1" t="s">
        <v>7</v>
      </c>
      <c r="L4136" s="1" t="s">
        <v>14447</v>
      </c>
      <c r="M4136" s="1" t="s">
        <v>5</v>
      </c>
      <c r="N4136" s="1" t="s">
        <v>25</v>
      </c>
      <c r="O4136" s="1" t="s">
        <v>38</v>
      </c>
      <c r="P4136" s="5" t="s">
        <v>10</v>
      </c>
    </row>
    <row r="4137" spans="1:16" x14ac:dyDescent="0.2">
      <c r="A4137" s="1" t="s">
        <v>10</v>
      </c>
      <c r="B4137" s="1" t="s">
        <v>376</v>
      </c>
      <c r="C4137" s="1" t="s">
        <v>14451</v>
      </c>
      <c r="D4137" s="1" t="s">
        <v>14452</v>
      </c>
      <c r="E4137" s="1"/>
      <c r="F4137" s="1" t="s">
        <v>10</v>
      </c>
      <c r="G4137" s="1" t="s">
        <v>10</v>
      </c>
      <c r="H4137" s="1" t="s">
        <v>10</v>
      </c>
      <c r="I4137" s="1" t="s">
        <v>14283</v>
      </c>
      <c r="J4137" s="1" t="s">
        <v>14325</v>
      </c>
      <c r="K4137" s="1" t="s">
        <v>443</v>
      </c>
      <c r="L4137" s="1" t="s">
        <v>14450</v>
      </c>
      <c r="M4137" s="1" t="s">
        <v>5</v>
      </c>
      <c r="N4137" s="1" t="s">
        <v>25</v>
      </c>
      <c r="O4137" s="1" t="s">
        <v>38</v>
      </c>
      <c r="P4137" s="5" t="s">
        <v>2383</v>
      </c>
    </row>
    <row r="4138" spans="1:16" x14ac:dyDescent="0.2">
      <c r="A4138" s="1" t="s">
        <v>10</v>
      </c>
      <c r="B4138" s="1" t="s">
        <v>376</v>
      </c>
      <c r="C4138" s="1" t="s">
        <v>14455</v>
      </c>
      <c r="D4138" s="1" t="s">
        <v>14456</v>
      </c>
      <c r="E4138" s="1"/>
      <c r="F4138" s="1" t="s">
        <v>10</v>
      </c>
      <c r="G4138" s="1" t="s">
        <v>10</v>
      </c>
      <c r="H4138" s="1" t="s">
        <v>10</v>
      </c>
      <c r="I4138" s="1" t="s">
        <v>14283</v>
      </c>
      <c r="J4138" s="1" t="s">
        <v>14457</v>
      </c>
      <c r="K4138" s="1" t="s">
        <v>27</v>
      </c>
      <c r="L4138" s="1" t="s">
        <v>14454</v>
      </c>
      <c r="M4138" s="1" t="s">
        <v>5</v>
      </c>
      <c r="N4138" s="1" t="s">
        <v>25</v>
      </c>
      <c r="O4138" s="1" t="s">
        <v>38</v>
      </c>
      <c r="P4138" s="5" t="s">
        <v>31684</v>
      </c>
    </row>
    <row r="4139" spans="1:16" x14ac:dyDescent="0.2">
      <c r="A4139" s="1" t="s">
        <v>10</v>
      </c>
      <c r="B4139" s="1" t="s">
        <v>376</v>
      </c>
      <c r="C4139" s="1" t="s">
        <v>14459</v>
      </c>
      <c r="D4139" s="1" t="s">
        <v>10</v>
      </c>
      <c r="E4139" s="1" t="s">
        <v>14460</v>
      </c>
      <c r="F4139" s="1" t="s">
        <v>10</v>
      </c>
      <c r="G4139" s="1" t="s">
        <v>10</v>
      </c>
      <c r="H4139" s="1" t="s">
        <v>10</v>
      </c>
      <c r="I4139" s="1" t="s">
        <v>14283</v>
      </c>
      <c r="J4139" s="1" t="s">
        <v>14331</v>
      </c>
      <c r="K4139" s="1" t="s">
        <v>586</v>
      </c>
      <c r="L4139" s="1" t="s">
        <v>14458</v>
      </c>
      <c r="M4139" s="1" t="s">
        <v>5</v>
      </c>
      <c r="N4139" s="1" t="s">
        <v>6</v>
      </c>
      <c r="O4139" s="1" t="s">
        <v>38</v>
      </c>
      <c r="P4139" s="5" t="s">
        <v>30397</v>
      </c>
    </row>
    <row r="4140" spans="1:16" x14ac:dyDescent="0.2">
      <c r="A4140" s="1" t="s">
        <v>10</v>
      </c>
      <c r="B4140" s="1" t="s">
        <v>376</v>
      </c>
      <c r="C4140" s="1" t="s">
        <v>14462</v>
      </c>
      <c r="D4140" s="1" t="s">
        <v>10</v>
      </c>
      <c r="E4140" s="1" t="s">
        <v>14463</v>
      </c>
      <c r="F4140" s="1" t="s">
        <v>10</v>
      </c>
      <c r="G4140" s="1" t="s">
        <v>10</v>
      </c>
      <c r="H4140" s="1" t="s">
        <v>10</v>
      </c>
      <c r="I4140" s="1" t="s">
        <v>14283</v>
      </c>
      <c r="J4140" s="1" t="s">
        <v>14311</v>
      </c>
      <c r="K4140" s="1" t="s">
        <v>27</v>
      </c>
      <c r="L4140" s="1" t="s">
        <v>14461</v>
      </c>
      <c r="M4140" s="1" t="s">
        <v>5</v>
      </c>
      <c r="N4140" s="1" t="s">
        <v>6</v>
      </c>
      <c r="O4140" s="1" t="s">
        <v>38</v>
      </c>
      <c r="P4140" s="5" t="s">
        <v>30397</v>
      </c>
    </row>
    <row r="4141" spans="1:16" x14ac:dyDescent="0.2">
      <c r="A4141" s="1" t="s">
        <v>10</v>
      </c>
      <c r="B4141" s="1" t="s">
        <v>376</v>
      </c>
      <c r="C4141" s="1" t="s">
        <v>14465</v>
      </c>
      <c r="D4141" s="1" t="s">
        <v>10</v>
      </c>
      <c r="E4141" s="1" t="s">
        <v>14463</v>
      </c>
      <c r="F4141" s="1" t="s">
        <v>10</v>
      </c>
      <c r="G4141" s="1" t="s">
        <v>10</v>
      </c>
      <c r="H4141" s="1" t="s">
        <v>10</v>
      </c>
      <c r="I4141" s="1" t="s">
        <v>14283</v>
      </c>
      <c r="J4141" s="1" t="s">
        <v>14311</v>
      </c>
      <c r="K4141" s="1" t="s">
        <v>27</v>
      </c>
      <c r="L4141" s="1" t="s">
        <v>14464</v>
      </c>
      <c r="M4141" s="1" t="s">
        <v>5</v>
      </c>
      <c r="N4141" s="1" t="s">
        <v>6</v>
      </c>
      <c r="O4141" s="1" t="s">
        <v>38</v>
      </c>
      <c r="P4141" s="5" t="s">
        <v>30397</v>
      </c>
    </row>
    <row r="4142" spans="1:16" x14ac:dyDescent="0.2">
      <c r="A4142" s="1" t="s">
        <v>10</v>
      </c>
      <c r="B4142" s="1" t="s">
        <v>376</v>
      </c>
      <c r="C4142" s="1" t="s">
        <v>14467</v>
      </c>
      <c r="D4142" s="1" t="s">
        <v>10</v>
      </c>
      <c r="E4142" s="1"/>
      <c r="F4142" s="1" t="s">
        <v>10</v>
      </c>
      <c r="G4142" s="1" t="s">
        <v>10</v>
      </c>
      <c r="H4142" s="1" t="s">
        <v>10</v>
      </c>
      <c r="I4142" s="1" t="s">
        <v>14283</v>
      </c>
      <c r="J4142" s="1" t="s">
        <v>14311</v>
      </c>
      <c r="K4142" s="1" t="s">
        <v>27</v>
      </c>
      <c r="L4142" s="1" t="s">
        <v>14466</v>
      </c>
      <c r="M4142" s="1" t="s">
        <v>5</v>
      </c>
      <c r="N4142" s="1" t="s">
        <v>6</v>
      </c>
      <c r="O4142" s="1" t="s">
        <v>38</v>
      </c>
      <c r="P4142" s="5" t="s">
        <v>30397</v>
      </c>
    </row>
    <row r="4143" spans="1:16" x14ac:dyDescent="0.2">
      <c r="A4143" s="1" t="s">
        <v>10</v>
      </c>
      <c r="B4143" s="1" t="s">
        <v>376</v>
      </c>
      <c r="C4143" s="1" t="s">
        <v>14469</v>
      </c>
      <c r="D4143" s="1" t="s">
        <v>10</v>
      </c>
      <c r="E4143" s="1" t="s">
        <v>14463</v>
      </c>
      <c r="F4143" s="1" t="s">
        <v>10</v>
      </c>
      <c r="G4143" s="1" t="s">
        <v>10</v>
      </c>
      <c r="H4143" s="1" t="s">
        <v>10</v>
      </c>
      <c r="I4143" s="1" t="s">
        <v>14283</v>
      </c>
      <c r="J4143" s="1" t="s">
        <v>14311</v>
      </c>
      <c r="K4143" s="1" t="s">
        <v>27</v>
      </c>
      <c r="L4143" s="1" t="s">
        <v>14468</v>
      </c>
      <c r="M4143" s="1" t="s">
        <v>5</v>
      </c>
      <c r="N4143" s="1" t="s">
        <v>6</v>
      </c>
      <c r="O4143" s="1" t="s">
        <v>38</v>
      </c>
      <c r="P4143" s="5" t="s">
        <v>31685</v>
      </c>
    </row>
    <row r="4144" spans="1:16" x14ac:dyDescent="0.2">
      <c r="A4144" s="1" t="s">
        <v>10</v>
      </c>
      <c r="B4144" s="1" t="s">
        <v>376</v>
      </c>
      <c r="C4144" s="1" t="s">
        <v>14471</v>
      </c>
      <c r="D4144" s="1" t="s">
        <v>10</v>
      </c>
      <c r="E4144" s="1" t="s">
        <v>14463</v>
      </c>
      <c r="F4144" s="1" t="s">
        <v>10</v>
      </c>
      <c r="G4144" s="1" t="s">
        <v>10</v>
      </c>
      <c r="H4144" s="1" t="s">
        <v>10</v>
      </c>
      <c r="I4144" s="1" t="s">
        <v>14283</v>
      </c>
      <c r="J4144" s="1" t="s">
        <v>14311</v>
      </c>
      <c r="K4144" s="1" t="s">
        <v>27</v>
      </c>
      <c r="L4144" s="1" t="s">
        <v>14470</v>
      </c>
      <c r="M4144" s="1" t="s">
        <v>5</v>
      </c>
      <c r="N4144" s="1" t="s">
        <v>6</v>
      </c>
      <c r="O4144" s="1" t="s">
        <v>38</v>
      </c>
      <c r="P4144" s="5" t="s">
        <v>30397</v>
      </c>
    </row>
    <row r="4145" spans="1:16" x14ac:dyDescent="0.2">
      <c r="A4145" s="1" t="s">
        <v>10</v>
      </c>
      <c r="B4145" s="1" t="s">
        <v>376</v>
      </c>
      <c r="C4145" s="1" t="s">
        <v>14473</v>
      </c>
      <c r="D4145" s="1" t="s">
        <v>10</v>
      </c>
      <c r="E4145" s="1" t="s">
        <v>14474</v>
      </c>
      <c r="F4145" s="1" t="s">
        <v>10</v>
      </c>
      <c r="G4145" s="1" t="s">
        <v>10</v>
      </c>
      <c r="H4145" s="1" t="s">
        <v>10</v>
      </c>
      <c r="I4145" s="1" t="s">
        <v>14283</v>
      </c>
      <c r="J4145" s="1" t="s">
        <v>14331</v>
      </c>
      <c r="K4145" s="1" t="s">
        <v>586</v>
      </c>
      <c r="L4145" s="1" t="s">
        <v>14472</v>
      </c>
      <c r="M4145" s="1" t="s">
        <v>5</v>
      </c>
      <c r="N4145" s="1" t="s">
        <v>6</v>
      </c>
      <c r="O4145" s="1" t="s">
        <v>38</v>
      </c>
      <c r="P4145" s="5" t="s">
        <v>30397</v>
      </c>
    </row>
    <row r="4146" spans="1:16" x14ac:dyDescent="0.2">
      <c r="A4146" s="1" t="s">
        <v>10</v>
      </c>
      <c r="B4146" s="1" t="s">
        <v>376</v>
      </c>
      <c r="C4146" s="1" t="s">
        <v>14476</v>
      </c>
      <c r="D4146" s="1" t="s">
        <v>12335</v>
      </c>
      <c r="E4146" s="1" t="s">
        <v>14478</v>
      </c>
      <c r="F4146" s="1" t="s">
        <v>10</v>
      </c>
      <c r="G4146" s="1" t="s">
        <v>10</v>
      </c>
      <c r="H4146" s="1" t="s">
        <v>10</v>
      </c>
      <c r="I4146" s="1" t="s">
        <v>14283</v>
      </c>
      <c r="J4146" s="1" t="s">
        <v>14477</v>
      </c>
      <c r="K4146" s="1" t="s">
        <v>64</v>
      </c>
      <c r="L4146" s="1" t="s">
        <v>14475</v>
      </c>
      <c r="M4146" s="1" t="s">
        <v>5</v>
      </c>
      <c r="N4146" s="1" t="s">
        <v>25</v>
      </c>
      <c r="O4146" s="1" t="s">
        <v>38</v>
      </c>
      <c r="P4146" s="5" t="s">
        <v>30397</v>
      </c>
    </row>
    <row r="4147" spans="1:16" x14ac:dyDescent="0.2">
      <c r="A4147" s="1" t="s">
        <v>10</v>
      </c>
      <c r="B4147" s="1" t="s">
        <v>376</v>
      </c>
      <c r="C4147" s="1" t="s">
        <v>14480</v>
      </c>
      <c r="D4147" s="1" t="s">
        <v>10</v>
      </c>
      <c r="E4147" s="1" t="s">
        <v>14482</v>
      </c>
      <c r="F4147" s="1" t="s">
        <v>10</v>
      </c>
      <c r="G4147" s="1" t="s">
        <v>10</v>
      </c>
      <c r="H4147" s="1" t="s">
        <v>10</v>
      </c>
      <c r="I4147" s="1" t="s">
        <v>14283</v>
      </c>
      <c r="J4147" s="1" t="s">
        <v>14481</v>
      </c>
      <c r="K4147" s="1" t="s">
        <v>130</v>
      </c>
      <c r="L4147" s="1" t="s">
        <v>14479</v>
      </c>
      <c r="M4147" s="1" t="s">
        <v>5</v>
      </c>
      <c r="N4147" s="1" t="s">
        <v>25</v>
      </c>
      <c r="O4147" s="1" t="s">
        <v>38</v>
      </c>
      <c r="P4147" s="5" t="s">
        <v>30397</v>
      </c>
    </row>
    <row r="4148" spans="1:16" x14ac:dyDescent="0.2">
      <c r="A4148" s="1" t="s">
        <v>10</v>
      </c>
      <c r="B4148" s="1" t="s">
        <v>376</v>
      </c>
      <c r="C4148" s="1" t="s">
        <v>14484</v>
      </c>
      <c r="D4148" s="1" t="s">
        <v>10</v>
      </c>
      <c r="E4148" s="1" t="s">
        <v>14485</v>
      </c>
      <c r="F4148" s="1" t="s">
        <v>10</v>
      </c>
      <c r="G4148" s="1" t="s">
        <v>10</v>
      </c>
      <c r="H4148" s="1" t="s">
        <v>10</v>
      </c>
      <c r="I4148" s="1" t="s">
        <v>14283</v>
      </c>
      <c r="J4148" s="1" t="s">
        <v>14481</v>
      </c>
      <c r="K4148" s="1" t="s">
        <v>130</v>
      </c>
      <c r="L4148" s="1" t="s">
        <v>14483</v>
      </c>
      <c r="M4148" s="1" t="s">
        <v>5</v>
      </c>
      <c r="N4148" s="1" t="s">
        <v>25</v>
      </c>
      <c r="O4148" s="1" t="s">
        <v>38</v>
      </c>
      <c r="P4148" s="5" t="s">
        <v>30397</v>
      </c>
    </row>
    <row r="4149" spans="1:16" x14ac:dyDescent="0.2">
      <c r="A4149" s="1" t="s">
        <v>10</v>
      </c>
      <c r="B4149" s="1" t="s">
        <v>376</v>
      </c>
      <c r="C4149" s="1" t="s">
        <v>14487</v>
      </c>
      <c r="D4149" s="1" t="s">
        <v>10</v>
      </c>
      <c r="E4149" s="1" t="s">
        <v>14489</v>
      </c>
      <c r="F4149" s="1" t="s">
        <v>10</v>
      </c>
      <c r="G4149" s="1" t="s">
        <v>10</v>
      </c>
      <c r="H4149" s="1" t="s">
        <v>10</v>
      </c>
      <c r="I4149" s="1" t="s">
        <v>14283</v>
      </c>
      <c r="J4149" s="1" t="s">
        <v>14488</v>
      </c>
      <c r="K4149" s="1" t="s">
        <v>1027</v>
      </c>
      <c r="L4149" s="1" t="s">
        <v>14486</v>
      </c>
      <c r="M4149" s="1" t="s">
        <v>5</v>
      </c>
      <c r="N4149" s="1" t="s">
        <v>25</v>
      </c>
      <c r="O4149" s="1" t="s">
        <v>38</v>
      </c>
      <c r="P4149" s="5" t="s">
        <v>30397</v>
      </c>
    </row>
    <row r="4150" spans="1:16" x14ac:dyDescent="0.2">
      <c r="A4150" s="1" t="s">
        <v>10</v>
      </c>
      <c r="B4150" s="1" t="s">
        <v>376</v>
      </c>
      <c r="C4150" s="1" t="s">
        <v>14491</v>
      </c>
      <c r="D4150" s="1" t="s">
        <v>10</v>
      </c>
      <c r="E4150" s="1" t="s">
        <v>14492</v>
      </c>
      <c r="F4150" s="1" t="s">
        <v>10</v>
      </c>
      <c r="G4150" s="1" t="s">
        <v>10</v>
      </c>
      <c r="H4150" s="1" t="s">
        <v>10</v>
      </c>
      <c r="I4150" s="1" t="s">
        <v>14283</v>
      </c>
      <c r="J4150" s="1" t="s">
        <v>14287</v>
      </c>
      <c r="K4150" s="1" t="s">
        <v>244</v>
      </c>
      <c r="L4150" s="1" t="s">
        <v>14490</v>
      </c>
      <c r="M4150" s="1" t="s">
        <v>5</v>
      </c>
      <c r="N4150" s="1" t="s">
        <v>25</v>
      </c>
      <c r="O4150" s="1" t="s">
        <v>38</v>
      </c>
      <c r="P4150" s="5" t="s">
        <v>30397</v>
      </c>
    </row>
    <row r="4151" spans="1:16" x14ac:dyDescent="0.2">
      <c r="A4151" s="1" t="s">
        <v>10</v>
      </c>
      <c r="B4151" s="1" t="s">
        <v>376</v>
      </c>
      <c r="C4151" s="1" t="s">
        <v>14494</v>
      </c>
      <c r="D4151" s="1" t="s">
        <v>10</v>
      </c>
      <c r="E4151" s="1" t="s">
        <v>14495</v>
      </c>
      <c r="F4151" s="1" t="s">
        <v>10</v>
      </c>
      <c r="G4151" s="1" t="s">
        <v>10</v>
      </c>
      <c r="H4151" s="1" t="s">
        <v>10</v>
      </c>
      <c r="I4151" s="1" t="s">
        <v>14283</v>
      </c>
      <c r="J4151" s="1" t="s">
        <v>14477</v>
      </c>
      <c r="K4151" s="1" t="s">
        <v>64</v>
      </c>
      <c r="L4151" s="1" t="s">
        <v>14493</v>
      </c>
      <c r="M4151" s="1" t="s">
        <v>5</v>
      </c>
      <c r="N4151" s="1" t="s">
        <v>25</v>
      </c>
      <c r="O4151" s="1" t="s">
        <v>38</v>
      </c>
      <c r="P4151" s="5" t="s">
        <v>30397</v>
      </c>
    </row>
    <row r="4152" spans="1:16" x14ac:dyDescent="0.2">
      <c r="A4152" s="1" t="s">
        <v>10</v>
      </c>
      <c r="B4152" s="1" t="s">
        <v>376</v>
      </c>
      <c r="C4152" s="1" t="s">
        <v>14497</v>
      </c>
      <c r="D4152" s="1" t="s">
        <v>14498</v>
      </c>
      <c r="E4152" s="1" t="s">
        <v>14499</v>
      </c>
      <c r="F4152" s="1" t="s">
        <v>10</v>
      </c>
      <c r="G4152" s="1" t="s">
        <v>10</v>
      </c>
      <c r="H4152" s="1" t="s">
        <v>10</v>
      </c>
      <c r="I4152" s="1" t="s">
        <v>14283</v>
      </c>
      <c r="J4152" s="1" t="s">
        <v>14477</v>
      </c>
      <c r="K4152" s="1" t="s">
        <v>64</v>
      </c>
      <c r="L4152" s="1" t="s">
        <v>14496</v>
      </c>
      <c r="M4152" s="1" t="s">
        <v>5</v>
      </c>
      <c r="N4152" s="1" t="s">
        <v>25</v>
      </c>
      <c r="O4152" s="1" t="s">
        <v>38</v>
      </c>
      <c r="P4152" s="5" t="s">
        <v>30397</v>
      </c>
    </row>
    <row r="4153" spans="1:16" x14ac:dyDescent="0.2">
      <c r="A4153" s="1" t="s">
        <v>10</v>
      </c>
      <c r="B4153" s="1" t="s">
        <v>376</v>
      </c>
      <c r="C4153" s="1" t="s">
        <v>14501</v>
      </c>
      <c r="D4153" s="1" t="s">
        <v>10</v>
      </c>
      <c r="E4153" s="1" t="s">
        <v>14502</v>
      </c>
      <c r="F4153" s="1" t="s">
        <v>10</v>
      </c>
      <c r="G4153" s="1" t="s">
        <v>10</v>
      </c>
      <c r="H4153" s="1" t="s">
        <v>10</v>
      </c>
      <c r="I4153" s="1" t="s">
        <v>14283</v>
      </c>
      <c r="J4153" s="1" t="s">
        <v>14301</v>
      </c>
      <c r="K4153" s="1" t="s">
        <v>27</v>
      </c>
      <c r="L4153" s="1" t="s">
        <v>14500</v>
      </c>
      <c r="M4153" s="1" t="s">
        <v>5</v>
      </c>
      <c r="N4153" s="1" t="s">
        <v>25</v>
      </c>
      <c r="O4153" s="1" t="s">
        <v>38</v>
      </c>
      <c r="P4153" s="5" t="s">
        <v>30397</v>
      </c>
    </row>
    <row r="4154" spans="1:16" x14ac:dyDescent="0.2">
      <c r="A4154" s="1" t="s">
        <v>10</v>
      </c>
      <c r="B4154" s="1" t="s">
        <v>376</v>
      </c>
      <c r="C4154" s="1" t="s">
        <v>14504</v>
      </c>
      <c r="D4154" s="1" t="s">
        <v>10</v>
      </c>
      <c r="E4154" s="1" t="s">
        <v>14506</v>
      </c>
      <c r="F4154" s="1" t="s">
        <v>10</v>
      </c>
      <c r="G4154" s="1" t="s">
        <v>10</v>
      </c>
      <c r="H4154" s="1" t="s">
        <v>10</v>
      </c>
      <c r="I4154" s="1" t="s">
        <v>14283</v>
      </c>
      <c r="J4154" s="1" t="s">
        <v>14505</v>
      </c>
      <c r="K4154" s="1" t="s">
        <v>130</v>
      </c>
      <c r="L4154" s="1" t="s">
        <v>14503</v>
      </c>
      <c r="M4154" s="1" t="s">
        <v>5</v>
      </c>
      <c r="N4154" s="1" t="s">
        <v>25</v>
      </c>
      <c r="O4154" s="1" t="s">
        <v>38</v>
      </c>
      <c r="P4154" s="5" t="s">
        <v>30397</v>
      </c>
    </row>
    <row r="4155" spans="1:16" x14ac:dyDescent="0.2">
      <c r="A4155" s="1" t="s">
        <v>10</v>
      </c>
      <c r="B4155" s="1" t="s">
        <v>376</v>
      </c>
      <c r="C4155" s="1" t="s">
        <v>14508</v>
      </c>
      <c r="D4155" s="1" t="s">
        <v>13510</v>
      </c>
      <c r="E4155" s="1" t="s">
        <v>14509</v>
      </c>
      <c r="F4155" s="1" t="s">
        <v>10</v>
      </c>
      <c r="G4155" s="1" t="s">
        <v>10</v>
      </c>
      <c r="H4155" s="1" t="s">
        <v>10</v>
      </c>
      <c r="I4155" s="1" t="s">
        <v>14283</v>
      </c>
      <c r="J4155" s="1" t="s">
        <v>14505</v>
      </c>
      <c r="K4155" s="1" t="s">
        <v>64</v>
      </c>
      <c r="L4155" s="1" t="s">
        <v>14507</v>
      </c>
      <c r="M4155" s="1" t="s">
        <v>5</v>
      </c>
      <c r="N4155" s="1" t="s">
        <v>25</v>
      </c>
      <c r="O4155" s="1" t="s">
        <v>38</v>
      </c>
      <c r="P4155" s="5" t="s">
        <v>30397</v>
      </c>
    </row>
    <row r="4156" spans="1:16" x14ac:dyDescent="0.2">
      <c r="A4156" s="1" t="s">
        <v>10</v>
      </c>
      <c r="B4156" s="1" t="s">
        <v>376</v>
      </c>
      <c r="C4156" s="1" t="s">
        <v>14511</v>
      </c>
      <c r="D4156" s="1" t="s">
        <v>10</v>
      </c>
      <c r="E4156" s="1" t="s">
        <v>14513</v>
      </c>
      <c r="F4156" s="1" t="s">
        <v>10</v>
      </c>
      <c r="G4156" s="1" t="s">
        <v>10</v>
      </c>
      <c r="H4156" s="1" t="s">
        <v>10</v>
      </c>
      <c r="I4156" s="1" t="s">
        <v>14283</v>
      </c>
      <c r="J4156" s="1" t="s">
        <v>14512</v>
      </c>
      <c r="K4156" s="1" t="s">
        <v>7</v>
      </c>
      <c r="L4156" s="1" t="s">
        <v>14510</v>
      </c>
      <c r="M4156" s="1" t="s">
        <v>5</v>
      </c>
      <c r="N4156" s="1" t="s">
        <v>25</v>
      </c>
      <c r="O4156" s="1" t="s">
        <v>38</v>
      </c>
      <c r="P4156" s="5" t="s">
        <v>30397</v>
      </c>
    </row>
    <row r="4157" spans="1:16" x14ac:dyDescent="0.2">
      <c r="A4157" s="1" t="s">
        <v>10</v>
      </c>
      <c r="B4157" s="1" t="s">
        <v>376</v>
      </c>
      <c r="C4157" s="1" t="s">
        <v>14515</v>
      </c>
      <c r="D4157" s="1" t="s">
        <v>10</v>
      </c>
      <c r="E4157" s="1" t="s">
        <v>14517</v>
      </c>
      <c r="F4157" s="1" t="s">
        <v>10</v>
      </c>
      <c r="G4157" s="1" t="s">
        <v>10</v>
      </c>
      <c r="H4157" s="1" t="s">
        <v>10</v>
      </c>
      <c r="I4157" s="1" t="s">
        <v>14283</v>
      </c>
      <c r="J4157" s="1" t="s">
        <v>14516</v>
      </c>
      <c r="K4157" s="1" t="s">
        <v>7</v>
      </c>
      <c r="L4157" s="1" t="s">
        <v>14514</v>
      </c>
      <c r="M4157" s="1" t="s">
        <v>5</v>
      </c>
      <c r="N4157" s="1" t="s">
        <v>25</v>
      </c>
      <c r="O4157" s="1" t="s">
        <v>38</v>
      </c>
      <c r="P4157" s="5" t="s">
        <v>30397</v>
      </c>
    </row>
    <row r="4158" spans="1:16" x14ac:dyDescent="0.2">
      <c r="A4158" s="1" t="s">
        <v>10</v>
      </c>
      <c r="B4158" s="1" t="s">
        <v>376</v>
      </c>
      <c r="C4158" s="1" t="s">
        <v>14519</v>
      </c>
      <c r="D4158" s="1" t="s">
        <v>10</v>
      </c>
      <c r="E4158" s="1" t="s">
        <v>14520</v>
      </c>
      <c r="F4158" s="1" t="s">
        <v>10</v>
      </c>
      <c r="G4158" s="1" t="s">
        <v>10</v>
      </c>
      <c r="H4158" s="1" t="s">
        <v>10</v>
      </c>
      <c r="I4158" s="1" t="s">
        <v>14283</v>
      </c>
      <c r="J4158" s="1" t="s">
        <v>14325</v>
      </c>
      <c r="K4158" s="1" t="s">
        <v>7</v>
      </c>
      <c r="L4158" s="1" t="s">
        <v>14518</v>
      </c>
      <c r="M4158" s="1" t="s">
        <v>5</v>
      </c>
      <c r="N4158" s="1" t="s">
        <v>25</v>
      </c>
      <c r="O4158" s="1" t="s">
        <v>38</v>
      </c>
      <c r="P4158" s="5" t="s">
        <v>30397</v>
      </c>
    </row>
    <row r="4159" spans="1:16" x14ac:dyDescent="0.2">
      <c r="A4159" s="1" t="s">
        <v>10</v>
      </c>
      <c r="B4159" s="1" t="s">
        <v>376</v>
      </c>
      <c r="C4159" s="1" t="s">
        <v>14522</v>
      </c>
      <c r="D4159" s="1" t="s">
        <v>10</v>
      </c>
      <c r="E4159" s="1" t="s">
        <v>14523</v>
      </c>
      <c r="F4159" s="1" t="s">
        <v>10</v>
      </c>
      <c r="G4159" s="1" t="s">
        <v>10</v>
      </c>
      <c r="H4159" s="1" t="s">
        <v>10</v>
      </c>
      <c r="I4159" s="1" t="s">
        <v>14283</v>
      </c>
      <c r="J4159" s="1" t="s">
        <v>14516</v>
      </c>
      <c r="K4159" s="1" t="s">
        <v>7</v>
      </c>
      <c r="L4159" s="1" t="s">
        <v>14521</v>
      </c>
      <c r="M4159" s="1" t="s">
        <v>5</v>
      </c>
      <c r="N4159" s="1" t="s">
        <v>25</v>
      </c>
      <c r="O4159" s="1" t="s">
        <v>38</v>
      </c>
      <c r="P4159" s="5" t="s">
        <v>30397</v>
      </c>
    </row>
    <row r="4160" spans="1:16" x14ac:dyDescent="0.2">
      <c r="A4160" s="1" t="s">
        <v>10</v>
      </c>
      <c r="B4160" s="1" t="s">
        <v>376</v>
      </c>
      <c r="C4160" s="1" t="s">
        <v>14525</v>
      </c>
      <c r="D4160" s="1" t="s">
        <v>10</v>
      </c>
      <c r="E4160" s="1" t="s">
        <v>14526</v>
      </c>
      <c r="F4160" s="1" t="s">
        <v>10</v>
      </c>
      <c r="G4160" s="1" t="s">
        <v>10</v>
      </c>
      <c r="H4160" s="1" t="s">
        <v>10</v>
      </c>
      <c r="I4160" s="1" t="s">
        <v>14283</v>
      </c>
      <c r="J4160" s="1" t="s">
        <v>14325</v>
      </c>
      <c r="K4160" s="1" t="s">
        <v>7</v>
      </c>
      <c r="L4160" s="1" t="s">
        <v>14524</v>
      </c>
      <c r="M4160" s="1" t="s">
        <v>5</v>
      </c>
      <c r="N4160" s="1" t="s">
        <v>25</v>
      </c>
      <c r="O4160" s="1" t="s">
        <v>38</v>
      </c>
      <c r="P4160" s="5" t="s">
        <v>30397</v>
      </c>
    </row>
    <row r="4161" spans="1:16" x14ac:dyDescent="0.2">
      <c r="A4161" s="1" t="s">
        <v>10</v>
      </c>
      <c r="B4161" s="1" t="s">
        <v>376</v>
      </c>
      <c r="C4161" s="1" t="s">
        <v>14528</v>
      </c>
      <c r="D4161" s="1" t="s">
        <v>10</v>
      </c>
      <c r="E4161" s="1" t="s">
        <v>14523</v>
      </c>
      <c r="F4161" s="1" t="s">
        <v>10</v>
      </c>
      <c r="G4161" s="1" t="s">
        <v>10</v>
      </c>
      <c r="H4161" s="1" t="s">
        <v>10</v>
      </c>
      <c r="I4161" s="1" t="s">
        <v>14283</v>
      </c>
      <c r="J4161" s="1" t="s">
        <v>14325</v>
      </c>
      <c r="K4161" s="1" t="s">
        <v>7</v>
      </c>
      <c r="L4161" s="1" t="s">
        <v>14527</v>
      </c>
      <c r="M4161" s="1" t="s">
        <v>5</v>
      </c>
      <c r="N4161" s="1" t="s">
        <v>25</v>
      </c>
      <c r="O4161" s="1" t="s">
        <v>38</v>
      </c>
      <c r="P4161" s="5" t="s">
        <v>30397</v>
      </c>
    </row>
    <row r="4162" spans="1:16" x14ac:dyDescent="0.2">
      <c r="A4162" s="1" t="s">
        <v>10</v>
      </c>
      <c r="B4162" s="1" t="s">
        <v>376</v>
      </c>
      <c r="C4162" s="1" t="s">
        <v>14530</v>
      </c>
      <c r="D4162" s="1" t="s">
        <v>10</v>
      </c>
      <c r="E4162" s="1" t="s">
        <v>14532</v>
      </c>
      <c r="F4162" s="1" t="s">
        <v>10</v>
      </c>
      <c r="G4162" s="1" t="s">
        <v>10</v>
      </c>
      <c r="H4162" s="1" t="s">
        <v>10</v>
      </c>
      <c r="I4162" s="1" t="s">
        <v>14283</v>
      </c>
      <c r="J4162" s="1" t="s">
        <v>14531</v>
      </c>
      <c r="K4162" s="1" t="s">
        <v>7</v>
      </c>
      <c r="L4162" s="1" t="s">
        <v>14529</v>
      </c>
      <c r="M4162" s="1" t="s">
        <v>5</v>
      </c>
      <c r="N4162" s="1" t="s">
        <v>25</v>
      </c>
      <c r="O4162" s="1" t="s">
        <v>38</v>
      </c>
      <c r="P4162" s="5" t="s">
        <v>30397</v>
      </c>
    </row>
    <row r="4163" spans="1:16" x14ac:dyDescent="0.2">
      <c r="A4163" s="1" t="s">
        <v>10</v>
      </c>
      <c r="B4163" s="1" t="s">
        <v>376</v>
      </c>
      <c r="C4163" s="1" t="s">
        <v>14534</v>
      </c>
      <c r="D4163" s="1" t="s">
        <v>10</v>
      </c>
      <c r="E4163" s="1" t="s">
        <v>14535</v>
      </c>
      <c r="F4163" s="1" t="s">
        <v>10</v>
      </c>
      <c r="G4163" s="1" t="s">
        <v>10</v>
      </c>
      <c r="H4163" s="1" t="s">
        <v>10</v>
      </c>
      <c r="I4163" s="1" t="s">
        <v>14283</v>
      </c>
      <c r="J4163" s="1" t="s">
        <v>14325</v>
      </c>
      <c r="K4163" s="1" t="s">
        <v>7</v>
      </c>
      <c r="L4163" s="1" t="s">
        <v>14533</v>
      </c>
      <c r="M4163" s="1" t="s">
        <v>5</v>
      </c>
      <c r="N4163" s="1" t="s">
        <v>25</v>
      </c>
      <c r="O4163" s="1" t="s">
        <v>38</v>
      </c>
      <c r="P4163" s="5" t="s">
        <v>30397</v>
      </c>
    </row>
    <row r="4164" spans="1:16" x14ac:dyDescent="0.2">
      <c r="A4164" s="1" t="s">
        <v>10</v>
      </c>
      <c r="B4164" s="1" t="s">
        <v>376</v>
      </c>
      <c r="C4164" s="1" t="s">
        <v>14537</v>
      </c>
      <c r="D4164" s="1" t="s">
        <v>10</v>
      </c>
      <c r="E4164" s="1" t="s">
        <v>14526</v>
      </c>
      <c r="F4164" s="1" t="s">
        <v>10</v>
      </c>
      <c r="G4164" s="1" t="s">
        <v>10</v>
      </c>
      <c r="H4164" s="1" t="s">
        <v>10</v>
      </c>
      <c r="I4164" s="1" t="s">
        <v>14283</v>
      </c>
      <c r="J4164" s="1" t="s">
        <v>14325</v>
      </c>
      <c r="K4164" s="1" t="s">
        <v>7</v>
      </c>
      <c r="L4164" s="1" t="s">
        <v>14536</v>
      </c>
      <c r="M4164" s="1" t="s">
        <v>5</v>
      </c>
      <c r="N4164" s="1" t="s">
        <v>25</v>
      </c>
      <c r="O4164" s="1" t="s">
        <v>38</v>
      </c>
      <c r="P4164" s="5" t="s">
        <v>30397</v>
      </c>
    </row>
    <row r="4165" spans="1:16" x14ac:dyDescent="0.2">
      <c r="A4165" s="1" t="s">
        <v>10</v>
      </c>
      <c r="B4165" s="1" t="s">
        <v>376</v>
      </c>
      <c r="C4165" s="1" t="s">
        <v>14539</v>
      </c>
      <c r="D4165" s="1" t="s">
        <v>10</v>
      </c>
      <c r="E4165" s="1" t="s">
        <v>14526</v>
      </c>
      <c r="F4165" s="1" t="s">
        <v>10</v>
      </c>
      <c r="G4165" s="1" t="s">
        <v>10</v>
      </c>
      <c r="H4165" s="1" t="s">
        <v>10</v>
      </c>
      <c r="I4165" s="1" t="s">
        <v>14283</v>
      </c>
      <c r="J4165" s="1" t="s">
        <v>14325</v>
      </c>
      <c r="K4165" s="1" t="s">
        <v>7</v>
      </c>
      <c r="L4165" s="1" t="s">
        <v>14538</v>
      </c>
      <c r="M4165" s="1" t="s">
        <v>5</v>
      </c>
      <c r="N4165" s="1" t="s">
        <v>25</v>
      </c>
      <c r="O4165" s="1" t="s">
        <v>38</v>
      </c>
      <c r="P4165" s="5" t="s">
        <v>30397</v>
      </c>
    </row>
    <row r="4166" spans="1:16" x14ac:dyDescent="0.2">
      <c r="A4166" s="1" t="s">
        <v>10</v>
      </c>
      <c r="B4166" s="1" t="s">
        <v>376</v>
      </c>
      <c r="C4166" s="1" t="s">
        <v>14541</v>
      </c>
      <c r="D4166" s="1" t="s">
        <v>10</v>
      </c>
      <c r="E4166" s="1" t="s">
        <v>14526</v>
      </c>
      <c r="F4166" s="1" t="s">
        <v>10</v>
      </c>
      <c r="G4166" s="1" t="s">
        <v>10</v>
      </c>
      <c r="H4166" s="1" t="s">
        <v>10</v>
      </c>
      <c r="I4166" s="1" t="s">
        <v>14283</v>
      </c>
      <c r="J4166" s="1" t="s">
        <v>14325</v>
      </c>
      <c r="K4166" s="1" t="s">
        <v>7</v>
      </c>
      <c r="L4166" s="1" t="s">
        <v>14540</v>
      </c>
      <c r="M4166" s="1" t="s">
        <v>5</v>
      </c>
      <c r="N4166" s="1" t="s">
        <v>25</v>
      </c>
      <c r="O4166" s="1" t="s">
        <v>38</v>
      </c>
      <c r="P4166" s="5" t="s">
        <v>30397</v>
      </c>
    </row>
    <row r="4167" spans="1:16" x14ac:dyDescent="0.2">
      <c r="A4167" s="1" t="s">
        <v>10</v>
      </c>
      <c r="B4167" s="1" t="s">
        <v>376</v>
      </c>
      <c r="C4167" s="1" t="s">
        <v>14543</v>
      </c>
      <c r="D4167" s="1" t="s">
        <v>10</v>
      </c>
      <c r="E4167" s="1" t="s">
        <v>14545</v>
      </c>
      <c r="F4167" s="1" t="s">
        <v>10</v>
      </c>
      <c r="G4167" s="1" t="s">
        <v>10</v>
      </c>
      <c r="H4167" s="1" t="s">
        <v>10</v>
      </c>
      <c r="I4167" s="1" t="s">
        <v>14283</v>
      </c>
      <c r="J4167" s="1" t="s">
        <v>14544</v>
      </c>
      <c r="K4167" s="1" t="s">
        <v>7</v>
      </c>
      <c r="L4167" s="1" t="s">
        <v>14542</v>
      </c>
      <c r="M4167" s="1" t="s">
        <v>5</v>
      </c>
      <c r="N4167" s="1" t="s">
        <v>25</v>
      </c>
      <c r="O4167" s="1" t="s">
        <v>38</v>
      </c>
      <c r="P4167" s="5" t="s">
        <v>30397</v>
      </c>
    </row>
    <row r="4168" spans="1:16" x14ac:dyDescent="0.2">
      <c r="A4168" s="1" t="s">
        <v>10</v>
      </c>
      <c r="B4168" s="1" t="s">
        <v>376</v>
      </c>
      <c r="C4168" s="1" t="s">
        <v>14547</v>
      </c>
      <c r="D4168" s="1" t="s">
        <v>10</v>
      </c>
      <c r="E4168" s="1" t="s">
        <v>14549</v>
      </c>
      <c r="F4168" s="1" t="s">
        <v>10</v>
      </c>
      <c r="G4168" s="1" t="s">
        <v>10</v>
      </c>
      <c r="H4168" s="1" t="s">
        <v>10</v>
      </c>
      <c r="I4168" s="1" t="s">
        <v>14283</v>
      </c>
      <c r="J4168" s="1" t="s">
        <v>14548</v>
      </c>
      <c r="K4168" s="1" t="s">
        <v>7</v>
      </c>
      <c r="L4168" s="1" t="s">
        <v>14546</v>
      </c>
      <c r="M4168" s="1" t="s">
        <v>5</v>
      </c>
      <c r="N4168" s="1" t="s">
        <v>25</v>
      </c>
      <c r="O4168" s="1" t="s">
        <v>38</v>
      </c>
      <c r="P4168" s="5" t="s">
        <v>30397</v>
      </c>
    </row>
    <row r="4169" spans="1:16" x14ac:dyDescent="0.2">
      <c r="A4169" s="1" t="s">
        <v>10</v>
      </c>
      <c r="B4169" s="1" t="s">
        <v>376</v>
      </c>
      <c r="C4169" s="1" t="s">
        <v>14551</v>
      </c>
      <c r="D4169" s="1" t="s">
        <v>14552</v>
      </c>
      <c r="E4169" s="1" t="s">
        <v>14553</v>
      </c>
      <c r="F4169" s="1" t="s">
        <v>10</v>
      </c>
      <c r="G4169" s="1" t="s">
        <v>10</v>
      </c>
      <c r="H4169" s="1" t="s">
        <v>10</v>
      </c>
      <c r="I4169" s="1" t="s">
        <v>14283</v>
      </c>
      <c r="J4169" s="1" t="s">
        <v>14295</v>
      </c>
      <c r="K4169" s="1" t="s">
        <v>7902</v>
      </c>
      <c r="L4169" s="1" t="s">
        <v>14550</v>
      </c>
      <c r="M4169" s="1" t="s">
        <v>5</v>
      </c>
      <c r="N4169" s="1" t="s">
        <v>25</v>
      </c>
      <c r="O4169" s="1" t="s">
        <v>38</v>
      </c>
      <c r="P4169" s="5" t="s">
        <v>31686</v>
      </c>
    </row>
    <row r="4170" spans="1:16" x14ac:dyDescent="0.2">
      <c r="A4170" s="1" t="s">
        <v>10</v>
      </c>
      <c r="B4170" s="1" t="s">
        <v>376</v>
      </c>
      <c r="C4170" s="1" t="s">
        <v>14555</v>
      </c>
      <c r="D4170" s="1" t="s">
        <v>14556</v>
      </c>
      <c r="E4170" s="1" t="s">
        <v>14557</v>
      </c>
      <c r="F4170" s="1" t="s">
        <v>10</v>
      </c>
      <c r="G4170" s="1" t="s">
        <v>10</v>
      </c>
      <c r="H4170" s="1" t="s">
        <v>10</v>
      </c>
      <c r="I4170" s="1" t="s">
        <v>14283</v>
      </c>
      <c r="J4170" s="1" t="s">
        <v>14311</v>
      </c>
      <c r="K4170" s="1" t="s">
        <v>7</v>
      </c>
      <c r="L4170" s="1" t="s">
        <v>14554</v>
      </c>
      <c r="M4170" s="1" t="s">
        <v>5</v>
      </c>
      <c r="N4170" s="1" t="s">
        <v>25</v>
      </c>
      <c r="O4170" s="1" t="s">
        <v>38</v>
      </c>
      <c r="P4170" s="5" t="s">
        <v>31685</v>
      </c>
    </row>
    <row r="4171" spans="1:16" x14ac:dyDescent="0.2">
      <c r="A4171" s="1" t="s">
        <v>10</v>
      </c>
      <c r="B4171" s="1" t="s">
        <v>376</v>
      </c>
      <c r="C4171" s="1" t="s">
        <v>14559</v>
      </c>
      <c r="D4171" s="1" t="s">
        <v>14560</v>
      </c>
      <c r="E4171" s="1" t="s">
        <v>14561</v>
      </c>
      <c r="F4171" s="1" t="s">
        <v>10</v>
      </c>
      <c r="G4171" s="1" t="s">
        <v>10</v>
      </c>
      <c r="H4171" s="1" t="s">
        <v>10</v>
      </c>
      <c r="I4171" s="1" t="s">
        <v>14283</v>
      </c>
      <c r="J4171" s="1" t="s">
        <v>14325</v>
      </c>
      <c r="K4171" s="1" t="s">
        <v>27</v>
      </c>
      <c r="L4171" s="1" t="s">
        <v>14558</v>
      </c>
      <c r="M4171" s="1" t="s">
        <v>5</v>
      </c>
      <c r="N4171" s="1" t="s">
        <v>25</v>
      </c>
      <c r="O4171" s="1" t="s">
        <v>38</v>
      </c>
      <c r="P4171" s="5" t="s">
        <v>31685</v>
      </c>
    </row>
    <row r="4172" spans="1:16" x14ac:dyDescent="0.2">
      <c r="A4172" s="1" t="s">
        <v>10</v>
      </c>
      <c r="B4172" s="1" t="s">
        <v>376</v>
      </c>
      <c r="C4172" s="1" t="s">
        <v>14563</v>
      </c>
      <c r="D4172" s="1" t="s">
        <v>4511</v>
      </c>
      <c r="E4172" s="1" t="s">
        <v>14564</v>
      </c>
      <c r="F4172" s="1" t="s">
        <v>10</v>
      </c>
      <c r="G4172" s="1" t="s">
        <v>10</v>
      </c>
      <c r="H4172" s="1" t="s">
        <v>10</v>
      </c>
      <c r="I4172" s="1" t="s">
        <v>14283</v>
      </c>
      <c r="J4172" s="1" t="s">
        <v>14325</v>
      </c>
      <c r="K4172" s="1" t="s">
        <v>7</v>
      </c>
      <c r="L4172" s="1" t="s">
        <v>14562</v>
      </c>
      <c r="M4172" s="1" t="s">
        <v>5</v>
      </c>
      <c r="N4172" s="1" t="s">
        <v>25</v>
      </c>
      <c r="O4172" s="1" t="s">
        <v>38</v>
      </c>
      <c r="P4172" s="5" t="s">
        <v>31685</v>
      </c>
    </row>
    <row r="4173" spans="1:16" x14ac:dyDescent="0.2">
      <c r="A4173" s="1" t="s">
        <v>10</v>
      </c>
      <c r="B4173" s="1" t="s">
        <v>376</v>
      </c>
      <c r="C4173" s="1" t="s">
        <v>14566</v>
      </c>
      <c r="D4173" s="1" t="s">
        <v>6790</v>
      </c>
      <c r="E4173" s="1" t="s">
        <v>14568</v>
      </c>
      <c r="F4173" s="1" t="s">
        <v>10</v>
      </c>
      <c r="G4173" s="1" t="s">
        <v>10</v>
      </c>
      <c r="H4173" s="1" t="s">
        <v>10</v>
      </c>
      <c r="I4173" s="1" t="s">
        <v>14283</v>
      </c>
      <c r="J4173" s="1" t="s">
        <v>14567</v>
      </c>
      <c r="K4173" s="1" t="s">
        <v>27</v>
      </c>
      <c r="L4173" s="1" t="s">
        <v>14565</v>
      </c>
      <c r="M4173" s="1" t="s">
        <v>5</v>
      </c>
      <c r="N4173" s="1" t="s">
        <v>6</v>
      </c>
      <c r="O4173" s="1" t="s">
        <v>38</v>
      </c>
      <c r="P4173" s="5" t="s">
        <v>30397</v>
      </c>
    </row>
    <row r="4174" spans="1:16" x14ac:dyDescent="0.2">
      <c r="A4174" s="1" t="s">
        <v>10</v>
      </c>
      <c r="B4174" s="1" t="s">
        <v>376</v>
      </c>
      <c r="C4174" s="1" t="s">
        <v>14570</v>
      </c>
      <c r="D4174" s="1" t="s">
        <v>10</v>
      </c>
      <c r="E4174" s="1"/>
      <c r="F4174" s="1" t="s">
        <v>10</v>
      </c>
      <c r="G4174" s="1" t="s">
        <v>10</v>
      </c>
      <c r="H4174" s="1" t="s">
        <v>10</v>
      </c>
      <c r="I4174" s="1" t="s">
        <v>14283</v>
      </c>
      <c r="J4174" s="1" t="s">
        <v>14311</v>
      </c>
      <c r="K4174" s="1" t="s">
        <v>100</v>
      </c>
      <c r="L4174" s="1" t="s">
        <v>14569</v>
      </c>
      <c r="M4174" s="1" t="s">
        <v>5</v>
      </c>
      <c r="N4174" s="1" t="s">
        <v>25</v>
      </c>
      <c r="O4174" s="1" t="s">
        <v>38</v>
      </c>
      <c r="P4174" s="5" t="s">
        <v>30397</v>
      </c>
    </row>
    <row r="4175" spans="1:16" x14ac:dyDescent="0.2">
      <c r="A4175" s="1" t="s">
        <v>10</v>
      </c>
      <c r="B4175" s="1" t="s">
        <v>376</v>
      </c>
      <c r="C4175" s="1" t="s">
        <v>14572</v>
      </c>
      <c r="D4175" s="1" t="s">
        <v>10</v>
      </c>
      <c r="E4175" s="1" t="s">
        <v>14573</v>
      </c>
      <c r="F4175" s="1" t="s">
        <v>10</v>
      </c>
      <c r="G4175" s="1" t="s">
        <v>10</v>
      </c>
      <c r="H4175" s="1" t="s">
        <v>10</v>
      </c>
      <c r="I4175" s="1" t="s">
        <v>14283</v>
      </c>
      <c r="J4175" s="1" t="s">
        <v>14311</v>
      </c>
      <c r="K4175" s="1" t="s">
        <v>10218</v>
      </c>
      <c r="L4175" s="1" t="s">
        <v>14571</v>
      </c>
      <c r="M4175" s="1" t="s">
        <v>5</v>
      </c>
      <c r="N4175" s="1" t="s">
        <v>25</v>
      </c>
      <c r="O4175" s="1" t="s">
        <v>38</v>
      </c>
      <c r="P4175" s="5" t="s">
        <v>30397</v>
      </c>
    </row>
    <row r="4176" spans="1:16" x14ac:dyDescent="0.2">
      <c r="A4176" s="1" t="s">
        <v>10</v>
      </c>
      <c r="B4176" s="1" t="s">
        <v>376</v>
      </c>
      <c r="C4176" s="1" t="s">
        <v>14575</v>
      </c>
      <c r="D4176" s="1" t="s">
        <v>10</v>
      </c>
      <c r="E4176" s="1" t="s">
        <v>14576</v>
      </c>
      <c r="F4176" s="1" t="s">
        <v>10</v>
      </c>
      <c r="G4176" s="1" t="s">
        <v>10</v>
      </c>
      <c r="H4176" s="1" t="s">
        <v>10</v>
      </c>
      <c r="I4176" s="1" t="s">
        <v>14283</v>
      </c>
      <c r="J4176" s="1" t="s">
        <v>14311</v>
      </c>
      <c r="K4176" s="1" t="s">
        <v>10218</v>
      </c>
      <c r="L4176" s="1" t="s">
        <v>14574</v>
      </c>
      <c r="M4176" s="1" t="s">
        <v>5</v>
      </c>
      <c r="N4176" s="1" t="s">
        <v>25</v>
      </c>
      <c r="O4176" s="1" t="s">
        <v>38</v>
      </c>
      <c r="P4176" s="5" t="s">
        <v>30397</v>
      </c>
    </row>
    <row r="4177" spans="1:16" x14ac:dyDescent="0.2">
      <c r="A4177" s="1" t="s">
        <v>10</v>
      </c>
      <c r="B4177" s="1" t="s">
        <v>376</v>
      </c>
      <c r="C4177" s="1" t="s">
        <v>14578</v>
      </c>
      <c r="D4177" s="1" t="s">
        <v>14579</v>
      </c>
      <c r="E4177" s="1" t="s">
        <v>14580</v>
      </c>
      <c r="F4177" s="1" t="s">
        <v>10</v>
      </c>
      <c r="G4177" s="1" t="s">
        <v>10</v>
      </c>
      <c r="H4177" s="1" t="s">
        <v>10</v>
      </c>
      <c r="I4177" s="1" t="s">
        <v>14283</v>
      </c>
      <c r="J4177" s="1" t="s">
        <v>14334</v>
      </c>
      <c r="K4177" s="1" t="s">
        <v>130</v>
      </c>
      <c r="L4177" s="1" t="s">
        <v>14577</v>
      </c>
      <c r="M4177" s="1" t="s">
        <v>5</v>
      </c>
      <c r="N4177" s="1" t="s">
        <v>25</v>
      </c>
      <c r="O4177" s="1" t="s">
        <v>38</v>
      </c>
      <c r="P4177" s="5" t="s">
        <v>30397</v>
      </c>
    </row>
    <row r="4178" spans="1:16" x14ac:dyDescent="0.2">
      <c r="A4178" s="1" t="s">
        <v>10</v>
      </c>
      <c r="B4178" s="1" t="s">
        <v>376</v>
      </c>
      <c r="C4178" s="1" t="s">
        <v>14582</v>
      </c>
      <c r="D4178" s="1" t="s">
        <v>14583</v>
      </c>
      <c r="E4178" s="1" t="s">
        <v>14584</v>
      </c>
      <c r="F4178" s="1" t="s">
        <v>10</v>
      </c>
      <c r="G4178" s="1" t="s">
        <v>10</v>
      </c>
      <c r="H4178" s="1" t="s">
        <v>10</v>
      </c>
      <c r="I4178" s="1" t="s">
        <v>14283</v>
      </c>
      <c r="J4178" s="1" t="s">
        <v>14331</v>
      </c>
      <c r="K4178" s="1" t="s">
        <v>586</v>
      </c>
      <c r="L4178" s="1" t="s">
        <v>14581</v>
      </c>
      <c r="M4178" s="1" t="s">
        <v>5</v>
      </c>
      <c r="N4178" s="1" t="s">
        <v>25</v>
      </c>
      <c r="O4178" s="1" t="s">
        <v>38</v>
      </c>
      <c r="P4178" s="5" t="s">
        <v>30397</v>
      </c>
    </row>
    <row r="4179" spans="1:16" x14ac:dyDescent="0.2">
      <c r="A4179" s="1" t="s">
        <v>10</v>
      </c>
      <c r="B4179" s="1" t="s">
        <v>376</v>
      </c>
      <c r="C4179" s="1" t="s">
        <v>14586</v>
      </c>
      <c r="D4179" s="1" t="s">
        <v>14587</v>
      </c>
      <c r="E4179" s="1" t="s">
        <v>14588</v>
      </c>
      <c r="F4179" s="1" t="s">
        <v>10</v>
      </c>
      <c r="G4179" s="1" t="s">
        <v>10</v>
      </c>
      <c r="H4179" s="1" t="s">
        <v>10</v>
      </c>
      <c r="I4179" s="1" t="s">
        <v>14283</v>
      </c>
      <c r="J4179" s="1" t="s">
        <v>14512</v>
      </c>
      <c r="K4179" s="1" t="s">
        <v>7</v>
      </c>
      <c r="L4179" s="1" t="s">
        <v>14585</v>
      </c>
      <c r="M4179" s="1" t="s">
        <v>5</v>
      </c>
      <c r="N4179" s="1" t="s">
        <v>25</v>
      </c>
      <c r="O4179" s="1" t="s">
        <v>38</v>
      </c>
      <c r="P4179" s="5" t="s">
        <v>31685</v>
      </c>
    </row>
    <row r="4180" spans="1:16" x14ac:dyDescent="0.2">
      <c r="A4180" s="1" t="s">
        <v>10</v>
      </c>
      <c r="B4180" s="1" t="s">
        <v>376</v>
      </c>
      <c r="C4180" s="1" t="s">
        <v>14590</v>
      </c>
      <c r="D4180" s="1" t="s">
        <v>10</v>
      </c>
      <c r="E4180" s="1"/>
      <c r="F4180" s="1" t="s">
        <v>10</v>
      </c>
      <c r="G4180" s="1" t="s">
        <v>10</v>
      </c>
      <c r="H4180" s="1" t="s">
        <v>10</v>
      </c>
      <c r="I4180" s="1" t="s">
        <v>14283</v>
      </c>
      <c r="J4180" s="1" t="s">
        <v>14311</v>
      </c>
      <c r="K4180" s="1" t="s">
        <v>10218</v>
      </c>
      <c r="L4180" s="1" t="s">
        <v>14589</v>
      </c>
      <c r="M4180" s="1" t="s">
        <v>5</v>
      </c>
      <c r="N4180" s="1" t="s">
        <v>25</v>
      </c>
      <c r="O4180" s="1" t="s">
        <v>38</v>
      </c>
      <c r="P4180" s="5" t="s">
        <v>30397</v>
      </c>
    </row>
    <row r="4181" spans="1:16" x14ac:dyDescent="0.2">
      <c r="A4181" s="1" t="s">
        <v>10</v>
      </c>
      <c r="B4181" s="1" t="s">
        <v>376</v>
      </c>
      <c r="C4181" s="1" t="s">
        <v>14592</v>
      </c>
      <c r="D4181" s="1" t="s">
        <v>10</v>
      </c>
      <c r="E4181" s="1" t="s">
        <v>14573</v>
      </c>
      <c r="F4181" s="1" t="s">
        <v>10</v>
      </c>
      <c r="G4181" s="1" t="s">
        <v>10</v>
      </c>
      <c r="H4181" s="1" t="s">
        <v>10</v>
      </c>
      <c r="I4181" s="1" t="s">
        <v>14283</v>
      </c>
      <c r="J4181" s="1" t="s">
        <v>14311</v>
      </c>
      <c r="K4181" s="1" t="s">
        <v>10218</v>
      </c>
      <c r="L4181" s="1" t="s">
        <v>14591</v>
      </c>
      <c r="M4181" s="1" t="s">
        <v>5</v>
      </c>
      <c r="N4181" s="1" t="s">
        <v>25</v>
      </c>
      <c r="O4181" s="1" t="s">
        <v>38</v>
      </c>
      <c r="P4181" s="5" t="s">
        <v>30397</v>
      </c>
    </row>
    <row r="4182" spans="1:16" x14ac:dyDescent="0.2">
      <c r="A4182" s="1" t="s">
        <v>10</v>
      </c>
      <c r="B4182" s="1" t="s">
        <v>376</v>
      </c>
      <c r="C4182" s="1" t="s">
        <v>14594</v>
      </c>
      <c r="D4182" s="1" t="s">
        <v>10</v>
      </c>
      <c r="E4182" s="1" t="s">
        <v>14576</v>
      </c>
      <c r="F4182" s="1" t="s">
        <v>10</v>
      </c>
      <c r="G4182" s="1" t="s">
        <v>10</v>
      </c>
      <c r="H4182" s="1" t="s">
        <v>10</v>
      </c>
      <c r="I4182" s="1" t="s">
        <v>14283</v>
      </c>
      <c r="J4182" s="1" t="s">
        <v>14311</v>
      </c>
      <c r="K4182" s="1" t="s">
        <v>10218</v>
      </c>
      <c r="L4182" s="1" t="s">
        <v>14593</v>
      </c>
      <c r="M4182" s="1" t="s">
        <v>5</v>
      </c>
      <c r="N4182" s="1" t="s">
        <v>25</v>
      </c>
      <c r="O4182" s="1" t="s">
        <v>38</v>
      </c>
      <c r="P4182" s="5" t="s">
        <v>30397</v>
      </c>
    </row>
    <row r="4183" spans="1:16" x14ac:dyDescent="0.2">
      <c r="A4183" s="1" t="s">
        <v>10</v>
      </c>
      <c r="B4183" s="1" t="s">
        <v>376</v>
      </c>
      <c r="C4183" s="1" t="s">
        <v>14596</v>
      </c>
      <c r="D4183" s="1" t="s">
        <v>10</v>
      </c>
      <c r="E4183" s="1"/>
      <c r="F4183" s="1" t="s">
        <v>10</v>
      </c>
      <c r="G4183" s="1" t="s">
        <v>10</v>
      </c>
      <c r="H4183" s="1" t="s">
        <v>10</v>
      </c>
      <c r="I4183" s="1" t="s">
        <v>14283</v>
      </c>
      <c r="J4183" s="1" t="s">
        <v>14311</v>
      </c>
      <c r="K4183" s="1" t="s">
        <v>10218</v>
      </c>
      <c r="L4183" s="1" t="s">
        <v>14595</v>
      </c>
      <c r="M4183" s="1" t="s">
        <v>5</v>
      </c>
      <c r="N4183" s="1" t="s">
        <v>25</v>
      </c>
      <c r="O4183" s="1" t="s">
        <v>38</v>
      </c>
      <c r="P4183" s="5" t="s">
        <v>30397</v>
      </c>
    </row>
    <row r="4184" spans="1:16" x14ac:dyDescent="0.2">
      <c r="A4184" s="1" t="s">
        <v>10</v>
      </c>
      <c r="B4184" s="1" t="s">
        <v>376</v>
      </c>
      <c r="C4184" s="1" t="s">
        <v>14598</v>
      </c>
      <c r="D4184" s="1" t="s">
        <v>10</v>
      </c>
      <c r="E4184" s="1" t="s">
        <v>14573</v>
      </c>
      <c r="F4184" s="1" t="s">
        <v>10</v>
      </c>
      <c r="G4184" s="1" t="s">
        <v>10</v>
      </c>
      <c r="H4184" s="1" t="s">
        <v>10</v>
      </c>
      <c r="I4184" s="1" t="s">
        <v>14283</v>
      </c>
      <c r="J4184" s="1" t="s">
        <v>14311</v>
      </c>
      <c r="K4184" s="1" t="s">
        <v>10218</v>
      </c>
      <c r="L4184" s="1" t="s">
        <v>14597</v>
      </c>
      <c r="M4184" s="1" t="s">
        <v>5</v>
      </c>
      <c r="N4184" s="1" t="s">
        <v>25</v>
      </c>
      <c r="O4184" s="1" t="s">
        <v>38</v>
      </c>
      <c r="P4184" s="5" t="s">
        <v>30397</v>
      </c>
    </row>
    <row r="4185" spans="1:16" x14ac:dyDescent="0.2">
      <c r="A4185" s="1" t="s">
        <v>10</v>
      </c>
      <c r="B4185" s="1" t="s">
        <v>376</v>
      </c>
      <c r="C4185" s="1" t="s">
        <v>14600</v>
      </c>
      <c r="D4185" s="1" t="s">
        <v>10</v>
      </c>
      <c r="E4185" s="1" t="s">
        <v>14576</v>
      </c>
      <c r="F4185" s="1" t="s">
        <v>10</v>
      </c>
      <c r="G4185" s="1" t="s">
        <v>10</v>
      </c>
      <c r="H4185" s="1" t="s">
        <v>10</v>
      </c>
      <c r="I4185" s="1" t="s">
        <v>14283</v>
      </c>
      <c r="J4185" s="1" t="s">
        <v>14311</v>
      </c>
      <c r="K4185" s="1" t="s">
        <v>10218</v>
      </c>
      <c r="L4185" s="1" t="s">
        <v>14599</v>
      </c>
      <c r="M4185" s="1" t="s">
        <v>5</v>
      </c>
      <c r="N4185" s="1" t="s">
        <v>25</v>
      </c>
      <c r="O4185" s="1" t="s">
        <v>38</v>
      </c>
      <c r="P4185" s="5" t="s">
        <v>30397</v>
      </c>
    </row>
    <row r="4186" spans="1:16" x14ac:dyDescent="0.2">
      <c r="A4186" s="1" t="s">
        <v>10</v>
      </c>
      <c r="B4186" s="1" t="s">
        <v>376</v>
      </c>
      <c r="C4186" s="1" t="s">
        <v>14602</v>
      </c>
      <c r="D4186" s="1" t="s">
        <v>10</v>
      </c>
      <c r="E4186" s="1" t="s">
        <v>14573</v>
      </c>
      <c r="F4186" s="1" t="s">
        <v>10</v>
      </c>
      <c r="G4186" s="1" t="s">
        <v>10</v>
      </c>
      <c r="H4186" s="1" t="s">
        <v>10</v>
      </c>
      <c r="I4186" s="1" t="s">
        <v>14283</v>
      </c>
      <c r="J4186" s="1" t="s">
        <v>14287</v>
      </c>
      <c r="K4186" s="1" t="s">
        <v>7</v>
      </c>
      <c r="L4186" s="1" t="s">
        <v>14601</v>
      </c>
      <c r="M4186" s="1" t="s">
        <v>5</v>
      </c>
      <c r="N4186" s="1" t="s">
        <v>25</v>
      </c>
      <c r="O4186" s="1" t="s">
        <v>38</v>
      </c>
      <c r="P4186" s="5" t="s">
        <v>30397</v>
      </c>
    </row>
    <row r="4187" spans="1:16" x14ac:dyDescent="0.2">
      <c r="A4187" s="1" t="s">
        <v>10</v>
      </c>
      <c r="B4187" s="1" t="s">
        <v>376</v>
      </c>
      <c r="C4187" s="1" t="s">
        <v>14604</v>
      </c>
      <c r="D4187" s="1" t="s">
        <v>14605</v>
      </c>
      <c r="E4187" s="1" t="s">
        <v>14606</v>
      </c>
      <c r="F4187" s="1" t="s">
        <v>10</v>
      </c>
      <c r="G4187" s="1" t="s">
        <v>10</v>
      </c>
      <c r="H4187" s="1" t="s">
        <v>10</v>
      </c>
      <c r="I4187" s="1" t="s">
        <v>14283</v>
      </c>
      <c r="J4187" s="1" t="s">
        <v>14287</v>
      </c>
      <c r="K4187" s="1" t="s">
        <v>1468</v>
      </c>
      <c r="L4187" s="1" t="s">
        <v>14603</v>
      </c>
      <c r="M4187" s="1" t="s">
        <v>5</v>
      </c>
      <c r="N4187" s="1" t="s">
        <v>1695</v>
      </c>
      <c r="O4187" s="1" t="s">
        <v>38</v>
      </c>
      <c r="P4187" s="5" t="s">
        <v>30397</v>
      </c>
    </row>
    <row r="4188" spans="1:16" x14ac:dyDescent="0.2">
      <c r="A4188" s="1" t="s">
        <v>10</v>
      </c>
      <c r="B4188" s="1" t="s">
        <v>376</v>
      </c>
      <c r="C4188" s="1" t="s">
        <v>14608</v>
      </c>
      <c r="D4188" s="1" t="s">
        <v>14609</v>
      </c>
      <c r="E4188" s="1" t="s">
        <v>14610</v>
      </c>
      <c r="F4188" s="1" t="s">
        <v>10</v>
      </c>
      <c r="G4188" s="1" t="s">
        <v>10</v>
      </c>
      <c r="H4188" s="1" t="s">
        <v>10</v>
      </c>
      <c r="I4188" s="1" t="s">
        <v>14283</v>
      </c>
      <c r="J4188" s="1" t="s">
        <v>14325</v>
      </c>
      <c r="K4188" s="1" t="s">
        <v>100</v>
      </c>
      <c r="L4188" s="1" t="s">
        <v>14607</v>
      </c>
      <c r="M4188" s="1" t="s">
        <v>5</v>
      </c>
      <c r="N4188" s="1" t="s">
        <v>1695</v>
      </c>
      <c r="O4188" s="1" t="s">
        <v>38</v>
      </c>
      <c r="P4188" s="5" t="s">
        <v>30397</v>
      </c>
    </row>
    <row r="4189" spans="1:16" x14ac:dyDescent="0.2">
      <c r="A4189" s="1" t="s">
        <v>10</v>
      </c>
      <c r="B4189" s="1" t="s">
        <v>376</v>
      </c>
      <c r="C4189" s="1" t="s">
        <v>14612</v>
      </c>
      <c r="D4189" s="1" t="s">
        <v>10</v>
      </c>
      <c r="E4189" s="1" t="s">
        <v>14613</v>
      </c>
      <c r="F4189" s="1" t="s">
        <v>10</v>
      </c>
      <c r="G4189" s="1" t="s">
        <v>10</v>
      </c>
      <c r="H4189" s="1" t="s">
        <v>10</v>
      </c>
      <c r="I4189" s="1" t="s">
        <v>14283</v>
      </c>
      <c r="J4189" s="1" t="s">
        <v>14531</v>
      </c>
      <c r="K4189" s="1" t="s">
        <v>7</v>
      </c>
      <c r="L4189" s="1" t="s">
        <v>14611</v>
      </c>
      <c r="M4189" s="1" t="s">
        <v>5</v>
      </c>
      <c r="N4189" s="1" t="s">
        <v>1695</v>
      </c>
      <c r="O4189" s="1" t="s">
        <v>38</v>
      </c>
      <c r="P4189" s="5" t="s">
        <v>30397</v>
      </c>
    </row>
    <row r="4190" spans="1:16" x14ac:dyDescent="0.2">
      <c r="A4190" s="1" t="s">
        <v>10</v>
      </c>
      <c r="B4190" s="1" t="s">
        <v>376</v>
      </c>
      <c r="C4190" s="1" t="s">
        <v>14615</v>
      </c>
      <c r="D4190" s="1" t="s">
        <v>10</v>
      </c>
      <c r="E4190" s="1" t="s">
        <v>14463</v>
      </c>
      <c r="F4190" s="1" t="s">
        <v>10</v>
      </c>
      <c r="G4190" s="1" t="s">
        <v>10</v>
      </c>
      <c r="H4190" s="1" t="s">
        <v>10</v>
      </c>
      <c r="I4190" s="1" t="s">
        <v>14283</v>
      </c>
      <c r="J4190" s="1" t="s">
        <v>14311</v>
      </c>
      <c r="K4190" s="1" t="s">
        <v>27</v>
      </c>
      <c r="L4190" s="1" t="s">
        <v>14614</v>
      </c>
      <c r="M4190" s="1" t="s">
        <v>5</v>
      </c>
      <c r="N4190" s="1" t="s">
        <v>6</v>
      </c>
      <c r="O4190" s="1" t="s">
        <v>38</v>
      </c>
      <c r="P4190" s="5" t="s">
        <v>30397</v>
      </c>
    </row>
    <row r="4191" spans="1:16" x14ac:dyDescent="0.2">
      <c r="A4191" s="1" t="s">
        <v>10</v>
      </c>
      <c r="B4191" s="1" t="s">
        <v>376</v>
      </c>
      <c r="C4191" s="1" t="s">
        <v>14617</v>
      </c>
      <c r="D4191" s="1" t="s">
        <v>10</v>
      </c>
      <c r="E4191" s="1" t="s">
        <v>14618</v>
      </c>
      <c r="F4191" s="1" t="s">
        <v>10</v>
      </c>
      <c r="G4191" s="1" t="s">
        <v>10</v>
      </c>
      <c r="H4191" s="1" t="s">
        <v>10</v>
      </c>
      <c r="I4191" s="1" t="s">
        <v>14283</v>
      </c>
      <c r="J4191" s="1" t="s">
        <v>14295</v>
      </c>
      <c r="K4191" s="1" t="s">
        <v>1548</v>
      </c>
      <c r="L4191" s="1" t="s">
        <v>14616</v>
      </c>
      <c r="M4191" s="1" t="s">
        <v>5</v>
      </c>
      <c r="N4191" s="1" t="s">
        <v>1597</v>
      </c>
      <c r="O4191" s="1" t="s">
        <v>38</v>
      </c>
      <c r="P4191" s="5" t="s">
        <v>30397</v>
      </c>
    </row>
    <row r="4192" spans="1:16" x14ac:dyDescent="0.2">
      <c r="A4192" s="1" t="s">
        <v>10</v>
      </c>
      <c r="B4192" s="1" t="s">
        <v>376</v>
      </c>
      <c r="C4192" s="1" t="s">
        <v>14620</v>
      </c>
      <c r="D4192" s="1" t="s">
        <v>10</v>
      </c>
      <c r="E4192" s="1" t="s">
        <v>14621</v>
      </c>
      <c r="F4192" s="1" t="s">
        <v>10</v>
      </c>
      <c r="G4192" s="1" t="s">
        <v>10</v>
      </c>
      <c r="H4192" s="1" t="s">
        <v>10</v>
      </c>
      <c r="I4192" s="1" t="s">
        <v>14283</v>
      </c>
      <c r="J4192" s="1" t="s">
        <v>14295</v>
      </c>
      <c r="K4192" s="1" t="s">
        <v>7</v>
      </c>
      <c r="L4192" s="1" t="s">
        <v>14619</v>
      </c>
      <c r="M4192" s="1" t="s">
        <v>5</v>
      </c>
      <c r="N4192" s="1" t="s">
        <v>1597</v>
      </c>
      <c r="O4192" s="1" t="s">
        <v>38</v>
      </c>
      <c r="P4192" s="5" t="s">
        <v>30397</v>
      </c>
    </row>
    <row r="4193" spans="1:16" x14ac:dyDescent="0.2">
      <c r="A4193" s="1" t="s">
        <v>10</v>
      </c>
      <c r="B4193" s="1" t="s">
        <v>376</v>
      </c>
      <c r="C4193" s="1" t="s">
        <v>14623</v>
      </c>
      <c r="D4193" s="1" t="s">
        <v>10</v>
      </c>
      <c r="E4193" s="1" t="s">
        <v>14624</v>
      </c>
      <c r="F4193" s="1" t="s">
        <v>10</v>
      </c>
      <c r="G4193" s="1" t="s">
        <v>10</v>
      </c>
      <c r="H4193" s="1" t="s">
        <v>10</v>
      </c>
      <c r="I4193" s="1" t="s">
        <v>14283</v>
      </c>
      <c r="J4193" s="1" t="s">
        <v>14331</v>
      </c>
      <c r="K4193" s="1" t="s">
        <v>586</v>
      </c>
      <c r="L4193" s="1" t="s">
        <v>14622</v>
      </c>
      <c r="M4193" s="1" t="s">
        <v>5</v>
      </c>
      <c r="N4193" s="1" t="s">
        <v>25</v>
      </c>
      <c r="O4193" s="1" t="s">
        <v>38</v>
      </c>
      <c r="P4193" s="5" t="s">
        <v>31685</v>
      </c>
    </row>
    <row r="4194" spans="1:16" x14ac:dyDescent="0.2">
      <c r="A4194" s="1" t="s">
        <v>10</v>
      </c>
      <c r="B4194" s="1" t="s">
        <v>376</v>
      </c>
      <c r="C4194" s="1" t="s">
        <v>14626</v>
      </c>
      <c r="D4194" s="1" t="s">
        <v>14627</v>
      </c>
      <c r="E4194" s="1"/>
      <c r="F4194" s="1" t="s">
        <v>10</v>
      </c>
      <c r="G4194" s="1" t="s">
        <v>10</v>
      </c>
      <c r="H4194" s="1" t="s">
        <v>10</v>
      </c>
      <c r="I4194" s="1" t="s">
        <v>14283</v>
      </c>
      <c r="J4194" s="1" t="s">
        <v>14628</v>
      </c>
      <c r="K4194" s="1" t="s">
        <v>7</v>
      </c>
      <c r="L4194" s="1" t="s">
        <v>14625</v>
      </c>
      <c r="M4194" s="1" t="s">
        <v>5</v>
      </c>
      <c r="N4194" s="1" t="s">
        <v>25</v>
      </c>
      <c r="O4194" s="1" t="s">
        <v>38</v>
      </c>
      <c r="P4194" s="5" t="s">
        <v>31687</v>
      </c>
    </row>
    <row r="4195" spans="1:16" x14ac:dyDescent="0.2">
      <c r="A4195" s="1" t="s">
        <v>10</v>
      </c>
      <c r="B4195" s="1" t="s">
        <v>376</v>
      </c>
      <c r="C4195" s="1" t="s">
        <v>14630</v>
      </c>
      <c r="D4195" s="1" t="s">
        <v>10</v>
      </c>
      <c r="E4195" s="1" t="s">
        <v>14631</v>
      </c>
      <c r="F4195" s="1" t="s">
        <v>10</v>
      </c>
      <c r="G4195" s="1" t="s">
        <v>10</v>
      </c>
      <c r="H4195" s="1" t="s">
        <v>10</v>
      </c>
      <c r="I4195" s="1" t="s">
        <v>14283</v>
      </c>
      <c r="J4195" s="1" t="s">
        <v>14512</v>
      </c>
      <c r="K4195" s="1" t="s">
        <v>130</v>
      </c>
      <c r="L4195" s="1" t="s">
        <v>14629</v>
      </c>
      <c r="M4195" s="1" t="s">
        <v>5</v>
      </c>
      <c r="N4195" s="1" t="s">
        <v>25</v>
      </c>
      <c r="O4195" s="1" t="s">
        <v>38</v>
      </c>
      <c r="P4195" s="5" t="s">
        <v>30397</v>
      </c>
    </row>
    <row r="4196" spans="1:16" x14ac:dyDescent="0.2">
      <c r="A4196" s="1" t="s">
        <v>10</v>
      </c>
      <c r="B4196" s="1" t="s">
        <v>376</v>
      </c>
      <c r="C4196" s="1" t="s">
        <v>14633</v>
      </c>
      <c r="D4196" s="1" t="s">
        <v>10</v>
      </c>
      <c r="E4196" s="1" t="s">
        <v>14634</v>
      </c>
      <c r="F4196" s="1" t="s">
        <v>10</v>
      </c>
      <c r="G4196" s="1" t="s">
        <v>10</v>
      </c>
      <c r="H4196" s="1" t="s">
        <v>10</v>
      </c>
      <c r="I4196" s="1" t="s">
        <v>14283</v>
      </c>
      <c r="J4196" s="1" t="s">
        <v>14331</v>
      </c>
      <c r="K4196" s="1" t="s">
        <v>586</v>
      </c>
      <c r="L4196" s="1" t="s">
        <v>14632</v>
      </c>
      <c r="M4196" s="1" t="s">
        <v>5</v>
      </c>
      <c r="N4196" s="1" t="s">
        <v>25</v>
      </c>
      <c r="O4196" s="1" t="s">
        <v>38</v>
      </c>
      <c r="P4196" s="5" t="s">
        <v>30397</v>
      </c>
    </row>
    <row r="4197" spans="1:16" x14ac:dyDescent="0.2">
      <c r="A4197" s="1" t="s">
        <v>10</v>
      </c>
      <c r="B4197" s="1" t="s">
        <v>376</v>
      </c>
      <c r="C4197" s="1" t="s">
        <v>14636</v>
      </c>
      <c r="D4197" s="1" t="s">
        <v>10</v>
      </c>
      <c r="E4197" s="1" t="s">
        <v>14637</v>
      </c>
      <c r="F4197" s="1" t="s">
        <v>10</v>
      </c>
      <c r="G4197" s="1" t="s">
        <v>10</v>
      </c>
      <c r="H4197" s="1" t="s">
        <v>10</v>
      </c>
      <c r="I4197" s="1" t="s">
        <v>14283</v>
      </c>
      <c r="J4197" s="1" t="s">
        <v>14325</v>
      </c>
      <c r="K4197" s="1" t="s">
        <v>7</v>
      </c>
      <c r="L4197" s="1" t="s">
        <v>14635</v>
      </c>
      <c r="M4197" s="1" t="s">
        <v>5</v>
      </c>
      <c r="N4197" s="1" t="s">
        <v>25</v>
      </c>
      <c r="O4197" s="1" t="s">
        <v>38</v>
      </c>
      <c r="P4197" s="5" t="s">
        <v>30397</v>
      </c>
    </row>
    <row r="4198" spans="1:16" x14ac:dyDescent="0.2">
      <c r="A4198" s="1" t="s">
        <v>10</v>
      </c>
      <c r="B4198" s="1" t="s">
        <v>376</v>
      </c>
      <c r="C4198" s="1" t="s">
        <v>14639</v>
      </c>
      <c r="D4198" s="1" t="s">
        <v>1230</v>
      </c>
      <c r="E4198" s="1" t="s">
        <v>4511</v>
      </c>
      <c r="F4198" s="1" t="s">
        <v>10</v>
      </c>
      <c r="G4198" s="1" t="s">
        <v>10</v>
      </c>
      <c r="H4198" s="1" t="s">
        <v>10</v>
      </c>
      <c r="I4198" s="1" t="s">
        <v>14283</v>
      </c>
      <c r="J4198" s="1" t="s">
        <v>14325</v>
      </c>
      <c r="K4198" s="1" t="s">
        <v>27</v>
      </c>
      <c r="L4198" s="1" t="s">
        <v>14638</v>
      </c>
      <c r="M4198" s="1" t="s">
        <v>5</v>
      </c>
      <c r="N4198" s="1" t="s">
        <v>25</v>
      </c>
      <c r="O4198" s="1" t="s">
        <v>38</v>
      </c>
      <c r="P4198" s="5" t="s">
        <v>30397</v>
      </c>
    </row>
    <row r="4199" spans="1:16" x14ac:dyDescent="0.2">
      <c r="A4199" s="1" t="s">
        <v>10</v>
      </c>
      <c r="B4199" s="1" t="s">
        <v>376</v>
      </c>
      <c r="C4199" s="1" t="s">
        <v>14641</v>
      </c>
      <c r="D4199" s="1" t="s">
        <v>10</v>
      </c>
      <c r="E4199" s="1" t="s">
        <v>14642</v>
      </c>
      <c r="F4199" s="1" t="s">
        <v>10</v>
      </c>
      <c r="G4199" s="1" t="s">
        <v>10</v>
      </c>
      <c r="H4199" s="1" t="s">
        <v>10</v>
      </c>
      <c r="I4199" s="1" t="s">
        <v>14283</v>
      </c>
      <c r="J4199" s="1" t="s">
        <v>14304</v>
      </c>
      <c r="K4199" s="1" t="s">
        <v>1548</v>
      </c>
      <c r="L4199" s="1" t="s">
        <v>14640</v>
      </c>
      <c r="M4199" s="1" t="s">
        <v>5</v>
      </c>
      <c r="N4199" s="1" t="s">
        <v>25</v>
      </c>
      <c r="O4199" s="1" t="s">
        <v>38</v>
      </c>
      <c r="P4199" s="5" t="s">
        <v>30397</v>
      </c>
    </row>
    <row r="4200" spans="1:16" x14ac:dyDescent="0.2">
      <c r="A4200" s="1" t="s">
        <v>10</v>
      </c>
      <c r="B4200" s="1" t="s">
        <v>376</v>
      </c>
      <c r="C4200" s="1" t="s">
        <v>14644</v>
      </c>
      <c r="D4200" s="1" t="s">
        <v>14645</v>
      </c>
      <c r="E4200" s="1" t="s">
        <v>14646</v>
      </c>
      <c r="F4200" s="1" t="s">
        <v>10</v>
      </c>
      <c r="G4200" s="1" t="s">
        <v>10</v>
      </c>
      <c r="H4200" s="1" t="s">
        <v>10</v>
      </c>
      <c r="I4200" s="1" t="s">
        <v>14283</v>
      </c>
      <c r="J4200" s="1" t="s">
        <v>14311</v>
      </c>
      <c r="K4200" s="1" t="s">
        <v>2591</v>
      </c>
      <c r="L4200" s="1" t="s">
        <v>14643</v>
      </c>
      <c r="M4200" s="1" t="s">
        <v>5</v>
      </c>
      <c r="N4200" s="1" t="s">
        <v>6</v>
      </c>
      <c r="O4200" s="1" t="s">
        <v>38</v>
      </c>
      <c r="P4200" s="5" t="s">
        <v>31685</v>
      </c>
    </row>
    <row r="4201" spans="1:16" x14ac:dyDescent="0.2">
      <c r="A4201" s="1" t="s">
        <v>10</v>
      </c>
      <c r="B4201" s="1" t="s">
        <v>376</v>
      </c>
      <c r="C4201" s="1" t="s">
        <v>14648</v>
      </c>
      <c r="D4201" s="1" t="s">
        <v>14645</v>
      </c>
      <c r="E4201" s="1" t="s">
        <v>14649</v>
      </c>
      <c r="F4201" s="1" t="s">
        <v>10</v>
      </c>
      <c r="G4201" s="1" t="s">
        <v>10</v>
      </c>
      <c r="H4201" s="1" t="s">
        <v>10</v>
      </c>
      <c r="I4201" s="1" t="s">
        <v>14283</v>
      </c>
      <c r="J4201" s="1" t="s">
        <v>14311</v>
      </c>
      <c r="K4201" s="1" t="s">
        <v>2591</v>
      </c>
      <c r="L4201" s="1" t="s">
        <v>14647</v>
      </c>
      <c r="M4201" s="1" t="s">
        <v>5</v>
      </c>
      <c r="N4201" s="1" t="s">
        <v>6</v>
      </c>
      <c r="O4201" s="1" t="s">
        <v>38</v>
      </c>
      <c r="P4201" s="5" t="s">
        <v>31685</v>
      </c>
    </row>
    <row r="4202" spans="1:16" x14ac:dyDescent="0.2">
      <c r="A4202" s="1" t="s">
        <v>10</v>
      </c>
      <c r="B4202" s="1" t="s">
        <v>376</v>
      </c>
      <c r="C4202" s="1" t="s">
        <v>14651</v>
      </c>
      <c r="D4202" s="1" t="s">
        <v>14645</v>
      </c>
      <c r="E4202" s="1" t="s">
        <v>14652</v>
      </c>
      <c r="F4202" s="1" t="s">
        <v>10</v>
      </c>
      <c r="G4202" s="1" t="s">
        <v>10</v>
      </c>
      <c r="H4202" s="1" t="s">
        <v>10</v>
      </c>
      <c r="I4202" s="1" t="s">
        <v>14283</v>
      </c>
      <c r="J4202" s="1" t="s">
        <v>14311</v>
      </c>
      <c r="K4202" s="1" t="s">
        <v>2591</v>
      </c>
      <c r="L4202" s="1" t="s">
        <v>14650</v>
      </c>
      <c r="M4202" s="1" t="s">
        <v>5</v>
      </c>
      <c r="N4202" s="1" t="s">
        <v>6</v>
      </c>
      <c r="O4202" s="1" t="s">
        <v>38</v>
      </c>
      <c r="P4202" s="5" t="s">
        <v>31685</v>
      </c>
    </row>
    <row r="4203" spans="1:16" x14ac:dyDescent="0.2">
      <c r="A4203" s="1" t="s">
        <v>10</v>
      </c>
      <c r="B4203" s="1" t="s">
        <v>376</v>
      </c>
      <c r="C4203" s="1" t="s">
        <v>14654</v>
      </c>
      <c r="D4203" s="1" t="s">
        <v>14655</v>
      </c>
      <c r="E4203" s="1" t="s">
        <v>14656</v>
      </c>
      <c r="F4203" s="1" t="s">
        <v>10</v>
      </c>
      <c r="G4203" s="1" t="s">
        <v>10</v>
      </c>
      <c r="H4203" s="1" t="s">
        <v>10</v>
      </c>
      <c r="I4203" s="1" t="s">
        <v>14283</v>
      </c>
      <c r="J4203" s="1" t="s">
        <v>14295</v>
      </c>
      <c r="K4203" s="1" t="s">
        <v>7</v>
      </c>
      <c r="L4203" s="1" t="s">
        <v>14653</v>
      </c>
      <c r="M4203" s="1" t="s">
        <v>5</v>
      </c>
      <c r="N4203" s="1" t="s">
        <v>6</v>
      </c>
      <c r="O4203" s="1" t="s">
        <v>38</v>
      </c>
      <c r="P4203" s="5" t="s">
        <v>10</v>
      </c>
    </row>
    <row r="4204" spans="1:16" x14ac:dyDescent="0.2">
      <c r="A4204" s="1" t="s">
        <v>10</v>
      </c>
      <c r="B4204" s="1" t="s">
        <v>376</v>
      </c>
      <c r="C4204" s="1" t="s">
        <v>14658</v>
      </c>
      <c r="D4204" s="1" t="s">
        <v>14659</v>
      </c>
      <c r="E4204" s="1"/>
      <c r="F4204" s="1" t="s">
        <v>10</v>
      </c>
      <c r="G4204" s="1" t="s">
        <v>10</v>
      </c>
      <c r="H4204" s="1" t="s">
        <v>10</v>
      </c>
      <c r="I4204" s="1" t="s">
        <v>14283</v>
      </c>
      <c r="J4204" s="1" t="s">
        <v>14367</v>
      </c>
      <c r="K4204" s="1" t="s">
        <v>27</v>
      </c>
      <c r="L4204" s="1" t="s">
        <v>14657</v>
      </c>
      <c r="M4204" s="1" t="s">
        <v>5</v>
      </c>
      <c r="N4204" s="1" t="s">
        <v>25</v>
      </c>
      <c r="O4204" s="1" t="s">
        <v>38</v>
      </c>
      <c r="P4204" s="5" t="s">
        <v>31688</v>
      </c>
    </row>
    <row r="4205" spans="1:16" x14ac:dyDescent="0.2">
      <c r="A4205" s="1" t="s">
        <v>10</v>
      </c>
      <c r="B4205" s="1" t="s">
        <v>376</v>
      </c>
      <c r="C4205" s="1" t="s">
        <v>14661</v>
      </c>
      <c r="D4205" s="1" t="s">
        <v>14662</v>
      </c>
      <c r="E4205" s="1" t="s">
        <v>14663</v>
      </c>
      <c r="F4205" s="1" t="s">
        <v>10</v>
      </c>
      <c r="G4205" s="1" t="s">
        <v>10</v>
      </c>
      <c r="H4205" s="1" t="s">
        <v>10</v>
      </c>
      <c r="I4205" s="1" t="s">
        <v>14283</v>
      </c>
      <c r="J4205" s="1" t="s">
        <v>14331</v>
      </c>
      <c r="K4205" s="1" t="s">
        <v>586</v>
      </c>
      <c r="L4205" s="1" t="s">
        <v>14660</v>
      </c>
      <c r="M4205" s="1" t="s">
        <v>5</v>
      </c>
      <c r="N4205" s="1" t="s">
        <v>6</v>
      </c>
      <c r="O4205" s="1" t="s">
        <v>38</v>
      </c>
      <c r="P4205" s="5" t="s">
        <v>30397</v>
      </c>
    </row>
    <row r="4206" spans="1:16" x14ac:dyDescent="0.2">
      <c r="A4206" s="1" t="s">
        <v>10</v>
      </c>
      <c r="B4206" s="1" t="s">
        <v>376</v>
      </c>
      <c r="C4206" s="1" t="s">
        <v>14666</v>
      </c>
      <c r="D4206" s="1" t="s">
        <v>14667</v>
      </c>
      <c r="E4206" s="1" t="s">
        <v>14669</v>
      </c>
      <c r="F4206" s="1" t="s">
        <v>10</v>
      </c>
      <c r="G4206" s="1" t="s">
        <v>10</v>
      </c>
      <c r="H4206" s="1" t="s">
        <v>10</v>
      </c>
      <c r="I4206" s="1" t="s">
        <v>14283</v>
      </c>
      <c r="J4206" s="1" t="s">
        <v>14668</v>
      </c>
      <c r="K4206" s="1" t="s">
        <v>7</v>
      </c>
      <c r="L4206" s="1" t="s">
        <v>14665</v>
      </c>
      <c r="M4206" s="1" t="s">
        <v>5</v>
      </c>
      <c r="N4206" s="1" t="s">
        <v>25</v>
      </c>
      <c r="O4206" s="1" t="s">
        <v>38</v>
      </c>
      <c r="P4206" s="5" t="s">
        <v>10</v>
      </c>
    </row>
    <row r="4207" spans="1:16" x14ac:dyDescent="0.2">
      <c r="A4207" s="1" t="s">
        <v>10</v>
      </c>
      <c r="B4207" s="1" t="s">
        <v>376</v>
      </c>
      <c r="C4207" s="1" t="s">
        <v>14671</v>
      </c>
      <c r="D4207" s="1" t="s">
        <v>14672</v>
      </c>
      <c r="E4207" s="1" t="s">
        <v>14673</v>
      </c>
      <c r="F4207" s="1" t="s">
        <v>10</v>
      </c>
      <c r="G4207" s="1" t="s">
        <v>10</v>
      </c>
      <c r="H4207" s="1" t="s">
        <v>10</v>
      </c>
      <c r="I4207" s="1" t="s">
        <v>14283</v>
      </c>
      <c r="J4207" s="1" t="s">
        <v>14505</v>
      </c>
      <c r="K4207" s="1" t="s">
        <v>7</v>
      </c>
      <c r="L4207" s="1" t="s">
        <v>14670</v>
      </c>
      <c r="M4207" s="1" t="s">
        <v>5</v>
      </c>
      <c r="N4207" s="1" t="s">
        <v>1597</v>
      </c>
      <c r="O4207" s="1" t="s">
        <v>38</v>
      </c>
      <c r="P4207" s="5" t="s">
        <v>30397</v>
      </c>
    </row>
    <row r="4208" spans="1:16" x14ac:dyDescent="0.2">
      <c r="A4208" s="1" t="s">
        <v>10</v>
      </c>
      <c r="B4208" s="1" t="s">
        <v>376</v>
      </c>
      <c r="C4208" s="1" t="s">
        <v>14675</v>
      </c>
      <c r="D4208" s="1" t="s">
        <v>14676</v>
      </c>
      <c r="E4208" s="1"/>
      <c r="F4208" s="1" t="s">
        <v>10</v>
      </c>
      <c r="G4208" s="1" t="s">
        <v>10</v>
      </c>
      <c r="H4208" s="1" t="s">
        <v>10</v>
      </c>
      <c r="I4208" s="1" t="s">
        <v>14283</v>
      </c>
      <c r="J4208" s="1" t="s">
        <v>14311</v>
      </c>
      <c r="K4208" s="1" t="s">
        <v>130</v>
      </c>
      <c r="L4208" s="1" t="s">
        <v>14674</v>
      </c>
      <c r="M4208" s="1" t="s">
        <v>5</v>
      </c>
      <c r="N4208" s="1" t="s">
        <v>25</v>
      </c>
      <c r="O4208" s="1" t="s">
        <v>38</v>
      </c>
      <c r="P4208" s="5" t="s">
        <v>31689</v>
      </c>
    </row>
    <row r="4209" spans="1:16" x14ac:dyDescent="0.2">
      <c r="A4209" s="1" t="s">
        <v>10</v>
      </c>
      <c r="B4209" s="1" t="s">
        <v>376</v>
      </c>
      <c r="C4209" s="1" t="s">
        <v>14678</v>
      </c>
      <c r="D4209" s="1" t="s">
        <v>14679</v>
      </c>
      <c r="E4209" s="1" t="s">
        <v>14680</v>
      </c>
      <c r="F4209" s="1" t="s">
        <v>10</v>
      </c>
      <c r="G4209" s="1" t="s">
        <v>10</v>
      </c>
      <c r="H4209" s="1" t="s">
        <v>10</v>
      </c>
      <c r="I4209" s="1" t="s">
        <v>14283</v>
      </c>
      <c r="J4209" s="1" t="s">
        <v>14325</v>
      </c>
      <c r="K4209" s="1" t="s">
        <v>7</v>
      </c>
      <c r="L4209" s="1" t="s">
        <v>14677</v>
      </c>
      <c r="M4209" s="1" t="s">
        <v>5</v>
      </c>
      <c r="N4209" s="1" t="s">
        <v>25</v>
      </c>
      <c r="O4209" s="1" t="s">
        <v>38</v>
      </c>
      <c r="P4209" s="5" t="s">
        <v>31688</v>
      </c>
    </row>
    <row r="4210" spans="1:16" x14ac:dyDescent="0.2">
      <c r="A4210" s="1" t="s">
        <v>10</v>
      </c>
      <c r="B4210" s="1" t="s">
        <v>376</v>
      </c>
      <c r="C4210" s="1" t="s">
        <v>14682</v>
      </c>
      <c r="D4210" s="1" t="s">
        <v>14683</v>
      </c>
      <c r="E4210" s="1"/>
      <c r="F4210" s="1" t="s">
        <v>10</v>
      </c>
      <c r="G4210" s="1" t="s">
        <v>10</v>
      </c>
      <c r="H4210" s="1" t="s">
        <v>10</v>
      </c>
      <c r="I4210" s="1" t="s">
        <v>14283</v>
      </c>
      <c r="J4210" s="1" t="s">
        <v>14311</v>
      </c>
      <c r="K4210" s="1" t="s">
        <v>27</v>
      </c>
      <c r="L4210" s="1" t="s">
        <v>14681</v>
      </c>
      <c r="M4210" s="1" t="s">
        <v>5</v>
      </c>
      <c r="N4210" s="1" t="s">
        <v>25</v>
      </c>
      <c r="O4210" s="1" t="s">
        <v>38</v>
      </c>
      <c r="P4210" s="5" t="s">
        <v>31690</v>
      </c>
    </row>
    <row r="4211" spans="1:16" x14ac:dyDescent="0.2">
      <c r="A4211" s="1" t="s">
        <v>10</v>
      </c>
      <c r="B4211" s="1" t="s">
        <v>376</v>
      </c>
      <c r="C4211" s="1" t="s">
        <v>14685</v>
      </c>
      <c r="D4211" s="1" t="s">
        <v>14686</v>
      </c>
      <c r="E4211" s="1" t="s">
        <v>14687</v>
      </c>
      <c r="F4211" s="1" t="s">
        <v>10</v>
      </c>
      <c r="G4211" s="1" t="s">
        <v>10</v>
      </c>
      <c r="H4211" s="1" t="s">
        <v>10</v>
      </c>
      <c r="I4211" s="1" t="s">
        <v>14283</v>
      </c>
      <c r="J4211" s="1" t="s">
        <v>14325</v>
      </c>
      <c r="K4211" s="1" t="s">
        <v>113</v>
      </c>
      <c r="L4211" s="1" t="s">
        <v>14684</v>
      </c>
      <c r="M4211" s="1" t="s">
        <v>5</v>
      </c>
      <c r="N4211" s="1" t="s">
        <v>1009</v>
      </c>
      <c r="O4211" s="1" t="s">
        <v>38</v>
      </c>
      <c r="P4211" s="5" t="s">
        <v>31685</v>
      </c>
    </row>
    <row r="4212" spans="1:16" x14ac:dyDescent="0.2">
      <c r="A4212" s="1" t="s">
        <v>10</v>
      </c>
      <c r="B4212" s="1" t="s">
        <v>376</v>
      </c>
      <c r="C4212" s="1" t="s">
        <v>14689</v>
      </c>
      <c r="D4212" s="1" t="s">
        <v>14690</v>
      </c>
      <c r="E4212" s="1"/>
      <c r="F4212" s="1" t="s">
        <v>10</v>
      </c>
      <c r="G4212" s="1" t="s">
        <v>10</v>
      </c>
      <c r="H4212" s="1" t="s">
        <v>10</v>
      </c>
      <c r="I4212" s="1" t="s">
        <v>14283</v>
      </c>
      <c r="J4212" s="1" t="s">
        <v>14531</v>
      </c>
      <c r="K4212" s="1" t="s">
        <v>27</v>
      </c>
      <c r="L4212" s="1" t="s">
        <v>14688</v>
      </c>
      <c r="M4212" s="1" t="s">
        <v>5</v>
      </c>
      <c r="N4212" s="1" t="s">
        <v>25</v>
      </c>
      <c r="O4212" s="1" t="s">
        <v>38</v>
      </c>
      <c r="P4212" s="5" t="s">
        <v>31689</v>
      </c>
    </row>
    <row r="4213" spans="1:16" x14ac:dyDescent="0.2">
      <c r="A4213" s="1" t="s">
        <v>10</v>
      </c>
      <c r="B4213" s="1" t="s">
        <v>376</v>
      </c>
      <c r="C4213" s="1" t="s">
        <v>14693</v>
      </c>
      <c r="D4213" s="1" t="s">
        <v>14694</v>
      </c>
      <c r="E4213" s="1"/>
      <c r="F4213" s="1" t="s">
        <v>10</v>
      </c>
      <c r="G4213" s="1" t="s">
        <v>10</v>
      </c>
      <c r="H4213" s="1" t="s">
        <v>10</v>
      </c>
      <c r="I4213" s="1" t="s">
        <v>14283</v>
      </c>
      <c r="J4213" s="1" t="s">
        <v>14477</v>
      </c>
      <c r="K4213" s="1" t="s">
        <v>14695</v>
      </c>
      <c r="L4213" s="1" t="s">
        <v>14692</v>
      </c>
      <c r="M4213" s="1" t="s">
        <v>5</v>
      </c>
      <c r="N4213" s="1" t="s">
        <v>25</v>
      </c>
      <c r="O4213" s="1" t="s">
        <v>38</v>
      </c>
      <c r="P4213" s="5" t="s">
        <v>30397</v>
      </c>
    </row>
    <row r="4214" spans="1:16" x14ac:dyDescent="0.2">
      <c r="A4214" s="1" t="s">
        <v>10</v>
      </c>
      <c r="B4214" s="1" t="s">
        <v>376</v>
      </c>
      <c r="C4214" s="1" t="s">
        <v>14697</v>
      </c>
      <c r="D4214" s="1" t="s">
        <v>14698</v>
      </c>
      <c r="E4214" s="1"/>
      <c r="F4214" s="1" t="s">
        <v>10</v>
      </c>
      <c r="G4214" s="1" t="s">
        <v>10</v>
      </c>
      <c r="H4214" s="1" t="s">
        <v>10</v>
      </c>
      <c r="I4214" s="1" t="s">
        <v>14283</v>
      </c>
      <c r="J4214" s="1" t="s">
        <v>14325</v>
      </c>
      <c r="K4214" s="1" t="s">
        <v>14699</v>
      </c>
      <c r="L4214" s="1" t="s">
        <v>14696</v>
      </c>
      <c r="M4214" s="1" t="s">
        <v>5</v>
      </c>
      <c r="N4214" s="1" t="s">
        <v>25</v>
      </c>
      <c r="O4214" s="1" t="s">
        <v>38</v>
      </c>
      <c r="P4214" s="5" t="s">
        <v>31691</v>
      </c>
    </row>
    <row r="4215" spans="1:16" x14ac:dyDescent="0.2">
      <c r="A4215" s="1" t="s">
        <v>10</v>
      </c>
      <c r="B4215" s="1" t="s">
        <v>376</v>
      </c>
      <c r="C4215" s="1" t="s">
        <v>14701</v>
      </c>
      <c r="D4215" s="1" t="s">
        <v>10</v>
      </c>
      <c r="E4215" s="1"/>
      <c r="F4215" s="1" t="s">
        <v>10</v>
      </c>
      <c r="G4215" s="1" t="s">
        <v>10</v>
      </c>
      <c r="H4215" s="1" t="s">
        <v>10</v>
      </c>
      <c r="I4215" s="1" t="s">
        <v>14283</v>
      </c>
      <c r="J4215" s="1" t="s">
        <v>14325</v>
      </c>
      <c r="K4215" s="1" t="s">
        <v>27</v>
      </c>
      <c r="L4215" s="1" t="s">
        <v>14700</v>
      </c>
      <c r="M4215" s="1" t="s">
        <v>5</v>
      </c>
      <c r="N4215" s="1" t="s">
        <v>25</v>
      </c>
      <c r="O4215" s="1" t="s">
        <v>38</v>
      </c>
      <c r="P4215" s="5" t="s">
        <v>31688</v>
      </c>
    </row>
    <row r="4216" spans="1:16" x14ac:dyDescent="0.2">
      <c r="A4216" s="1" t="s">
        <v>10</v>
      </c>
      <c r="B4216" s="1" t="s">
        <v>376</v>
      </c>
      <c r="C4216" s="1" t="s">
        <v>14703</v>
      </c>
      <c r="D4216" s="1" t="s">
        <v>14704</v>
      </c>
      <c r="E4216" s="1"/>
      <c r="F4216" s="1" t="s">
        <v>10</v>
      </c>
      <c r="G4216" s="1" t="s">
        <v>10</v>
      </c>
      <c r="H4216" s="1" t="s">
        <v>10</v>
      </c>
      <c r="I4216" s="1" t="s">
        <v>14283</v>
      </c>
      <c r="J4216" s="1" t="s">
        <v>14325</v>
      </c>
      <c r="K4216" s="1" t="s">
        <v>7</v>
      </c>
      <c r="L4216" s="1" t="s">
        <v>14702</v>
      </c>
      <c r="M4216" s="1" t="s">
        <v>5</v>
      </c>
      <c r="N4216" s="1" t="s">
        <v>25</v>
      </c>
      <c r="O4216" s="1" t="s">
        <v>38</v>
      </c>
      <c r="P4216" s="5" t="s">
        <v>31688</v>
      </c>
    </row>
    <row r="4217" spans="1:16" x14ac:dyDescent="0.2">
      <c r="A4217" s="1" t="s">
        <v>10</v>
      </c>
      <c r="B4217" s="1" t="s">
        <v>376</v>
      </c>
      <c r="C4217" s="1" t="s">
        <v>14706</v>
      </c>
      <c r="D4217" s="1" t="s">
        <v>10</v>
      </c>
      <c r="E4217" s="1" t="s">
        <v>14707</v>
      </c>
      <c r="F4217" s="1" t="s">
        <v>10</v>
      </c>
      <c r="G4217" s="1" t="s">
        <v>10</v>
      </c>
      <c r="H4217" s="1" t="s">
        <v>10</v>
      </c>
      <c r="I4217" s="1" t="s">
        <v>14283</v>
      </c>
      <c r="J4217" s="1" t="s">
        <v>14505</v>
      </c>
      <c r="K4217" s="1" t="s">
        <v>1468</v>
      </c>
      <c r="L4217" s="1" t="s">
        <v>14705</v>
      </c>
      <c r="M4217" s="1" t="s">
        <v>5</v>
      </c>
      <c r="N4217" s="1" t="s">
        <v>25</v>
      </c>
      <c r="O4217" s="1" t="s">
        <v>38</v>
      </c>
      <c r="P4217" s="5" t="s">
        <v>31692</v>
      </c>
    </row>
    <row r="4218" spans="1:16" x14ac:dyDescent="0.2">
      <c r="A4218" s="1" t="s">
        <v>10</v>
      </c>
      <c r="B4218" s="1" t="s">
        <v>376</v>
      </c>
      <c r="C4218" s="1" t="s">
        <v>14709</v>
      </c>
      <c r="D4218" s="1" t="s">
        <v>10</v>
      </c>
      <c r="E4218" s="1"/>
      <c r="F4218" s="1" t="s">
        <v>10</v>
      </c>
      <c r="G4218" s="1" t="s">
        <v>10</v>
      </c>
      <c r="H4218" s="1" t="s">
        <v>10</v>
      </c>
      <c r="I4218" s="1" t="s">
        <v>14283</v>
      </c>
      <c r="J4218" s="1" t="s">
        <v>14325</v>
      </c>
      <c r="K4218" s="1" t="s">
        <v>7</v>
      </c>
      <c r="L4218" s="1" t="s">
        <v>14708</v>
      </c>
      <c r="M4218" s="1" t="s">
        <v>5</v>
      </c>
      <c r="N4218" s="1" t="s">
        <v>25</v>
      </c>
      <c r="O4218" s="1" t="s">
        <v>38</v>
      </c>
      <c r="P4218" s="5" t="s">
        <v>30397</v>
      </c>
    </row>
    <row r="4219" spans="1:16" x14ac:dyDescent="0.2">
      <c r="A4219" s="1" t="s">
        <v>10</v>
      </c>
      <c r="B4219" s="1" t="s">
        <v>376</v>
      </c>
      <c r="C4219" s="1" t="s">
        <v>14711</v>
      </c>
      <c r="D4219" s="1" t="s">
        <v>14712</v>
      </c>
      <c r="E4219" s="1"/>
      <c r="F4219" s="1" t="s">
        <v>10</v>
      </c>
      <c r="G4219" s="1" t="s">
        <v>10</v>
      </c>
      <c r="H4219" s="1" t="s">
        <v>10</v>
      </c>
      <c r="I4219" s="1" t="s">
        <v>14283</v>
      </c>
      <c r="J4219" s="1" t="s">
        <v>14295</v>
      </c>
      <c r="K4219" s="1" t="s">
        <v>27</v>
      </c>
      <c r="L4219" s="1" t="s">
        <v>14710</v>
      </c>
      <c r="M4219" s="1" t="s">
        <v>5</v>
      </c>
      <c r="N4219" s="1" t="s">
        <v>25</v>
      </c>
      <c r="O4219" s="1" t="s">
        <v>38</v>
      </c>
      <c r="P4219" s="5" t="s">
        <v>31688</v>
      </c>
    </row>
    <row r="4220" spans="1:16" x14ac:dyDescent="0.2">
      <c r="A4220" s="1" t="s">
        <v>10</v>
      </c>
      <c r="B4220" s="1" t="s">
        <v>376</v>
      </c>
      <c r="C4220" s="1" t="s">
        <v>14714</v>
      </c>
      <c r="D4220" s="1" t="s">
        <v>3460</v>
      </c>
      <c r="E4220" s="1"/>
      <c r="F4220" s="1" t="s">
        <v>10</v>
      </c>
      <c r="G4220" s="1" t="s">
        <v>10</v>
      </c>
      <c r="H4220" s="1" t="s">
        <v>10</v>
      </c>
      <c r="I4220" s="1" t="s">
        <v>14283</v>
      </c>
      <c r="J4220" s="1" t="s">
        <v>14287</v>
      </c>
      <c r="K4220" s="1" t="s">
        <v>100</v>
      </c>
      <c r="L4220" s="1" t="s">
        <v>14713</v>
      </c>
      <c r="M4220" s="1" t="s">
        <v>5</v>
      </c>
      <c r="N4220" s="1" t="s">
        <v>25</v>
      </c>
      <c r="O4220" s="1" t="s">
        <v>38</v>
      </c>
      <c r="P4220" s="5" t="s">
        <v>30397</v>
      </c>
    </row>
    <row r="4221" spans="1:16" x14ac:dyDescent="0.2">
      <c r="A4221" s="1" t="s">
        <v>10</v>
      </c>
      <c r="B4221" s="1" t="s">
        <v>376</v>
      </c>
      <c r="C4221" s="1" t="s">
        <v>14716</v>
      </c>
      <c r="D4221" s="1" t="s">
        <v>14717</v>
      </c>
      <c r="E4221" s="1"/>
      <c r="F4221" s="1" t="s">
        <v>10</v>
      </c>
      <c r="G4221" s="1" t="s">
        <v>10</v>
      </c>
      <c r="H4221" s="1" t="s">
        <v>10</v>
      </c>
      <c r="I4221" s="1" t="s">
        <v>14283</v>
      </c>
      <c r="J4221" s="1" t="s">
        <v>14399</v>
      </c>
      <c r="K4221" s="1" t="s">
        <v>7367</v>
      </c>
      <c r="L4221" s="1" t="s">
        <v>14715</v>
      </c>
      <c r="M4221" s="1" t="s">
        <v>5</v>
      </c>
      <c r="N4221" s="1" t="s">
        <v>25</v>
      </c>
      <c r="O4221" s="1" t="s">
        <v>38</v>
      </c>
      <c r="P4221" s="5" t="s">
        <v>31693</v>
      </c>
    </row>
    <row r="4222" spans="1:16" x14ac:dyDescent="0.2">
      <c r="A4222" s="1" t="s">
        <v>10</v>
      </c>
      <c r="B4222" s="1" t="s">
        <v>376</v>
      </c>
      <c r="C4222" s="1" t="s">
        <v>14719</v>
      </c>
      <c r="D4222" s="1" t="s">
        <v>14720</v>
      </c>
      <c r="E4222" s="1"/>
      <c r="F4222" s="1" t="s">
        <v>10</v>
      </c>
      <c r="G4222" s="1" t="s">
        <v>10</v>
      </c>
      <c r="H4222" s="1" t="s">
        <v>10</v>
      </c>
      <c r="I4222" s="1" t="s">
        <v>14283</v>
      </c>
      <c r="J4222" s="1" t="s">
        <v>14325</v>
      </c>
      <c r="K4222" s="1" t="s">
        <v>7</v>
      </c>
      <c r="L4222" s="1" t="s">
        <v>14718</v>
      </c>
      <c r="M4222" s="1" t="s">
        <v>5</v>
      </c>
      <c r="N4222" s="1" t="s">
        <v>25</v>
      </c>
      <c r="O4222" s="1" t="s">
        <v>38</v>
      </c>
      <c r="P4222" s="5" t="s">
        <v>31685</v>
      </c>
    </row>
    <row r="4223" spans="1:16" x14ac:dyDescent="0.2">
      <c r="A4223" s="1" t="s">
        <v>10</v>
      </c>
      <c r="B4223" s="1" t="s">
        <v>376</v>
      </c>
      <c r="C4223" s="1" t="s">
        <v>14722</v>
      </c>
      <c r="D4223" s="1" t="s">
        <v>14723</v>
      </c>
      <c r="E4223" s="1"/>
      <c r="F4223" s="1" t="s">
        <v>10</v>
      </c>
      <c r="G4223" s="1" t="s">
        <v>10</v>
      </c>
      <c r="H4223" s="1" t="s">
        <v>10</v>
      </c>
      <c r="I4223" s="1" t="s">
        <v>14283</v>
      </c>
      <c r="J4223" s="1" t="s">
        <v>14295</v>
      </c>
      <c r="K4223" s="1" t="s">
        <v>7367</v>
      </c>
      <c r="L4223" s="1" t="s">
        <v>14721</v>
      </c>
      <c r="M4223" s="1" t="s">
        <v>5</v>
      </c>
      <c r="N4223" s="1" t="s">
        <v>25</v>
      </c>
      <c r="O4223" s="1" t="s">
        <v>38</v>
      </c>
      <c r="P4223" s="5" t="s">
        <v>31688</v>
      </c>
    </row>
    <row r="4224" spans="1:16" x14ac:dyDescent="0.2">
      <c r="A4224" s="1" t="s">
        <v>10</v>
      </c>
      <c r="B4224" s="1" t="s">
        <v>376</v>
      </c>
      <c r="C4224" s="1" t="s">
        <v>14725</v>
      </c>
      <c r="D4224" s="1" t="s">
        <v>4113</v>
      </c>
      <c r="E4224" s="1"/>
      <c r="F4224" s="1" t="s">
        <v>10</v>
      </c>
      <c r="G4224" s="1" t="s">
        <v>10</v>
      </c>
      <c r="H4224" s="1" t="s">
        <v>10</v>
      </c>
      <c r="I4224" s="1" t="s">
        <v>14283</v>
      </c>
      <c r="J4224" s="1" t="s">
        <v>14726</v>
      </c>
      <c r="K4224" s="1" t="s">
        <v>7</v>
      </c>
      <c r="L4224" s="1" t="s">
        <v>14724</v>
      </c>
      <c r="M4224" s="1" t="s">
        <v>5</v>
      </c>
      <c r="N4224" s="1" t="s">
        <v>25</v>
      </c>
      <c r="O4224" s="1" t="s">
        <v>38</v>
      </c>
      <c r="P4224" s="5" t="s">
        <v>31693</v>
      </c>
    </row>
    <row r="4225" spans="1:16" x14ac:dyDescent="0.2">
      <c r="A4225" s="1" t="s">
        <v>10</v>
      </c>
      <c r="B4225" s="1" t="s">
        <v>376</v>
      </c>
      <c r="C4225" s="1" t="s">
        <v>14728</v>
      </c>
      <c r="D4225" s="1" t="s">
        <v>4096</v>
      </c>
      <c r="E4225" s="1"/>
      <c r="F4225" s="1" t="s">
        <v>10</v>
      </c>
      <c r="G4225" s="1" t="s">
        <v>10</v>
      </c>
      <c r="H4225" s="1" t="s">
        <v>10</v>
      </c>
      <c r="I4225" s="1" t="s">
        <v>14283</v>
      </c>
      <c r="J4225" s="1" t="s">
        <v>14334</v>
      </c>
      <c r="K4225" s="1" t="s">
        <v>27</v>
      </c>
      <c r="L4225" s="1" t="s">
        <v>14727</v>
      </c>
      <c r="M4225" s="1" t="s">
        <v>5</v>
      </c>
      <c r="N4225" s="1" t="s">
        <v>25</v>
      </c>
      <c r="O4225" s="1" t="s">
        <v>38</v>
      </c>
      <c r="P4225" s="5" t="s">
        <v>31694</v>
      </c>
    </row>
    <row r="4226" spans="1:16" x14ac:dyDescent="0.2">
      <c r="A4226" s="1" t="s">
        <v>10</v>
      </c>
      <c r="B4226" s="1" t="s">
        <v>376</v>
      </c>
      <c r="C4226" s="1" t="s">
        <v>14730</v>
      </c>
      <c r="D4226" s="1" t="s">
        <v>14731</v>
      </c>
      <c r="E4226" s="1"/>
      <c r="F4226" s="1" t="s">
        <v>10</v>
      </c>
      <c r="G4226" s="1" t="s">
        <v>10</v>
      </c>
      <c r="H4226" s="1" t="s">
        <v>10</v>
      </c>
      <c r="I4226" s="1" t="s">
        <v>14283</v>
      </c>
      <c r="J4226" s="1" t="s">
        <v>14311</v>
      </c>
      <c r="K4226" s="1" t="s">
        <v>130</v>
      </c>
      <c r="L4226" s="1" t="s">
        <v>14729</v>
      </c>
      <c r="M4226" s="1" t="s">
        <v>5</v>
      </c>
      <c r="N4226" s="1" t="s">
        <v>25</v>
      </c>
      <c r="O4226" s="1" t="s">
        <v>38</v>
      </c>
      <c r="P4226" s="5" t="s">
        <v>31688</v>
      </c>
    </row>
    <row r="4227" spans="1:16" x14ac:dyDescent="0.2">
      <c r="A4227" s="1" t="s">
        <v>10</v>
      </c>
      <c r="B4227" s="1" t="s">
        <v>376</v>
      </c>
      <c r="C4227" s="1" t="s">
        <v>14733</v>
      </c>
      <c r="D4227" s="1" t="s">
        <v>14734</v>
      </c>
      <c r="E4227" s="1"/>
      <c r="F4227" s="1" t="s">
        <v>10</v>
      </c>
      <c r="G4227" s="1" t="s">
        <v>10</v>
      </c>
      <c r="H4227" s="1" t="s">
        <v>10</v>
      </c>
      <c r="I4227" s="1" t="s">
        <v>14283</v>
      </c>
      <c r="J4227" s="1" t="s">
        <v>14325</v>
      </c>
      <c r="K4227" s="1" t="s">
        <v>7</v>
      </c>
      <c r="L4227" s="1" t="s">
        <v>14732</v>
      </c>
      <c r="M4227" s="1" t="s">
        <v>5</v>
      </c>
      <c r="N4227" s="1" t="s">
        <v>25</v>
      </c>
      <c r="O4227" s="1" t="s">
        <v>38</v>
      </c>
      <c r="P4227" s="5" t="s">
        <v>30397</v>
      </c>
    </row>
    <row r="4228" spans="1:16" x14ac:dyDescent="0.2">
      <c r="A4228" s="1" t="s">
        <v>10</v>
      </c>
      <c r="B4228" s="1" t="s">
        <v>376</v>
      </c>
      <c r="C4228" s="1" t="s">
        <v>14736</v>
      </c>
      <c r="D4228" s="1" t="s">
        <v>14737</v>
      </c>
      <c r="E4228" s="1"/>
      <c r="F4228" s="1" t="s">
        <v>10</v>
      </c>
      <c r="G4228" s="1" t="s">
        <v>10</v>
      </c>
      <c r="H4228" s="1" t="s">
        <v>10</v>
      </c>
      <c r="I4228" s="1" t="s">
        <v>14283</v>
      </c>
      <c r="J4228" s="1" t="s">
        <v>14311</v>
      </c>
      <c r="K4228" s="1" t="s">
        <v>1548</v>
      </c>
      <c r="L4228" s="1" t="s">
        <v>14735</v>
      </c>
      <c r="M4228" s="1" t="s">
        <v>5</v>
      </c>
      <c r="N4228" s="1" t="s">
        <v>25</v>
      </c>
      <c r="O4228" s="1" t="s">
        <v>38</v>
      </c>
      <c r="P4228" s="5" t="s">
        <v>31688</v>
      </c>
    </row>
    <row r="4229" spans="1:16" x14ac:dyDescent="0.2">
      <c r="A4229" s="1" t="s">
        <v>10</v>
      </c>
      <c r="B4229" s="1" t="s">
        <v>376</v>
      </c>
      <c r="C4229" s="1" t="s">
        <v>14739</v>
      </c>
      <c r="D4229" s="1" t="s">
        <v>14740</v>
      </c>
      <c r="E4229" s="1"/>
      <c r="F4229" s="1" t="s">
        <v>10</v>
      </c>
      <c r="G4229" s="1" t="s">
        <v>10</v>
      </c>
      <c r="H4229" s="1" t="s">
        <v>10</v>
      </c>
      <c r="I4229" s="1" t="s">
        <v>14283</v>
      </c>
      <c r="J4229" s="1" t="s">
        <v>14457</v>
      </c>
      <c r="K4229" s="1" t="s">
        <v>27</v>
      </c>
      <c r="L4229" s="1" t="s">
        <v>14738</v>
      </c>
      <c r="M4229" s="1" t="s">
        <v>5</v>
      </c>
      <c r="N4229" s="1" t="s">
        <v>25</v>
      </c>
      <c r="O4229" s="1" t="s">
        <v>38</v>
      </c>
      <c r="P4229" s="5" t="s">
        <v>31695</v>
      </c>
    </row>
    <row r="4230" spans="1:16" x14ac:dyDescent="0.2">
      <c r="A4230" s="1" t="s">
        <v>10</v>
      </c>
      <c r="B4230" s="1" t="s">
        <v>376</v>
      </c>
      <c r="C4230" s="1" t="s">
        <v>14742</v>
      </c>
      <c r="D4230" s="1" t="s">
        <v>14743</v>
      </c>
      <c r="E4230" s="1"/>
      <c r="F4230" s="1" t="s">
        <v>10</v>
      </c>
      <c r="G4230" s="1" t="s">
        <v>10</v>
      </c>
      <c r="H4230" s="1" t="s">
        <v>10</v>
      </c>
      <c r="I4230" s="1" t="s">
        <v>14283</v>
      </c>
      <c r="J4230" s="1" t="s">
        <v>14325</v>
      </c>
      <c r="K4230" s="1" t="s">
        <v>130</v>
      </c>
      <c r="L4230" s="1" t="s">
        <v>14741</v>
      </c>
      <c r="M4230" s="1" t="s">
        <v>5</v>
      </c>
      <c r="N4230" s="1" t="s">
        <v>25</v>
      </c>
      <c r="O4230" s="1" t="s">
        <v>38</v>
      </c>
      <c r="P4230" s="5" t="s">
        <v>31688</v>
      </c>
    </row>
    <row r="4231" spans="1:16" x14ac:dyDescent="0.2">
      <c r="A4231" s="1" t="s">
        <v>10</v>
      </c>
      <c r="B4231" s="1" t="s">
        <v>376</v>
      </c>
      <c r="C4231" s="1" t="s">
        <v>14745</v>
      </c>
      <c r="D4231" s="1" t="s">
        <v>14746</v>
      </c>
      <c r="E4231" s="1"/>
      <c r="F4231" s="1" t="s">
        <v>10</v>
      </c>
      <c r="G4231" s="1" t="s">
        <v>10</v>
      </c>
      <c r="H4231" s="1" t="s">
        <v>10</v>
      </c>
      <c r="I4231" s="1" t="s">
        <v>14283</v>
      </c>
      <c r="J4231" s="1" t="s">
        <v>14325</v>
      </c>
      <c r="K4231" s="1" t="s">
        <v>1548</v>
      </c>
      <c r="L4231" s="1" t="s">
        <v>14744</v>
      </c>
      <c r="M4231" s="1" t="s">
        <v>5</v>
      </c>
      <c r="N4231" s="1" t="s">
        <v>25</v>
      </c>
      <c r="O4231" s="1" t="s">
        <v>38</v>
      </c>
      <c r="P4231" s="5" t="s">
        <v>31688</v>
      </c>
    </row>
    <row r="4232" spans="1:16" x14ac:dyDescent="0.2">
      <c r="A4232" s="1" t="s">
        <v>10</v>
      </c>
      <c r="B4232" s="1" t="s">
        <v>376</v>
      </c>
      <c r="C4232" s="1" t="s">
        <v>14748</v>
      </c>
      <c r="D4232" s="1" t="s">
        <v>10</v>
      </c>
      <c r="E4232" s="1"/>
      <c r="F4232" s="1" t="s">
        <v>10</v>
      </c>
      <c r="G4232" s="1" t="s">
        <v>10</v>
      </c>
      <c r="H4232" s="1" t="s">
        <v>10</v>
      </c>
      <c r="I4232" s="1" t="s">
        <v>14283</v>
      </c>
      <c r="J4232" s="1" t="s">
        <v>14453</v>
      </c>
      <c r="K4232" s="1" t="s">
        <v>27</v>
      </c>
      <c r="L4232" s="1" t="s">
        <v>14747</v>
      </c>
      <c r="M4232" s="1" t="s">
        <v>5</v>
      </c>
      <c r="N4232" s="1" t="s">
        <v>25</v>
      </c>
      <c r="O4232" s="1" t="s">
        <v>38</v>
      </c>
      <c r="P4232" s="5" t="s">
        <v>30397</v>
      </c>
    </row>
    <row r="4233" spans="1:16" x14ac:dyDescent="0.2">
      <c r="A4233" s="1" t="s">
        <v>10</v>
      </c>
      <c r="B4233" s="1" t="s">
        <v>376</v>
      </c>
      <c r="C4233" s="1" t="s">
        <v>14750</v>
      </c>
      <c r="D4233" s="1" t="s">
        <v>10</v>
      </c>
      <c r="E4233" s="1"/>
      <c r="F4233" s="1" t="s">
        <v>10</v>
      </c>
      <c r="G4233" s="1" t="s">
        <v>10</v>
      </c>
      <c r="H4233" s="1" t="s">
        <v>10</v>
      </c>
      <c r="I4233" s="1" t="s">
        <v>14283</v>
      </c>
      <c r="J4233" s="1" t="s">
        <v>14453</v>
      </c>
      <c r="K4233" s="1" t="s">
        <v>27</v>
      </c>
      <c r="L4233" s="1" t="s">
        <v>14749</v>
      </c>
      <c r="M4233" s="1" t="s">
        <v>5</v>
      </c>
      <c r="N4233" s="1" t="s">
        <v>25</v>
      </c>
      <c r="O4233" s="1" t="s">
        <v>38</v>
      </c>
      <c r="P4233" s="5" t="s">
        <v>30397</v>
      </c>
    </row>
    <row r="4234" spans="1:16" x14ac:dyDescent="0.2">
      <c r="A4234" s="1" t="s">
        <v>10</v>
      </c>
      <c r="B4234" s="1" t="s">
        <v>376</v>
      </c>
      <c r="C4234" s="1" t="s">
        <v>14753</v>
      </c>
      <c r="D4234" s="1" t="s">
        <v>10</v>
      </c>
      <c r="E4234" s="1" t="s">
        <v>14754</v>
      </c>
      <c r="F4234" s="1" t="s">
        <v>10</v>
      </c>
      <c r="G4234" s="1" t="s">
        <v>10</v>
      </c>
      <c r="H4234" s="1" t="s">
        <v>10</v>
      </c>
      <c r="I4234" s="1" t="s">
        <v>14283</v>
      </c>
      <c r="J4234" s="1" t="s">
        <v>14325</v>
      </c>
      <c r="K4234" s="1" t="s">
        <v>7</v>
      </c>
      <c r="L4234" s="1" t="s">
        <v>14752</v>
      </c>
      <c r="M4234" s="1" t="s">
        <v>5</v>
      </c>
      <c r="N4234" s="1" t="s">
        <v>25</v>
      </c>
      <c r="O4234" s="1" t="s">
        <v>38</v>
      </c>
      <c r="P4234" s="5" t="s">
        <v>30397</v>
      </c>
    </row>
    <row r="4235" spans="1:16" x14ac:dyDescent="0.2">
      <c r="A4235" s="1" t="s">
        <v>10</v>
      </c>
      <c r="B4235" s="1" t="s">
        <v>376</v>
      </c>
      <c r="C4235" s="1" t="s">
        <v>14756</v>
      </c>
      <c r="D4235" s="1" t="s">
        <v>14757</v>
      </c>
      <c r="E4235" s="1"/>
      <c r="F4235" s="1" t="s">
        <v>10</v>
      </c>
      <c r="G4235" s="1" t="s">
        <v>10</v>
      </c>
      <c r="H4235" s="1" t="s">
        <v>10</v>
      </c>
      <c r="I4235" s="1" t="s">
        <v>14283</v>
      </c>
      <c r="J4235" s="1" t="s">
        <v>14325</v>
      </c>
      <c r="K4235" s="1" t="s">
        <v>244</v>
      </c>
      <c r="L4235" s="1" t="s">
        <v>14755</v>
      </c>
      <c r="M4235" s="1" t="s">
        <v>5</v>
      </c>
      <c r="N4235" s="1" t="s">
        <v>25</v>
      </c>
      <c r="O4235" s="1" t="s">
        <v>38</v>
      </c>
      <c r="P4235" s="5" t="s">
        <v>31688</v>
      </c>
    </row>
    <row r="4236" spans="1:16" x14ac:dyDescent="0.2">
      <c r="A4236" s="1" t="s">
        <v>10</v>
      </c>
      <c r="B4236" s="1" t="s">
        <v>376</v>
      </c>
      <c r="C4236" s="1" t="s">
        <v>14759</v>
      </c>
      <c r="D4236" s="1" t="s">
        <v>9292</v>
      </c>
      <c r="E4236" s="1" t="s">
        <v>14760</v>
      </c>
      <c r="F4236" s="1" t="s">
        <v>10</v>
      </c>
      <c r="G4236" s="1" t="s">
        <v>10</v>
      </c>
      <c r="H4236" s="1" t="s">
        <v>10</v>
      </c>
      <c r="I4236" s="1" t="s">
        <v>14283</v>
      </c>
      <c r="J4236" s="1" t="s">
        <v>14325</v>
      </c>
      <c r="K4236" s="1" t="s">
        <v>2367</v>
      </c>
      <c r="L4236" s="1" t="s">
        <v>14758</v>
      </c>
      <c r="M4236" s="1" t="s">
        <v>5</v>
      </c>
      <c r="N4236" s="1" t="s">
        <v>25</v>
      </c>
      <c r="O4236" s="1" t="s">
        <v>38</v>
      </c>
      <c r="P4236" s="5" t="s">
        <v>31688</v>
      </c>
    </row>
    <row r="4237" spans="1:16" x14ac:dyDescent="0.2">
      <c r="A4237" s="1" t="s">
        <v>10</v>
      </c>
      <c r="B4237" s="1" t="s">
        <v>376</v>
      </c>
      <c r="C4237" s="1" t="s">
        <v>14762</v>
      </c>
      <c r="D4237" s="1" t="s">
        <v>14763</v>
      </c>
      <c r="E4237" s="1"/>
      <c r="F4237" s="1" t="s">
        <v>10</v>
      </c>
      <c r="G4237" s="1" t="s">
        <v>10</v>
      </c>
      <c r="H4237" s="1" t="s">
        <v>10</v>
      </c>
      <c r="I4237" s="1" t="s">
        <v>14283</v>
      </c>
      <c r="J4237" s="1" t="s">
        <v>14325</v>
      </c>
      <c r="K4237" s="1" t="s">
        <v>7</v>
      </c>
      <c r="L4237" s="1" t="s">
        <v>14761</v>
      </c>
      <c r="M4237" s="1" t="s">
        <v>5</v>
      </c>
      <c r="N4237" s="1" t="s">
        <v>25</v>
      </c>
      <c r="O4237" s="1" t="s">
        <v>38</v>
      </c>
      <c r="P4237" s="5" t="s">
        <v>31688</v>
      </c>
    </row>
    <row r="4238" spans="1:16" x14ac:dyDescent="0.2">
      <c r="A4238" s="1" t="s">
        <v>10</v>
      </c>
      <c r="B4238" s="1" t="s">
        <v>376</v>
      </c>
      <c r="C4238" s="1" t="s">
        <v>14765</v>
      </c>
      <c r="D4238" s="1" t="s">
        <v>14766</v>
      </c>
      <c r="E4238" s="1"/>
      <c r="F4238" s="1" t="s">
        <v>10</v>
      </c>
      <c r="G4238" s="1" t="s">
        <v>10</v>
      </c>
      <c r="H4238" s="1" t="s">
        <v>10</v>
      </c>
      <c r="I4238" s="1" t="s">
        <v>14283</v>
      </c>
      <c r="J4238" s="1" t="s">
        <v>14331</v>
      </c>
      <c r="K4238" s="1" t="s">
        <v>27</v>
      </c>
      <c r="L4238" s="1" t="s">
        <v>14764</v>
      </c>
      <c r="M4238" s="1" t="s">
        <v>5</v>
      </c>
      <c r="N4238" s="1" t="s">
        <v>25</v>
      </c>
      <c r="O4238" s="1" t="s">
        <v>38</v>
      </c>
      <c r="P4238" s="5" t="s">
        <v>30397</v>
      </c>
    </row>
    <row r="4239" spans="1:16" x14ac:dyDescent="0.2">
      <c r="A4239" s="1" t="s">
        <v>10</v>
      </c>
      <c r="B4239" s="1" t="s">
        <v>376</v>
      </c>
      <c r="C4239" s="1" t="s">
        <v>14767</v>
      </c>
      <c r="D4239" s="1" t="s">
        <v>14768</v>
      </c>
      <c r="E4239" s="1"/>
      <c r="F4239" s="1" t="s">
        <v>10</v>
      </c>
      <c r="G4239" s="1" t="s">
        <v>10</v>
      </c>
      <c r="H4239" s="1" t="s">
        <v>10</v>
      </c>
      <c r="I4239" s="1" t="s">
        <v>14283</v>
      </c>
      <c r="J4239" s="1" t="s">
        <v>14304</v>
      </c>
      <c r="K4239" s="1" t="s">
        <v>7</v>
      </c>
      <c r="L4239" s="1" t="s">
        <v>14769</v>
      </c>
      <c r="M4239" s="1" t="s">
        <v>5</v>
      </c>
      <c r="N4239" s="1" t="s">
        <v>1009</v>
      </c>
      <c r="O4239" s="1" t="s">
        <v>38</v>
      </c>
      <c r="P4239" s="5"/>
    </row>
    <row r="4240" spans="1:16" x14ac:dyDescent="0.2">
      <c r="A4240" s="1" t="s">
        <v>10</v>
      </c>
      <c r="B4240" s="1" t="s">
        <v>376</v>
      </c>
      <c r="C4240" s="1" t="s">
        <v>14771</v>
      </c>
      <c r="D4240" s="1" t="s">
        <v>10</v>
      </c>
      <c r="E4240" s="1"/>
      <c r="F4240" s="1" t="s">
        <v>10</v>
      </c>
      <c r="G4240" s="1" t="s">
        <v>10</v>
      </c>
      <c r="H4240" s="1" t="s">
        <v>10</v>
      </c>
      <c r="I4240" s="1" t="s">
        <v>14283</v>
      </c>
      <c r="J4240" s="1" t="s">
        <v>14311</v>
      </c>
      <c r="K4240" s="1" t="s">
        <v>27</v>
      </c>
      <c r="L4240" s="1" t="s">
        <v>14770</v>
      </c>
      <c r="M4240" s="1" t="s">
        <v>5</v>
      </c>
      <c r="N4240" s="1" t="s">
        <v>25</v>
      </c>
      <c r="O4240" s="1" t="s">
        <v>38</v>
      </c>
      <c r="P4240" s="5" t="s">
        <v>30397</v>
      </c>
    </row>
    <row r="4241" spans="1:16" x14ac:dyDescent="0.2">
      <c r="A4241" s="1" t="s">
        <v>10</v>
      </c>
      <c r="B4241" s="1" t="s">
        <v>376</v>
      </c>
      <c r="C4241" s="1" t="s">
        <v>14773</v>
      </c>
      <c r="D4241" s="1" t="s">
        <v>14774</v>
      </c>
      <c r="E4241" s="1"/>
      <c r="F4241" s="1" t="s">
        <v>10</v>
      </c>
      <c r="G4241" s="1" t="s">
        <v>10</v>
      </c>
      <c r="H4241" s="1" t="s">
        <v>10</v>
      </c>
      <c r="I4241" s="1" t="s">
        <v>14283</v>
      </c>
      <c r="J4241" s="1" t="s">
        <v>14325</v>
      </c>
      <c r="K4241" s="1" t="s">
        <v>7</v>
      </c>
      <c r="L4241" s="1" t="s">
        <v>14772</v>
      </c>
      <c r="M4241" s="1" t="s">
        <v>5</v>
      </c>
      <c r="N4241" s="1" t="s">
        <v>25</v>
      </c>
      <c r="O4241" s="1" t="s">
        <v>38</v>
      </c>
      <c r="P4241" s="5" t="s">
        <v>30397</v>
      </c>
    </row>
    <row r="4242" spans="1:16" x14ac:dyDescent="0.2">
      <c r="A4242" s="1" t="s">
        <v>10</v>
      </c>
      <c r="B4242" s="1" t="s">
        <v>376</v>
      </c>
      <c r="C4242" s="1" t="s">
        <v>14776</v>
      </c>
      <c r="D4242" s="1" t="s">
        <v>14777</v>
      </c>
      <c r="E4242" s="1"/>
      <c r="F4242" s="1" t="s">
        <v>10</v>
      </c>
      <c r="G4242" s="1" t="s">
        <v>10</v>
      </c>
      <c r="H4242" s="1" t="s">
        <v>10</v>
      </c>
      <c r="I4242" s="1" t="s">
        <v>14283</v>
      </c>
      <c r="J4242" s="1" t="s">
        <v>14481</v>
      </c>
      <c r="K4242" s="1" t="s">
        <v>14778</v>
      </c>
      <c r="L4242" s="1" t="s">
        <v>14775</v>
      </c>
      <c r="M4242" s="1" t="s">
        <v>5</v>
      </c>
      <c r="N4242" s="1" t="s">
        <v>25</v>
      </c>
      <c r="O4242" s="1" t="s">
        <v>38</v>
      </c>
      <c r="P4242" s="5" t="s">
        <v>31696</v>
      </c>
    </row>
    <row r="4243" spans="1:16" x14ac:dyDescent="0.2">
      <c r="A4243" s="1" t="s">
        <v>10</v>
      </c>
      <c r="B4243" s="1" t="s">
        <v>376</v>
      </c>
      <c r="C4243" s="1" t="s">
        <v>14780</v>
      </c>
      <c r="D4243" s="1" t="s">
        <v>14781</v>
      </c>
      <c r="E4243" s="1"/>
      <c r="F4243" s="1" t="s">
        <v>10</v>
      </c>
      <c r="G4243" s="1" t="s">
        <v>10</v>
      </c>
      <c r="H4243" s="1" t="s">
        <v>10</v>
      </c>
      <c r="I4243" s="1" t="s">
        <v>14283</v>
      </c>
      <c r="J4243" s="1" t="s">
        <v>14628</v>
      </c>
      <c r="K4243" s="1" t="s">
        <v>7</v>
      </c>
      <c r="L4243" s="1" t="s">
        <v>14779</v>
      </c>
      <c r="M4243" s="1" t="s">
        <v>5</v>
      </c>
      <c r="N4243" s="1" t="s">
        <v>25</v>
      </c>
      <c r="O4243" s="1" t="s">
        <v>38</v>
      </c>
      <c r="P4243" s="5" t="s">
        <v>31697</v>
      </c>
    </row>
    <row r="4244" spans="1:16" x14ac:dyDescent="0.2">
      <c r="A4244" s="1" t="s">
        <v>10</v>
      </c>
      <c r="B4244" s="1" t="s">
        <v>376</v>
      </c>
      <c r="C4244" s="1" t="s">
        <v>14784</v>
      </c>
      <c r="D4244" s="1" t="s">
        <v>3247</v>
      </c>
      <c r="E4244" s="1"/>
      <c r="F4244" s="1" t="s">
        <v>10</v>
      </c>
      <c r="G4244" s="1" t="s">
        <v>10</v>
      </c>
      <c r="H4244" s="1" t="s">
        <v>10</v>
      </c>
      <c r="I4244" s="1" t="s">
        <v>14283</v>
      </c>
      <c r="J4244" s="1" t="s">
        <v>14334</v>
      </c>
      <c r="K4244" s="1" t="s">
        <v>130</v>
      </c>
      <c r="L4244" s="1" t="s">
        <v>14783</v>
      </c>
      <c r="M4244" s="1" t="s">
        <v>5</v>
      </c>
      <c r="N4244" s="1" t="s">
        <v>25</v>
      </c>
      <c r="O4244" s="1" t="s">
        <v>38</v>
      </c>
      <c r="P4244" s="5" t="s">
        <v>31694</v>
      </c>
    </row>
    <row r="4245" spans="1:16" x14ac:dyDescent="0.2">
      <c r="A4245" s="1" t="s">
        <v>10</v>
      </c>
      <c r="B4245" s="1" t="s">
        <v>376</v>
      </c>
      <c r="C4245" s="1" t="s">
        <v>14786</v>
      </c>
      <c r="D4245" s="1" t="s">
        <v>10</v>
      </c>
      <c r="E4245" s="1"/>
      <c r="F4245" s="1" t="s">
        <v>10</v>
      </c>
      <c r="G4245" s="1" t="s">
        <v>10</v>
      </c>
      <c r="H4245" s="1" t="s">
        <v>10</v>
      </c>
      <c r="I4245" s="1" t="s">
        <v>14283</v>
      </c>
      <c r="J4245" s="1" t="s">
        <v>14295</v>
      </c>
      <c r="K4245" s="1" t="s">
        <v>7</v>
      </c>
      <c r="L4245" s="1" t="s">
        <v>14785</v>
      </c>
      <c r="M4245" s="1" t="s">
        <v>5</v>
      </c>
      <c r="N4245" s="1" t="s">
        <v>25</v>
      </c>
      <c r="O4245" s="1" t="s">
        <v>38</v>
      </c>
      <c r="P4245" s="5" t="s">
        <v>30397</v>
      </c>
    </row>
    <row r="4246" spans="1:16" x14ac:dyDescent="0.2">
      <c r="A4246" s="1" t="s">
        <v>10</v>
      </c>
      <c r="B4246" s="1" t="s">
        <v>376</v>
      </c>
      <c r="C4246" s="1" t="s">
        <v>14788</v>
      </c>
      <c r="D4246" s="1" t="s">
        <v>14781</v>
      </c>
      <c r="E4246" s="1"/>
      <c r="F4246" s="1" t="s">
        <v>10</v>
      </c>
      <c r="G4246" s="1" t="s">
        <v>10</v>
      </c>
      <c r="H4246" s="1" t="s">
        <v>10</v>
      </c>
      <c r="I4246" s="1" t="s">
        <v>14283</v>
      </c>
      <c r="J4246" s="1" t="s">
        <v>14453</v>
      </c>
      <c r="K4246" s="1" t="s">
        <v>27</v>
      </c>
      <c r="L4246" s="1" t="s">
        <v>14787</v>
      </c>
      <c r="M4246" s="1" t="s">
        <v>5</v>
      </c>
      <c r="N4246" s="1" t="s">
        <v>6</v>
      </c>
      <c r="O4246" s="1" t="s">
        <v>38</v>
      </c>
      <c r="P4246" s="5" t="s">
        <v>31694</v>
      </c>
    </row>
    <row r="4247" spans="1:16" x14ac:dyDescent="0.2">
      <c r="A4247" s="1" t="s">
        <v>10</v>
      </c>
      <c r="B4247" s="1" t="s">
        <v>376</v>
      </c>
      <c r="C4247" s="1" t="s">
        <v>14790</v>
      </c>
      <c r="D4247" s="1" t="s">
        <v>14791</v>
      </c>
      <c r="E4247" s="1"/>
      <c r="F4247" s="1" t="s">
        <v>10</v>
      </c>
      <c r="G4247" s="1" t="s">
        <v>10</v>
      </c>
      <c r="H4247" s="1" t="s">
        <v>10</v>
      </c>
      <c r="I4247" s="1" t="s">
        <v>14283</v>
      </c>
      <c r="J4247" s="1" t="s">
        <v>14548</v>
      </c>
      <c r="K4247" s="1" t="s">
        <v>130</v>
      </c>
      <c r="L4247" s="1" t="s">
        <v>14789</v>
      </c>
      <c r="M4247" s="1" t="s">
        <v>5</v>
      </c>
      <c r="N4247" s="1" t="s">
        <v>25</v>
      </c>
      <c r="O4247" s="1" t="s">
        <v>38</v>
      </c>
      <c r="P4247" s="5" t="s">
        <v>31698</v>
      </c>
    </row>
    <row r="4248" spans="1:16" x14ac:dyDescent="0.2">
      <c r="A4248" s="1" t="s">
        <v>10</v>
      </c>
      <c r="B4248" s="1" t="s">
        <v>376</v>
      </c>
      <c r="C4248" s="1" t="s">
        <v>14793</v>
      </c>
      <c r="D4248" s="1" t="s">
        <v>14794</v>
      </c>
      <c r="E4248" s="1" t="s">
        <v>14795</v>
      </c>
      <c r="F4248" s="1" t="s">
        <v>10</v>
      </c>
      <c r="G4248" s="1" t="s">
        <v>10</v>
      </c>
      <c r="H4248" s="1" t="s">
        <v>10</v>
      </c>
      <c r="I4248" s="1" t="s">
        <v>14283</v>
      </c>
      <c r="J4248" s="1" t="s">
        <v>14325</v>
      </c>
      <c r="K4248" s="1" t="s">
        <v>27</v>
      </c>
      <c r="L4248" s="1" t="s">
        <v>14792</v>
      </c>
      <c r="M4248" s="1" t="s">
        <v>5</v>
      </c>
      <c r="N4248" s="1" t="s">
        <v>25</v>
      </c>
      <c r="O4248" s="1" t="s">
        <v>38</v>
      </c>
      <c r="P4248" s="5" t="s">
        <v>31685</v>
      </c>
    </row>
    <row r="4249" spans="1:16" x14ac:dyDescent="0.2">
      <c r="A4249" s="1" t="s">
        <v>10</v>
      </c>
      <c r="B4249" s="1" t="s">
        <v>376</v>
      </c>
      <c r="C4249" s="1" t="s">
        <v>14797</v>
      </c>
      <c r="D4249" s="1" t="s">
        <v>14798</v>
      </c>
      <c r="E4249" s="1"/>
      <c r="F4249" s="1" t="s">
        <v>10</v>
      </c>
      <c r="G4249" s="1" t="s">
        <v>10</v>
      </c>
      <c r="H4249" s="1" t="s">
        <v>10</v>
      </c>
      <c r="I4249" s="1" t="s">
        <v>14283</v>
      </c>
      <c r="J4249" s="1" t="s">
        <v>14325</v>
      </c>
      <c r="K4249" s="1" t="s">
        <v>7</v>
      </c>
      <c r="L4249" s="1" t="s">
        <v>14796</v>
      </c>
      <c r="M4249" s="1" t="s">
        <v>5</v>
      </c>
      <c r="N4249" s="1" t="s">
        <v>6</v>
      </c>
      <c r="O4249" s="1" t="s">
        <v>38</v>
      </c>
      <c r="P4249" s="5" t="s">
        <v>31693</v>
      </c>
    </row>
    <row r="4250" spans="1:16" x14ac:dyDescent="0.2">
      <c r="A4250" s="1" t="s">
        <v>10</v>
      </c>
      <c r="B4250" s="1" t="s">
        <v>376</v>
      </c>
      <c r="C4250" s="1" t="s">
        <v>14800</v>
      </c>
      <c r="D4250" s="1" t="s">
        <v>14801</v>
      </c>
      <c r="E4250" s="1" t="s">
        <v>14802</v>
      </c>
      <c r="F4250" s="1" t="s">
        <v>10</v>
      </c>
      <c r="G4250" s="1" t="s">
        <v>10</v>
      </c>
      <c r="H4250" s="1" t="s">
        <v>10</v>
      </c>
      <c r="I4250" s="1" t="s">
        <v>14283</v>
      </c>
      <c r="J4250" s="1" t="s">
        <v>14325</v>
      </c>
      <c r="K4250" s="1" t="s">
        <v>1468</v>
      </c>
      <c r="L4250" s="1" t="s">
        <v>14799</v>
      </c>
      <c r="M4250" s="1" t="s">
        <v>5</v>
      </c>
      <c r="N4250" s="1" t="s">
        <v>25</v>
      </c>
      <c r="O4250" s="1" t="s">
        <v>38</v>
      </c>
      <c r="P4250" s="5" t="s">
        <v>31688</v>
      </c>
    </row>
    <row r="4251" spans="1:16" x14ac:dyDescent="0.2">
      <c r="A4251" s="1" t="s">
        <v>10</v>
      </c>
      <c r="B4251" s="1" t="s">
        <v>376</v>
      </c>
      <c r="C4251" s="1" t="s">
        <v>14804</v>
      </c>
      <c r="D4251" s="1" t="s">
        <v>14805</v>
      </c>
      <c r="E4251" s="1"/>
      <c r="F4251" s="1" t="s">
        <v>10</v>
      </c>
      <c r="G4251" s="1" t="s">
        <v>10</v>
      </c>
      <c r="H4251" s="1" t="s">
        <v>10</v>
      </c>
      <c r="I4251" s="1" t="s">
        <v>14283</v>
      </c>
      <c r="J4251" s="1" t="s">
        <v>14806</v>
      </c>
      <c r="K4251" s="1" t="s">
        <v>1548</v>
      </c>
      <c r="L4251" s="1" t="s">
        <v>14803</v>
      </c>
      <c r="M4251" s="1" t="s">
        <v>5</v>
      </c>
      <c r="N4251" s="1" t="s">
        <v>25</v>
      </c>
      <c r="O4251" s="1" t="s">
        <v>38</v>
      </c>
      <c r="P4251" s="5" t="s">
        <v>30397</v>
      </c>
    </row>
    <row r="4252" spans="1:16" x14ac:dyDescent="0.2">
      <c r="A4252" s="1" t="s">
        <v>10</v>
      </c>
      <c r="B4252" s="1" t="s">
        <v>376</v>
      </c>
      <c r="C4252" s="1" t="s">
        <v>14808</v>
      </c>
      <c r="D4252" s="1" t="s">
        <v>14809</v>
      </c>
      <c r="E4252" s="1"/>
      <c r="F4252" s="1" t="s">
        <v>10</v>
      </c>
      <c r="G4252" s="1" t="s">
        <v>10</v>
      </c>
      <c r="H4252" s="1" t="s">
        <v>10</v>
      </c>
      <c r="I4252" s="1" t="s">
        <v>14283</v>
      </c>
      <c r="J4252" s="1" t="s">
        <v>14301</v>
      </c>
      <c r="K4252" s="1" t="s">
        <v>27</v>
      </c>
      <c r="L4252" s="1" t="s">
        <v>14807</v>
      </c>
      <c r="M4252" s="1" t="s">
        <v>5</v>
      </c>
      <c r="N4252" s="1" t="s">
        <v>25</v>
      </c>
      <c r="O4252" s="1" t="s">
        <v>38</v>
      </c>
      <c r="P4252" s="5" t="s">
        <v>31690</v>
      </c>
    </row>
    <row r="4253" spans="1:16" x14ac:dyDescent="0.2">
      <c r="A4253" s="1" t="s">
        <v>10</v>
      </c>
      <c r="B4253" s="1" t="s">
        <v>376</v>
      </c>
      <c r="C4253" s="1" t="s">
        <v>14811</v>
      </c>
      <c r="D4253" s="1" t="s">
        <v>14812</v>
      </c>
      <c r="E4253" s="1"/>
      <c r="F4253" s="1" t="s">
        <v>10</v>
      </c>
      <c r="G4253" s="1" t="s">
        <v>10</v>
      </c>
      <c r="H4253" s="1" t="s">
        <v>10</v>
      </c>
      <c r="I4253" s="1" t="s">
        <v>14283</v>
      </c>
      <c r="J4253" s="1" t="s">
        <v>14311</v>
      </c>
      <c r="K4253" s="1" t="s">
        <v>27</v>
      </c>
      <c r="L4253" s="1" t="s">
        <v>14810</v>
      </c>
      <c r="M4253" s="1" t="s">
        <v>5</v>
      </c>
      <c r="N4253" s="1" t="s">
        <v>25</v>
      </c>
      <c r="O4253" s="1" t="s">
        <v>38</v>
      </c>
      <c r="P4253" s="5" t="s">
        <v>30397</v>
      </c>
    </row>
    <row r="4254" spans="1:16" x14ac:dyDescent="0.2">
      <c r="A4254" s="1" t="s">
        <v>10</v>
      </c>
      <c r="B4254" s="1" t="s">
        <v>376</v>
      </c>
      <c r="C4254" s="1" t="s">
        <v>14814</v>
      </c>
      <c r="D4254" s="1" t="s">
        <v>14815</v>
      </c>
      <c r="E4254" s="1" t="s">
        <v>14816</v>
      </c>
      <c r="F4254" s="1" t="s">
        <v>10</v>
      </c>
      <c r="G4254" s="1" t="s">
        <v>10</v>
      </c>
      <c r="H4254" s="1" t="s">
        <v>10</v>
      </c>
      <c r="I4254" s="1" t="s">
        <v>14283</v>
      </c>
      <c r="J4254" s="1" t="s">
        <v>14325</v>
      </c>
      <c r="K4254" s="1" t="s">
        <v>130</v>
      </c>
      <c r="L4254" s="1" t="s">
        <v>14813</v>
      </c>
      <c r="M4254" s="1" t="s">
        <v>5</v>
      </c>
      <c r="N4254" s="1" t="s">
        <v>25</v>
      </c>
      <c r="O4254" s="1" t="s">
        <v>38</v>
      </c>
      <c r="P4254" s="5" t="s">
        <v>31689</v>
      </c>
    </row>
    <row r="4255" spans="1:16" x14ac:dyDescent="0.2">
      <c r="A4255" s="1" t="s">
        <v>10</v>
      </c>
      <c r="B4255" s="1" t="s">
        <v>376</v>
      </c>
      <c r="C4255" s="1" t="s">
        <v>14818</v>
      </c>
      <c r="D4255" s="1" t="s">
        <v>14819</v>
      </c>
      <c r="E4255" s="1"/>
      <c r="F4255" s="1" t="s">
        <v>10</v>
      </c>
      <c r="G4255" s="1" t="s">
        <v>10</v>
      </c>
      <c r="H4255" s="1" t="s">
        <v>10</v>
      </c>
      <c r="I4255" s="1" t="s">
        <v>14283</v>
      </c>
      <c r="J4255" s="1" t="s">
        <v>14453</v>
      </c>
      <c r="K4255" s="1" t="s">
        <v>27</v>
      </c>
      <c r="L4255" s="1" t="s">
        <v>14817</v>
      </c>
      <c r="M4255" s="1" t="s">
        <v>5</v>
      </c>
      <c r="N4255" s="1" t="s">
        <v>25</v>
      </c>
      <c r="O4255" s="1" t="s">
        <v>38</v>
      </c>
      <c r="P4255" s="5" t="s">
        <v>30397</v>
      </c>
    </row>
    <row r="4256" spans="1:16" x14ac:dyDescent="0.2">
      <c r="A4256" s="1" t="s">
        <v>10</v>
      </c>
      <c r="B4256" s="1" t="s">
        <v>376</v>
      </c>
      <c r="C4256" s="1" t="s">
        <v>14821</v>
      </c>
      <c r="D4256" s="1" t="s">
        <v>14822</v>
      </c>
      <c r="E4256" s="1" t="s">
        <v>14823</v>
      </c>
      <c r="F4256" s="1" t="s">
        <v>10</v>
      </c>
      <c r="G4256" s="1" t="s">
        <v>10</v>
      </c>
      <c r="H4256" s="1" t="s">
        <v>10</v>
      </c>
      <c r="I4256" s="1" t="s">
        <v>14283</v>
      </c>
      <c r="J4256" s="1" t="s">
        <v>14325</v>
      </c>
      <c r="K4256" s="1" t="s">
        <v>27</v>
      </c>
      <c r="L4256" s="1" t="s">
        <v>14820</v>
      </c>
      <c r="M4256" s="1" t="s">
        <v>5</v>
      </c>
      <c r="N4256" s="1" t="s">
        <v>25</v>
      </c>
      <c r="O4256" s="1" t="s">
        <v>38</v>
      </c>
      <c r="P4256" s="5" t="s">
        <v>31689</v>
      </c>
    </row>
    <row r="4257" spans="1:16" x14ac:dyDescent="0.2">
      <c r="A4257" s="1" t="s">
        <v>10</v>
      </c>
      <c r="B4257" s="1" t="s">
        <v>376</v>
      </c>
      <c r="C4257" s="1" t="s">
        <v>14825</v>
      </c>
      <c r="D4257" s="1" t="s">
        <v>14826</v>
      </c>
      <c r="E4257" s="1" t="s">
        <v>14827</v>
      </c>
      <c r="F4257" s="1" t="s">
        <v>10</v>
      </c>
      <c r="G4257" s="1" t="s">
        <v>10</v>
      </c>
      <c r="H4257" s="1" t="s">
        <v>10</v>
      </c>
      <c r="I4257" s="1" t="s">
        <v>14283</v>
      </c>
      <c r="J4257" s="1" t="s">
        <v>14295</v>
      </c>
      <c r="K4257" s="1" t="s">
        <v>1468</v>
      </c>
      <c r="L4257" s="1" t="s">
        <v>14824</v>
      </c>
      <c r="M4257" s="1" t="s">
        <v>5</v>
      </c>
      <c r="N4257" s="1" t="s">
        <v>25</v>
      </c>
      <c r="O4257" s="1" t="s">
        <v>38</v>
      </c>
      <c r="P4257" s="5" t="s">
        <v>31692</v>
      </c>
    </row>
    <row r="4258" spans="1:16" x14ac:dyDescent="0.2">
      <c r="A4258" s="1" t="s">
        <v>10</v>
      </c>
      <c r="B4258" s="1" t="s">
        <v>376</v>
      </c>
      <c r="C4258" s="1" t="s">
        <v>14829</v>
      </c>
      <c r="D4258" s="1" t="s">
        <v>14830</v>
      </c>
      <c r="E4258" s="1"/>
      <c r="F4258" s="1" t="s">
        <v>10</v>
      </c>
      <c r="G4258" s="1" t="s">
        <v>10</v>
      </c>
      <c r="H4258" s="1" t="s">
        <v>10</v>
      </c>
      <c r="I4258" s="1" t="s">
        <v>14283</v>
      </c>
      <c r="J4258" s="1" t="s">
        <v>14295</v>
      </c>
      <c r="K4258" s="1" t="s">
        <v>27</v>
      </c>
      <c r="L4258" s="1" t="s">
        <v>14828</v>
      </c>
      <c r="M4258" s="1" t="s">
        <v>5</v>
      </c>
      <c r="N4258" s="1" t="s">
        <v>6</v>
      </c>
      <c r="O4258" s="1" t="s">
        <v>38</v>
      </c>
      <c r="P4258" s="5" t="s">
        <v>30397</v>
      </c>
    </row>
    <row r="4259" spans="1:16" x14ac:dyDescent="0.2">
      <c r="A4259" s="1" t="s">
        <v>10</v>
      </c>
      <c r="B4259" s="1" t="s">
        <v>376</v>
      </c>
      <c r="C4259" s="1" t="s">
        <v>14832</v>
      </c>
      <c r="D4259" s="1" t="s">
        <v>10</v>
      </c>
      <c r="E4259" s="1"/>
      <c r="F4259" s="1" t="s">
        <v>10</v>
      </c>
      <c r="G4259" s="1" t="s">
        <v>10</v>
      </c>
      <c r="H4259" s="1" t="s">
        <v>10</v>
      </c>
      <c r="I4259" s="1" t="s">
        <v>14283</v>
      </c>
      <c r="J4259" s="1" t="s">
        <v>14544</v>
      </c>
      <c r="K4259" s="1" t="s">
        <v>27</v>
      </c>
      <c r="L4259" s="1" t="s">
        <v>14831</v>
      </c>
      <c r="M4259" s="1" t="s">
        <v>5</v>
      </c>
      <c r="N4259" s="1" t="s">
        <v>25</v>
      </c>
      <c r="O4259" s="1" t="s">
        <v>38</v>
      </c>
      <c r="P4259" s="5" t="s">
        <v>30397</v>
      </c>
    </row>
    <row r="4260" spans="1:16" x14ac:dyDescent="0.2">
      <c r="A4260" s="1" t="s">
        <v>10</v>
      </c>
      <c r="B4260" s="1" t="s">
        <v>376</v>
      </c>
      <c r="C4260" s="1" t="s">
        <v>14834</v>
      </c>
      <c r="D4260" s="1" t="s">
        <v>1904</v>
      </c>
      <c r="E4260" s="1" t="s">
        <v>14836</v>
      </c>
      <c r="F4260" s="1" t="s">
        <v>10</v>
      </c>
      <c r="G4260" s="1" t="s">
        <v>10</v>
      </c>
      <c r="H4260" s="1" t="s">
        <v>10</v>
      </c>
      <c r="I4260" s="1" t="s">
        <v>14283</v>
      </c>
      <c r="J4260" s="1" t="s">
        <v>14835</v>
      </c>
      <c r="K4260" s="1" t="s">
        <v>7</v>
      </c>
      <c r="L4260" s="1" t="s">
        <v>14833</v>
      </c>
      <c r="M4260" s="1" t="s">
        <v>5</v>
      </c>
      <c r="N4260" s="1" t="s">
        <v>1597</v>
      </c>
      <c r="O4260" s="1" t="s">
        <v>38</v>
      </c>
      <c r="P4260" s="5" t="s">
        <v>31699</v>
      </c>
    </row>
    <row r="4261" spans="1:16" x14ac:dyDescent="0.2">
      <c r="A4261" s="1" t="s">
        <v>10</v>
      </c>
      <c r="B4261" s="1" t="s">
        <v>376</v>
      </c>
      <c r="C4261" s="1" t="s">
        <v>14838</v>
      </c>
      <c r="D4261" s="1" t="s">
        <v>10</v>
      </c>
      <c r="E4261" s="1"/>
      <c r="F4261" s="1" t="s">
        <v>10</v>
      </c>
      <c r="G4261" s="1" t="s">
        <v>10</v>
      </c>
      <c r="H4261" s="1" t="s">
        <v>10</v>
      </c>
      <c r="I4261" s="1" t="s">
        <v>14283</v>
      </c>
      <c r="J4261" s="1" t="s">
        <v>14839</v>
      </c>
      <c r="K4261" s="1" t="s">
        <v>7</v>
      </c>
      <c r="L4261" s="1" t="s">
        <v>14837</v>
      </c>
      <c r="M4261" s="1" t="s">
        <v>5</v>
      </c>
      <c r="N4261" s="1" t="s">
        <v>25</v>
      </c>
      <c r="O4261" s="1" t="s">
        <v>38</v>
      </c>
      <c r="P4261" s="5" t="s">
        <v>30397</v>
      </c>
    </row>
    <row r="4262" spans="1:16" x14ac:dyDescent="0.2">
      <c r="A4262" s="1" t="s">
        <v>10</v>
      </c>
      <c r="B4262" s="1" t="s">
        <v>376</v>
      </c>
      <c r="C4262" s="1" t="s">
        <v>14841</v>
      </c>
      <c r="D4262" s="1" t="s">
        <v>10</v>
      </c>
      <c r="E4262" s="1" t="s">
        <v>14842</v>
      </c>
      <c r="F4262" s="1" t="s">
        <v>10</v>
      </c>
      <c r="G4262" s="1" t="s">
        <v>10</v>
      </c>
      <c r="H4262" s="1" t="s">
        <v>10</v>
      </c>
      <c r="I4262" s="1" t="s">
        <v>14283</v>
      </c>
      <c r="J4262" s="1" t="s">
        <v>14481</v>
      </c>
      <c r="K4262" s="1" t="s">
        <v>6533</v>
      </c>
      <c r="L4262" s="1" t="s">
        <v>14840</v>
      </c>
      <c r="M4262" s="1" t="s">
        <v>5</v>
      </c>
      <c r="N4262" s="1" t="s">
        <v>25</v>
      </c>
      <c r="O4262" s="1" t="s">
        <v>38</v>
      </c>
      <c r="P4262" s="5" t="s">
        <v>30397</v>
      </c>
    </row>
    <row r="4263" spans="1:16" x14ac:dyDescent="0.2">
      <c r="A4263" s="1" t="s">
        <v>10</v>
      </c>
      <c r="B4263" s="1" t="s">
        <v>376</v>
      </c>
      <c r="C4263" s="1" t="s">
        <v>14844</v>
      </c>
      <c r="D4263" s="1" t="s">
        <v>10</v>
      </c>
      <c r="E4263" s="1" t="s">
        <v>14845</v>
      </c>
      <c r="F4263" s="1" t="s">
        <v>10</v>
      </c>
      <c r="G4263" s="1" t="s">
        <v>10</v>
      </c>
      <c r="H4263" s="1" t="s">
        <v>10</v>
      </c>
      <c r="I4263" s="1" t="s">
        <v>14283</v>
      </c>
      <c r="J4263" s="1" t="s">
        <v>14287</v>
      </c>
      <c r="K4263" s="1" t="s">
        <v>10218</v>
      </c>
      <c r="L4263" s="1" t="s">
        <v>14843</v>
      </c>
      <c r="M4263" s="1" t="s">
        <v>5</v>
      </c>
      <c r="N4263" s="1" t="s">
        <v>25</v>
      </c>
      <c r="O4263" s="1" t="s">
        <v>38</v>
      </c>
      <c r="P4263" s="5" t="s">
        <v>31700</v>
      </c>
    </row>
    <row r="4264" spans="1:16" x14ac:dyDescent="0.2">
      <c r="A4264" s="1" t="s">
        <v>10</v>
      </c>
      <c r="B4264" s="1" t="s">
        <v>376</v>
      </c>
      <c r="C4264" s="1" t="s">
        <v>14847</v>
      </c>
      <c r="D4264" s="1" t="s">
        <v>14446</v>
      </c>
      <c r="E4264" s="1"/>
      <c r="F4264" s="1" t="s">
        <v>10</v>
      </c>
      <c r="G4264" s="1" t="s">
        <v>10</v>
      </c>
      <c r="H4264" s="1" t="s">
        <v>10</v>
      </c>
      <c r="I4264" s="1" t="s">
        <v>14283</v>
      </c>
      <c r="J4264" s="1" t="s">
        <v>14311</v>
      </c>
      <c r="K4264" s="1" t="s">
        <v>2591</v>
      </c>
      <c r="L4264" s="1" t="s">
        <v>14846</v>
      </c>
      <c r="M4264" s="1" t="s">
        <v>5</v>
      </c>
      <c r="N4264" s="1" t="s">
        <v>25</v>
      </c>
      <c r="O4264" s="1" t="s">
        <v>38</v>
      </c>
      <c r="P4264" s="5" t="s">
        <v>30397</v>
      </c>
    </row>
    <row r="4265" spans="1:16" x14ac:dyDescent="0.2">
      <c r="A4265" s="1" t="s">
        <v>10</v>
      </c>
      <c r="B4265" s="1" t="s">
        <v>376</v>
      </c>
      <c r="C4265" s="1" t="s">
        <v>14849</v>
      </c>
      <c r="D4265" s="1" t="s">
        <v>14850</v>
      </c>
      <c r="E4265" s="1"/>
      <c r="F4265" s="1" t="s">
        <v>10</v>
      </c>
      <c r="G4265" s="1" t="s">
        <v>10</v>
      </c>
      <c r="H4265" s="1" t="s">
        <v>10</v>
      </c>
      <c r="I4265" s="1" t="s">
        <v>14283</v>
      </c>
      <c r="J4265" s="1" t="s">
        <v>14311</v>
      </c>
      <c r="K4265" s="1" t="s">
        <v>244</v>
      </c>
      <c r="L4265" s="1" t="s">
        <v>14848</v>
      </c>
      <c r="M4265" s="1" t="s">
        <v>5</v>
      </c>
      <c r="N4265" s="1" t="s">
        <v>25</v>
      </c>
      <c r="O4265" s="1" t="s">
        <v>38</v>
      </c>
      <c r="P4265" s="5" t="s">
        <v>31694</v>
      </c>
    </row>
    <row r="4266" spans="1:16" x14ac:dyDescent="0.2">
      <c r="A4266" s="1" t="s">
        <v>10</v>
      </c>
      <c r="B4266" s="1" t="s">
        <v>376</v>
      </c>
      <c r="C4266" s="1" t="s">
        <v>14852</v>
      </c>
      <c r="D4266" s="1" t="s">
        <v>14853</v>
      </c>
      <c r="E4266" s="1"/>
      <c r="F4266" s="1" t="s">
        <v>10</v>
      </c>
      <c r="G4266" s="1" t="s">
        <v>10</v>
      </c>
      <c r="H4266" s="1" t="s">
        <v>10</v>
      </c>
      <c r="I4266" s="1" t="s">
        <v>14283</v>
      </c>
      <c r="J4266" s="1" t="s">
        <v>14839</v>
      </c>
      <c r="K4266" s="1" t="s">
        <v>47</v>
      </c>
      <c r="L4266" s="1" t="s">
        <v>14851</v>
      </c>
      <c r="M4266" s="1" t="s">
        <v>5</v>
      </c>
      <c r="N4266" s="1" t="s">
        <v>25</v>
      </c>
      <c r="O4266" s="1" t="s">
        <v>38</v>
      </c>
      <c r="P4266" s="5" t="s">
        <v>2383</v>
      </c>
    </row>
    <row r="4267" spans="1:16" x14ac:dyDescent="0.2">
      <c r="A4267" s="1" t="s">
        <v>10</v>
      </c>
      <c r="B4267" s="1" t="s">
        <v>376</v>
      </c>
      <c r="C4267" s="1" t="s">
        <v>14855</v>
      </c>
      <c r="D4267" s="1" t="s">
        <v>10</v>
      </c>
      <c r="E4267" s="1"/>
      <c r="F4267" s="1" t="s">
        <v>10</v>
      </c>
      <c r="G4267" s="1" t="s">
        <v>10</v>
      </c>
      <c r="H4267" s="1" t="s">
        <v>10</v>
      </c>
      <c r="I4267" s="1" t="s">
        <v>14283</v>
      </c>
      <c r="J4267" s="1" t="s">
        <v>14548</v>
      </c>
      <c r="K4267" s="1" t="s">
        <v>7</v>
      </c>
      <c r="L4267" s="1" t="s">
        <v>14854</v>
      </c>
      <c r="M4267" s="1" t="s">
        <v>5</v>
      </c>
      <c r="N4267" s="1" t="s">
        <v>25</v>
      </c>
      <c r="O4267" s="1" t="s">
        <v>38</v>
      </c>
      <c r="P4267" s="5" t="s">
        <v>30397</v>
      </c>
    </row>
    <row r="4268" spans="1:16" x14ac:dyDescent="0.2">
      <c r="A4268" s="1" t="s">
        <v>10</v>
      </c>
      <c r="B4268" s="1" t="s">
        <v>376</v>
      </c>
      <c r="C4268" s="1" t="s">
        <v>14857</v>
      </c>
      <c r="D4268" s="1" t="s">
        <v>10</v>
      </c>
      <c r="E4268" s="1"/>
      <c r="F4268" s="1" t="s">
        <v>10</v>
      </c>
      <c r="G4268" s="1" t="s">
        <v>10</v>
      </c>
      <c r="H4268" s="1" t="s">
        <v>10</v>
      </c>
      <c r="I4268" s="1" t="s">
        <v>14283</v>
      </c>
      <c r="J4268" s="1" t="s">
        <v>14295</v>
      </c>
      <c r="K4268" s="1" t="s">
        <v>7367</v>
      </c>
      <c r="L4268" s="1" t="s">
        <v>14856</v>
      </c>
      <c r="M4268" s="1" t="s">
        <v>5</v>
      </c>
      <c r="N4268" s="1" t="s">
        <v>25</v>
      </c>
      <c r="O4268" s="1" t="s">
        <v>38</v>
      </c>
      <c r="P4268" s="5" t="s">
        <v>31688</v>
      </c>
    </row>
    <row r="4269" spans="1:16" x14ac:dyDescent="0.2">
      <c r="A4269" s="1" t="s">
        <v>10</v>
      </c>
      <c r="B4269" s="1" t="s">
        <v>376</v>
      </c>
      <c r="C4269" s="1" t="s">
        <v>14859</v>
      </c>
      <c r="D4269" s="1" t="s">
        <v>14860</v>
      </c>
      <c r="E4269" s="1"/>
      <c r="F4269" s="1" t="s">
        <v>10</v>
      </c>
      <c r="G4269" s="1" t="s">
        <v>10</v>
      </c>
      <c r="H4269" s="1" t="s">
        <v>10</v>
      </c>
      <c r="I4269" s="1" t="s">
        <v>14283</v>
      </c>
      <c r="J4269" s="1" t="s">
        <v>14505</v>
      </c>
      <c r="K4269" s="1" t="s">
        <v>7</v>
      </c>
      <c r="L4269" s="1" t="s">
        <v>14858</v>
      </c>
      <c r="M4269" s="1" t="s">
        <v>5</v>
      </c>
      <c r="N4269" s="1" t="s">
        <v>25</v>
      </c>
      <c r="O4269" s="1" t="s">
        <v>38</v>
      </c>
      <c r="P4269" s="5" t="s">
        <v>30397</v>
      </c>
    </row>
    <row r="4270" spans="1:16" x14ac:dyDescent="0.2">
      <c r="A4270" s="1" t="s">
        <v>10</v>
      </c>
      <c r="B4270" s="1" t="s">
        <v>376</v>
      </c>
      <c r="C4270" s="1" t="s">
        <v>14862</v>
      </c>
      <c r="D4270" s="1" t="s">
        <v>14863</v>
      </c>
      <c r="E4270" s="1"/>
      <c r="F4270" s="1" t="s">
        <v>10</v>
      </c>
      <c r="G4270" s="1" t="s">
        <v>10</v>
      </c>
      <c r="H4270" s="1" t="s">
        <v>10</v>
      </c>
      <c r="I4270" s="1" t="s">
        <v>14283</v>
      </c>
      <c r="J4270" s="1" t="s">
        <v>14325</v>
      </c>
      <c r="K4270" s="1" t="s">
        <v>7</v>
      </c>
      <c r="L4270" s="1" t="s">
        <v>14861</v>
      </c>
      <c r="M4270" s="1" t="s">
        <v>5</v>
      </c>
      <c r="N4270" s="1" t="s">
        <v>25</v>
      </c>
      <c r="O4270" s="1" t="s">
        <v>38</v>
      </c>
      <c r="P4270" s="5" t="s">
        <v>30397</v>
      </c>
    </row>
    <row r="4271" spans="1:16" x14ac:dyDescent="0.2">
      <c r="A4271" s="1" t="s">
        <v>10</v>
      </c>
      <c r="B4271" s="1" t="s">
        <v>376</v>
      </c>
      <c r="C4271" s="1" t="s">
        <v>14865</v>
      </c>
      <c r="D4271" s="1" t="s">
        <v>14866</v>
      </c>
      <c r="E4271" s="1" t="s">
        <v>14867</v>
      </c>
      <c r="F4271" s="1" t="s">
        <v>10</v>
      </c>
      <c r="G4271" s="1" t="s">
        <v>10</v>
      </c>
      <c r="H4271" s="1" t="s">
        <v>10</v>
      </c>
      <c r="I4271" s="1" t="s">
        <v>14283</v>
      </c>
      <c r="J4271" s="1" t="s">
        <v>14325</v>
      </c>
      <c r="K4271" s="1" t="s">
        <v>7</v>
      </c>
      <c r="L4271" s="1" t="s">
        <v>14864</v>
      </c>
      <c r="M4271" s="1" t="s">
        <v>5</v>
      </c>
      <c r="N4271" s="1" t="s">
        <v>25</v>
      </c>
      <c r="O4271" s="1" t="s">
        <v>38</v>
      </c>
      <c r="P4271" s="5" t="s">
        <v>31689</v>
      </c>
    </row>
    <row r="4272" spans="1:16" x14ac:dyDescent="0.2">
      <c r="A4272" s="1" t="s">
        <v>10</v>
      </c>
      <c r="B4272" s="1" t="s">
        <v>376</v>
      </c>
      <c r="C4272" s="1" t="s">
        <v>14869</v>
      </c>
      <c r="D4272" s="1" t="s">
        <v>14870</v>
      </c>
      <c r="E4272" s="1"/>
      <c r="F4272" s="1" t="s">
        <v>10</v>
      </c>
      <c r="G4272" s="1" t="s">
        <v>10</v>
      </c>
      <c r="H4272" s="1" t="s">
        <v>10</v>
      </c>
      <c r="I4272" s="1" t="s">
        <v>14283</v>
      </c>
      <c r="J4272" s="1" t="s">
        <v>14295</v>
      </c>
      <c r="K4272" s="1" t="s">
        <v>27</v>
      </c>
      <c r="L4272" s="1" t="s">
        <v>14868</v>
      </c>
      <c r="M4272" s="1" t="s">
        <v>5</v>
      </c>
      <c r="N4272" s="1" t="s">
        <v>25</v>
      </c>
      <c r="O4272" s="1" t="s">
        <v>38</v>
      </c>
      <c r="P4272" s="5" t="s">
        <v>31688</v>
      </c>
    </row>
    <row r="4273" spans="1:16" x14ac:dyDescent="0.2">
      <c r="A4273" s="1" t="s">
        <v>10</v>
      </c>
      <c r="B4273" s="1" t="s">
        <v>376</v>
      </c>
      <c r="C4273" s="1" t="s">
        <v>14872</v>
      </c>
      <c r="D4273" s="1" t="s">
        <v>14873</v>
      </c>
      <c r="E4273" s="1"/>
      <c r="F4273" s="1" t="s">
        <v>10</v>
      </c>
      <c r="G4273" s="1" t="s">
        <v>10</v>
      </c>
      <c r="H4273" s="1" t="s">
        <v>10</v>
      </c>
      <c r="I4273" s="1" t="s">
        <v>14283</v>
      </c>
      <c r="J4273" s="1" t="s">
        <v>14325</v>
      </c>
      <c r="K4273" s="1" t="s">
        <v>27</v>
      </c>
      <c r="L4273" s="1" t="s">
        <v>14871</v>
      </c>
      <c r="M4273" s="1" t="s">
        <v>5</v>
      </c>
      <c r="N4273" s="1" t="s">
        <v>25</v>
      </c>
      <c r="O4273" s="1" t="s">
        <v>38</v>
      </c>
      <c r="P4273" s="5" t="s">
        <v>31688</v>
      </c>
    </row>
    <row r="4274" spans="1:16" x14ac:dyDescent="0.2">
      <c r="A4274" s="1" t="s">
        <v>10</v>
      </c>
      <c r="B4274" s="1" t="s">
        <v>376</v>
      </c>
      <c r="C4274" s="1" t="s">
        <v>14875</v>
      </c>
      <c r="D4274" s="1" t="s">
        <v>10</v>
      </c>
      <c r="E4274" s="1"/>
      <c r="F4274" s="1" t="s">
        <v>10</v>
      </c>
      <c r="G4274" s="1" t="s">
        <v>10</v>
      </c>
      <c r="H4274" s="1" t="s">
        <v>10</v>
      </c>
      <c r="I4274" s="1" t="s">
        <v>14283</v>
      </c>
      <c r="J4274" s="1" t="s">
        <v>14453</v>
      </c>
      <c r="K4274" s="1" t="s">
        <v>27</v>
      </c>
      <c r="L4274" s="1" t="s">
        <v>14874</v>
      </c>
      <c r="M4274" s="1" t="s">
        <v>5</v>
      </c>
      <c r="N4274" s="1" t="s">
        <v>25</v>
      </c>
      <c r="O4274" s="1" t="s">
        <v>38</v>
      </c>
      <c r="P4274" s="5" t="s">
        <v>30397</v>
      </c>
    </row>
    <row r="4275" spans="1:16" x14ac:dyDescent="0.2">
      <c r="A4275" s="1" t="s">
        <v>10</v>
      </c>
      <c r="B4275" s="1" t="s">
        <v>376</v>
      </c>
      <c r="C4275" s="1" t="s">
        <v>14877</v>
      </c>
      <c r="D4275" s="1" t="s">
        <v>10</v>
      </c>
      <c r="E4275" s="1"/>
      <c r="F4275" s="1" t="s">
        <v>10</v>
      </c>
      <c r="G4275" s="1" t="s">
        <v>10</v>
      </c>
      <c r="H4275" s="1" t="s">
        <v>10</v>
      </c>
      <c r="I4275" s="1" t="s">
        <v>14283</v>
      </c>
      <c r="J4275" s="1" t="s">
        <v>14548</v>
      </c>
      <c r="K4275" s="1" t="s">
        <v>7</v>
      </c>
      <c r="L4275" s="1" t="s">
        <v>14876</v>
      </c>
      <c r="M4275" s="1" t="s">
        <v>5</v>
      </c>
      <c r="N4275" s="1" t="s">
        <v>25</v>
      </c>
      <c r="O4275" s="1" t="s">
        <v>38</v>
      </c>
      <c r="P4275" s="5" t="s">
        <v>30397</v>
      </c>
    </row>
    <row r="4276" spans="1:16" x14ac:dyDescent="0.2">
      <c r="A4276" s="1" t="s">
        <v>10</v>
      </c>
      <c r="B4276" s="1" t="s">
        <v>376</v>
      </c>
      <c r="C4276" s="1" t="s">
        <v>14879</v>
      </c>
      <c r="D4276" s="1" t="s">
        <v>10</v>
      </c>
      <c r="E4276" s="1"/>
      <c r="F4276" s="1" t="s">
        <v>10</v>
      </c>
      <c r="G4276" s="1" t="s">
        <v>10</v>
      </c>
      <c r="H4276" s="1" t="s">
        <v>10</v>
      </c>
      <c r="I4276" s="1" t="s">
        <v>14283</v>
      </c>
      <c r="J4276" s="1" t="s">
        <v>14531</v>
      </c>
      <c r="K4276" s="1" t="s">
        <v>7</v>
      </c>
      <c r="L4276" s="1" t="s">
        <v>14878</v>
      </c>
      <c r="M4276" s="1" t="s">
        <v>5</v>
      </c>
      <c r="N4276" s="1" t="s">
        <v>25</v>
      </c>
      <c r="O4276" s="1" t="s">
        <v>38</v>
      </c>
      <c r="P4276" s="5" t="s">
        <v>30397</v>
      </c>
    </row>
    <row r="4277" spans="1:16" x14ac:dyDescent="0.2">
      <c r="A4277" s="1" t="s">
        <v>10</v>
      </c>
      <c r="B4277" s="1" t="s">
        <v>376</v>
      </c>
      <c r="C4277" s="1" t="s">
        <v>14881</v>
      </c>
      <c r="D4277" s="1" t="s">
        <v>10</v>
      </c>
      <c r="E4277" s="1"/>
      <c r="F4277" s="1" t="s">
        <v>10</v>
      </c>
      <c r="G4277" s="1" t="s">
        <v>10</v>
      </c>
      <c r="H4277" s="1" t="s">
        <v>10</v>
      </c>
      <c r="I4277" s="1" t="s">
        <v>14283</v>
      </c>
      <c r="J4277" s="1" t="s">
        <v>14325</v>
      </c>
      <c r="K4277" s="1" t="s">
        <v>443</v>
      </c>
      <c r="L4277" s="1" t="s">
        <v>14880</v>
      </c>
      <c r="M4277" s="1" t="s">
        <v>5</v>
      </c>
      <c r="N4277" s="1" t="s">
        <v>25</v>
      </c>
      <c r="O4277" s="1" t="s">
        <v>38</v>
      </c>
      <c r="P4277" s="5" t="s">
        <v>31688</v>
      </c>
    </row>
    <row r="4278" spans="1:16" x14ac:dyDescent="0.2">
      <c r="A4278" s="1" t="s">
        <v>10</v>
      </c>
      <c r="B4278" s="1" t="s">
        <v>376</v>
      </c>
      <c r="C4278" s="1" t="s">
        <v>14883</v>
      </c>
      <c r="D4278" s="1" t="s">
        <v>14884</v>
      </c>
      <c r="E4278" s="1" t="s">
        <v>14885</v>
      </c>
      <c r="F4278" s="1" t="s">
        <v>10</v>
      </c>
      <c r="G4278" s="1" t="s">
        <v>10</v>
      </c>
      <c r="H4278" s="1" t="s">
        <v>10</v>
      </c>
      <c r="I4278" s="1" t="s">
        <v>14283</v>
      </c>
      <c r="J4278" s="1" t="s">
        <v>14453</v>
      </c>
      <c r="K4278" s="1" t="s">
        <v>27</v>
      </c>
      <c r="L4278" s="1" t="s">
        <v>14882</v>
      </c>
      <c r="M4278" s="1" t="s">
        <v>5</v>
      </c>
      <c r="N4278" s="1" t="s">
        <v>25</v>
      </c>
      <c r="O4278" s="1" t="s">
        <v>38</v>
      </c>
      <c r="P4278" s="5" t="s">
        <v>31685</v>
      </c>
    </row>
    <row r="4279" spans="1:16" x14ac:dyDescent="0.2">
      <c r="A4279" s="1" t="s">
        <v>10</v>
      </c>
      <c r="B4279" s="1" t="s">
        <v>376</v>
      </c>
      <c r="C4279" s="1" t="s">
        <v>14887</v>
      </c>
      <c r="D4279" s="1" t="s">
        <v>14888</v>
      </c>
      <c r="E4279" s="1"/>
      <c r="F4279" s="1" t="s">
        <v>10</v>
      </c>
      <c r="G4279" s="1" t="s">
        <v>10</v>
      </c>
      <c r="H4279" s="1" t="s">
        <v>10</v>
      </c>
      <c r="I4279" s="1" t="s">
        <v>14283</v>
      </c>
      <c r="J4279" s="1" t="s">
        <v>14325</v>
      </c>
      <c r="K4279" s="1" t="s">
        <v>443</v>
      </c>
      <c r="L4279" s="1" t="s">
        <v>14886</v>
      </c>
      <c r="M4279" s="1" t="s">
        <v>5</v>
      </c>
      <c r="N4279" s="1" t="s">
        <v>25</v>
      </c>
      <c r="O4279" s="1" t="s">
        <v>38</v>
      </c>
      <c r="P4279" s="5" t="s">
        <v>31688</v>
      </c>
    </row>
    <row r="4280" spans="1:16" x14ac:dyDescent="0.2">
      <c r="A4280" s="1" t="s">
        <v>10</v>
      </c>
      <c r="B4280" s="1" t="s">
        <v>376</v>
      </c>
      <c r="C4280" s="1" t="s">
        <v>14890</v>
      </c>
      <c r="D4280" s="1" t="s">
        <v>7174</v>
      </c>
      <c r="E4280" s="1"/>
      <c r="F4280" s="1" t="s">
        <v>10</v>
      </c>
      <c r="G4280" s="1" t="s">
        <v>10</v>
      </c>
      <c r="H4280" s="1" t="s">
        <v>10</v>
      </c>
      <c r="I4280" s="1" t="s">
        <v>14283</v>
      </c>
      <c r="J4280" s="1" t="s">
        <v>14325</v>
      </c>
      <c r="K4280" s="1" t="s">
        <v>7</v>
      </c>
      <c r="L4280" s="1" t="s">
        <v>14889</v>
      </c>
      <c r="M4280" s="1" t="s">
        <v>5</v>
      </c>
      <c r="N4280" s="1" t="s">
        <v>25</v>
      </c>
      <c r="O4280" s="1" t="s">
        <v>38</v>
      </c>
      <c r="P4280" s="5" t="s">
        <v>31688</v>
      </c>
    </row>
    <row r="4281" spans="1:16" x14ac:dyDescent="0.2">
      <c r="A4281" s="1" t="s">
        <v>10</v>
      </c>
      <c r="B4281" s="1" t="s">
        <v>376</v>
      </c>
      <c r="C4281" s="1" t="s">
        <v>14892</v>
      </c>
      <c r="D4281" s="1" t="s">
        <v>14893</v>
      </c>
      <c r="E4281" s="1"/>
      <c r="F4281" s="1" t="s">
        <v>10</v>
      </c>
      <c r="G4281" s="1" t="s">
        <v>10</v>
      </c>
      <c r="H4281" s="1" t="s">
        <v>10</v>
      </c>
      <c r="I4281" s="1" t="s">
        <v>14283</v>
      </c>
      <c r="J4281" s="1" t="s">
        <v>14325</v>
      </c>
      <c r="K4281" s="1" t="s">
        <v>7</v>
      </c>
      <c r="L4281" s="1" t="s">
        <v>14891</v>
      </c>
      <c r="M4281" s="1" t="s">
        <v>5</v>
      </c>
      <c r="N4281" s="1" t="s">
        <v>25</v>
      </c>
      <c r="O4281" s="1" t="s">
        <v>38</v>
      </c>
      <c r="P4281" s="5" t="s">
        <v>31688</v>
      </c>
    </row>
    <row r="4282" spans="1:16" x14ac:dyDescent="0.2">
      <c r="A4282" s="1" t="s">
        <v>10</v>
      </c>
      <c r="B4282" s="1" t="s">
        <v>376</v>
      </c>
      <c r="C4282" s="1" t="s">
        <v>14895</v>
      </c>
      <c r="D4282" s="1" t="s">
        <v>14896</v>
      </c>
      <c r="E4282" s="1"/>
      <c r="F4282" s="1" t="s">
        <v>10</v>
      </c>
      <c r="G4282" s="1" t="s">
        <v>10</v>
      </c>
      <c r="H4282" s="1" t="s">
        <v>10</v>
      </c>
      <c r="I4282" s="1" t="s">
        <v>14283</v>
      </c>
      <c r="J4282" s="1" t="s">
        <v>14488</v>
      </c>
      <c r="K4282" s="1" t="s">
        <v>1027</v>
      </c>
      <c r="L4282" s="1" t="s">
        <v>14894</v>
      </c>
      <c r="M4282" s="1" t="s">
        <v>5</v>
      </c>
      <c r="N4282" s="1" t="s">
        <v>25</v>
      </c>
      <c r="O4282" s="1" t="s">
        <v>38</v>
      </c>
      <c r="P4282" s="5" t="s">
        <v>30397</v>
      </c>
    </row>
    <row r="4283" spans="1:16" x14ac:dyDescent="0.2">
      <c r="A4283" s="1" t="s">
        <v>10</v>
      </c>
      <c r="B4283" s="1" t="s">
        <v>376</v>
      </c>
      <c r="C4283" s="1" t="s">
        <v>14898</v>
      </c>
      <c r="D4283" s="1" t="s">
        <v>14860</v>
      </c>
      <c r="E4283" s="1"/>
      <c r="F4283" s="1" t="s">
        <v>10</v>
      </c>
      <c r="G4283" s="1" t="s">
        <v>10</v>
      </c>
      <c r="H4283" s="1" t="s">
        <v>10</v>
      </c>
      <c r="I4283" s="1" t="s">
        <v>14283</v>
      </c>
      <c r="J4283" s="1" t="s">
        <v>14505</v>
      </c>
      <c r="K4283" s="1" t="s">
        <v>7</v>
      </c>
      <c r="L4283" s="1" t="s">
        <v>14897</v>
      </c>
      <c r="M4283" s="1" t="s">
        <v>5</v>
      </c>
      <c r="N4283" s="1" t="s">
        <v>25</v>
      </c>
      <c r="O4283" s="1" t="s">
        <v>38</v>
      </c>
      <c r="P4283" s="5" t="s">
        <v>30397</v>
      </c>
    </row>
    <row r="4284" spans="1:16" x14ac:dyDescent="0.2">
      <c r="A4284" s="1" t="s">
        <v>10</v>
      </c>
      <c r="B4284" s="1" t="s">
        <v>376</v>
      </c>
      <c r="C4284" s="1" t="s">
        <v>14900</v>
      </c>
      <c r="D4284" s="1" t="s">
        <v>10</v>
      </c>
      <c r="E4284" s="1" t="s">
        <v>14901</v>
      </c>
      <c r="F4284" s="1" t="s">
        <v>10</v>
      </c>
      <c r="G4284" s="1" t="s">
        <v>10</v>
      </c>
      <c r="H4284" s="1" t="s">
        <v>10</v>
      </c>
      <c r="I4284" s="1" t="s">
        <v>14283</v>
      </c>
      <c r="J4284" s="1" t="s">
        <v>14295</v>
      </c>
      <c r="K4284" s="1" t="s">
        <v>27</v>
      </c>
      <c r="L4284" s="1" t="s">
        <v>14899</v>
      </c>
      <c r="M4284" s="1" t="s">
        <v>5</v>
      </c>
      <c r="N4284" s="1" t="s">
        <v>6</v>
      </c>
      <c r="O4284" s="1" t="s">
        <v>38</v>
      </c>
      <c r="P4284" s="5" t="s">
        <v>10</v>
      </c>
    </row>
    <row r="4285" spans="1:16" x14ac:dyDescent="0.2">
      <c r="A4285" s="1" t="s">
        <v>10</v>
      </c>
      <c r="B4285" s="1" t="s">
        <v>376</v>
      </c>
      <c r="C4285" s="1" t="s">
        <v>14903</v>
      </c>
      <c r="D4285" s="1" t="s">
        <v>14904</v>
      </c>
      <c r="E4285" s="1"/>
      <c r="F4285" s="1" t="s">
        <v>10</v>
      </c>
      <c r="G4285" s="1" t="s">
        <v>10</v>
      </c>
      <c r="H4285" s="1" t="s">
        <v>10</v>
      </c>
      <c r="I4285" s="1" t="s">
        <v>14283</v>
      </c>
      <c r="J4285" s="1" t="s">
        <v>14295</v>
      </c>
      <c r="K4285" s="1" t="s">
        <v>37</v>
      </c>
      <c r="L4285" s="1" t="s">
        <v>14902</v>
      </c>
      <c r="M4285" s="1" t="s">
        <v>5</v>
      </c>
      <c r="N4285" s="1" t="s">
        <v>6</v>
      </c>
      <c r="O4285" s="1" t="s">
        <v>38</v>
      </c>
      <c r="P4285" s="5" t="s">
        <v>30397</v>
      </c>
    </row>
    <row r="4286" spans="1:16" x14ac:dyDescent="0.2">
      <c r="A4286" s="1" t="s">
        <v>10</v>
      </c>
      <c r="B4286" s="1" t="s">
        <v>376</v>
      </c>
      <c r="C4286" s="1" t="s">
        <v>14906</v>
      </c>
      <c r="D4286" s="1" t="s">
        <v>10</v>
      </c>
      <c r="E4286" s="1"/>
      <c r="F4286" s="1" t="s">
        <v>10</v>
      </c>
      <c r="G4286" s="1" t="s">
        <v>10</v>
      </c>
      <c r="H4286" s="1" t="s">
        <v>10</v>
      </c>
      <c r="I4286" s="1" t="s">
        <v>14283</v>
      </c>
      <c r="J4286" s="1" t="s">
        <v>14295</v>
      </c>
      <c r="K4286" s="1" t="s">
        <v>7</v>
      </c>
      <c r="L4286" s="1" t="s">
        <v>14905</v>
      </c>
      <c r="M4286" s="1" t="s">
        <v>5</v>
      </c>
      <c r="N4286" s="1" t="s">
        <v>25</v>
      </c>
      <c r="O4286" s="1" t="s">
        <v>38</v>
      </c>
      <c r="P4286" s="5" t="s">
        <v>30397</v>
      </c>
    </row>
    <row r="4287" spans="1:16" x14ac:dyDescent="0.2">
      <c r="A4287" s="1" t="s">
        <v>10</v>
      </c>
      <c r="B4287" s="1" t="s">
        <v>376</v>
      </c>
      <c r="C4287" s="1" t="s">
        <v>14908</v>
      </c>
      <c r="D4287" s="1" t="s">
        <v>10</v>
      </c>
      <c r="E4287" s="1" t="s">
        <v>14909</v>
      </c>
      <c r="F4287" s="1" t="s">
        <v>10</v>
      </c>
      <c r="G4287" s="1" t="s">
        <v>10</v>
      </c>
      <c r="H4287" s="1" t="s">
        <v>10</v>
      </c>
      <c r="I4287" s="1" t="s">
        <v>14283</v>
      </c>
      <c r="J4287" s="1" t="s">
        <v>14287</v>
      </c>
      <c r="K4287" s="1" t="s">
        <v>7</v>
      </c>
      <c r="L4287" s="1" t="s">
        <v>14907</v>
      </c>
      <c r="M4287" s="1" t="s">
        <v>5</v>
      </c>
      <c r="N4287" s="1" t="s">
        <v>25</v>
      </c>
      <c r="O4287" s="1" t="s">
        <v>38</v>
      </c>
      <c r="P4287" s="5"/>
    </row>
    <row r="4288" spans="1:16" x14ac:dyDescent="0.2">
      <c r="A4288" s="1" t="s">
        <v>10</v>
      </c>
      <c r="B4288" s="1" t="s">
        <v>376</v>
      </c>
      <c r="C4288" s="1" t="s">
        <v>14911</v>
      </c>
      <c r="D4288" s="1" t="s">
        <v>14912</v>
      </c>
      <c r="E4288" s="1"/>
      <c r="F4288" s="1" t="s">
        <v>10</v>
      </c>
      <c r="G4288" s="1" t="s">
        <v>10</v>
      </c>
      <c r="H4288" s="1" t="s">
        <v>10</v>
      </c>
      <c r="I4288" s="1" t="s">
        <v>14283</v>
      </c>
      <c r="J4288" s="1" t="s">
        <v>14367</v>
      </c>
      <c r="K4288" s="1" t="s">
        <v>27</v>
      </c>
      <c r="L4288" s="1" t="s">
        <v>14910</v>
      </c>
      <c r="M4288" s="1" t="s">
        <v>5</v>
      </c>
      <c r="N4288" s="1" t="s">
        <v>25</v>
      </c>
      <c r="O4288" s="1" t="s">
        <v>38</v>
      </c>
      <c r="P4288" s="5" t="s">
        <v>31688</v>
      </c>
    </row>
    <row r="4289" spans="1:16" x14ac:dyDescent="0.2">
      <c r="A4289" s="1" t="s">
        <v>10</v>
      </c>
      <c r="B4289" s="1" t="s">
        <v>376</v>
      </c>
      <c r="C4289" s="1" t="s">
        <v>14914</v>
      </c>
      <c r="D4289" s="1" t="s">
        <v>2887</v>
      </c>
      <c r="E4289" s="1" t="s">
        <v>14782</v>
      </c>
      <c r="F4289" s="1" t="s">
        <v>10</v>
      </c>
      <c r="G4289" s="1" t="s">
        <v>10</v>
      </c>
      <c r="H4289" s="1" t="s">
        <v>10</v>
      </c>
      <c r="I4289" s="1" t="s">
        <v>14283</v>
      </c>
      <c r="J4289" s="1" t="s">
        <v>14311</v>
      </c>
      <c r="K4289" s="1" t="s">
        <v>27</v>
      </c>
      <c r="L4289" s="1" t="s">
        <v>14913</v>
      </c>
      <c r="M4289" s="1" t="s">
        <v>5</v>
      </c>
      <c r="N4289" s="1" t="s">
        <v>6</v>
      </c>
      <c r="O4289" s="1" t="s">
        <v>38</v>
      </c>
      <c r="P4289" s="5" t="s">
        <v>30397</v>
      </c>
    </row>
    <row r="4290" spans="1:16" x14ac:dyDescent="0.2">
      <c r="A4290" s="1" t="s">
        <v>10</v>
      </c>
      <c r="B4290" s="1" t="s">
        <v>376</v>
      </c>
      <c r="C4290" s="1" t="s">
        <v>14916</v>
      </c>
      <c r="D4290" s="1" t="s">
        <v>14917</v>
      </c>
      <c r="E4290" s="1" t="s">
        <v>14918</v>
      </c>
      <c r="F4290" s="1" t="s">
        <v>10</v>
      </c>
      <c r="G4290" s="1" t="s">
        <v>10</v>
      </c>
      <c r="H4290" s="1" t="s">
        <v>10</v>
      </c>
      <c r="I4290" s="1" t="s">
        <v>14283</v>
      </c>
      <c r="J4290" s="1" t="s">
        <v>14325</v>
      </c>
      <c r="K4290" s="1" t="s">
        <v>27</v>
      </c>
      <c r="L4290" s="1" t="s">
        <v>14915</v>
      </c>
      <c r="M4290" s="1" t="s">
        <v>5</v>
      </c>
      <c r="N4290" s="1" t="s">
        <v>25</v>
      </c>
      <c r="O4290" s="1" t="s">
        <v>38</v>
      </c>
      <c r="P4290" s="5" t="s">
        <v>31688</v>
      </c>
    </row>
    <row r="4291" spans="1:16" x14ac:dyDescent="0.2">
      <c r="A4291" s="1" t="s">
        <v>10</v>
      </c>
      <c r="B4291" s="1" t="s">
        <v>376</v>
      </c>
      <c r="C4291" s="1" t="s">
        <v>14922</v>
      </c>
      <c r="D4291" s="1" t="s">
        <v>10</v>
      </c>
      <c r="E4291" s="1" t="s">
        <v>14923</v>
      </c>
      <c r="F4291" s="1" t="s">
        <v>10</v>
      </c>
      <c r="G4291" s="1" t="s">
        <v>10</v>
      </c>
      <c r="H4291" s="1" t="s">
        <v>10</v>
      </c>
      <c r="I4291" s="1" t="s">
        <v>14283</v>
      </c>
      <c r="J4291" s="1" t="s">
        <v>14295</v>
      </c>
      <c r="K4291" s="1" t="s">
        <v>7</v>
      </c>
      <c r="L4291" s="1" t="s">
        <v>14921</v>
      </c>
      <c r="M4291" s="1" t="s">
        <v>5</v>
      </c>
      <c r="N4291" s="1" t="s">
        <v>6</v>
      </c>
      <c r="O4291" s="1" t="s">
        <v>38</v>
      </c>
      <c r="P4291" s="5" t="s">
        <v>30397</v>
      </c>
    </row>
    <row r="4292" spans="1:16" x14ac:dyDescent="0.2">
      <c r="A4292" s="1" t="s">
        <v>10</v>
      </c>
      <c r="B4292" s="1" t="s">
        <v>376</v>
      </c>
      <c r="C4292" s="1" t="s">
        <v>14926</v>
      </c>
      <c r="D4292" s="1" t="s">
        <v>14927</v>
      </c>
      <c r="E4292" s="1" t="s">
        <v>14928</v>
      </c>
      <c r="F4292" s="1" t="s">
        <v>10</v>
      </c>
      <c r="G4292" s="1" t="s">
        <v>10</v>
      </c>
      <c r="H4292" s="1" t="s">
        <v>10</v>
      </c>
      <c r="I4292" s="1" t="s">
        <v>14283</v>
      </c>
      <c r="J4292" s="1" t="s">
        <v>14295</v>
      </c>
      <c r="K4292" s="1" t="s">
        <v>7</v>
      </c>
      <c r="L4292" s="1" t="s">
        <v>14925</v>
      </c>
      <c r="M4292" s="1" t="s">
        <v>5</v>
      </c>
      <c r="N4292" s="1" t="s">
        <v>25</v>
      </c>
      <c r="O4292" s="1" t="s">
        <v>38</v>
      </c>
      <c r="P4292" s="5" t="s">
        <v>30397</v>
      </c>
    </row>
    <row r="4293" spans="1:16" x14ac:dyDescent="0.2">
      <c r="A4293" s="1" t="s">
        <v>10</v>
      </c>
      <c r="B4293" s="1" t="s">
        <v>376</v>
      </c>
      <c r="C4293" s="1" t="s">
        <v>14931</v>
      </c>
      <c r="D4293" s="1" t="s">
        <v>14932</v>
      </c>
      <c r="E4293" s="1" t="s">
        <v>14933</v>
      </c>
      <c r="F4293" s="1" t="s">
        <v>10</v>
      </c>
      <c r="G4293" s="1" t="s">
        <v>10</v>
      </c>
      <c r="H4293" s="1" t="s">
        <v>10</v>
      </c>
      <c r="I4293" s="1" t="s">
        <v>14283</v>
      </c>
      <c r="J4293" s="1" t="s">
        <v>14839</v>
      </c>
      <c r="K4293" s="1" t="s">
        <v>231</v>
      </c>
      <c r="L4293" s="1" t="s">
        <v>14930</v>
      </c>
      <c r="M4293" s="1" t="s">
        <v>5</v>
      </c>
      <c r="N4293" s="1" t="s">
        <v>25</v>
      </c>
      <c r="O4293" s="1" t="s">
        <v>38</v>
      </c>
      <c r="P4293" s="5" t="s">
        <v>31</v>
      </c>
    </row>
    <row r="4294" spans="1:16" x14ac:dyDescent="0.2">
      <c r="A4294" s="1" t="s">
        <v>10</v>
      </c>
      <c r="B4294" s="1" t="s">
        <v>376</v>
      </c>
      <c r="C4294" s="1" t="s">
        <v>14935</v>
      </c>
      <c r="D4294" s="1" t="s">
        <v>10</v>
      </c>
      <c r="E4294" s="1" t="s">
        <v>14936</v>
      </c>
      <c r="F4294" s="1" t="s">
        <v>10</v>
      </c>
      <c r="G4294" s="1" t="s">
        <v>10</v>
      </c>
      <c r="H4294" s="1" t="s">
        <v>10</v>
      </c>
      <c r="I4294" s="1" t="s">
        <v>14283</v>
      </c>
      <c r="J4294" s="1" t="s">
        <v>14531</v>
      </c>
      <c r="K4294" s="1" t="s">
        <v>130</v>
      </c>
      <c r="L4294" s="1" t="s">
        <v>14934</v>
      </c>
      <c r="M4294" s="1" t="s">
        <v>5</v>
      </c>
      <c r="N4294" s="1" t="s">
        <v>6</v>
      </c>
      <c r="O4294" s="1" t="s">
        <v>38</v>
      </c>
      <c r="P4294" s="5" t="s">
        <v>31685</v>
      </c>
    </row>
    <row r="4295" spans="1:16" x14ac:dyDescent="0.2">
      <c r="A4295" s="1" t="s">
        <v>10</v>
      </c>
      <c r="B4295" s="1" t="s">
        <v>376</v>
      </c>
      <c r="C4295" s="1" t="s">
        <v>14938</v>
      </c>
      <c r="D4295" s="1" t="s">
        <v>14939</v>
      </c>
      <c r="E4295" s="1"/>
      <c r="F4295" s="1" t="s">
        <v>10</v>
      </c>
      <c r="G4295" s="1" t="s">
        <v>10</v>
      </c>
      <c r="H4295" s="1" t="s">
        <v>10</v>
      </c>
      <c r="I4295" s="1" t="s">
        <v>14283</v>
      </c>
      <c r="J4295" s="1" t="s">
        <v>14295</v>
      </c>
      <c r="K4295" s="1" t="s">
        <v>7</v>
      </c>
      <c r="L4295" s="1" t="s">
        <v>14937</v>
      </c>
      <c r="M4295" s="1" t="s">
        <v>5</v>
      </c>
      <c r="N4295" s="1" t="s">
        <v>6</v>
      </c>
      <c r="O4295" s="1" t="s">
        <v>38</v>
      </c>
      <c r="P4295" s="5" t="s">
        <v>30397</v>
      </c>
    </row>
    <row r="4296" spans="1:16" x14ac:dyDescent="0.2">
      <c r="A4296" s="1" t="s">
        <v>10</v>
      </c>
      <c r="B4296" s="1" t="s">
        <v>376</v>
      </c>
      <c r="C4296" s="1" t="s">
        <v>14941</v>
      </c>
      <c r="D4296" s="1" t="s">
        <v>10</v>
      </c>
      <c r="E4296" s="1" t="s">
        <v>14942</v>
      </c>
      <c r="F4296" s="1" t="s">
        <v>10</v>
      </c>
      <c r="G4296" s="1" t="s">
        <v>10</v>
      </c>
      <c r="H4296" s="1" t="s">
        <v>10</v>
      </c>
      <c r="I4296" s="1" t="s">
        <v>14283</v>
      </c>
      <c r="J4296" s="1" t="s">
        <v>14488</v>
      </c>
      <c r="K4296" s="1" t="s">
        <v>1027</v>
      </c>
      <c r="L4296" s="1" t="s">
        <v>14940</v>
      </c>
      <c r="M4296" s="1" t="s">
        <v>5</v>
      </c>
      <c r="N4296" s="1" t="s">
        <v>25</v>
      </c>
      <c r="O4296" s="1" t="s">
        <v>38</v>
      </c>
      <c r="P4296" s="5" t="s">
        <v>30397</v>
      </c>
    </row>
    <row r="4297" spans="1:16" x14ac:dyDescent="0.2">
      <c r="A4297" s="1" t="s">
        <v>10</v>
      </c>
      <c r="B4297" s="1" t="s">
        <v>376</v>
      </c>
      <c r="C4297" s="1" t="s">
        <v>14944</v>
      </c>
      <c r="D4297" s="1" t="s">
        <v>14945</v>
      </c>
      <c r="E4297" s="1" t="s">
        <v>14946</v>
      </c>
      <c r="F4297" s="1" t="s">
        <v>10</v>
      </c>
      <c r="G4297" s="1" t="s">
        <v>10</v>
      </c>
      <c r="H4297" s="1" t="s">
        <v>10</v>
      </c>
      <c r="I4297" s="1" t="s">
        <v>14283</v>
      </c>
      <c r="J4297" s="1" t="s">
        <v>14325</v>
      </c>
      <c r="K4297" s="1" t="s">
        <v>7</v>
      </c>
      <c r="L4297" s="1" t="s">
        <v>14943</v>
      </c>
      <c r="M4297" s="1" t="s">
        <v>5</v>
      </c>
      <c r="N4297" s="1" t="s">
        <v>25</v>
      </c>
      <c r="O4297" s="1" t="s">
        <v>38</v>
      </c>
      <c r="P4297" s="5" t="s">
        <v>31689</v>
      </c>
    </row>
    <row r="4298" spans="1:16" x14ac:dyDescent="0.2">
      <c r="A4298" s="1" t="s">
        <v>10</v>
      </c>
      <c r="B4298" s="1" t="s">
        <v>376</v>
      </c>
      <c r="C4298" s="1" t="s">
        <v>14948</v>
      </c>
      <c r="D4298" s="1" t="s">
        <v>14949</v>
      </c>
      <c r="E4298" s="1"/>
      <c r="F4298" s="1" t="s">
        <v>10</v>
      </c>
      <c r="G4298" s="1" t="s">
        <v>10</v>
      </c>
      <c r="H4298" s="1" t="s">
        <v>10</v>
      </c>
      <c r="I4298" s="1" t="s">
        <v>14283</v>
      </c>
      <c r="J4298" s="1" t="s">
        <v>14325</v>
      </c>
      <c r="K4298" s="1" t="s">
        <v>27</v>
      </c>
      <c r="L4298" s="1" t="s">
        <v>14947</v>
      </c>
      <c r="M4298" s="1" t="s">
        <v>5</v>
      </c>
      <c r="N4298" s="1" t="s">
        <v>25</v>
      </c>
      <c r="O4298" s="1" t="s">
        <v>38</v>
      </c>
      <c r="P4298" s="5" t="s">
        <v>31688</v>
      </c>
    </row>
    <row r="4299" spans="1:16" x14ac:dyDescent="0.2">
      <c r="A4299" s="1" t="s">
        <v>10</v>
      </c>
      <c r="B4299" s="1" t="s">
        <v>376</v>
      </c>
      <c r="C4299" s="1" t="s">
        <v>14951</v>
      </c>
      <c r="D4299" s="1" t="s">
        <v>14952</v>
      </c>
      <c r="E4299" s="1"/>
      <c r="F4299" s="1" t="s">
        <v>10</v>
      </c>
      <c r="G4299" s="1" t="s">
        <v>10</v>
      </c>
      <c r="H4299" s="1" t="s">
        <v>10</v>
      </c>
      <c r="I4299" s="1" t="s">
        <v>14283</v>
      </c>
      <c r="J4299" s="1" t="s">
        <v>14295</v>
      </c>
      <c r="K4299" s="1" t="s">
        <v>27</v>
      </c>
      <c r="L4299" s="1" t="s">
        <v>14950</v>
      </c>
      <c r="M4299" s="1" t="s">
        <v>5</v>
      </c>
      <c r="N4299" s="1" t="s">
        <v>25</v>
      </c>
      <c r="O4299" s="1" t="s">
        <v>38</v>
      </c>
      <c r="P4299" s="5" t="s">
        <v>31685</v>
      </c>
    </row>
    <row r="4300" spans="1:16" x14ac:dyDescent="0.2">
      <c r="A4300" s="1" t="s">
        <v>10</v>
      </c>
      <c r="B4300" s="1" t="s">
        <v>376</v>
      </c>
      <c r="C4300" s="1" t="s">
        <v>14954</v>
      </c>
      <c r="D4300" s="1" t="s">
        <v>14955</v>
      </c>
      <c r="E4300" s="1"/>
      <c r="F4300" s="1" t="s">
        <v>10</v>
      </c>
      <c r="G4300" s="1" t="s">
        <v>10</v>
      </c>
      <c r="H4300" s="1" t="s">
        <v>10</v>
      </c>
      <c r="I4300" s="1" t="s">
        <v>14283</v>
      </c>
      <c r="J4300" s="1" t="s">
        <v>14325</v>
      </c>
      <c r="K4300" s="1" t="s">
        <v>7</v>
      </c>
      <c r="L4300" s="1" t="s">
        <v>14953</v>
      </c>
      <c r="M4300" s="1" t="s">
        <v>5</v>
      </c>
      <c r="N4300" s="1" t="s">
        <v>25</v>
      </c>
      <c r="O4300" s="1" t="s">
        <v>38</v>
      </c>
      <c r="P4300" s="5" t="s">
        <v>31688</v>
      </c>
    </row>
    <row r="4301" spans="1:16" x14ac:dyDescent="0.2">
      <c r="A4301" s="1" t="s">
        <v>10</v>
      </c>
      <c r="B4301" s="1" t="s">
        <v>376</v>
      </c>
      <c r="C4301" s="1" t="s">
        <v>14957</v>
      </c>
      <c r="D4301" s="1" t="s">
        <v>14958</v>
      </c>
      <c r="E4301" s="1" t="s">
        <v>14959</v>
      </c>
      <c r="F4301" s="1" t="s">
        <v>10</v>
      </c>
      <c r="G4301" s="1" t="s">
        <v>10</v>
      </c>
      <c r="H4301" s="1" t="s">
        <v>10</v>
      </c>
      <c r="I4301" s="1" t="s">
        <v>14283</v>
      </c>
      <c r="J4301" s="1" t="s">
        <v>14325</v>
      </c>
      <c r="K4301" s="1" t="s">
        <v>7</v>
      </c>
      <c r="L4301" s="1" t="s">
        <v>14956</v>
      </c>
      <c r="M4301" s="1" t="s">
        <v>5</v>
      </c>
      <c r="N4301" s="1" t="s">
        <v>25</v>
      </c>
      <c r="O4301" s="1" t="s">
        <v>38</v>
      </c>
      <c r="P4301" s="5" t="s">
        <v>31684</v>
      </c>
    </row>
    <row r="4302" spans="1:16" x14ac:dyDescent="0.2">
      <c r="A4302" s="1" t="s">
        <v>10</v>
      </c>
      <c r="B4302" s="1" t="s">
        <v>376</v>
      </c>
      <c r="C4302" s="1" t="s">
        <v>14961</v>
      </c>
      <c r="D4302" s="1" t="s">
        <v>14962</v>
      </c>
      <c r="E4302" s="1"/>
      <c r="F4302" s="1" t="s">
        <v>10</v>
      </c>
      <c r="G4302" s="1" t="s">
        <v>10</v>
      </c>
      <c r="H4302" s="1" t="s">
        <v>10</v>
      </c>
      <c r="I4302" s="1" t="s">
        <v>14283</v>
      </c>
      <c r="J4302" s="1" t="s">
        <v>14295</v>
      </c>
      <c r="K4302" s="1" t="s">
        <v>14963</v>
      </c>
      <c r="L4302" s="1" t="s">
        <v>14960</v>
      </c>
      <c r="M4302" s="1" t="s">
        <v>5</v>
      </c>
      <c r="N4302" s="1" t="s">
        <v>25</v>
      </c>
      <c r="O4302" s="1" t="s">
        <v>38</v>
      </c>
      <c r="P4302" s="5" t="s">
        <v>30397</v>
      </c>
    </row>
    <row r="4303" spans="1:16" x14ac:dyDescent="0.2">
      <c r="A4303" s="1" t="s">
        <v>10</v>
      </c>
      <c r="B4303" s="1" t="s">
        <v>376</v>
      </c>
      <c r="C4303" s="1" t="s">
        <v>14965</v>
      </c>
      <c r="D4303" s="1" t="s">
        <v>14966</v>
      </c>
      <c r="E4303" s="1"/>
      <c r="F4303" s="1" t="s">
        <v>10</v>
      </c>
      <c r="G4303" s="1" t="s">
        <v>10</v>
      </c>
      <c r="H4303" s="1" t="s">
        <v>10</v>
      </c>
      <c r="I4303" s="1" t="s">
        <v>14283</v>
      </c>
      <c r="J4303" s="1" t="s">
        <v>14295</v>
      </c>
      <c r="K4303" s="1" t="s">
        <v>7</v>
      </c>
      <c r="L4303" s="1" t="s">
        <v>14964</v>
      </c>
      <c r="M4303" s="1" t="s">
        <v>5</v>
      </c>
      <c r="N4303" s="1" t="s">
        <v>6</v>
      </c>
      <c r="O4303" s="1" t="s">
        <v>38</v>
      </c>
      <c r="P4303" s="5" t="s">
        <v>30397</v>
      </c>
    </row>
    <row r="4304" spans="1:16" x14ac:dyDescent="0.2">
      <c r="A4304" s="1" t="s">
        <v>10</v>
      </c>
      <c r="B4304" s="1" t="s">
        <v>376</v>
      </c>
      <c r="C4304" s="1" t="s">
        <v>14968</v>
      </c>
      <c r="D4304" s="1" t="s">
        <v>11441</v>
      </c>
      <c r="E4304" s="1"/>
      <c r="F4304" s="1" t="s">
        <v>10</v>
      </c>
      <c r="G4304" s="1" t="s">
        <v>10</v>
      </c>
      <c r="H4304" s="1" t="s">
        <v>10</v>
      </c>
      <c r="I4304" s="1" t="s">
        <v>14283</v>
      </c>
      <c r="J4304" s="1" t="s">
        <v>14969</v>
      </c>
      <c r="K4304" s="1" t="s">
        <v>7</v>
      </c>
      <c r="L4304" s="1" t="s">
        <v>14967</v>
      </c>
      <c r="M4304" s="1" t="s">
        <v>5</v>
      </c>
      <c r="N4304" s="1" t="s">
        <v>25</v>
      </c>
      <c r="O4304" s="1" t="s">
        <v>38</v>
      </c>
      <c r="P4304" s="5" t="s">
        <v>31689</v>
      </c>
    </row>
    <row r="4305" spans="1:16" x14ac:dyDescent="0.2">
      <c r="A4305" s="1" t="s">
        <v>10</v>
      </c>
      <c r="B4305" s="1" t="s">
        <v>376</v>
      </c>
      <c r="C4305" s="1" t="s">
        <v>14971</v>
      </c>
      <c r="D4305" s="1" t="s">
        <v>14972</v>
      </c>
      <c r="E4305" s="1"/>
      <c r="F4305" s="1" t="s">
        <v>10</v>
      </c>
      <c r="G4305" s="1" t="s">
        <v>10</v>
      </c>
      <c r="H4305" s="1" t="s">
        <v>10</v>
      </c>
      <c r="I4305" s="1" t="s">
        <v>14283</v>
      </c>
      <c r="J4305" s="1" t="s">
        <v>14367</v>
      </c>
      <c r="K4305" s="1" t="s">
        <v>27</v>
      </c>
      <c r="L4305" s="1" t="s">
        <v>14970</v>
      </c>
      <c r="M4305" s="1" t="s">
        <v>5</v>
      </c>
      <c r="N4305" s="1" t="s">
        <v>25</v>
      </c>
      <c r="O4305" s="1" t="s">
        <v>38</v>
      </c>
      <c r="P4305" s="5" t="s">
        <v>31689</v>
      </c>
    </row>
    <row r="4306" spans="1:16" x14ac:dyDescent="0.2">
      <c r="A4306" s="1" t="s">
        <v>10</v>
      </c>
      <c r="B4306" s="1" t="s">
        <v>376</v>
      </c>
      <c r="C4306" s="1" t="s">
        <v>14974</v>
      </c>
      <c r="D4306" s="1" t="s">
        <v>14645</v>
      </c>
      <c r="E4306" s="1"/>
      <c r="F4306" s="1" t="s">
        <v>10</v>
      </c>
      <c r="G4306" s="1" t="s">
        <v>10</v>
      </c>
      <c r="H4306" s="1" t="s">
        <v>10</v>
      </c>
      <c r="I4306" s="1" t="s">
        <v>14283</v>
      </c>
      <c r="J4306" s="1" t="s">
        <v>14311</v>
      </c>
      <c r="K4306" s="1" t="s">
        <v>2591</v>
      </c>
      <c r="L4306" s="1" t="s">
        <v>14973</v>
      </c>
      <c r="M4306" s="1" t="s">
        <v>5</v>
      </c>
      <c r="N4306" s="1" t="s">
        <v>6</v>
      </c>
      <c r="O4306" s="1" t="s">
        <v>38</v>
      </c>
      <c r="P4306" s="5" t="s">
        <v>31685</v>
      </c>
    </row>
    <row r="4307" spans="1:16" x14ac:dyDescent="0.2">
      <c r="A4307" s="1" t="s">
        <v>10</v>
      </c>
      <c r="B4307" s="1" t="s">
        <v>376</v>
      </c>
      <c r="C4307" s="1" t="s">
        <v>14977</v>
      </c>
      <c r="D4307" s="1" t="s">
        <v>14952</v>
      </c>
      <c r="E4307" s="1"/>
      <c r="F4307" s="1" t="s">
        <v>10</v>
      </c>
      <c r="G4307" s="1" t="s">
        <v>10</v>
      </c>
      <c r="H4307" s="1" t="s">
        <v>10</v>
      </c>
      <c r="I4307" s="1" t="s">
        <v>14283</v>
      </c>
      <c r="J4307" s="1" t="s">
        <v>14453</v>
      </c>
      <c r="K4307" s="1" t="s">
        <v>27</v>
      </c>
      <c r="L4307" s="1" t="s">
        <v>14976</v>
      </c>
      <c r="M4307" s="1" t="s">
        <v>5</v>
      </c>
      <c r="N4307" s="1" t="s">
        <v>25</v>
      </c>
      <c r="O4307" s="1" t="s">
        <v>38</v>
      </c>
      <c r="P4307" s="5" t="s">
        <v>31689</v>
      </c>
    </row>
    <row r="4308" spans="1:16" x14ac:dyDescent="0.2">
      <c r="A4308" s="1" t="s">
        <v>10</v>
      </c>
      <c r="B4308" s="1" t="s">
        <v>376</v>
      </c>
      <c r="C4308" s="1" t="s">
        <v>14980</v>
      </c>
      <c r="D4308" s="1" t="s">
        <v>14981</v>
      </c>
      <c r="E4308" s="1" t="s">
        <v>14982</v>
      </c>
      <c r="F4308" s="1" t="s">
        <v>10</v>
      </c>
      <c r="G4308" s="1" t="s">
        <v>10</v>
      </c>
      <c r="H4308" s="1" t="s">
        <v>10</v>
      </c>
      <c r="I4308" s="1" t="s">
        <v>14283</v>
      </c>
      <c r="J4308" s="1" t="s">
        <v>14325</v>
      </c>
      <c r="K4308" s="1" t="s">
        <v>7</v>
      </c>
      <c r="L4308" s="1" t="s">
        <v>14979</v>
      </c>
      <c r="M4308" s="1" t="s">
        <v>5</v>
      </c>
      <c r="N4308" s="1" t="s">
        <v>25</v>
      </c>
      <c r="O4308" s="1" t="s">
        <v>38</v>
      </c>
      <c r="P4308" s="5" t="s">
        <v>31701</v>
      </c>
    </row>
    <row r="4309" spans="1:16" x14ac:dyDescent="0.2">
      <c r="A4309" s="1" t="s">
        <v>10</v>
      </c>
      <c r="B4309" s="1" t="s">
        <v>376</v>
      </c>
      <c r="C4309" s="1" t="s">
        <v>14985</v>
      </c>
      <c r="D4309" s="1" t="s">
        <v>14986</v>
      </c>
      <c r="E4309" s="1" t="s">
        <v>14760</v>
      </c>
      <c r="F4309" s="1" t="s">
        <v>10</v>
      </c>
      <c r="G4309" s="1" t="s">
        <v>10</v>
      </c>
      <c r="H4309" s="1" t="s">
        <v>10</v>
      </c>
      <c r="I4309" s="1" t="s">
        <v>14283</v>
      </c>
      <c r="J4309" s="1" t="s">
        <v>14325</v>
      </c>
      <c r="K4309" s="1" t="s">
        <v>7</v>
      </c>
      <c r="L4309" s="1" t="s">
        <v>14984</v>
      </c>
      <c r="M4309" s="1" t="s">
        <v>5</v>
      </c>
      <c r="N4309" s="1" t="s">
        <v>25</v>
      </c>
      <c r="O4309" s="1" t="s">
        <v>38</v>
      </c>
      <c r="P4309" s="5" t="s">
        <v>31689</v>
      </c>
    </row>
    <row r="4310" spans="1:16" x14ac:dyDescent="0.2">
      <c r="A4310" s="1" t="s">
        <v>10</v>
      </c>
      <c r="B4310" s="1" t="s">
        <v>376</v>
      </c>
      <c r="C4310" s="1" t="s">
        <v>14988</v>
      </c>
      <c r="D4310" s="1" t="s">
        <v>10</v>
      </c>
      <c r="E4310" s="1" t="s">
        <v>14989</v>
      </c>
      <c r="F4310" s="1" t="s">
        <v>10</v>
      </c>
      <c r="G4310" s="1" t="s">
        <v>10</v>
      </c>
      <c r="H4310" s="1" t="s">
        <v>10</v>
      </c>
      <c r="I4310" s="1" t="s">
        <v>14283</v>
      </c>
      <c r="J4310" s="1" t="s">
        <v>14325</v>
      </c>
      <c r="K4310" s="1" t="s">
        <v>7</v>
      </c>
      <c r="L4310" s="1" t="s">
        <v>14987</v>
      </c>
      <c r="M4310" s="1" t="s">
        <v>5</v>
      </c>
      <c r="N4310" s="1" t="s">
        <v>6</v>
      </c>
      <c r="O4310" s="1" t="s">
        <v>38</v>
      </c>
      <c r="P4310" s="5" t="s">
        <v>31688</v>
      </c>
    </row>
    <row r="4311" spans="1:16" x14ac:dyDescent="0.2">
      <c r="A4311" s="1" t="s">
        <v>10</v>
      </c>
      <c r="B4311" s="1" t="s">
        <v>376</v>
      </c>
      <c r="C4311" s="1" t="s">
        <v>14991</v>
      </c>
      <c r="D4311" s="1" t="s">
        <v>8538</v>
      </c>
      <c r="E4311" s="1"/>
      <c r="F4311" s="1" t="s">
        <v>10</v>
      </c>
      <c r="G4311" s="1" t="s">
        <v>10</v>
      </c>
      <c r="H4311" s="1" t="s">
        <v>10</v>
      </c>
      <c r="I4311" s="1" t="s">
        <v>14283</v>
      </c>
      <c r="J4311" s="1" t="s">
        <v>14477</v>
      </c>
      <c r="K4311" s="1" t="s">
        <v>7</v>
      </c>
      <c r="L4311" s="1" t="s">
        <v>14990</v>
      </c>
      <c r="M4311" s="1" t="s">
        <v>5</v>
      </c>
      <c r="N4311" s="1" t="s">
        <v>25</v>
      </c>
      <c r="O4311" s="1" t="s">
        <v>38</v>
      </c>
      <c r="P4311" s="5" t="s">
        <v>31685</v>
      </c>
    </row>
    <row r="4312" spans="1:16" x14ac:dyDescent="0.2">
      <c r="A4312" s="1" t="s">
        <v>10</v>
      </c>
      <c r="B4312" s="1" t="s">
        <v>376</v>
      </c>
      <c r="C4312" s="1" t="s">
        <v>14993</v>
      </c>
      <c r="D4312" s="1" t="s">
        <v>14994</v>
      </c>
      <c r="E4312" s="1"/>
      <c r="F4312" s="1" t="s">
        <v>10</v>
      </c>
      <c r="G4312" s="1" t="s">
        <v>10</v>
      </c>
      <c r="H4312" s="1" t="s">
        <v>10</v>
      </c>
      <c r="I4312" s="1" t="s">
        <v>14283</v>
      </c>
      <c r="J4312" s="1" t="s">
        <v>14835</v>
      </c>
      <c r="K4312" s="1" t="s">
        <v>7</v>
      </c>
      <c r="L4312" s="1" t="s">
        <v>14992</v>
      </c>
      <c r="M4312" s="1" t="s">
        <v>5</v>
      </c>
      <c r="N4312" s="1" t="s">
        <v>25</v>
      </c>
      <c r="O4312" s="1" t="s">
        <v>38</v>
      </c>
      <c r="P4312" s="5" t="s">
        <v>31694</v>
      </c>
    </row>
    <row r="4313" spans="1:16" x14ac:dyDescent="0.2">
      <c r="A4313" s="1" t="s">
        <v>10</v>
      </c>
      <c r="B4313" s="1" t="s">
        <v>376</v>
      </c>
      <c r="C4313" s="1" t="s">
        <v>14996</v>
      </c>
      <c r="D4313" s="1" t="s">
        <v>10</v>
      </c>
      <c r="E4313" s="1"/>
      <c r="F4313" s="1" t="s">
        <v>10</v>
      </c>
      <c r="G4313" s="1" t="s">
        <v>10</v>
      </c>
      <c r="H4313" s="1" t="s">
        <v>10</v>
      </c>
      <c r="I4313" s="1" t="s">
        <v>14283</v>
      </c>
      <c r="J4313" s="1" t="s">
        <v>14544</v>
      </c>
      <c r="K4313" s="1" t="s">
        <v>7</v>
      </c>
      <c r="L4313" s="1" t="s">
        <v>14995</v>
      </c>
      <c r="M4313" s="1" t="s">
        <v>5</v>
      </c>
      <c r="N4313" s="1" t="s">
        <v>25</v>
      </c>
      <c r="O4313" s="1" t="s">
        <v>38</v>
      </c>
      <c r="P4313" s="5" t="s">
        <v>30397</v>
      </c>
    </row>
    <row r="4314" spans="1:16" x14ac:dyDescent="0.2">
      <c r="A4314" s="1" t="s">
        <v>10</v>
      </c>
      <c r="B4314" s="1" t="s">
        <v>376</v>
      </c>
      <c r="C4314" s="1" t="s">
        <v>14999</v>
      </c>
      <c r="D4314" s="1" t="s">
        <v>10</v>
      </c>
      <c r="E4314" s="1" t="s">
        <v>15000</v>
      </c>
      <c r="F4314" s="1" t="s">
        <v>10</v>
      </c>
      <c r="G4314" s="1" t="s">
        <v>10</v>
      </c>
      <c r="H4314" s="1" t="s">
        <v>10</v>
      </c>
      <c r="I4314" s="1" t="s">
        <v>14283</v>
      </c>
      <c r="J4314" s="1" t="s">
        <v>14325</v>
      </c>
      <c r="K4314" s="1" t="s">
        <v>27</v>
      </c>
      <c r="L4314" s="1" t="s">
        <v>14998</v>
      </c>
      <c r="M4314" s="1" t="s">
        <v>5</v>
      </c>
      <c r="N4314" s="1" t="s">
        <v>25</v>
      </c>
      <c r="O4314" s="1" t="s">
        <v>38</v>
      </c>
      <c r="P4314" s="5" t="s">
        <v>31688</v>
      </c>
    </row>
    <row r="4315" spans="1:16" x14ac:dyDescent="0.2">
      <c r="A4315" s="1" t="s">
        <v>10</v>
      </c>
      <c r="B4315" s="1" t="s">
        <v>376</v>
      </c>
      <c r="C4315" s="1" t="s">
        <v>15002</v>
      </c>
      <c r="D4315" s="1" t="s">
        <v>15003</v>
      </c>
      <c r="E4315" s="1"/>
      <c r="F4315" s="1" t="s">
        <v>10</v>
      </c>
      <c r="G4315" s="1" t="s">
        <v>10</v>
      </c>
      <c r="H4315" s="1" t="s">
        <v>10</v>
      </c>
      <c r="I4315" s="1" t="s">
        <v>14283</v>
      </c>
      <c r="J4315" s="1" t="s">
        <v>14325</v>
      </c>
      <c r="K4315" s="1" t="s">
        <v>64</v>
      </c>
      <c r="L4315" s="1" t="s">
        <v>15001</v>
      </c>
      <c r="M4315" s="1" t="s">
        <v>5</v>
      </c>
      <c r="N4315" s="1" t="s">
        <v>1009</v>
      </c>
      <c r="O4315" s="1" t="s">
        <v>38</v>
      </c>
      <c r="P4315" s="5" t="s">
        <v>31693</v>
      </c>
    </row>
    <row r="4316" spans="1:16" x14ac:dyDescent="0.2">
      <c r="A4316" s="1" t="s">
        <v>10</v>
      </c>
      <c r="B4316" s="1" t="s">
        <v>376</v>
      </c>
      <c r="C4316" s="1" t="s">
        <v>15005</v>
      </c>
      <c r="D4316" s="1" t="s">
        <v>10</v>
      </c>
      <c r="E4316" s="1" t="s">
        <v>15006</v>
      </c>
      <c r="F4316" s="1" t="s">
        <v>10</v>
      </c>
      <c r="G4316" s="1" t="s">
        <v>10</v>
      </c>
      <c r="H4316" s="1" t="s">
        <v>10</v>
      </c>
      <c r="I4316" s="1" t="s">
        <v>14283</v>
      </c>
      <c r="J4316" s="1" t="s">
        <v>14481</v>
      </c>
      <c r="K4316" s="1" t="s">
        <v>37</v>
      </c>
      <c r="L4316" s="1" t="s">
        <v>15004</v>
      </c>
      <c r="M4316" s="1" t="s">
        <v>5</v>
      </c>
      <c r="N4316" s="1" t="s">
        <v>25</v>
      </c>
      <c r="O4316" s="1" t="s">
        <v>38</v>
      </c>
      <c r="P4316" s="5" t="s">
        <v>30397</v>
      </c>
    </row>
    <row r="4317" spans="1:16" x14ac:dyDescent="0.2">
      <c r="A4317" s="1" t="s">
        <v>10</v>
      </c>
      <c r="B4317" s="1" t="s">
        <v>376</v>
      </c>
      <c r="C4317" s="1" t="s">
        <v>15008</v>
      </c>
      <c r="D4317" s="1" t="s">
        <v>1691</v>
      </c>
      <c r="E4317" s="1"/>
      <c r="F4317" s="1" t="s">
        <v>10</v>
      </c>
      <c r="G4317" s="1" t="s">
        <v>10</v>
      </c>
      <c r="H4317" s="1" t="s">
        <v>10</v>
      </c>
      <c r="I4317" s="1" t="s">
        <v>14283</v>
      </c>
      <c r="J4317" s="1" t="s">
        <v>14325</v>
      </c>
      <c r="K4317" s="1" t="s">
        <v>443</v>
      </c>
      <c r="L4317" s="1" t="s">
        <v>15007</v>
      </c>
      <c r="M4317" s="1" t="s">
        <v>5</v>
      </c>
      <c r="N4317" s="1" t="s">
        <v>25</v>
      </c>
      <c r="O4317" s="1" t="s">
        <v>38</v>
      </c>
      <c r="P4317" s="5" t="s">
        <v>10</v>
      </c>
    </row>
    <row r="4318" spans="1:16" x14ac:dyDescent="0.2">
      <c r="A4318" s="1" t="s">
        <v>10</v>
      </c>
      <c r="B4318" s="1" t="s">
        <v>376</v>
      </c>
      <c r="C4318" s="1" t="s">
        <v>15010</v>
      </c>
      <c r="D4318" s="1" t="s">
        <v>7853</v>
      </c>
      <c r="E4318" s="1"/>
      <c r="F4318" s="1" t="s">
        <v>10</v>
      </c>
      <c r="G4318" s="1" t="s">
        <v>10</v>
      </c>
      <c r="H4318" s="1" t="s">
        <v>10</v>
      </c>
      <c r="I4318" s="1" t="s">
        <v>14283</v>
      </c>
      <c r="J4318" s="1" t="s">
        <v>14628</v>
      </c>
      <c r="K4318" s="1" t="s">
        <v>27</v>
      </c>
      <c r="L4318" s="1" t="s">
        <v>15009</v>
      </c>
      <c r="M4318" s="1" t="s">
        <v>5</v>
      </c>
      <c r="N4318" s="1" t="s">
        <v>25</v>
      </c>
      <c r="O4318" s="1" t="s">
        <v>38</v>
      </c>
      <c r="P4318" s="5" t="s">
        <v>31689</v>
      </c>
    </row>
    <row r="4319" spans="1:16" x14ac:dyDescent="0.2">
      <c r="A4319" s="1" t="s">
        <v>10</v>
      </c>
      <c r="B4319" s="1" t="s">
        <v>376</v>
      </c>
      <c r="C4319" s="1" t="s">
        <v>15012</v>
      </c>
      <c r="D4319" s="1" t="s">
        <v>15013</v>
      </c>
      <c r="E4319" s="1" t="s">
        <v>15014</v>
      </c>
      <c r="F4319" s="1" t="s">
        <v>10</v>
      </c>
      <c r="G4319" s="1" t="s">
        <v>10</v>
      </c>
      <c r="H4319" s="1" t="s">
        <v>10</v>
      </c>
      <c r="I4319" s="1" t="s">
        <v>14283</v>
      </c>
      <c r="J4319" s="1" t="s">
        <v>14512</v>
      </c>
      <c r="K4319" s="1" t="s">
        <v>7</v>
      </c>
      <c r="L4319" s="1" t="s">
        <v>15011</v>
      </c>
      <c r="M4319" s="1" t="s">
        <v>5</v>
      </c>
      <c r="N4319" s="1" t="s">
        <v>25</v>
      </c>
      <c r="O4319" s="1" t="s">
        <v>38</v>
      </c>
      <c r="P4319" s="5" t="s">
        <v>30397</v>
      </c>
    </row>
    <row r="4320" spans="1:16" x14ac:dyDescent="0.2">
      <c r="A4320" s="1" t="s">
        <v>10</v>
      </c>
      <c r="B4320" s="1" t="s">
        <v>376</v>
      </c>
      <c r="C4320" s="1" t="s">
        <v>15016</v>
      </c>
      <c r="D4320" s="1" t="s">
        <v>15017</v>
      </c>
      <c r="E4320" s="1"/>
      <c r="F4320" s="1" t="s">
        <v>10</v>
      </c>
      <c r="G4320" s="1" t="s">
        <v>10</v>
      </c>
      <c r="H4320" s="1" t="s">
        <v>10</v>
      </c>
      <c r="I4320" s="1" t="s">
        <v>14283</v>
      </c>
      <c r="J4320" s="1" t="s">
        <v>14481</v>
      </c>
      <c r="K4320" s="1" t="s">
        <v>27</v>
      </c>
      <c r="L4320" s="1" t="s">
        <v>15015</v>
      </c>
      <c r="M4320" s="1" t="s">
        <v>5</v>
      </c>
      <c r="N4320" s="1" t="s">
        <v>25</v>
      </c>
      <c r="O4320" s="1" t="s">
        <v>38</v>
      </c>
      <c r="P4320" s="5" t="s">
        <v>30397</v>
      </c>
    </row>
    <row r="4321" spans="1:16" x14ac:dyDescent="0.2">
      <c r="A4321" s="1" t="s">
        <v>10</v>
      </c>
      <c r="B4321" s="1" t="s">
        <v>376</v>
      </c>
      <c r="C4321" s="1" t="s">
        <v>15019</v>
      </c>
      <c r="D4321" s="1" t="s">
        <v>10</v>
      </c>
      <c r="E4321" s="1"/>
      <c r="F4321" s="1" t="s">
        <v>10</v>
      </c>
      <c r="G4321" s="1" t="s">
        <v>10</v>
      </c>
      <c r="H4321" s="1" t="s">
        <v>10</v>
      </c>
      <c r="I4321" s="1" t="s">
        <v>14283</v>
      </c>
      <c r="J4321" s="1" t="s">
        <v>14295</v>
      </c>
      <c r="K4321" s="1" t="s">
        <v>27</v>
      </c>
      <c r="L4321" s="1" t="s">
        <v>15018</v>
      </c>
      <c r="M4321" s="1" t="s">
        <v>5</v>
      </c>
      <c r="N4321" s="1" t="s">
        <v>25</v>
      </c>
      <c r="O4321" s="1" t="s">
        <v>38</v>
      </c>
      <c r="P4321" s="5" t="s">
        <v>31685</v>
      </c>
    </row>
    <row r="4322" spans="1:16" x14ac:dyDescent="0.2">
      <c r="A4322" s="1" t="s">
        <v>10</v>
      </c>
      <c r="B4322" s="1" t="s">
        <v>376</v>
      </c>
      <c r="C4322" s="1" t="s">
        <v>15021</v>
      </c>
      <c r="D4322" s="1" t="s">
        <v>15022</v>
      </c>
      <c r="E4322" s="1"/>
      <c r="F4322" s="1" t="s">
        <v>10</v>
      </c>
      <c r="G4322" s="1" t="s">
        <v>10</v>
      </c>
      <c r="H4322" s="1" t="s">
        <v>10</v>
      </c>
      <c r="I4322" s="1" t="s">
        <v>14283</v>
      </c>
      <c r="J4322" s="1" t="s">
        <v>14325</v>
      </c>
      <c r="K4322" s="1" t="s">
        <v>8969</v>
      </c>
      <c r="L4322" s="1" t="s">
        <v>15020</v>
      </c>
      <c r="M4322" s="1" t="s">
        <v>5</v>
      </c>
      <c r="N4322" s="1" t="s">
        <v>25</v>
      </c>
      <c r="O4322" s="1" t="s">
        <v>38</v>
      </c>
      <c r="P4322" s="5" t="s">
        <v>31688</v>
      </c>
    </row>
    <row r="4323" spans="1:16" x14ac:dyDescent="0.2">
      <c r="A4323" s="1" t="s">
        <v>10</v>
      </c>
      <c r="B4323" s="1" t="s">
        <v>376</v>
      </c>
      <c r="C4323" s="1" t="s">
        <v>15025</v>
      </c>
      <c r="D4323" s="1" t="s">
        <v>15026</v>
      </c>
      <c r="E4323" s="1" t="s">
        <v>15027</v>
      </c>
      <c r="F4323" s="1" t="s">
        <v>10</v>
      </c>
      <c r="G4323" s="1" t="s">
        <v>10</v>
      </c>
      <c r="H4323" s="1" t="s">
        <v>10</v>
      </c>
      <c r="I4323" s="1" t="s">
        <v>14283</v>
      </c>
      <c r="J4323" s="1" t="s">
        <v>14668</v>
      </c>
      <c r="K4323" s="1" t="s">
        <v>27</v>
      </c>
      <c r="L4323" s="1" t="s">
        <v>15024</v>
      </c>
      <c r="M4323" s="1" t="s">
        <v>5</v>
      </c>
      <c r="N4323" s="1" t="s">
        <v>25</v>
      </c>
      <c r="O4323" s="1" t="s">
        <v>38</v>
      </c>
      <c r="P4323" s="5" t="s">
        <v>31694</v>
      </c>
    </row>
    <row r="4324" spans="1:16" x14ac:dyDescent="0.2">
      <c r="A4324" s="1" t="s">
        <v>10</v>
      </c>
      <c r="B4324" s="1" t="s">
        <v>376</v>
      </c>
      <c r="C4324" s="1" t="s">
        <v>15029</v>
      </c>
      <c r="D4324" s="1" t="s">
        <v>15030</v>
      </c>
      <c r="E4324" s="1"/>
      <c r="F4324" s="1" t="s">
        <v>10</v>
      </c>
      <c r="G4324" s="1" t="s">
        <v>10</v>
      </c>
      <c r="H4324" s="1" t="s">
        <v>10</v>
      </c>
      <c r="I4324" s="1" t="s">
        <v>14283</v>
      </c>
      <c r="J4324" s="1" t="s">
        <v>14367</v>
      </c>
      <c r="K4324" s="1" t="s">
        <v>7</v>
      </c>
      <c r="L4324" s="1" t="s">
        <v>15028</v>
      </c>
      <c r="M4324" s="1" t="s">
        <v>5</v>
      </c>
      <c r="N4324" s="1" t="s">
        <v>25</v>
      </c>
      <c r="O4324" s="1" t="s">
        <v>38</v>
      </c>
      <c r="P4324" s="5" t="s">
        <v>31688</v>
      </c>
    </row>
    <row r="4325" spans="1:16" x14ac:dyDescent="0.2">
      <c r="A4325" s="1" t="s">
        <v>10</v>
      </c>
      <c r="B4325" s="1" t="s">
        <v>376</v>
      </c>
      <c r="C4325" s="1" t="s">
        <v>15032</v>
      </c>
      <c r="D4325" s="1" t="s">
        <v>10</v>
      </c>
      <c r="E4325" s="1" t="s">
        <v>15033</v>
      </c>
      <c r="F4325" s="1" t="s">
        <v>10</v>
      </c>
      <c r="G4325" s="1" t="s">
        <v>10</v>
      </c>
      <c r="H4325" s="1" t="s">
        <v>10</v>
      </c>
      <c r="I4325" s="1" t="s">
        <v>14283</v>
      </c>
      <c r="J4325" s="1" t="s">
        <v>14548</v>
      </c>
      <c r="K4325" s="1" t="s">
        <v>7</v>
      </c>
      <c r="L4325" s="1" t="s">
        <v>15031</v>
      </c>
      <c r="M4325" s="1" t="s">
        <v>5</v>
      </c>
      <c r="N4325" s="1" t="s">
        <v>25</v>
      </c>
      <c r="O4325" s="1" t="s">
        <v>38</v>
      </c>
      <c r="P4325" s="5" t="s">
        <v>40</v>
      </c>
    </row>
    <row r="4326" spans="1:16" x14ac:dyDescent="0.2">
      <c r="A4326" s="1" t="s">
        <v>10</v>
      </c>
      <c r="B4326" s="1" t="s">
        <v>376</v>
      </c>
      <c r="C4326" s="1" t="s">
        <v>15035</v>
      </c>
      <c r="D4326" s="1" t="s">
        <v>7991</v>
      </c>
      <c r="E4326" s="1"/>
      <c r="F4326" s="1" t="s">
        <v>10</v>
      </c>
      <c r="G4326" s="1" t="s">
        <v>10</v>
      </c>
      <c r="H4326" s="1" t="s">
        <v>10</v>
      </c>
      <c r="I4326" s="1" t="s">
        <v>14283</v>
      </c>
      <c r="J4326" s="1" t="s">
        <v>14367</v>
      </c>
      <c r="K4326" s="1" t="s">
        <v>27</v>
      </c>
      <c r="L4326" s="1" t="s">
        <v>15034</v>
      </c>
      <c r="M4326" s="1" t="s">
        <v>5</v>
      </c>
      <c r="N4326" s="1" t="s">
        <v>25</v>
      </c>
      <c r="O4326" s="1" t="s">
        <v>38</v>
      </c>
      <c r="P4326" s="5" t="s">
        <v>31702</v>
      </c>
    </row>
    <row r="4327" spans="1:16" x14ac:dyDescent="0.2">
      <c r="A4327" s="1" t="s">
        <v>10</v>
      </c>
      <c r="B4327" s="1" t="s">
        <v>376</v>
      </c>
      <c r="C4327" s="1" t="s">
        <v>15038</v>
      </c>
      <c r="D4327" s="1" t="s">
        <v>15039</v>
      </c>
      <c r="E4327" s="1" t="s">
        <v>14691</v>
      </c>
      <c r="F4327" s="1" t="s">
        <v>10</v>
      </c>
      <c r="G4327" s="1" t="s">
        <v>10</v>
      </c>
      <c r="H4327" s="1" t="s">
        <v>10</v>
      </c>
      <c r="I4327" s="1" t="s">
        <v>14283</v>
      </c>
      <c r="J4327" s="1" t="s">
        <v>14481</v>
      </c>
      <c r="K4327" s="1" t="s">
        <v>37</v>
      </c>
      <c r="L4327" s="1" t="s">
        <v>15037</v>
      </c>
      <c r="M4327" s="1" t="s">
        <v>5</v>
      </c>
      <c r="N4327" s="1" t="s">
        <v>25</v>
      </c>
      <c r="O4327" s="1" t="s">
        <v>38</v>
      </c>
      <c r="P4327" s="5" t="s">
        <v>705</v>
      </c>
    </row>
    <row r="4328" spans="1:16" x14ac:dyDescent="0.2">
      <c r="A4328" s="1" t="s">
        <v>10</v>
      </c>
      <c r="B4328" s="1" t="s">
        <v>376</v>
      </c>
      <c r="C4328" s="1" t="s">
        <v>15041</v>
      </c>
      <c r="D4328" s="1" t="s">
        <v>10</v>
      </c>
      <c r="E4328" s="1"/>
      <c r="F4328" s="1" t="s">
        <v>10</v>
      </c>
      <c r="G4328" s="1" t="s">
        <v>10</v>
      </c>
      <c r="H4328" s="1" t="s">
        <v>10</v>
      </c>
      <c r="I4328" s="1" t="s">
        <v>14283</v>
      </c>
      <c r="J4328" s="1" t="s">
        <v>14295</v>
      </c>
      <c r="K4328" s="1" t="s">
        <v>130</v>
      </c>
      <c r="L4328" s="1" t="s">
        <v>15040</v>
      </c>
      <c r="M4328" s="1" t="s">
        <v>5</v>
      </c>
      <c r="N4328" s="1" t="s">
        <v>25</v>
      </c>
      <c r="O4328" s="1" t="s">
        <v>38</v>
      </c>
      <c r="P4328" s="5" t="s">
        <v>31690</v>
      </c>
    </row>
    <row r="4329" spans="1:16" x14ac:dyDescent="0.2">
      <c r="A4329" s="1" t="s">
        <v>10</v>
      </c>
      <c r="B4329" s="1" t="s">
        <v>376</v>
      </c>
      <c r="C4329" s="1" t="s">
        <v>15043</v>
      </c>
      <c r="D4329" s="1" t="s">
        <v>10</v>
      </c>
      <c r="E4329" s="1"/>
      <c r="F4329" s="1" t="s">
        <v>10</v>
      </c>
      <c r="G4329" s="1" t="s">
        <v>10</v>
      </c>
      <c r="H4329" s="1" t="s">
        <v>10</v>
      </c>
      <c r="I4329" s="1" t="s">
        <v>14283</v>
      </c>
      <c r="J4329" s="1" t="s">
        <v>14531</v>
      </c>
      <c r="K4329" s="1" t="s">
        <v>7</v>
      </c>
      <c r="L4329" s="1" t="s">
        <v>15042</v>
      </c>
      <c r="M4329" s="1" t="s">
        <v>5</v>
      </c>
      <c r="N4329" s="1" t="s">
        <v>25</v>
      </c>
      <c r="O4329" s="1" t="s">
        <v>38</v>
      </c>
      <c r="P4329" s="5" t="s">
        <v>31701</v>
      </c>
    </row>
    <row r="4330" spans="1:16" x14ac:dyDescent="0.2">
      <c r="A4330" s="1" t="s">
        <v>10</v>
      </c>
      <c r="B4330" s="1" t="s">
        <v>376</v>
      </c>
      <c r="C4330" s="1" t="s">
        <v>15045</v>
      </c>
      <c r="D4330" s="1" t="s">
        <v>15046</v>
      </c>
      <c r="E4330" s="1" t="s">
        <v>15047</v>
      </c>
      <c r="F4330" s="1" t="s">
        <v>10</v>
      </c>
      <c r="G4330" s="1" t="s">
        <v>10</v>
      </c>
      <c r="H4330" s="1" t="s">
        <v>10</v>
      </c>
      <c r="I4330" s="1" t="s">
        <v>14283</v>
      </c>
      <c r="J4330" s="1" t="s">
        <v>14295</v>
      </c>
      <c r="K4330" s="1" t="s">
        <v>27</v>
      </c>
      <c r="L4330" s="1" t="s">
        <v>15044</v>
      </c>
      <c r="M4330" s="1" t="s">
        <v>5</v>
      </c>
      <c r="N4330" s="1" t="s">
        <v>6</v>
      </c>
      <c r="O4330" s="1" t="s">
        <v>38</v>
      </c>
      <c r="P4330" s="5" t="s">
        <v>31685</v>
      </c>
    </row>
    <row r="4331" spans="1:16" x14ac:dyDescent="0.2">
      <c r="A4331" s="1" t="s">
        <v>10</v>
      </c>
      <c r="B4331" s="1" t="s">
        <v>376</v>
      </c>
      <c r="C4331" s="1" t="s">
        <v>15049</v>
      </c>
      <c r="D4331" s="1" t="s">
        <v>10</v>
      </c>
      <c r="E4331" s="1" t="s">
        <v>15050</v>
      </c>
      <c r="F4331" s="1" t="s">
        <v>10</v>
      </c>
      <c r="G4331" s="1" t="s">
        <v>10</v>
      </c>
      <c r="H4331" s="1" t="s">
        <v>10</v>
      </c>
      <c r="I4331" s="1" t="s">
        <v>14283</v>
      </c>
      <c r="J4331" s="1" t="s">
        <v>14295</v>
      </c>
      <c r="K4331" s="1" t="s">
        <v>7</v>
      </c>
      <c r="L4331" s="1" t="s">
        <v>15048</v>
      </c>
      <c r="M4331" s="1" t="s">
        <v>5</v>
      </c>
      <c r="N4331" s="1" t="s">
        <v>1597</v>
      </c>
      <c r="O4331" s="1" t="s">
        <v>38</v>
      </c>
      <c r="P4331" s="5" t="s">
        <v>30397</v>
      </c>
    </row>
    <row r="4332" spans="1:16" x14ac:dyDescent="0.2">
      <c r="A4332" s="1" t="s">
        <v>10</v>
      </c>
      <c r="B4332" s="1" t="s">
        <v>376</v>
      </c>
      <c r="C4332" s="1" t="s">
        <v>15052</v>
      </c>
      <c r="D4332" s="1" t="s">
        <v>10</v>
      </c>
      <c r="E4332" s="1" t="s">
        <v>15053</v>
      </c>
      <c r="F4332" s="1" t="s">
        <v>10</v>
      </c>
      <c r="G4332" s="1" t="s">
        <v>10</v>
      </c>
      <c r="H4332" s="1" t="s">
        <v>10</v>
      </c>
      <c r="I4332" s="1" t="s">
        <v>14283</v>
      </c>
      <c r="J4332" s="1" t="s">
        <v>14295</v>
      </c>
      <c r="K4332" s="1" t="s">
        <v>7</v>
      </c>
      <c r="L4332" s="1" t="s">
        <v>15051</v>
      </c>
      <c r="M4332" s="1" t="s">
        <v>5</v>
      </c>
      <c r="N4332" s="1" t="s">
        <v>1597</v>
      </c>
      <c r="O4332" s="1" t="s">
        <v>38</v>
      </c>
      <c r="P4332" s="5" t="s">
        <v>30397</v>
      </c>
    </row>
    <row r="4333" spans="1:16" x14ac:dyDescent="0.2">
      <c r="A4333" s="1" t="s">
        <v>10</v>
      </c>
      <c r="B4333" s="1" t="s">
        <v>376</v>
      </c>
      <c r="C4333" s="1" t="s">
        <v>15055</v>
      </c>
      <c r="D4333" s="1" t="s">
        <v>15056</v>
      </c>
      <c r="E4333" s="1" t="s">
        <v>15057</v>
      </c>
      <c r="F4333" s="1" t="s">
        <v>10</v>
      </c>
      <c r="G4333" s="1" t="s">
        <v>10</v>
      </c>
      <c r="H4333" s="1" t="s">
        <v>10</v>
      </c>
      <c r="I4333" s="1" t="s">
        <v>14283</v>
      </c>
      <c r="J4333" s="1" t="s">
        <v>14287</v>
      </c>
      <c r="K4333" s="1" t="s">
        <v>1468</v>
      </c>
      <c r="L4333" s="1" t="s">
        <v>15054</v>
      </c>
      <c r="M4333" s="1" t="s">
        <v>5</v>
      </c>
      <c r="N4333" s="1" t="s">
        <v>25</v>
      </c>
      <c r="O4333" s="1" t="s">
        <v>38</v>
      </c>
      <c r="P4333" s="5" t="s">
        <v>31703</v>
      </c>
    </row>
    <row r="4334" spans="1:16" x14ac:dyDescent="0.2">
      <c r="A4334" s="1" t="s">
        <v>10</v>
      </c>
      <c r="B4334" s="1" t="s">
        <v>376</v>
      </c>
      <c r="C4334" s="1" t="s">
        <v>15059</v>
      </c>
      <c r="D4334" s="1" t="s">
        <v>15060</v>
      </c>
      <c r="E4334" s="1" t="s">
        <v>15061</v>
      </c>
      <c r="F4334" s="1" t="s">
        <v>10</v>
      </c>
      <c r="G4334" s="1" t="s">
        <v>10</v>
      </c>
      <c r="H4334" s="1" t="s">
        <v>10</v>
      </c>
      <c r="I4334" s="1" t="s">
        <v>14283</v>
      </c>
      <c r="J4334" s="1" t="s">
        <v>14287</v>
      </c>
      <c r="K4334" s="1" t="s">
        <v>100</v>
      </c>
      <c r="L4334" s="1" t="s">
        <v>15058</v>
      </c>
      <c r="M4334" s="1" t="s">
        <v>5</v>
      </c>
      <c r="N4334" s="1" t="s">
        <v>25</v>
      </c>
      <c r="O4334" s="1" t="s">
        <v>38</v>
      </c>
      <c r="P4334" s="5" t="s">
        <v>31702</v>
      </c>
    </row>
    <row r="4335" spans="1:16" x14ac:dyDescent="0.2">
      <c r="A4335" s="1" t="s">
        <v>10</v>
      </c>
      <c r="B4335" s="1" t="s">
        <v>376</v>
      </c>
      <c r="C4335" s="1" t="s">
        <v>15063</v>
      </c>
      <c r="D4335" s="1" t="s">
        <v>15064</v>
      </c>
      <c r="E4335" s="1" t="s">
        <v>15065</v>
      </c>
      <c r="F4335" s="1" t="s">
        <v>10</v>
      </c>
      <c r="G4335" s="1" t="s">
        <v>10</v>
      </c>
      <c r="H4335" s="1" t="s">
        <v>10</v>
      </c>
      <c r="I4335" s="1" t="s">
        <v>14283</v>
      </c>
      <c r="J4335" s="1" t="s">
        <v>14481</v>
      </c>
      <c r="K4335" s="1" t="s">
        <v>37</v>
      </c>
      <c r="L4335" s="1" t="s">
        <v>15062</v>
      </c>
      <c r="M4335" s="1" t="s">
        <v>5</v>
      </c>
      <c r="N4335" s="1" t="s">
        <v>25</v>
      </c>
      <c r="O4335" s="1" t="s">
        <v>38</v>
      </c>
      <c r="P4335" s="5" t="s">
        <v>31701</v>
      </c>
    </row>
    <row r="4336" spans="1:16" x14ac:dyDescent="0.2">
      <c r="A4336" s="1" t="s">
        <v>10</v>
      </c>
      <c r="B4336" s="1" t="s">
        <v>376</v>
      </c>
      <c r="C4336" s="1" t="s">
        <v>15067</v>
      </c>
      <c r="D4336" s="1" t="s">
        <v>15068</v>
      </c>
      <c r="E4336" s="1"/>
      <c r="F4336" s="1" t="s">
        <v>10</v>
      </c>
      <c r="G4336" s="1" t="s">
        <v>10</v>
      </c>
      <c r="H4336" s="1" t="s">
        <v>10</v>
      </c>
      <c r="I4336" s="1" t="s">
        <v>14283</v>
      </c>
      <c r="J4336" s="1" t="s">
        <v>14331</v>
      </c>
      <c r="K4336" s="1" t="s">
        <v>586</v>
      </c>
      <c r="L4336" s="1" t="s">
        <v>15066</v>
      </c>
      <c r="M4336" s="1" t="s">
        <v>5</v>
      </c>
      <c r="N4336" s="1" t="s">
        <v>25</v>
      </c>
      <c r="O4336" s="1" t="s">
        <v>38</v>
      </c>
      <c r="P4336" s="5" t="s">
        <v>14</v>
      </c>
    </row>
    <row r="4337" spans="1:16" x14ac:dyDescent="0.2">
      <c r="A4337" s="1" t="s">
        <v>10</v>
      </c>
      <c r="B4337" s="1" t="s">
        <v>376</v>
      </c>
      <c r="C4337" s="1" t="s">
        <v>15070</v>
      </c>
      <c r="D4337" s="1" t="s">
        <v>15071</v>
      </c>
      <c r="E4337" s="1"/>
      <c r="F4337" s="1" t="s">
        <v>10</v>
      </c>
      <c r="G4337" s="1" t="s">
        <v>10</v>
      </c>
      <c r="H4337" s="1" t="s">
        <v>10</v>
      </c>
      <c r="I4337" s="1" t="s">
        <v>14283</v>
      </c>
      <c r="J4337" s="1" t="s">
        <v>14331</v>
      </c>
      <c r="K4337" s="1" t="s">
        <v>586</v>
      </c>
      <c r="L4337" s="1" t="s">
        <v>15069</v>
      </c>
      <c r="M4337" s="1" t="s">
        <v>5</v>
      </c>
      <c r="N4337" s="1" t="s">
        <v>25</v>
      </c>
      <c r="O4337" s="1" t="s">
        <v>38</v>
      </c>
      <c r="P4337" s="5" t="s">
        <v>31685</v>
      </c>
    </row>
    <row r="4338" spans="1:16" x14ac:dyDescent="0.2">
      <c r="A4338" s="1" t="s">
        <v>10</v>
      </c>
      <c r="B4338" s="1" t="s">
        <v>376</v>
      </c>
      <c r="C4338" s="1" t="s">
        <v>15073</v>
      </c>
      <c r="D4338" s="1" t="s">
        <v>10432</v>
      </c>
      <c r="E4338" s="1" t="s">
        <v>15074</v>
      </c>
      <c r="F4338" s="1" t="s">
        <v>10</v>
      </c>
      <c r="G4338" s="1" t="s">
        <v>10</v>
      </c>
      <c r="H4338" s="1" t="s">
        <v>10</v>
      </c>
      <c r="I4338" s="1" t="s">
        <v>14283</v>
      </c>
      <c r="J4338" s="1" t="s">
        <v>14477</v>
      </c>
      <c r="K4338" s="1" t="s">
        <v>64</v>
      </c>
      <c r="L4338" s="1" t="s">
        <v>15072</v>
      </c>
      <c r="M4338" s="1" t="s">
        <v>5</v>
      </c>
      <c r="N4338" s="1" t="s">
        <v>25</v>
      </c>
      <c r="O4338" s="1" t="s">
        <v>38</v>
      </c>
      <c r="P4338" s="5" t="s">
        <v>31704</v>
      </c>
    </row>
    <row r="4339" spans="1:16" x14ac:dyDescent="0.2">
      <c r="A4339" s="1" t="s">
        <v>10</v>
      </c>
      <c r="B4339" s="1" t="s">
        <v>376</v>
      </c>
      <c r="C4339" s="1" t="s">
        <v>15076</v>
      </c>
      <c r="D4339" s="1" t="s">
        <v>15077</v>
      </c>
      <c r="E4339" s="1" t="s">
        <v>15078</v>
      </c>
      <c r="F4339" s="1" t="s">
        <v>10</v>
      </c>
      <c r="G4339" s="1" t="s">
        <v>10</v>
      </c>
      <c r="H4339" s="1" t="s">
        <v>10</v>
      </c>
      <c r="I4339" s="1" t="s">
        <v>14283</v>
      </c>
      <c r="J4339" s="1" t="s">
        <v>14325</v>
      </c>
      <c r="K4339" s="1" t="s">
        <v>443</v>
      </c>
      <c r="L4339" s="1" t="s">
        <v>15075</v>
      </c>
      <c r="M4339" s="1" t="s">
        <v>5</v>
      </c>
      <c r="N4339" s="1" t="s">
        <v>25</v>
      </c>
      <c r="O4339" s="1" t="s">
        <v>38</v>
      </c>
      <c r="P4339" s="5" t="s">
        <v>14</v>
      </c>
    </row>
    <row r="4340" spans="1:16" x14ac:dyDescent="0.2">
      <c r="A4340" s="1" t="s">
        <v>10</v>
      </c>
      <c r="B4340" s="1" t="s">
        <v>376</v>
      </c>
      <c r="C4340" s="1" t="s">
        <v>15080</v>
      </c>
      <c r="D4340" s="1" t="s">
        <v>10</v>
      </c>
      <c r="E4340" s="1" t="s">
        <v>15081</v>
      </c>
      <c r="F4340" s="1" t="s">
        <v>10</v>
      </c>
      <c r="G4340" s="1" t="s">
        <v>10</v>
      </c>
      <c r="H4340" s="1" t="s">
        <v>10</v>
      </c>
      <c r="I4340" s="1" t="s">
        <v>14283</v>
      </c>
      <c r="J4340" s="1" t="s">
        <v>14295</v>
      </c>
      <c r="K4340" s="1" t="s">
        <v>27</v>
      </c>
      <c r="L4340" s="1" t="s">
        <v>15079</v>
      </c>
      <c r="M4340" s="1" t="s">
        <v>5</v>
      </c>
      <c r="N4340" s="1" t="s">
        <v>6</v>
      </c>
      <c r="O4340" s="1" t="s">
        <v>38</v>
      </c>
      <c r="P4340" s="5" t="s">
        <v>10</v>
      </c>
    </row>
    <row r="4341" spans="1:16" x14ac:dyDescent="0.2">
      <c r="A4341" s="1" t="s">
        <v>10</v>
      </c>
      <c r="B4341" s="1" t="s">
        <v>376</v>
      </c>
      <c r="C4341" s="1" t="s">
        <v>15083</v>
      </c>
      <c r="D4341" s="1" t="s">
        <v>6593</v>
      </c>
      <c r="E4341" s="1" t="s">
        <v>15084</v>
      </c>
      <c r="F4341" s="1" t="s">
        <v>10</v>
      </c>
      <c r="G4341" s="1" t="s">
        <v>10</v>
      </c>
      <c r="H4341" s="1" t="s">
        <v>10</v>
      </c>
      <c r="I4341" s="1" t="s">
        <v>14283</v>
      </c>
      <c r="J4341" s="1" t="s">
        <v>14325</v>
      </c>
      <c r="K4341" s="1" t="s">
        <v>7</v>
      </c>
      <c r="L4341" s="1" t="s">
        <v>15082</v>
      </c>
      <c r="M4341" s="1" t="s">
        <v>5</v>
      </c>
      <c r="N4341" s="1" t="s">
        <v>25</v>
      </c>
      <c r="O4341" s="1" t="s">
        <v>38</v>
      </c>
      <c r="P4341" s="5" t="s">
        <v>31703</v>
      </c>
    </row>
    <row r="4342" spans="1:16" x14ac:dyDescent="0.2">
      <c r="A4342" s="1" t="s">
        <v>10</v>
      </c>
      <c r="B4342" s="1" t="s">
        <v>376</v>
      </c>
      <c r="C4342" s="1" t="s">
        <v>15086</v>
      </c>
      <c r="D4342" s="1" t="s">
        <v>10</v>
      </c>
      <c r="E4342" s="1"/>
      <c r="F4342" s="1" t="s">
        <v>10</v>
      </c>
      <c r="G4342" s="1" t="s">
        <v>10</v>
      </c>
      <c r="H4342" s="1" t="s">
        <v>10</v>
      </c>
      <c r="I4342" s="1" t="s">
        <v>14283</v>
      </c>
      <c r="J4342" s="1" t="s">
        <v>14325</v>
      </c>
      <c r="K4342" s="1" t="s">
        <v>7</v>
      </c>
      <c r="L4342" s="1" t="s">
        <v>15085</v>
      </c>
      <c r="M4342" s="1" t="s">
        <v>5</v>
      </c>
      <c r="N4342" s="1" t="s">
        <v>25</v>
      </c>
      <c r="O4342" s="1" t="s">
        <v>38</v>
      </c>
      <c r="P4342" s="5" t="s">
        <v>31685</v>
      </c>
    </row>
    <row r="4343" spans="1:16" x14ac:dyDescent="0.2">
      <c r="A4343" s="1" t="s">
        <v>10</v>
      </c>
      <c r="B4343" s="1" t="s">
        <v>376</v>
      </c>
      <c r="C4343" s="1" t="s">
        <v>15088</v>
      </c>
      <c r="D4343" s="1" t="s">
        <v>15089</v>
      </c>
      <c r="E4343" s="1"/>
      <c r="F4343" s="1" t="s">
        <v>10</v>
      </c>
      <c r="G4343" s="1" t="s">
        <v>10</v>
      </c>
      <c r="H4343" s="1" t="s">
        <v>10</v>
      </c>
      <c r="I4343" s="1" t="s">
        <v>14283</v>
      </c>
      <c r="J4343" s="1" t="s">
        <v>14325</v>
      </c>
      <c r="K4343" s="1" t="s">
        <v>27</v>
      </c>
      <c r="L4343" s="1" t="s">
        <v>15087</v>
      </c>
      <c r="M4343" s="1" t="s">
        <v>5</v>
      </c>
      <c r="N4343" s="1" t="s">
        <v>25</v>
      </c>
      <c r="O4343" s="1" t="s">
        <v>38</v>
      </c>
      <c r="P4343" s="5" t="s">
        <v>31689</v>
      </c>
    </row>
    <row r="4344" spans="1:16" x14ac:dyDescent="0.2">
      <c r="A4344" s="1" t="s">
        <v>10</v>
      </c>
      <c r="B4344" s="1" t="s">
        <v>376</v>
      </c>
      <c r="C4344" s="1" t="s">
        <v>15091</v>
      </c>
      <c r="D4344" s="1" t="s">
        <v>15092</v>
      </c>
      <c r="E4344" s="1"/>
      <c r="F4344" s="1" t="s">
        <v>10</v>
      </c>
      <c r="G4344" s="1" t="s">
        <v>10</v>
      </c>
      <c r="H4344" s="1" t="s">
        <v>10</v>
      </c>
      <c r="I4344" s="1" t="s">
        <v>14283</v>
      </c>
      <c r="J4344" s="1" t="s">
        <v>14325</v>
      </c>
      <c r="K4344" s="1" t="s">
        <v>27</v>
      </c>
      <c r="L4344" s="1" t="s">
        <v>15090</v>
      </c>
      <c r="M4344" s="1" t="s">
        <v>5</v>
      </c>
      <c r="N4344" s="1" t="s">
        <v>25</v>
      </c>
      <c r="O4344" s="1" t="s">
        <v>38</v>
      </c>
      <c r="P4344" s="5" t="s">
        <v>31688</v>
      </c>
    </row>
    <row r="4345" spans="1:16" x14ac:dyDescent="0.2">
      <c r="A4345" s="1" t="s">
        <v>10</v>
      </c>
      <c r="B4345" s="1" t="s">
        <v>376</v>
      </c>
      <c r="C4345" s="1" t="s">
        <v>15094</v>
      </c>
      <c r="D4345" s="1" t="s">
        <v>15095</v>
      </c>
      <c r="E4345" s="1"/>
      <c r="F4345" s="1" t="s">
        <v>10</v>
      </c>
      <c r="G4345" s="1" t="s">
        <v>10</v>
      </c>
      <c r="H4345" s="1" t="s">
        <v>10</v>
      </c>
      <c r="I4345" s="1" t="s">
        <v>14283</v>
      </c>
      <c r="J4345" s="1" t="s">
        <v>14325</v>
      </c>
      <c r="K4345" s="1" t="s">
        <v>443</v>
      </c>
      <c r="L4345" s="1" t="s">
        <v>15093</v>
      </c>
      <c r="M4345" s="1" t="s">
        <v>5</v>
      </c>
      <c r="N4345" s="1" t="s">
        <v>25</v>
      </c>
      <c r="O4345" s="1" t="s">
        <v>38</v>
      </c>
      <c r="P4345" s="5" t="s">
        <v>31705</v>
      </c>
    </row>
    <row r="4346" spans="1:16" x14ac:dyDescent="0.2">
      <c r="A4346" s="1" t="s">
        <v>10</v>
      </c>
      <c r="B4346" s="1" t="s">
        <v>376</v>
      </c>
      <c r="C4346" s="1" t="s">
        <v>15097</v>
      </c>
      <c r="D4346" s="1" t="s">
        <v>10</v>
      </c>
      <c r="E4346" s="1" t="s">
        <v>15098</v>
      </c>
      <c r="F4346" s="1" t="s">
        <v>10</v>
      </c>
      <c r="G4346" s="1" t="s">
        <v>10</v>
      </c>
      <c r="H4346" s="1" t="s">
        <v>10</v>
      </c>
      <c r="I4346" s="1" t="s">
        <v>14283</v>
      </c>
      <c r="J4346" s="1" t="s">
        <v>14311</v>
      </c>
      <c r="K4346" s="1" t="s">
        <v>7</v>
      </c>
      <c r="L4346" s="1" t="s">
        <v>15096</v>
      </c>
      <c r="M4346" s="1" t="s">
        <v>5</v>
      </c>
      <c r="N4346" s="1" t="s">
        <v>25</v>
      </c>
      <c r="O4346" s="1" t="s">
        <v>38</v>
      </c>
      <c r="P4346" s="5" t="s">
        <v>30397</v>
      </c>
    </row>
    <row r="4347" spans="1:16" x14ac:dyDescent="0.2">
      <c r="A4347" s="1" t="s">
        <v>10</v>
      </c>
      <c r="B4347" s="1" t="s">
        <v>376</v>
      </c>
      <c r="C4347" s="1" t="s">
        <v>15100</v>
      </c>
      <c r="D4347" s="1" t="s">
        <v>15101</v>
      </c>
      <c r="E4347" s="1"/>
      <c r="F4347" s="1" t="s">
        <v>10</v>
      </c>
      <c r="G4347" s="1" t="s">
        <v>10</v>
      </c>
      <c r="H4347" s="1" t="s">
        <v>10</v>
      </c>
      <c r="I4347" s="1" t="s">
        <v>14283</v>
      </c>
      <c r="J4347" s="1" t="s">
        <v>14325</v>
      </c>
      <c r="K4347" s="1" t="s">
        <v>7</v>
      </c>
      <c r="L4347" s="1" t="s">
        <v>15099</v>
      </c>
      <c r="M4347" s="1" t="s">
        <v>5</v>
      </c>
      <c r="N4347" s="1" t="s">
        <v>6</v>
      </c>
      <c r="O4347" s="1" t="s">
        <v>38</v>
      </c>
      <c r="P4347" s="5" t="s">
        <v>30397</v>
      </c>
    </row>
    <row r="4348" spans="1:16" x14ac:dyDescent="0.2">
      <c r="A4348" s="1" t="s">
        <v>10</v>
      </c>
      <c r="B4348" s="1" t="s">
        <v>376</v>
      </c>
      <c r="C4348" s="1" t="s">
        <v>15103</v>
      </c>
      <c r="D4348" s="1" t="s">
        <v>10</v>
      </c>
      <c r="E4348" s="1" t="s">
        <v>15104</v>
      </c>
      <c r="F4348" s="1" t="s">
        <v>10</v>
      </c>
      <c r="G4348" s="1" t="s">
        <v>10</v>
      </c>
      <c r="H4348" s="1" t="s">
        <v>10</v>
      </c>
      <c r="I4348" s="1" t="s">
        <v>14283</v>
      </c>
      <c r="J4348" s="1" t="s">
        <v>14295</v>
      </c>
      <c r="K4348" s="1" t="s">
        <v>7</v>
      </c>
      <c r="L4348" s="1" t="s">
        <v>15102</v>
      </c>
      <c r="M4348" s="1" t="s">
        <v>5</v>
      </c>
      <c r="N4348" s="1" t="s">
        <v>25</v>
      </c>
      <c r="O4348" s="1" t="s">
        <v>38</v>
      </c>
      <c r="P4348" s="5" t="s">
        <v>30397</v>
      </c>
    </row>
    <row r="4349" spans="1:16" x14ac:dyDescent="0.2">
      <c r="A4349" s="1" t="s">
        <v>10</v>
      </c>
      <c r="B4349" s="1" t="s">
        <v>376</v>
      </c>
      <c r="C4349" s="1" t="s">
        <v>15106</v>
      </c>
      <c r="D4349" s="1" t="s">
        <v>10</v>
      </c>
      <c r="E4349" s="1" t="s">
        <v>15107</v>
      </c>
      <c r="F4349" s="1" t="s">
        <v>10</v>
      </c>
      <c r="G4349" s="1" t="s">
        <v>10</v>
      </c>
      <c r="H4349" s="1" t="s">
        <v>10</v>
      </c>
      <c r="I4349" s="1" t="s">
        <v>14283</v>
      </c>
      <c r="J4349" s="1" t="s">
        <v>14295</v>
      </c>
      <c r="K4349" s="1" t="s">
        <v>7</v>
      </c>
      <c r="L4349" s="1" t="s">
        <v>15105</v>
      </c>
      <c r="M4349" s="1" t="s">
        <v>5</v>
      </c>
      <c r="N4349" s="1" t="s">
        <v>25</v>
      </c>
      <c r="O4349" s="1" t="s">
        <v>38</v>
      </c>
      <c r="P4349" s="5" t="s">
        <v>30397</v>
      </c>
    </row>
    <row r="4350" spans="1:16" x14ac:dyDescent="0.2">
      <c r="A4350" s="1" t="s">
        <v>10</v>
      </c>
      <c r="B4350" s="1" t="s">
        <v>376</v>
      </c>
      <c r="C4350" s="1" t="s">
        <v>15109</v>
      </c>
      <c r="D4350" s="1" t="s">
        <v>15110</v>
      </c>
      <c r="E4350" s="1" t="s">
        <v>15111</v>
      </c>
      <c r="F4350" s="1" t="s">
        <v>10</v>
      </c>
      <c r="G4350" s="1" t="s">
        <v>10</v>
      </c>
      <c r="H4350" s="1" t="s">
        <v>10</v>
      </c>
      <c r="I4350" s="1" t="s">
        <v>14283</v>
      </c>
      <c r="J4350" s="1" t="s">
        <v>14295</v>
      </c>
      <c r="K4350" s="1" t="s">
        <v>7</v>
      </c>
      <c r="L4350" s="1" t="s">
        <v>15108</v>
      </c>
      <c r="M4350" s="1" t="s">
        <v>5</v>
      </c>
      <c r="N4350" s="1" t="s">
        <v>25</v>
      </c>
      <c r="O4350" s="1" t="s">
        <v>38</v>
      </c>
      <c r="P4350" s="5" t="s">
        <v>30397</v>
      </c>
    </row>
    <row r="4351" spans="1:16" x14ac:dyDescent="0.2">
      <c r="A4351" s="1" t="s">
        <v>10</v>
      </c>
      <c r="B4351" s="1" t="s">
        <v>376</v>
      </c>
      <c r="C4351" s="1" t="s">
        <v>15113</v>
      </c>
      <c r="D4351" s="1" t="s">
        <v>15114</v>
      </c>
      <c r="E4351" s="1"/>
      <c r="F4351" s="1" t="s">
        <v>10</v>
      </c>
      <c r="G4351" s="1" t="s">
        <v>10</v>
      </c>
      <c r="H4351" s="1" t="s">
        <v>10</v>
      </c>
      <c r="I4351" s="1" t="s">
        <v>14283</v>
      </c>
      <c r="J4351" s="1" t="s">
        <v>14311</v>
      </c>
      <c r="K4351" s="1" t="s">
        <v>27</v>
      </c>
      <c r="L4351" s="1" t="s">
        <v>15112</v>
      </c>
      <c r="M4351" s="1" t="s">
        <v>5</v>
      </c>
      <c r="N4351" s="1" t="s">
        <v>6</v>
      </c>
      <c r="O4351" s="1" t="s">
        <v>38</v>
      </c>
      <c r="P4351" s="5" t="s">
        <v>31706</v>
      </c>
    </row>
    <row r="4352" spans="1:16" x14ac:dyDescent="0.2">
      <c r="A4352" s="1" t="s">
        <v>10</v>
      </c>
      <c r="B4352" s="1" t="s">
        <v>376</v>
      </c>
      <c r="C4352" s="1" t="s">
        <v>15116</v>
      </c>
      <c r="D4352" s="1" t="s">
        <v>15117</v>
      </c>
      <c r="E4352" s="1" t="s">
        <v>15118</v>
      </c>
      <c r="F4352" s="1" t="s">
        <v>10</v>
      </c>
      <c r="G4352" s="1" t="s">
        <v>10</v>
      </c>
      <c r="H4352" s="1" t="s">
        <v>10</v>
      </c>
      <c r="I4352" s="1" t="s">
        <v>14283</v>
      </c>
      <c r="J4352" s="1" t="s">
        <v>14311</v>
      </c>
      <c r="K4352" s="1" t="s">
        <v>27</v>
      </c>
      <c r="L4352" s="1" t="s">
        <v>15115</v>
      </c>
      <c r="M4352" s="1" t="s">
        <v>5</v>
      </c>
      <c r="N4352" s="1" t="s">
        <v>6</v>
      </c>
      <c r="O4352" s="1" t="s">
        <v>38</v>
      </c>
      <c r="P4352" s="5"/>
    </row>
    <row r="4353" spans="1:16" x14ac:dyDescent="0.2">
      <c r="A4353" s="1" t="s">
        <v>10</v>
      </c>
      <c r="B4353" s="1" t="s">
        <v>376</v>
      </c>
      <c r="C4353" s="1" t="s">
        <v>15120</v>
      </c>
      <c r="D4353" s="1" t="s">
        <v>15121</v>
      </c>
      <c r="E4353" s="1" t="s">
        <v>15122</v>
      </c>
      <c r="F4353" s="1" t="s">
        <v>10</v>
      </c>
      <c r="G4353" s="1" t="s">
        <v>10</v>
      </c>
      <c r="H4353" s="1" t="s">
        <v>10</v>
      </c>
      <c r="I4353" s="1" t="s">
        <v>14283</v>
      </c>
      <c r="J4353" s="1" t="s">
        <v>14311</v>
      </c>
      <c r="K4353" s="1" t="s">
        <v>7</v>
      </c>
      <c r="L4353" s="1" t="s">
        <v>15119</v>
      </c>
      <c r="M4353" s="1" t="s">
        <v>5</v>
      </c>
      <c r="N4353" s="1" t="s">
        <v>6</v>
      </c>
      <c r="O4353" s="1" t="s">
        <v>38</v>
      </c>
      <c r="P4353" s="5" t="s">
        <v>30397</v>
      </c>
    </row>
    <row r="4354" spans="1:16" x14ac:dyDescent="0.2">
      <c r="A4354" s="1" t="s">
        <v>10</v>
      </c>
      <c r="B4354" s="1" t="s">
        <v>376</v>
      </c>
      <c r="C4354" s="1" t="s">
        <v>15124</v>
      </c>
      <c r="D4354" s="1" t="s">
        <v>15125</v>
      </c>
      <c r="E4354" s="1" t="s">
        <v>15126</v>
      </c>
      <c r="F4354" s="1" t="s">
        <v>10</v>
      </c>
      <c r="G4354" s="1" t="s">
        <v>10</v>
      </c>
      <c r="H4354" s="1" t="s">
        <v>10</v>
      </c>
      <c r="I4354" s="1" t="s">
        <v>14283</v>
      </c>
      <c r="J4354" s="1" t="s">
        <v>14311</v>
      </c>
      <c r="K4354" s="1" t="s">
        <v>7</v>
      </c>
      <c r="L4354" s="1" t="s">
        <v>15123</v>
      </c>
      <c r="M4354" s="1" t="s">
        <v>5</v>
      </c>
      <c r="N4354" s="1" t="s">
        <v>6</v>
      </c>
      <c r="O4354" s="1" t="s">
        <v>38</v>
      </c>
      <c r="P4354" s="5" t="s">
        <v>30397</v>
      </c>
    </row>
    <row r="4355" spans="1:16" x14ac:dyDescent="0.2">
      <c r="A4355" s="1" t="s">
        <v>10</v>
      </c>
      <c r="B4355" s="1" t="s">
        <v>376</v>
      </c>
      <c r="C4355" s="1" t="s">
        <v>15128</v>
      </c>
      <c r="D4355" s="1" t="s">
        <v>762</v>
      </c>
      <c r="E4355" s="1" t="s">
        <v>15129</v>
      </c>
      <c r="F4355" s="1" t="s">
        <v>10</v>
      </c>
      <c r="G4355" s="1" t="s">
        <v>10</v>
      </c>
      <c r="H4355" s="1" t="s">
        <v>10</v>
      </c>
      <c r="I4355" s="1" t="s">
        <v>14283</v>
      </c>
      <c r="J4355" s="1" t="s">
        <v>14477</v>
      </c>
      <c r="K4355" s="1" t="s">
        <v>7</v>
      </c>
      <c r="L4355" s="1" t="s">
        <v>15127</v>
      </c>
      <c r="M4355" s="1" t="s">
        <v>5</v>
      </c>
      <c r="N4355" s="1" t="s">
        <v>25</v>
      </c>
      <c r="O4355" s="1" t="s">
        <v>38</v>
      </c>
      <c r="P4355" s="5" t="s">
        <v>31707</v>
      </c>
    </row>
    <row r="4356" spans="1:16" x14ac:dyDescent="0.2">
      <c r="A4356" s="1" t="s">
        <v>10</v>
      </c>
      <c r="B4356" s="1" t="s">
        <v>376</v>
      </c>
      <c r="C4356" s="1" t="s">
        <v>15131</v>
      </c>
      <c r="D4356" s="1" t="s">
        <v>10</v>
      </c>
      <c r="E4356" s="1" t="s">
        <v>15132</v>
      </c>
      <c r="F4356" s="1" t="s">
        <v>10</v>
      </c>
      <c r="G4356" s="1" t="s">
        <v>10</v>
      </c>
      <c r="H4356" s="1" t="s">
        <v>10</v>
      </c>
      <c r="I4356" s="1" t="s">
        <v>14283</v>
      </c>
      <c r="J4356" s="1" t="s">
        <v>14334</v>
      </c>
      <c r="K4356" s="1" t="s">
        <v>130</v>
      </c>
      <c r="L4356" s="1" t="s">
        <v>15130</v>
      </c>
      <c r="M4356" s="1" t="s">
        <v>5</v>
      </c>
      <c r="N4356" s="1" t="s">
        <v>6</v>
      </c>
      <c r="O4356" s="1" t="s">
        <v>38</v>
      </c>
      <c r="P4356" s="5" t="s">
        <v>30397</v>
      </c>
    </row>
    <row r="4357" spans="1:16" x14ac:dyDescent="0.2">
      <c r="A4357" s="1" t="s">
        <v>10</v>
      </c>
      <c r="B4357" s="1" t="s">
        <v>376</v>
      </c>
      <c r="C4357" s="1" t="s">
        <v>15134</v>
      </c>
      <c r="D4357" s="1" t="s">
        <v>15135</v>
      </c>
      <c r="E4357" s="1"/>
      <c r="F4357" s="1" t="s">
        <v>10</v>
      </c>
      <c r="G4357" s="1" t="s">
        <v>10</v>
      </c>
      <c r="H4357" s="1" t="s">
        <v>10</v>
      </c>
      <c r="I4357" s="1" t="s">
        <v>14283</v>
      </c>
      <c r="J4357" s="1" t="s">
        <v>14325</v>
      </c>
      <c r="K4357" s="1" t="s">
        <v>443</v>
      </c>
      <c r="L4357" s="1" t="s">
        <v>15133</v>
      </c>
      <c r="M4357" s="1" t="s">
        <v>5</v>
      </c>
      <c r="N4357" s="1" t="s">
        <v>25</v>
      </c>
      <c r="O4357" s="1" t="s">
        <v>38</v>
      </c>
      <c r="P4357" s="5" t="s">
        <v>10</v>
      </c>
    </row>
    <row r="4358" spans="1:16" x14ac:dyDescent="0.2">
      <c r="A4358" s="1" t="s">
        <v>10</v>
      </c>
      <c r="B4358" s="1" t="s">
        <v>376</v>
      </c>
      <c r="C4358" s="1" t="s">
        <v>15137</v>
      </c>
      <c r="D4358" s="1" t="s">
        <v>15138</v>
      </c>
      <c r="E4358" s="1" t="s">
        <v>15139</v>
      </c>
      <c r="F4358" s="1" t="s">
        <v>10</v>
      </c>
      <c r="G4358" s="1" t="s">
        <v>10</v>
      </c>
      <c r="H4358" s="1" t="s">
        <v>10</v>
      </c>
      <c r="I4358" s="1" t="s">
        <v>14283</v>
      </c>
      <c r="J4358" s="1" t="s">
        <v>14516</v>
      </c>
      <c r="K4358" s="1" t="s">
        <v>443</v>
      </c>
      <c r="L4358" s="1" t="s">
        <v>15136</v>
      </c>
      <c r="M4358" s="1" t="s">
        <v>5</v>
      </c>
      <c r="N4358" s="1" t="s">
        <v>25</v>
      </c>
      <c r="O4358" s="1" t="s">
        <v>38</v>
      </c>
      <c r="P4358" s="5" t="s">
        <v>31692</v>
      </c>
    </row>
    <row r="4359" spans="1:16" x14ac:dyDescent="0.2">
      <c r="A4359" s="1" t="s">
        <v>10</v>
      </c>
      <c r="B4359" s="1" t="s">
        <v>376</v>
      </c>
      <c r="C4359" s="1" t="s">
        <v>15141</v>
      </c>
      <c r="D4359" s="1" t="s">
        <v>10</v>
      </c>
      <c r="E4359" s="1" t="s">
        <v>15142</v>
      </c>
      <c r="F4359" s="1" t="s">
        <v>10</v>
      </c>
      <c r="G4359" s="1" t="s">
        <v>10</v>
      </c>
      <c r="H4359" s="1" t="s">
        <v>10</v>
      </c>
      <c r="I4359" s="1" t="s">
        <v>14283</v>
      </c>
      <c r="J4359" s="1" t="s">
        <v>14325</v>
      </c>
      <c r="K4359" s="1" t="s">
        <v>27</v>
      </c>
      <c r="L4359" s="1" t="s">
        <v>15140</v>
      </c>
      <c r="M4359" s="1" t="s">
        <v>5</v>
      </c>
      <c r="N4359" s="1" t="s">
        <v>25</v>
      </c>
      <c r="O4359" s="1" t="s">
        <v>38</v>
      </c>
      <c r="P4359" s="5" t="s">
        <v>14</v>
      </c>
    </row>
    <row r="4360" spans="1:16" x14ac:dyDescent="0.2">
      <c r="A4360" s="1" t="s">
        <v>10</v>
      </c>
      <c r="B4360" s="1" t="s">
        <v>376</v>
      </c>
      <c r="C4360" s="1" t="s">
        <v>15144</v>
      </c>
      <c r="D4360" s="1" t="s">
        <v>10</v>
      </c>
      <c r="E4360" s="1" t="s">
        <v>15145</v>
      </c>
      <c r="F4360" s="1" t="s">
        <v>10</v>
      </c>
      <c r="G4360" s="1" t="s">
        <v>10</v>
      </c>
      <c r="H4360" s="1" t="s">
        <v>10</v>
      </c>
      <c r="I4360" s="1" t="s">
        <v>14283</v>
      </c>
      <c r="J4360" s="1" t="s">
        <v>14311</v>
      </c>
      <c r="K4360" s="1" t="s">
        <v>27</v>
      </c>
      <c r="L4360" s="1" t="s">
        <v>15143</v>
      </c>
      <c r="M4360" s="1" t="s">
        <v>5</v>
      </c>
      <c r="N4360" s="1" t="s">
        <v>6</v>
      </c>
      <c r="O4360" s="1" t="s">
        <v>38</v>
      </c>
      <c r="P4360" s="5" t="s">
        <v>10</v>
      </c>
    </row>
    <row r="4361" spans="1:16" x14ac:dyDescent="0.2">
      <c r="A4361" s="1" t="s">
        <v>10</v>
      </c>
      <c r="B4361" s="1" t="s">
        <v>376</v>
      </c>
      <c r="C4361" s="1" t="s">
        <v>15147</v>
      </c>
      <c r="D4361" s="1" t="s">
        <v>15148</v>
      </c>
      <c r="E4361" s="1"/>
      <c r="F4361" s="1" t="s">
        <v>10</v>
      </c>
      <c r="G4361" s="1" t="s">
        <v>10</v>
      </c>
      <c r="H4361" s="1" t="s">
        <v>10</v>
      </c>
      <c r="I4361" s="1" t="s">
        <v>14283</v>
      </c>
      <c r="J4361" s="1" t="s">
        <v>14311</v>
      </c>
      <c r="K4361" s="1" t="s">
        <v>27</v>
      </c>
      <c r="L4361" s="1" t="s">
        <v>15146</v>
      </c>
      <c r="M4361" s="1" t="s">
        <v>5</v>
      </c>
      <c r="N4361" s="1" t="s">
        <v>6</v>
      </c>
      <c r="O4361" s="1" t="s">
        <v>38</v>
      </c>
      <c r="P4361" s="5" t="s">
        <v>31690</v>
      </c>
    </row>
    <row r="4362" spans="1:16" x14ac:dyDescent="0.2">
      <c r="A4362" s="1" t="s">
        <v>10</v>
      </c>
      <c r="B4362" s="1" t="s">
        <v>376</v>
      </c>
      <c r="C4362" s="1" t="s">
        <v>15150</v>
      </c>
      <c r="D4362" s="1" t="s">
        <v>7339</v>
      </c>
      <c r="E4362" s="1"/>
      <c r="F4362" s="1" t="s">
        <v>10</v>
      </c>
      <c r="G4362" s="1" t="s">
        <v>10</v>
      </c>
      <c r="H4362" s="1" t="s">
        <v>10</v>
      </c>
      <c r="I4362" s="1" t="s">
        <v>14283</v>
      </c>
      <c r="J4362" s="1" t="s">
        <v>14505</v>
      </c>
      <c r="K4362" s="1" t="s">
        <v>7</v>
      </c>
      <c r="L4362" s="1" t="s">
        <v>15149</v>
      </c>
      <c r="M4362" s="1" t="s">
        <v>5</v>
      </c>
      <c r="N4362" s="1" t="s">
        <v>25</v>
      </c>
      <c r="O4362" s="1" t="s">
        <v>38</v>
      </c>
      <c r="P4362" s="5" t="s">
        <v>10</v>
      </c>
    </row>
    <row r="4363" spans="1:16" x14ac:dyDescent="0.2">
      <c r="A4363" s="1" t="s">
        <v>10</v>
      </c>
      <c r="B4363" s="1" t="s">
        <v>376</v>
      </c>
      <c r="C4363" s="1" t="s">
        <v>15152</v>
      </c>
      <c r="D4363" s="1" t="s">
        <v>15153</v>
      </c>
      <c r="E4363" s="1" t="s">
        <v>15154</v>
      </c>
      <c r="F4363" s="1" t="s">
        <v>10</v>
      </c>
      <c r="G4363" s="1" t="s">
        <v>10</v>
      </c>
      <c r="H4363" s="1" t="s">
        <v>10</v>
      </c>
      <c r="I4363" s="1" t="s">
        <v>14283</v>
      </c>
      <c r="J4363" s="1" t="s">
        <v>14287</v>
      </c>
      <c r="K4363" s="1" t="s">
        <v>100</v>
      </c>
      <c r="L4363" s="1" t="s">
        <v>15151</v>
      </c>
      <c r="M4363" s="1" t="s">
        <v>5</v>
      </c>
      <c r="N4363" s="1" t="s">
        <v>25</v>
      </c>
      <c r="O4363" s="1" t="s">
        <v>38</v>
      </c>
      <c r="P4363" s="5" t="s">
        <v>31694</v>
      </c>
    </row>
    <row r="4364" spans="1:16" x14ac:dyDescent="0.2">
      <c r="A4364" s="1" t="s">
        <v>10</v>
      </c>
      <c r="B4364" s="1" t="s">
        <v>376</v>
      </c>
      <c r="C4364" s="1" t="s">
        <v>15156</v>
      </c>
      <c r="D4364" s="1" t="s">
        <v>15157</v>
      </c>
      <c r="E4364" s="1"/>
      <c r="F4364" s="1" t="s">
        <v>10</v>
      </c>
      <c r="G4364" s="1" t="s">
        <v>10</v>
      </c>
      <c r="H4364" s="1" t="s">
        <v>10</v>
      </c>
      <c r="I4364" s="1" t="s">
        <v>14283</v>
      </c>
      <c r="J4364" s="1" t="s">
        <v>15158</v>
      </c>
      <c r="K4364" s="1" t="s">
        <v>7</v>
      </c>
      <c r="L4364" s="1" t="s">
        <v>15155</v>
      </c>
      <c r="M4364" s="1" t="s">
        <v>5</v>
      </c>
      <c r="N4364" s="1" t="s">
        <v>25</v>
      </c>
      <c r="O4364" s="1" t="s">
        <v>38</v>
      </c>
      <c r="P4364" s="5" t="s">
        <v>31708</v>
      </c>
    </row>
    <row r="4365" spans="1:16" x14ac:dyDescent="0.2">
      <c r="A4365" s="1" t="s">
        <v>10</v>
      </c>
      <c r="B4365" s="1" t="s">
        <v>376</v>
      </c>
      <c r="C4365" s="1" t="s">
        <v>15160</v>
      </c>
      <c r="D4365" s="1" t="s">
        <v>15161</v>
      </c>
      <c r="E4365" s="1" t="s">
        <v>15162</v>
      </c>
      <c r="F4365" s="1" t="s">
        <v>10</v>
      </c>
      <c r="G4365" s="1" t="s">
        <v>10</v>
      </c>
      <c r="H4365" s="1" t="s">
        <v>10</v>
      </c>
      <c r="I4365" s="1" t="s">
        <v>14283</v>
      </c>
      <c r="J4365" s="1" t="s">
        <v>14628</v>
      </c>
      <c r="K4365" s="1" t="s">
        <v>443</v>
      </c>
      <c r="L4365" s="1" t="s">
        <v>15159</v>
      </c>
      <c r="M4365" s="1" t="s">
        <v>5</v>
      </c>
      <c r="N4365" s="1" t="s">
        <v>25</v>
      </c>
      <c r="O4365" s="1" t="s">
        <v>38</v>
      </c>
      <c r="P4365" s="5" t="s">
        <v>31688</v>
      </c>
    </row>
    <row r="4366" spans="1:16" x14ac:dyDescent="0.2">
      <c r="A4366" s="1" t="s">
        <v>10</v>
      </c>
      <c r="B4366" s="1" t="s">
        <v>376</v>
      </c>
      <c r="C4366" s="1" t="s">
        <v>15164</v>
      </c>
      <c r="D4366" s="1" t="s">
        <v>15165</v>
      </c>
      <c r="E4366" s="1" t="s">
        <v>15166</v>
      </c>
      <c r="F4366" s="1" t="s">
        <v>10</v>
      </c>
      <c r="G4366" s="1" t="s">
        <v>10</v>
      </c>
      <c r="H4366" s="1" t="s">
        <v>10</v>
      </c>
      <c r="I4366" s="1" t="s">
        <v>14283</v>
      </c>
      <c r="J4366" s="1" t="s">
        <v>14531</v>
      </c>
      <c r="K4366" s="1" t="s">
        <v>7</v>
      </c>
      <c r="L4366" s="1" t="s">
        <v>15163</v>
      </c>
      <c r="M4366" s="1" t="s">
        <v>5</v>
      </c>
      <c r="N4366" s="1" t="s">
        <v>6</v>
      </c>
      <c r="O4366" s="1" t="s">
        <v>38</v>
      </c>
      <c r="P4366" s="5" t="s">
        <v>30397</v>
      </c>
    </row>
    <row r="4367" spans="1:16" x14ac:dyDescent="0.2">
      <c r="A4367" s="1" t="s">
        <v>10</v>
      </c>
      <c r="B4367" s="1" t="s">
        <v>376</v>
      </c>
      <c r="C4367" s="1" t="s">
        <v>15168</v>
      </c>
      <c r="D4367" s="1" t="s">
        <v>10</v>
      </c>
      <c r="E4367" s="1" t="s">
        <v>15169</v>
      </c>
      <c r="F4367" s="1" t="s">
        <v>10</v>
      </c>
      <c r="G4367" s="1" t="s">
        <v>10</v>
      </c>
      <c r="H4367" s="1" t="s">
        <v>10</v>
      </c>
      <c r="I4367" s="1" t="s">
        <v>14283</v>
      </c>
      <c r="J4367" s="1" t="s">
        <v>14325</v>
      </c>
      <c r="K4367" s="1" t="s">
        <v>7</v>
      </c>
      <c r="L4367" s="1" t="s">
        <v>15167</v>
      </c>
      <c r="M4367" s="1" t="s">
        <v>5</v>
      </c>
      <c r="N4367" s="1" t="s">
        <v>25</v>
      </c>
      <c r="O4367" s="1" t="s">
        <v>38</v>
      </c>
      <c r="P4367" s="5" t="s">
        <v>31685</v>
      </c>
    </row>
    <row r="4368" spans="1:16" x14ac:dyDescent="0.2">
      <c r="A4368" s="1" t="s">
        <v>10</v>
      </c>
      <c r="B4368" s="1" t="s">
        <v>376</v>
      </c>
      <c r="C4368" s="1" t="s">
        <v>15171</v>
      </c>
      <c r="D4368" s="1" t="s">
        <v>15172</v>
      </c>
      <c r="E4368" s="1"/>
      <c r="F4368" s="1" t="s">
        <v>10</v>
      </c>
      <c r="G4368" s="1" t="s">
        <v>10</v>
      </c>
      <c r="H4368" s="1" t="s">
        <v>10</v>
      </c>
      <c r="I4368" s="1" t="s">
        <v>14283</v>
      </c>
      <c r="J4368" s="1" t="s">
        <v>14325</v>
      </c>
      <c r="K4368" s="1" t="s">
        <v>7</v>
      </c>
      <c r="L4368" s="1" t="s">
        <v>15170</v>
      </c>
      <c r="M4368" s="1" t="s">
        <v>5</v>
      </c>
      <c r="N4368" s="1" t="s">
        <v>25</v>
      </c>
      <c r="O4368" s="1" t="s">
        <v>38</v>
      </c>
      <c r="P4368" s="5"/>
    </row>
    <row r="4369" spans="1:16" x14ac:dyDescent="0.2">
      <c r="A4369" s="1" t="s">
        <v>10</v>
      </c>
      <c r="B4369" s="1" t="s">
        <v>376</v>
      </c>
      <c r="C4369" s="1" t="s">
        <v>15174</v>
      </c>
      <c r="D4369" s="1" t="s">
        <v>15175</v>
      </c>
      <c r="E4369" s="1" t="s">
        <v>15176</v>
      </c>
      <c r="F4369" s="1" t="s">
        <v>10</v>
      </c>
      <c r="G4369" s="1" t="s">
        <v>10</v>
      </c>
      <c r="H4369" s="1" t="s">
        <v>10</v>
      </c>
      <c r="I4369" s="1" t="s">
        <v>14283</v>
      </c>
      <c r="J4369" s="1" t="s">
        <v>14331</v>
      </c>
      <c r="K4369" s="1" t="s">
        <v>64</v>
      </c>
      <c r="L4369" s="1" t="s">
        <v>15173</v>
      </c>
      <c r="M4369" s="1" t="s">
        <v>5</v>
      </c>
      <c r="N4369" s="1" t="s">
        <v>25</v>
      </c>
      <c r="O4369" s="1" t="s">
        <v>38</v>
      </c>
      <c r="P4369" s="5" t="s">
        <v>2383</v>
      </c>
    </row>
    <row r="4370" spans="1:16" x14ac:dyDescent="0.2">
      <c r="A4370" s="1" t="s">
        <v>10</v>
      </c>
      <c r="B4370" s="1" t="s">
        <v>376</v>
      </c>
      <c r="C4370" s="1" t="s">
        <v>15178</v>
      </c>
      <c r="D4370" s="1" t="s">
        <v>15179</v>
      </c>
      <c r="E4370" s="1" t="s">
        <v>15180</v>
      </c>
      <c r="F4370" s="1" t="s">
        <v>10</v>
      </c>
      <c r="G4370" s="1" t="s">
        <v>10</v>
      </c>
      <c r="H4370" s="1" t="s">
        <v>10</v>
      </c>
      <c r="I4370" s="1" t="s">
        <v>14283</v>
      </c>
      <c r="J4370" s="1" t="s">
        <v>14325</v>
      </c>
      <c r="K4370" s="1" t="s">
        <v>7</v>
      </c>
      <c r="L4370" s="1" t="s">
        <v>15177</v>
      </c>
      <c r="M4370" s="1" t="s">
        <v>5</v>
      </c>
      <c r="N4370" s="1" t="s">
        <v>25</v>
      </c>
      <c r="O4370" s="1" t="s">
        <v>38</v>
      </c>
      <c r="P4370" s="5" t="s">
        <v>14</v>
      </c>
    </row>
    <row r="4371" spans="1:16" x14ac:dyDescent="0.2">
      <c r="A4371" s="1" t="s">
        <v>10</v>
      </c>
      <c r="B4371" s="1" t="s">
        <v>376</v>
      </c>
      <c r="C4371" s="1" t="s">
        <v>15182</v>
      </c>
      <c r="D4371" s="1" t="s">
        <v>10</v>
      </c>
      <c r="E4371" s="1" t="s">
        <v>15183</v>
      </c>
      <c r="F4371" s="1" t="s">
        <v>10</v>
      </c>
      <c r="G4371" s="1" t="s">
        <v>10</v>
      </c>
      <c r="H4371" s="1" t="s">
        <v>10</v>
      </c>
      <c r="I4371" s="1" t="s">
        <v>14283</v>
      </c>
      <c r="J4371" s="1" t="s">
        <v>14311</v>
      </c>
      <c r="K4371" s="1" t="s">
        <v>27</v>
      </c>
      <c r="L4371" s="1" t="s">
        <v>15181</v>
      </c>
      <c r="M4371" s="1" t="s">
        <v>5</v>
      </c>
      <c r="N4371" s="1" t="s">
        <v>6</v>
      </c>
      <c r="O4371" s="1" t="s">
        <v>38</v>
      </c>
      <c r="P4371" s="5" t="s">
        <v>10</v>
      </c>
    </row>
    <row r="4372" spans="1:16" x14ac:dyDescent="0.2">
      <c r="A4372" s="1" t="s">
        <v>10</v>
      </c>
      <c r="B4372" s="1" t="s">
        <v>376</v>
      </c>
      <c r="C4372" s="1" t="s">
        <v>15185</v>
      </c>
      <c r="D4372" s="1" t="s">
        <v>15186</v>
      </c>
      <c r="E4372" s="1" t="s">
        <v>15187</v>
      </c>
      <c r="F4372" s="1" t="s">
        <v>10</v>
      </c>
      <c r="G4372" s="1" t="s">
        <v>10</v>
      </c>
      <c r="H4372" s="1" t="s">
        <v>10</v>
      </c>
      <c r="I4372" s="1" t="s">
        <v>14283</v>
      </c>
      <c r="J4372" s="1" t="s">
        <v>14301</v>
      </c>
      <c r="K4372" s="1" t="s">
        <v>7</v>
      </c>
      <c r="L4372" s="1" t="s">
        <v>15184</v>
      </c>
      <c r="M4372" s="1" t="s">
        <v>5</v>
      </c>
      <c r="N4372" s="1" t="s">
        <v>6</v>
      </c>
      <c r="O4372" s="1" t="s">
        <v>38</v>
      </c>
      <c r="P4372" s="5" t="s">
        <v>10</v>
      </c>
    </row>
    <row r="4373" spans="1:16" x14ac:dyDescent="0.2">
      <c r="A4373" s="1" t="s">
        <v>10</v>
      </c>
      <c r="B4373" s="1" t="s">
        <v>376</v>
      </c>
      <c r="C4373" s="1" t="s">
        <v>15189</v>
      </c>
      <c r="D4373" s="1" t="s">
        <v>10</v>
      </c>
      <c r="E4373" s="1"/>
      <c r="F4373" s="1" t="s">
        <v>10</v>
      </c>
      <c r="G4373" s="1" t="s">
        <v>10</v>
      </c>
      <c r="H4373" s="1" t="s">
        <v>10</v>
      </c>
      <c r="I4373" s="1" t="s">
        <v>14283</v>
      </c>
      <c r="J4373" s="1" t="s">
        <v>14325</v>
      </c>
      <c r="K4373" s="1" t="s">
        <v>64</v>
      </c>
      <c r="L4373" s="1" t="s">
        <v>15188</v>
      </c>
      <c r="M4373" s="1" t="s">
        <v>5</v>
      </c>
      <c r="N4373" s="1" t="s">
        <v>6</v>
      </c>
      <c r="O4373" s="1" t="s">
        <v>38</v>
      </c>
      <c r="P4373" s="5" t="s">
        <v>31685</v>
      </c>
    </row>
    <row r="4374" spans="1:16" x14ac:dyDescent="0.2">
      <c r="A4374" s="1" t="s">
        <v>10</v>
      </c>
      <c r="B4374" s="1" t="s">
        <v>376</v>
      </c>
      <c r="C4374" s="1" t="s">
        <v>15191</v>
      </c>
      <c r="D4374" s="1" t="s">
        <v>15192</v>
      </c>
      <c r="E4374" s="1" t="s">
        <v>15193</v>
      </c>
      <c r="F4374" s="1" t="s">
        <v>10</v>
      </c>
      <c r="G4374" s="1" t="s">
        <v>10</v>
      </c>
      <c r="H4374" s="1" t="s">
        <v>10</v>
      </c>
      <c r="I4374" s="1" t="s">
        <v>14283</v>
      </c>
      <c r="J4374" s="1" t="s">
        <v>14331</v>
      </c>
      <c r="K4374" s="1" t="s">
        <v>586</v>
      </c>
      <c r="L4374" s="1" t="s">
        <v>15190</v>
      </c>
      <c r="M4374" s="1" t="s">
        <v>5</v>
      </c>
      <c r="N4374" s="1" t="s">
        <v>6</v>
      </c>
      <c r="O4374" s="1" t="s">
        <v>38</v>
      </c>
      <c r="P4374" s="5" t="s">
        <v>30397</v>
      </c>
    </row>
    <row r="4375" spans="1:16" x14ac:dyDescent="0.2">
      <c r="A4375" s="1" t="s">
        <v>10</v>
      </c>
      <c r="B4375" s="1" t="s">
        <v>376</v>
      </c>
      <c r="C4375" s="1" t="s">
        <v>15195</v>
      </c>
      <c r="D4375" s="1" t="s">
        <v>15196</v>
      </c>
      <c r="E4375" s="1"/>
      <c r="F4375" s="1" t="s">
        <v>10</v>
      </c>
      <c r="G4375" s="1" t="s">
        <v>10</v>
      </c>
      <c r="H4375" s="1" t="s">
        <v>10</v>
      </c>
      <c r="I4375" s="1" t="s">
        <v>14283</v>
      </c>
      <c r="J4375" s="1" t="s">
        <v>14331</v>
      </c>
      <c r="K4375" s="1" t="s">
        <v>586</v>
      </c>
      <c r="L4375" s="1" t="s">
        <v>15194</v>
      </c>
      <c r="M4375" s="1" t="s">
        <v>5</v>
      </c>
      <c r="N4375" s="1" t="s">
        <v>6</v>
      </c>
      <c r="O4375" s="1" t="s">
        <v>38</v>
      </c>
      <c r="P4375" s="5" t="s">
        <v>30397</v>
      </c>
    </row>
    <row r="4376" spans="1:16" x14ac:dyDescent="0.2">
      <c r="A4376" s="1" t="s">
        <v>10</v>
      </c>
      <c r="B4376" s="1" t="s">
        <v>376</v>
      </c>
      <c r="C4376" s="1" t="s">
        <v>15198</v>
      </c>
      <c r="D4376" s="1" t="s">
        <v>15199</v>
      </c>
      <c r="E4376" s="1"/>
      <c r="F4376" s="1" t="s">
        <v>10</v>
      </c>
      <c r="G4376" s="1" t="s">
        <v>10</v>
      </c>
      <c r="H4376" s="1" t="s">
        <v>10</v>
      </c>
      <c r="I4376" s="1" t="s">
        <v>14283</v>
      </c>
      <c r="J4376" s="1" t="s">
        <v>14806</v>
      </c>
      <c r="K4376" s="1" t="s">
        <v>27</v>
      </c>
      <c r="L4376" s="1" t="s">
        <v>15197</v>
      </c>
      <c r="M4376" s="1" t="s">
        <v>5</v>
      </c>
      <c r="N4376" s="1" t="s">
        <v>1597</v>
      </c>
      <c r="O4376" s="1" t="s">
        <v>38</v>
      </c>
      <c r="P4376" s="5" t="s">
        <v>30397</v>
      </c>
    </row>
    <row r="4377" spans="1:16" x14ac:dyDescent="0.2">
      <c r="A4377" s="1" t="s">
        <v>10</v>
      </c>
      <c r="B4377" s="1" t="s">
        <v>376</v>
      </c>
      <c r="C4377" s="1" t="s">
        <v>15203</v>
      </c>
      <c r="D4377" s="1" t="s">
        <v>15201</v>
      </c>
      <c r="E4377" s="1"/>
      <c r="F4377" s="1" t="s">
        <v>10</v>
      </c>
      <c r="G4377" s="1" t="s">
        <v>10</v>
      </c>
      <c r="H4377" s="1" t="s">
        <v>10</v>
      </c>
      <c r="I4377" s="1" t="s">
        <v>14283</v>
      </c>
      <c r="J4377" s="1" t="s">
        <v>14331</v>
      </c>
      <c r="K4377" s="1" t="s">
        <v>27</v>
      </c>
      <c r="L4377" s="1" t="s">
        <v>15202</v>
      </c>
      <c r="M4377" s="1" t="s">
        <v>5</v>
      </c>
      <c r="N4377" s="1" t="s">
        <v>25</v>
      </c>
      <c r="O4377" s="1" t="s">
        <v>38</v>
      </c>
      <c r="P4377" s="5"/>
    </row>
    <row r="4378" spans="1:16" x14ac:dyDescent="0.2">
      <c r="A4378" s="1" t="s">
        <v>10</v>
      </c>
      <c r="B4378" s="1" t="s">
        <v>376</v>
      </c>
      <c r="C4378" s="1" t="s">
        <v>15205</v>
      </c>
      <c r="D4378" s="1" t="s">
        <v>15206</v>
      </c>
      <c r="E4378" s="1"/>
      <c r="F4378" s="1" t="s">
        <v>10</v>
      </c>
      <c r="G4378" s="1" t="s">
        <v>10</v>
      </c>
      <c r="H4378" s="1" t="s">
        <v>10</v>
      </c>
      <c r="I4378" s="1" t="s">
        <v>14283</v>
      </c>
      <c r="J4378" s="1" t="s">
        <v>14331</v>
      </c>
      <c r="K4378" s="1" t="s">
        <v>586</v>
      </c>
      <c r="L4378" s="1" t="s">
        <v>15204</v>
      </c>
      <c r="M4378" s="1" t="s">
        <v>5</v>
      </c>
      <c r="N4378" s="1" t="s">
        <v>25</v>
      </c>
      <c r="O4378" s="1" t="s">
        <v>38</v>
      </c>
      <c r="P4378" s="5" t="s">
        <v>31690</v>
      </c>
    </row>
    <row r="4379" spans="1:16" x14ac:dyDescent="0.2">
      <c r="A4379" s="1" t="s">
        <v>10</v>
      </c>
      <c r="B4379" s="1" t="s">
        <v>376</v>
      </c>
      <c r="C4379" s="1" t="s">
        <v>15208</v>
      </c>
      <c r="D4379" s="1" t="s">
        <v>15209</v>
      </c>
      <c r="E4379" s="1"/>
      <c r="F4379" s="1" t="s">
        <v>10</v>
      </c>
      <c r="G4379" s="1" t="s">
        <v>10</v>
      </c>
      <c r="H4379" s="1" t="s">
        <v>10</v>
      </c>
      <c r="I4379" s="1" t="s">
        <v>14283</v>
      </c>
      <c r="J4379" s="1" t="s">
        <v>14295</v>
      </c>
      <c r="K4379" s="1" t="s">
        <v>6469</v>
      </c>
      <c r="L4379" s="1" t="s">
        <v>15207</v>
      </c>
      <c r="M4379" s="1" t="s">
        <v>5</v>
      </c>
      <c r="N4379" s="1" t="s">
        <v>25</v>
      </c>
      <c r="O4379" s="1" t="s">
        <v>38</v>
      </c>
      <c r="P4379" s="5" t="s">
        <v>31690</v>
      </c>
    </row>
    <row r="4380" spans="1:16" x14ac:dyDescent="0.2">
      <c r="A4380" s="1" t="s">
        <v>10</v>
      </c>
      <c r="B4380" s="1" t="s">
        <v>376</v>
      </c>
      <c r="C4380" s="1" t="s">
        <v>15211</v>
      </c>
      <c r="D4380" s="1" t="s">
        <v>10</v>
      </c>
      <c r="E4380" s="1"/>
      <c r="F4380" s="1" t="s">
        <v>10</v>
      </c>
      <c r="G4380" s="1" t="s">
        <v>10</v>
      </c>
      <c r="H4380" s="1" t="s">
        <v>10</v>
      </c>
      <c r="I4380" s="1" t="s">
        <v>14283</v>
      </c>
      <c r="J4380" s="1" t="s">
        <v>14311</v>
      </c>
      <c r="K4380" s="1" t="s">
        <v>1563</v>
      </c>
      <c r="L4380" s="1" t="s">
        <v>15210</v>
      </c>
      <c r="M4380" s="1" t="s">
        <v>5</v>
      </c>
      <c r="N4380" s="1" t="s">
        <v>25</v>
      </c>
      <c r="O4380" s="1" t="s">
        <v>38</v>
      </c>
      <c r="P4380" s="5" t="s">
        <v>10</v>
      </c>
    </row>
    <row r="4381" spans="1:16" x14ac:dyDescent="0.2">
      <c r="A4381" s="1" t="s">
        <v>10</v>
      </c>
      <c r="B4381" s="1" t="s">
        <v>376</v>
      </c>
      <c r="C4381" s="1" t="s">
        <v>15213</v>
      </c>
      <c r="D4381" s="1" t="s">
        <v>1552</v>
      </c>
      <c r="E4381" s="1" t="s">
        <v>15214</v>
      </c>
      <c r="F4381" s="1" t="s">
        <v>10</v>
      </c>
      <c r="G4381" s="1" t="s">
        <v>10</v>
      </c>
      <c r="H4381" s="1" t="s">
        <v>10</v>
      </c>
      <c r="I4381" s="1" t="s">
        <v>14283</v>
      </c>
      <c r="J4381" s="1" t="s">
        <v>14287</v>
      </c>
      <c r="K4381" s="1" t="s">
        <v>64</v>
      </c>
      <c r="L4381" s="1" t="s">
        <v>15212</v>
      </c>
      <c r="M4381" s="1" t="s">
        <v>5</v>
      </c>
      <c r="N4381" s="1" t="s">
        <v>25</v>
      </c>
      <c r="O4381" s="1" t="s">
        <v>38</v>
      </c>
      <c r="P4381" s="5" t="s">
        <v>30397</v>
      </c>
    </row>
    <row r="4382" spans="1:16" x14ac:dyDescent="0.2">
      <c r="A4382" s="1" t="s">
        <v>10</v>
      </c>
      <c r="B4382" s="1" t="s">
        <v>376</v>
      </c>
      <c r="C4382" s="1" t="s">
        <v>15216</v>
      </c>
      <c r="D4382" s="1" t="s">
        <v>10</v>
      </c>
      <c r="E4382" s="1"/>
      <c r="F4382" s="1" t="s">
        <v>10</v>
      </c>
      <c r="G4382" s="1" t="s">
        <v>10</v>
      </c>
      <c r="H4382" s="1" t="s">
        <v>10</v>
      </c>
      <c r="I4382" s="1" t="s">
        <v>14283</v>
      </c>
      <c r="J4382" s="1" t="s">
        <v>14331</v>
      </c>
      <c r="K4382" s="1" t="s">
        <v>586</v>
      </c>
      <c r="L4382" s="1" t="s">
        <v>15215</v>
      </c>
      <c r="M4382" s="1" t="s">
        <v>5</v>
      </c>
      <c r="N4382" s="1" t="s">
        <v>25</v>
      </c>
      <c r="O4382" s="1" t="s">
        <v>38</v>
      </c>
      <c r="P4382" s="5" t="s">
        <v>10</v>
      </c>
    </row>
    <row r="4383" spans="1:16" x14ac:dyDescent="0.2">
      <c r="A4383" s="1" t="s">
        <v>10</v>
      </c>
      <c r="B4383" s="1" t="s">
        <v>376</v>
      </c>
      <c r="C4383" s="1" t="s">
        <v>15219</v>
      </c>
      <c r="D4383" s="1" t="s">
        <v>9655</v>
      </c>
      <c r="E4383" s="1" t="s">
        <v>15220</v>
      </c>
      <c r="F4383" s="1" t="s">
        <v>10</v>
      </c>
      <c r="G4383" s="1" t="s">
        <v>10</v>
      </c>
      <c r="H4383" s="1" t="s">
        <v>10</v>
      </c>
      <c r="I4383" s="1" t="s">
        <v>14283</v>
      </c>
      <c r="J4383" s="1" t="s">
        <v>14325</v>
      </c>
      <c r="K4383" s="1" t="s">
        <v>7</v>
      </c>
      <c r="L4383" s="1" t="s">
        <v>15218</v>
      </c>
      <c r="M4383" s="1" t="s">
        <v>5</v>
      </c>
      <c r="N4383" s="1" t="s">
        <v>25</v>
      </c>
      <c r="O4383" s="1" t="s">
        <v>38</v>
      </c>
      <c r="P4383" s="5" t="s">
        <v>30397</v>
      </c>
    </row>
    <row r="4384" spans="1:16" x14ac:dyDescent="0.2">
      <c r="A4384" s="1" t="s">
        <v>10</v>
      </c>
      <c r="B4384" s="1" t="s">
        <v>376</v>
      </c>
      <c r="C4384" s="1" t="s">
        <v>15222</v>
      </c>
      <c r="D4384" s="1" t="s">
        <v>15223</v>
      </c>
      <c r="E4384" s="1" t="s">
        <v>15224</v>
      </c>
      <c r="F4384" s="1" t="s">
        <v>10</v>
      </c>
      <c r="G4384" s="1" t="s">
        <v>10</v>
      </c>
      <c r="H4384" s="1" t="s">
        <v>10</v>
      </c>
      <c r="I4384" s="1" t="s">
        <v>14283</v>
      </c>
      <c r="J4384" s="1" t="s">
        <v>14331</v>
      </c>
      <c r="K4384" s="1" t="s">
        <v>586</v>
      </c>
      <c r="L4384" s="1" t="s">
        <v>15221</v>
      </c>
      <c r="M4384" s="1" t="s">
        <v>5</v>
      </c>
      <c r="N4384" s="1" t="s">
        <v>25</v>
      </c>
      <c r="O4384" s="1" t="s">
        <v>38</v>
      </c>
      <c r="P4384" s="5" t="s">
        <v>31685</v>
      </c>
    </row>
    <row r="4385" spans="1:16" x14ac:dyDescent="0.2">
      <c r="A4385" s="1" t="s">
        <v>10</v>
      </c>
      <c r="B4385" s="1" t="s">
        <v>376</v>
      </c>
      <c r="C4385" s="1" t="s">
        <v>15226</v>
      </c>
      <c r="D4385" s="1" t="s">
        <v>7849</v>
      </c>
      <c r="E4385" s="1"/>
      <c r="F4385" s="1" t="s">
        <v>10</v>
      </c>
      <c r="G4385" s="1" t="s">
        <v>10</v>
      </c>
      <c r="H4385" s="1" t="s">
        <v>10</v>
      </c>
      <c r="I4385" s="1" t="s">
        <v>14283</v>
      </c>
      <c r="J4385" s="1" t="s">
        <v>14331</v>
      </c>
      <c r="K4385" s="1" t="s">
        <v>586</v>
      </c>
      <c r="L4385" s="1" t="s">
        <v>15225</v>
      </c>
      <c r="M4385" s="1" t="s">
        <v>5</v>
      </c>
      <c r="N4385" s="1" t="s">
        <v>25</v>
      </c>
      <c r="O4385" s="1" t="s">
        <v>38</v>
      </c>
      <c r="P4385" s="5" t="s">
        <v>30397</v>
      </c>
    </row>
    <row r="4386" spans="1:16" x14ac:dyDescent="0.2">
      <c r="A4386" s="1" t="s">
        <v>10</v>
      </c>
      <c r="B4386" s="1" t="s">
        <v>376</v>
      </c>
      <c r="C4386" s="1" t="s">
        <v>15228</v>
      </c>
      <c r="D4386" s="1" t="s">
        <v>15229</v>
      </c>
      <c r="E4386" s="1" t="s">
        <v>15230</v>
      </c>
      <c r="F4386" s="1" t="s">
        <v>10</v>
      </c>
      <c r="G4386" s="1" t="s">
        <v>10</v>
      </c>
      <c r="H4386" s="1" t="s">
        <v>10</v>
      </c>
      <c r="I4386" s="1" t="s">
        <v>14283</v>
      </c>
      <c r="J4386" s="1" t="s">
        <v>14512</v>
      </c>
      <c r="K4386" s="1" t="s">
        <v>130</v>
      </c>
      <c r="L4386" s="1" t="s">
        <v>15227</v>
      </c>
      <c r="M4386" s="1" t="s">
        <v>5</v>
      </c>
      <c r="N4386" s="1" t="s">
        <v>1009</v>
      </c>
      <c r="O4386" s="1" t="s">
        <v>38</v>
      </c>
      <c r="P4386" s="5" t="s">
        <v>31685</v>
      </c>
    </row>
    <row r="4387" spans="1:16" x14ac:dyDescent="0.2">
      <c r="A4387" s="1" t="s">
        <v>10</v>
      </c>
      <c r="B4387" s="1" t="s">
        <v>376</v>
      </c>
      <c r="C4387" s="1" t="s">
        <v>15233</v>
      </c>
      <c r="D4387" s="1" t="s">
        <v>15217</v>
      </c>
      <c r="E4387" s="1"/>
      <c r="F4387" s="1" t="s">
        <v>10</v>
      </c>
      <c r="G4387" s="1" t="s">
        <v>10</v>
      </c>
      <c r="H4387" s="1" t="s">
        <v>10</v>
      </c>
      <c r="I4387" s="1" t="s">
        <v>14283</v>
      </c>
      <c r="J4387" s="1" t="s">
        <v>14311</v>
      </c>
      <c r="K4387" s="1" t="s">
        <v>1548</v>
      </c>
      <c r="L4387" s="1" t="s">
        <v>15232</v>
      </c>
      <c r="M4387" s="1" t="s">
        <v>5</v>
      </c>
      <c r="N4387" s="1" t="s">
        <v>25</v>
      </c>
      <c r="O4387" s="1" t="s">
        <v>38</v>
      </c>
      <c r="P4387" s="5" t="s">
        <v>10</v>
      </c>
    </row>
    <row r="4388" spans="1:16" x14ac:dyDescent="0.2">
      <c r="A4388" s="1" t="s">
        <v>10</v>
      </c>
      <c r="B4388" s="1" t="s">
        <v>376</v>
      </c>
      <c r="C4388" s="1" t="s">
        <v>15235</v>
      </c>
      <c r="D4388" s="1" t="s">
        <v>15236</v>
      </c>
      <c r="E4388" s="1"/>
      <c r="F4388" s="1" t="s">
        <v>10</v>
      </c>
      <c r="G4388" s="1" t="s">
        <v>10</v>
      </c>
      <c r="H4388" s="1" t="s">
        <v>10</v>
      </c>
      <c r="I4388" s="1" t="s">
        <v>14283</v>
      </c>
      <c r="J4388" s="1" t="s">
        <v>14311</v>
      </c>
      <c r="K4388" s="1" t="s">
        <v>7</v>
      </c>
      <c r="L4388" s="1" t="s">
        <v>15234</v>
      </c>
      <c r="M4388" s="1" t="s">
        <v>5</v>
      </c>
      <c r="N4388" s="1" t="s">
        <v>25</v>
      </c>
      <c r="O4388" s="1" t="s">
        <v>38</v>
      </c>
      <c r="P4388" s="5"/>
    </row>
    <row r="4389" spans="1:16" x14ac:dyDescent="0.2">
      <c r="A4389" s="1" t="s">
        <v>10</v>
      </c>
      <c r="B4389" s="1" t="s">
        <v>376</v>
      </c>
      <c r="C4389" s="1" t="s">
        <v>15240</v>
      </c>
      <c r="D4389" s="1" t="s">
        <v>10</v>
      </c>
      <c r="E4389" s="1" t="s">
        <v>14573</v>
      </c>
      <c r="F4389" s="1" t="s">
        <v>10</v>
      </c>
      <c r="G4389" s="1" t="s">
        <v>10</v>
      </c>
      <c r="H4389" s="1" t="s">
        <v>10</v>
      </c>
      <c r="I4389" s="1" t="s">
        <v>14283</v>
      </c>
      <c r="J4389" s="1" t="s">
        <v>14453</v>
      </c>
      <c r="K4389" s="1" t="s">
        <v>7</v>
      </c>
      <c r="L4389" s="1" t="s">
        <v>15239</v>
      </c>
      <c r="M4389" s="1" t="s">
        <v>5</v>
      </c>
      <c r="N4389" s="1" t="s">
        <v>25</v>
      </c>
      <c r="O4389" s="1" t="s">
        <v>38</v>
      </c>
      <c r="P4389" s="5" t="s">
        <v>30397</v>
      </c>
    </row>
    <row r="4390" spans="1:16" x14ac:dyDescent="0.2">
      <c r="A4390" s="1" t="s">
        <v>10</v>
      </c>
      <c r="B4390" s="1" t="s">
        <v>376</v>
      </c>
      <c r="C4390" s="1" t="s">
        <v>15242</v>
      </c>
      <c r="D4390" s="1" t="s">
        <v>10</v>
      </c>
      <c r="E4390" s="1" t="s">
        <v>15243</v>
      </c>
      <c r="F4390" s="1" t="s">
        <v>10</v>
      </c>
      <c r="G4390" s="1" t="s">
        <v>10</v>
      </c>
      <c r="H4390" s="1" t="s">
        <v>10</v>
      </c>
      <c r="I4390" s="1" t="s">
        <v>14283</v>
      </c>
      <c r="J4390" s="1" t="s">
        <v>14839</v>
      </c>
      <c r="K4390" s="1" t="s">
        <v>47</v>
      </c>
      <c r="L4390" s="1" t="s">
        <v>15241</v>
      </c>
      <c r="M4390" s="1" t="s">
        <v>5</v>
      </c>
      <c r="N4390" s="1" t="s">
        <v>25</v>
      </c>
      <c r="O4390" s="1" t="s">
        <v>38</v>
      </c>
      <c r="P4390" s="5" t="s">
        <v>30397</v>
      </c>
    </row>
    <row r="4391" spans="1:16" x14ac:dyDescent="0.2">
      <c r="A4391" s="1" t="s">
        <v>10</v>
      </c>
      <c r="B4391" s="1" t="s">
        <v>376</v>
      </c>
      <c r="C4391" s="1" t="s">
        <v>15245</v>
      </c>
      <c r="D4391" s="1" t="s">
        <v>10</v>
      </c>
      <c r="E4391" s="1" t="s">
        <v>15246</v>
      </c>
      <c r="F4391" s="1" t="s">
        <v>10</v>
      </c>
      <c r="G4391" s="1" t="s">
        <v>10</v>
      </c>
      <c r="H4391" s="1" t="s">
        <v>10</v>
      </c>
      <c r="I4391" s="1" t="s">
        <v>14283</v>
      </c>
      <c r="J4391" s="1" t="s">
        <v>14839</v>
      </c>
      <c r="K4391" s="1" t="s">
        <v>47</v>
      </c>
      <c r="L4391" s="1" t="s">
        <v>15244</v>
      </c>
      <c r="M4391" s="1" t="s">
        <v>5</v>
      </c>
      <c r="N4391" s="1" t="s">
        <v>25</v>
      </c>
      <c r="O4391" s="1" t="s">
        <v>38</v>
      </c>
      <c r="P4391" s="5" t="s">
        <v>30397</v>
      </c>
    </row>
    <row r="4392" spans="1:16" x14ac:dyDescent="0.2">
      <c r="A4392" s="1" t="s">
        <v>10</v>
      </c>
      <c r="B4392" s="1" t="s">
        <v>376</v>
      </c>
      <c r="C4392" s="1" t="s">
        <v>15248</v>
      </c>
      <c r="D4392" s="1" t="s">
        <v>10</v>
      </c>
      <c r="E4392" s="1" t="s">
        <v>15249</v>
      </c>
      <c r="F4392" s="1" t="s">
        <v>10</v>
      </c>
      <c r="G4392" s="1" t="s">
        <v>10</v>
      </c>
      <c r="H4392" s="1" t="s">
        <v>10</v>
      </c>
      <c r="I4392" s="1" t="s">
        <v>14283</v>
      </c>
      <c r="J4392" s="1" t="s">
        <v>14287</v>
      </c>
      <c r="K4392" s="1" t="s">
        <v>7</v>
      </c>
      <c r="L4392" s="1" t="s">
        <v>15247</v>
      </c>
      <c r="M4392" s="1" t="s">
        <v>5</v>
      </c>
      <c r="N4392" s="1" t="s">
        <v>25</v>
      </c>
      <c r="O4392" s="1" t="s">
        <v>38</v>
      </c>
      <c r="P4392" s="5" t="s">
        <v>30397</v>
      </c>
    </row>
    <row r="4393" spans="1:16" x14ac:dyDescent="0.2">
      <c r="A4393" s="1" t="s">
        <v>10</v>
      </c>
      <c r="B4393" s="1" t="s">
        <v>376</v>
      </c>
      <c r="C4393" s="1" t="s">
        <v>15251</v>
      </c>
      <c r="D4393" s="1" t="s">
        <v>10</v>
      </c>
      <c r="E4393" s="1"/>
      <c r="F4393" s="1" t="s">
        <v>10</v>
      </c>
      <c r="G4393" s="1" t="s">
        <v>10</v>
      </c>
      <c r="H4393" s="1" t="s">
        <v>10</v>
      </c>
      <c r="I4393" s="1" t="s">
        <v>14283</v>
      </c>
      <c r="J4393" s="1" t="s">
        <v>14311</v>
      </c>
      <c r="K4393" s="1" t="s">
        <v>10218</v>
      </c>
      <c r="L4393" s="1" t="s">
        <v>15250</v>
      </c>
      <c r="M4393" s="1" t="s">
        <v>5</v>
      </c>
      <c r="N4393" s="1" t="s">
        <v>25</v>
      </c>
      <c r="O4393" s="1" t="s">
        <v>38</v>
      </c>
      <c r="P4393" s="5" t="s">
        <v>10</v>
      </c>
    </row>
    <row r="4394" spans="1:16" x14ac:dyDescent="0.2">
      <c r="A4394" s="1" t="s">
        <v>10</v>
      </c>
      <c r="B4394" s="1" t="s">
        <v>376</v>
      </c>
      <c r="C4394" s="1" t="s">
        <v>15253</v>
      </c>
      <c r="D4394" s="1" t="s">
        <v>15254</v>
      </c>
      <c r="E4394" s="1"/>
      <c r="F4394" s="1" t="s">
        <v>10</v>
      </c>
      <c r="G4394" s="1" t="s">
        <v>10</v>
      </c>
      <c r="H4394" s="1" t="s">
        <v>10</v>
      </c>
      <c r="I4394" s="1" t="s">
        <v>14283</v>
      </c>
      <c r="J4394" s="1" t="s">
        <v>15158</v>
      </c>
      <c r="K4394" s="1" t="s">
        <v>27</v>
      </c>
      <c r="L4394" s="1" t="s">
        <v>15252</v>
      </c>
      <c r="M4394" s="1" t="s">
        <v>5</v>
      </c>
      <c r="N4394" s="1" t="s">
        <v>25</v>
      </c>
      <c r="O4394" s="1" t="s">
        <v>38</v>
      </c>
      <c r="P4394" s="5" t="s">
        <v>31709</v>
      </c>
    </row>
    <row r="4395" spans="1:16" x14ac:dyDescent="0.2">
      <c r="A4395" s="1" t="s">
        <v>10</v>
      </c>
      <c r="B4395" s="1" t="s">
        <v>376</v>
      </c>
      <c r="C4395" s="1" t="s">
        <v>15256</v>
      </c>
      <c r="D4395" s="1" t="s">
        <v>4187</v>
      </c>
      <c r="E4395" s="1" t="s">
        <v>15257</v>
      </c>
      <c r="F4395" s="1" t="s">
        <v>10</v>
      </c>
      <c r="G4395" s="1" t="s">
        <v>10</v>
      </c>
      <c r="H4395" s="1" t="s">
        <v>10</v>
      </c>
      <c r="I4395" s="1" t="s">
        <v>14283</v>
      </c>
      <c r="J4395" s="1" t="s">
        <v>14477</v>
      </c>
      <c r="K4395" s="1" t="s">
        <v>7</v>
      </c>
      <c r="L4395" s="1" t="s">
        <v>15255</v>
      </c>
      <c r="M4395" s="1" t="s">
        <v>5</v>
      </c>
      <c r="N4395" s="1" t="s">
        <v>25</v>
      </c>
      <c r="O4395" s="1" t="s">
        <v>38</v>
      </c>
      <c r="P4395" s="5" t="s">
        <v>31685</v>
      </c>
    </row>
    <row r="4396" spans="1:16" x14ac:dyDescent="0.2">
      <c r="A4396" s="1" t="s">
        <v>10</v>
      </c>
      <c r="B4396" s="1" t="s">
        <v>376</v>
      </c>
      <c r="C4396" s="1" t="s">
        <v>15259</v>
      </c>
      <c r="D4396" s="1" t="s">
        <v>10</v>
      </c>
      <c r="E4396" s="1" t="s">
        <v>15260</v>
      </c>
      <c r="F4396" s="1" t="s">
        <v>10</v>
      </c>
      <c r="G4396" s="1" t="s">
        <v>10</v>
      </c>
      <c r="H4396" s="1" t="s">
        <v>10</v>
      </c>
      <c r="I4396" s="1" t="s">
        <v>14283</v>
      </c>
      <c r="J4396" s="1" t="s">
        <v>14512</v>
      </c>
      <c r="K4396" s="1" t="s">
        <v>7</v>
      </c>
      <c r="L4396" s="1" t="s">
        <v>15258</v>
      </c>
      <c r="M4396" s="1" t="s">
        <v>5</v>
      </c>
      <c r="N4396" s="1" t="s">
        <v>25</v>
      </c>
      <c r="O4396" s="1" t="s">
        <v>38</v>
      </c>
      <c r="P4396" s="5" t="s">
        <v>31694</v>
      </c>
    </row>
    <row r="4397" spans="1:16" x14ac:dyDescent="0.2">
      <c r="A4397" s="1" t="s">
        <v>10</v>
      </c>
      <c r="B4397" s="1" t="s">
        <v>376</v>
      </c>
      <c r="C4397" s="1" t="s">
        <v>15262</v>
      </c>
      <c r="D4397" s="1" t="s">
        <v>10</v>
      </c>
      <c r="E4397" s="1" t="s">
        <v>15260</v>
      </c>
      <c r="F4397" s="1" t="s">
        <v>10</v>
      </c>
      <c r="G4397" s="1" t="s">
        <v>10</v>
      </c>
      <c r="H4397" s="1" t="s">
        <v>10</v>
      </c>
      <c r="I4397" s="1" t="s">
        <v>14283</v>
      </c>
      <c r="J4397" s="1" t="s">
        <v>14512</v>
      </c>
      <c r="K4397" s="1" t="s">
        <v>7</v>
      </c>
      <c r="L4397" s="1" t="s">
        <v>15261</v>
      </c>
      <c r="M4397" s="1" t="s">
        <v>5</v>
      </c>
      <c r="N4397" s="1" t="s">
        <v>25</v>
      </c>
      <c r="O4397" s="1" t="s">
        <v>38</v>
      </c>
      <c r="P4397" s="5" t="s">
        <v>31694</v>
      </c>
    </row>
    <row r="4398" spans="1:16" x14ac:dyDescent="0.2">
      <c r="A4398" s="1" t="s">
        <v>10</v>
      </c>
      <c r="B4398" s="1" t="s">
        <v>376</v>
      </c>
      <c r="C4398" s="1" t="s">
        <v>15264</v>
      </c>
      <c r="D4398" s="1" t="s">
        <v>10</v>
      </c>
      <c r="E4398" s="1"/>
      <c r="F4398" s="1" t="s">
        <v>10</v>
      </c>
      <c r="G4398" s="1" t="s">
        <v>10</v>
      </c>
      <c r="H4398" s="1" t="s">
        <v>10</v>
      </c>
      <c r="I4398" s="1" t="s">
        <v>14283</v>
      </c>
      <c r="J4398" s="1" t="s">
        <v>14295</v>
      </c>
      <c r="K4398" s="1" t="s">
        <v>37</v>
      </c>
      <c r="L4398" s="1" t="s">
        <v>15263</v>
      </c>
      <c r="M4398" s="1" t="s">
        <v>5</v>
      </c>
      <c r="N4398" s="1" t="s">
        <v>25</v>
      </c>
      <c r="O4398" s="1" t="s">
        <v>38</v>
      </c>
      <c r="P4398" s="5" t="s">
        <v>14</v>
      </c>
    </row>
    <row r="4399" spans="1:16" x14ac:dyDescent="0.2">
      <c r="A4399" s="1" t="s">
        <v>10</v>
      </c>
      <c r="B4399" s="1" t="s">
        <v>376</v>
      </c>
      <c r="C4399" s="1" t="s">
        <v>15266</v>
      </c>
      <c r="D4399" s="1" t="s">
        <v>10</v>
      </c>
      <c r="E4399" s="1" t="s">
        <v>15267</v>
      </c>
      <c r="F4399" s="1" t="s">
        <v>10</v>
      </c>
      <c r="G4399" s="1" t="s">
        <v>10</v>
      </c>
      <c r="H4399" s="1" t="s">
        <v>10</v>
      </c>
      <c r="I4399" s="1" t="s">
        <v>14283</v>
      </c>
      <c r="J4399" s="1" t="s">
        <v>14325</v>
      </c>
      <c r="K4399" s="1" t="s">
        <v>7</v>
      </c>
      <c r="L4399" s="1" t="s">
        <v>15265</v>
      </c>
      <c r="M4399" s="1" t="s">
        <v>5</v>
      </c>
      <c r="N4399" s="1" t="s">
        <v>6</v>
      </c>
      <c r="O4399" s="1" t="s">
        <v>38</v>
      </c>
      <c r="P4399" s="5" t="s">
        <v>30397</v>
      </c>
    </row>
    <row r="4400" spans="1:16" x14ac:dyDescent="0.2">
      <c r="A4400" s="1" t="s">
        <v>329</v>
      </c>
      <c r="B4400" s="1" t="s">
        <v>596</v>
      </c>
      <c r="C4400" s="1" t="s">
        <v>15271</v>
      </c>
      <c r="D4400" s="1" t="s">
        <v>15269</v>
      </c>
      <c r="E4400" s="1"/>
      <c r="F4400" s="1" t="s">
        <v>10</v>
      </c>
      <c r="G4400" s="1" t="s">
        <v>10</v>
      </c>
      <c r="H4400" s="1" t="s">
        <v>10</v>
      </c>
      <c r="I4400" s="1" t="s">
        <v>15268</v>
      </c>
      <c r="J4400" s="1" t="s">
        <v>15272</v>
      </c>
      <c r="K4400" s="1" t="s">
        <v>7</v>
      </c>
      <c r="L4400" s="1" t="s">
        <v>15270</v>
      </c>
      <c r="M4400" s="1" t="s">
        <v>5</v>
      </c>
      <c r="N4400" s="1" t="s">
        <v>6</v>
      </c>
      <c r="O4400" s="1" t="s">
        <v>38</v>
      </c>
      <c r="P4400" s="5" t="s">
        <v>32779</v>
      </c>
    </row>
    <row r="4401" spans="1:16" x14ac:dyDescent="0.2">
      <c r="A4401" s="1" t="s">
        <v>329</v>
      </c>
      <c r="B4401" s="1" t="s">
        <v>1738</v>
      </c>
      <c r="C4401" s="1" t="s">
        <v>7072</v>
      </c>
      <c r="D4401" s="1" t="s">
        <v>427</v>
      </c>
      <c r="E4401" s="1"/>
      <c r="F4401" s="1" t="s">
        <v>27</v>
      </c>
      <c r="G4401" s="1" t="s">
        <v>10</v>
      </c>
      <c r="H4401" s="1" t="s">
        <v>15274</v>
      </c>
      <c r="I4401" s="1" t="s">
        <v>15268</v>
      </c>
      <c r="J4401" s="1" t="s">
        <v>19</v>
      </c>
      <c r="K4401" s="1" t="s">
        <v>1548</v>
      </c>
      <c r="L4401" s="1" t="s">
        <v>15273</v>
      </c>
      <c r="M4401" s="1" t="s">
        <v>5</v>
      </c>
      <c r="N4401" s="1" t="s">
        <v>6</v>
      </c>
      <c r="O4401" s="1" t="s">
        <v>8</v>
      </c>
      <c r="P4401" s="5" t="s">
        <v>30398</v>
      </c>
    </row>
    <row r="4402" spans="1:16" x14ac:dyDescent="0.2">
      <c r="A4402" s="1" t="s">
        <v>20</v>
      </c>
      <c r="B4402" s="1" t="s">
        <v>4373</v>
      </c>
      <c r="C4402" s="1" t="s">
        <v>15277</v>
      </c>
      <c r="D4402" s="1" t="s">
        <v>10320</v>
      </c>
      <c r="E4402" s="1"/>
      <c r="F4402" s="1" t="s">
        <v>27</v>
      </c>
      <c r="G4402" s="1" t="s">
        <v>10</v>
      </c>
      <c r="H4402" s="1" t="s">
        <v>15278</v>
      </c>
      <c r="I4402" s="1" t="s">
        <v>15268</v>
      </c>
      <c r="J4402" s="1" t="s">
        <v>10</v>
      </c>
      <c r="K4402" s="1" t="s">
        <v>64</v>
      </c>
      <c r="L4402" s="1" t="s">
        <v>15276</v>
      </c>
      <c r="M4402" s="1" t="s">
        <v>5</v>
      </c>
      <c r="N4402" s="1" t="s">
        <v>6</v>
      </c>
      <c r="O4402" s="1" t="s">
        <v>8</v>
      </c>
      <c r="P4402" s="5" t="s">
        <v>30398</v>
      </c>
    </row>
    <row r="4403" spans="1:16" x14ac:dyDescent="0.2">
      <c r="A4403" s="1" t="s">
        <v>66</v>
      </c>
      <c r="B4403" s="1" t="s">
        <v>674</v>
      </c>
      <c r="C4403" s="1" t="s">
        <v>15280</v>
      </c>
      <c r="D4403" s="1" t="s">
        <v>15281</v>
      </c>
      <c r="E4403" s="1" t="s">
        <v>15283</v>
      </c>
      <c r="F4403" s="1" t="s">
        <v>15282</v>
      </c>
      <c r="G4403" s="1" t="s">
        <v>10</v>
      </c>
      <c r="H4403" s="1" t="s">
        <v>15280</v>
      </c>
      <c r="I4403" s="1" t="s">
        <v>15268</v>
      </c>
      <c r="J4403" s="1" t="s">
        <v>10</v>
      </c>
      <c r="K4403" s="1" t="s">
        <v>7</v>
      </c>
      <c r="L4403" s="1" t="s">
        <v>15279</v>
      </c>
      <c r="M4403" s="1" t="s">
        <v>5</v>
      </c>
      <c r="N4403" s="1" t="s">
        <v>6</v>
      </c>
      <c r="O4403" s="1" t="s">
        <v>8</v>
      </c>
      <c r="P4403" s="5" t="s">
        <v>32780</v>
      </c>
    </row>
    <row r="4404" spans="1:16" x14ac:dyDescent="0.2">
      <c r="A4404" s="1" t="s">
        <v>42</v>
      </c>
      <c r="B4404" s="1" t="s">
        <v>43</v>
      </c>
      <c r="C4404" s="1" t="s">
        <v>15286</v>
      </c>
      <c r="D4404" s="1" t="s">
        <v>15284</v>
      </c>
      <c r="E4404" s="1"/>
      <c r="F4404" s="1" t="s">
        <v>27</v>
      </c>
      <c r="G4404" s="1" t="s">
        <v>10</v>
      </c>
      <c r="H4404" s="1" t="s">
        <v>15287</v>
      </c>
      <c r="I4404" s="1" t="s">
        <v>15268</v>
      </c>
      <c r="J4404" s="1" t="s">
        <v>19</v>
      </c>
      <c r="K4404" s="1" t="s">
        <v>37</v>
      </c>
      <c r="L4404" s="1" t="s">
        <v>15285</v>
      </c>
      <c r="M4404" s="1" t="s">
        <v>5</v>
      </c>
      <c r="N4404" s="1" t="s">
        <v>6</v>
      </c>
      <c r="O4404" s="1" t="s">
        <v>8</v>
      </c>
      <c r="P4404" s="5"/>
    </row>
    <row r="4405" spans="1:16" x14ac:dyDescent="0.2">
      <c r="A4405" s="1" t="s">
        <v>42</v>
      </c>
      <c r="B4405" s="1" t="s">
        <v>43</v>
      </c>
      <c r="C4405" s="1" t="s">
        <v>15289</v>
      </c>
      <c r="D4405" s="1" t="s">
        <v>7747</v>
      </c>
      <c r="E4405" s="1"/>
      <c r="F4405" s="1" t="s">
        <v>27</v>
      </c>
      <c r="G4405" s="1" t="s">
        <v>10</v>
      </c>
      <c r="H4405" s="1" t="s">
        <v>15290</v>
      </c>
      <c r="I4405" s="1" t="s">
        <v>15268</v>
      </c>
      <c r="J4405" s="1" t="s">
        <v>19</v>
      </c>
      <c r="K4405" s="1" t="s">
        <v>37</v>
      </c>
      <c r="L4405" s="1" t="s">
        <v>15288</v>
      </c>
      <c r="M4405" s="1" t="s">
        <v>5</v>
      </c>
      <c r="N4405" s="1" t="s">
        <v>6</v>
      </c>
      <c r="O4405" s="1" t="s">
        <v>38</v>
      </c>
      <c r="P4405" s="5"/>
    </row>
    <row r="4406" spans="1:16" x14ac:dyDescent="0.2">
      <c r="A4406" s="1" t="s">
        <v>329</v>
      </c>
      <c r="B4406" s="1" t="s">
        <v>596</v>
      </c>
      <c r="C4406" s="1" t="s">
        <v>15294</v>
      </c>
      <c r="D4406" s="1" t="s">
        <v>15292</v>
      </c>
      <c r="E4406" s="1"/>
      <c r="F4406" s="1" t="s">
        <v>10</v>
      </c>
      <c r="G4406" s="1" t="s">
        <v>10</v>
      </c>
      <c r="H4406" s="1" t="s">
        <v>10</v>
      </c>
      <c r="I4406" s="1" t="s">
        <v>15268</v>
      </c>
      <c r="J4406" s="1" t="s">
        <v>15295</v>
      </c>
      <c r="K4406" s="1" t="s">
        <v>7</v>
      </c>
      <c r="L4406" s="1" t="s">
        <v>15293</v>
      </c>
      <c r="M4406" s="1" t="s">
        <v>5</v>
      </c>
      <c r="N4406" s="1" t="s">
        <v>25</v>
      </c>
      <c r="O4406" s="1" t="s">
        <v>38</v>
      </c>
      <c r="P4406" s="5" t="s">
        <v>30399</v>
      </c>
    </row>
    <row r="4407" spans="1:16" ht="63.75" x14ac:dyDescent="0.2">
      <c r="A4407" s="1" t="s">
        <v>20</v>
      </c>
      <c r="B4407" s="1" t="s">
        <v>445</v>
      </c>
      <c r="C4407" s="1" t="s">
        <v>15298</v>
      </c>
      <c r="D4407" s="1" t="s">
        <v>15296</v>
      </c>
      <c r="E4407" s="1" t="s">
        <v>15300</v>
      </c>
      <c r="F4407" s="1" t="s">
        <v>10</v>
      </c>
      <c r="G4407" s="1" t="s">
        <v>10</v>
      </c>
      <c r="H4407" s="1" t="s">
        <v>10</v>
      </c>
      <c r="I4407" s="1" t="s">
        <v>15268</v>
      </c>
      <c r="J4407" s="1" t="s">
        <v>15299</v>
      </c>
      <c r="K4407" s="1" t="s">
        <v>7</v>
      </c>
      <c r="L4407" s="1" t="s">
        <v>15297</v>
      </c>
      <c r="M4407" s="1" t="s">
        <v>5</v>
      </c>
      <c r="N4407" s="1" t="s">
        <v>25</v>
      </c>
      <c r="O4407" s="1" t="s">
        <v>38</v>
      </c>
      <c r="P4407" s="9" t="s">
        <v>32781</v>
      </c>
    </row>
    <row r="4408" spans="1:16" ht="63.75" x14ac:dyDescent="0.2">
      <c r="A4408" s="1" t="s">
        <v>20</v>
      </c>
      <c r="B4408" s="1" t="s">
        <v>1047</v>
      </c>
      <c r="C4408" s="1" t="s">
        <v>15303</v>
      </c>
      <c r="D4408" s="1" t="s">
        <v>107</v>
      </c>
      <c r="E4408" s="1" t="s">
        <v>15305</v>
      </c>
      <c r="F4408" s="1" t="s">
        <v>10</v>
      </c>
      <c r="G4408" s="1" t="s">
        <v>10</v>
      </c>
      <c r="H4408" s="1" t="s">
        <v>10</v>
      </c>
      <c r="I4408" s="1" t="s">
        <v>15268</v>
      </c>
      <c r="J4408" s="1" t="s">
        <v>15304</v>
      </c>
      <c r="K4408" s="1" t="s">
        <v>13081</v>
      </c>
      <c r="L4408" s="1" t="s">
        <v>15302</v>
      </c>
      <c r="M4408" s="1" t="s">
        <v>5</v>
      </c>
      <c r="N4408" s="1" t="s">
        <v>25</v>
      </c>
      <c r="O4408" s="1" t="s">
        <v>38</v>
      </c>
      <c r="P4408" s="9" t="s">
        <v>32782</v>
      </c>
    </row>
    <row r="4409" spans="1:16" ht="89.25" x14ac:dyDescent="0.2">
      <c r="A4409" s="1" t="s">
        <v>20</v>
      </c>
      <c r="B4409" s="1" t="s">
        <v>445</v>
      </c>
      <c r="C4409" s="1" t="s">
        <v>15308</v>
      </c>
      <c r="D4409" s="1" t="s">
        <v>15306</v>
      </c>
      <c r="E4409" s="1"/>
      <c r="F4409" s="1" t="s">
        <v>10</v>
      </c>
      <c r="G4409" s="1" t="s">
        <v>10</v>
      </c>
      <c r="H4409" s="1" t="s">
        <v>10</v>
      </c>
      <c r="I4409" s="1" t="s">
        <v>15268</v>
      </c>
      <c r="J4409" s="1" t="s">
        <v>19</v>
      </c>
      <c r="K4409" s="1" t="s">
        <v>8982</v>
      </c>
      <c r="L4409" s="1" t="s">
        <v>15307</v>
      </c>
      <c r="M4409" s="1" t="s">
        <v>5</v>
      </c>
      <c r="N4409" s="1" t="s">
        <v>25</v>
      </c>
      <c r="O4409" s="1" t="s">
        <v>38</v>
      </c>
      <c r="P4409" s="9" t="s">
        <v>32783</v>
      </c>
    </row>
    <row r="4410" spans="1:16" x14ac:dyDescent="0.2">
      <c r="A4410" s="1" t="s">
        <v>329</v>
      </c>
      <c r="B4410" s="1" t="s">
        <v>330</v>
      </c>
      <c r="C4410" s="1" t="s">
        <v>15311</v>
      </c>
      <c r="D4410" s="1" t="s">
        <v>15309</v>
      </c>
      <c r="E4410" s="1" t="s">
        <v>10</v>
      </c>
      <c r="F4410" s="1" t="s">
        <v>1108</v>
      </c>
      <c r="G4410" s="1" t="s">
        <v>10</v>
      </c>
      <c r="H4410" s="1" t="s">
        <v>15312</v>
      </c>
      <c r="I4410" s="1" t="s">
        <v>15268</v>
      </c>
      <c r="J4410" s="1" t="s">
        <v>19</v>
      </c>
      <c r="K4410" s="1" t="s">
        <v>100</v>
      </c>
      <c r="L4410" s="1" t="s">
        <v>15310</v>
      </c>
      <c r="M4410" s="1" t="s">
        <v>5</v>
      </c>
      <c r="N4410" s="1" t="s">
        <v>6</v>
      </c>
      <c r="O4410" s="1" t="s">
        <v>8</v>
      </c>
      <c r="P4410" s="5" t="s">
        <v>32784</v>
      </c>
    </row>
    <row r="4411" spans="1:16" x14ac:dyDescent="0.2">
      <c r="A4411" s="1" t="s">
        <v>1385</v>
      </c>
      <c r="B4411" s="1" t="s">
        <v>2028</v>
      </c>
      <c r="C4411" s="1" t="s">
        <v>15314</v>
      </c>
      <c r="D4411" s="1" t="s">
        <v>2027</v>
      </c>
      <c r="E4411" s="1"/>
      <c r="F4411" s="1" t="s">
        <v>2168</v>
      </c>
      <c r="G4411" s="1" t="s">
        <v>10</v>
      </c>
      <c r="H4411" s="1" t="s">
        <v>15317</v>
      </c>
      <c r="I4411" s="1" t="s">
        <v>15268</v>
      </c>
      <c r="J4411" s="1" t="s">
        <v>15316</v>
      </c>
      <c r="K4411" s="1" t="s">
        <v>15315</v>
      </c>
      <c r="L4411" s="1" t="s">
        <v>15313</v>
      </c>
      <c r="M4411" s="1" t="s">
        <v>5</v>
      </c>
      <c r="N4411" s="1" t="s">
        <v>6</v>
      </c>
      <c r="O4411" s="1" t="s">
        <v>8</v>
      </c>
      <c r="P4411" s="5" t="s">
        <v>32785</v>
      </c>
    </row>
    <row r="4412" spans="1:16" ht="38.25" x14ac:dyDescent="0.2">
      <c r="A4412" s="1" t="s">
        <v>66</v>
      </c>
      <c r="B4412" s="1" t="s">
        <v>498</v>
      </c>
      <c r="C4412" s="1" t="s">
        <v>15319</v>
      </c>
      <c r="D4412" s="1" t="s">
        <v>6400</v>
      </c>
      <c r="E4412" s="1"/>
      <c r="F4412" s="1" t="s">
        <v>1108</v>
      </c>
      <c r="G4412" s="1" t="s">
        <v>15320</v>
      </c>
      <c r="H4412" s="1" t="s">
        <v>10</v>
      </c>
      <c r="I4412" s="1" t="s">
        <v>15268</v>
      </c>
      <c r="J4412" s="1" t="s">
        <v>19</v>
      </c>
      <c r="K4412" s="1" t="s">
        <v>64</v>
      </c>
      <c r="L4412" s="1" t="s">
        <v>15318</v>
      </c>
      <c r="M4412" s="1" t="s">
        <v>5</v>
      </c>
      <c r="N4412" s="1" t="s">
        <v>432</v>
      </c>
      <c r="O4412" s="1" t="s">
        <v>8</v>
      </c>
      <c r="P4412" s="9" t="s">
        <v>32786</v>
      </c>
    </row>
    <row r="4413" spans="1:16" ht="63.75" x14ac:dyDescent="0.2">
      <c r="A4413" s="1" t="s">
        <v>329</v>
      </c>
      <c r="B4413" s="1" t="s">
        <v>439</v>
      </c>
      <c r="C4413" s="1" t="s">
        <v>15322</v>
      </c>
      <c r="D4413" s="1" t="s">
        <v>14983</v>
      </c>
      <c r="E4413" s="1" t="s">
        <v>15323</v>
      </c>
      <c r="F4413" s="1" t="s">
        <v>437</v>
      </c>
      <c r="G4413" s="1" t="s">
        <v>9990</v>
      </c>
      <c r="H4413" s="1" t="s">
        <v>10</v>
      </c>
      <c r="I4413" s="1" t="s">
        <v>15268</v>
      </c>
      <c r="J4413" s="1" t="s">
        <v>19</v>
      </c>
      <c r="K4413" s="1" t="s">
        <v>100</v>
      </c>
      <c r="L4413" s="1" t="s">
        <v>15321</v>
      </c>
      <c r="M4413" s="1" t="s">
        <v>5</v>
      </c>
      <c r="N4413" s="1" t="s">
        <v>6</v>
      </c>
      <c r="O4413" s="1" t="s">
        <v>8</v>
      </c>
      <c r="P4413" s="9" t="s">
        <v>32787</v>
      </c>
    </row>
    <row r="4414" spans="1:16" x14ac:dyDescent="0.2">
      <c r="A4414" s="1" t="s">
        <v>1385</v>
      </c>
      <c r="B4414" s="1" t="s">
        <v>1490</v>
      </c>
      <c r="C4414" s="1" t="s">
        <v>15326</v>
      </c>
      <c r="D4414" s="1" t="s">
        <v>15324</v>
      </c>
      <c r="E4414" s="1"/>
      <c r="F4414" s="1" t="s">
        <v>10</v>
      </c>
      <c r="G4414" s="1" t="s">
        <v>10</v>
      </c>
      <c r="H4414" s="1" t="s">
        <v>10</v>
      </c>
      <c r="I4414" s="1" t="s">
        <v>15268</v>
      </c>
      <c r="J4414" s="1" t="s">
        <v>15327</v>
      </c>
      <c r="K4414" s="1" t="s">
        <v>100</v>
      </c>
      <c r="L4414" s="1" t="s">
        <v>15325</v>
      </c>
      <c r="M4414" s="1" t="s">
        <v>5</v>
      </c>
      <c r="N4414" s="1" t="s">
        <v>10</v>
      </c>
      <c r="O4414" s="1" t="s">
        <v>38</v>
      </c>
      <c r="P4414" s="5" t="s">
        <v>29943</v>
      </c>
    </row>
    <row r="4415" spans="1:16" ht="63.75" x14ac:dyDescent="0.2">
      <c r="A4415" s="1" t="s">
        <v>20</v>
      </c>
      <c r="B4415" s="1" t="s">
        <v>253</v>
      </c>
      <c r="C4415" s="1" t="s">
        <v>15330</v>
      </c>
      <c r="D4415" s="1" t="s">
        <v>15328</v>
      </c>
      <c r="E4415" s="1"/>
      <c r="F4415" s="1" t="s">
        <v>10</v>
      </c>
      <c r="G4415" s="1" t="s">
        <v>10</v>
      </c>
      <c r="H4415" s="1" t="s">
        <v>10</v>
      </c>
      <c r="I4415" s="1" t="s">
        <v>15268</v>
      </c>
      <c r="J4415" s="1" t="s">
        <v>15272</v>
      </c>
      <c r="K4415" s="1" t="s">
        <v>7</v>
      </c>
      <c r="L4415" s="1" t="s">
        <v>15329</v>
      </c>
      <c r="M4415" s="1" t="s">
        <v>5</v>
      </c>
      <c r="N4415" s="1" t="s">
        <v>432</v>
      </c>
      <c r="O4415" s="1" t="s">
        <v>38</v>
      </c>
      <c r="P4415" s="9" t="s">
        <v>31710</v>
      </c>
    </row>
    <row r="4416" spans="1:16" ht="89.25" x14ac:dyDescent="0.2">
      <c r="A4416" s="1" t="s">
        <v>20</v>
      </c>
      <c r="B4416" s="1" t="s">
        <v>253</v>
      </c>
      <c r="C4416" s="1" t="s">
        <v>15331</v>
      </c>
      <c r="D4416" s="1" t="s">
        <v>15331</v>
      </c>
      <c r="E4416" s="1"/>
      <c r="F4416" s="1" t="s">
        <v>10</v>
      </c>
      <c r="G4416" s="1" t="s">
        <v>10</v>
      </c>
      <c r="H4416" s="1" t="s">
        <v>10</v>
      </c>
      <c r="I4416" s="1" t="s">
        <v>15268</v>
      </c>
      <c r="J4416" s="1" t="s">
        <v>15272</v>
      </c>
      <c r="K4416" s="1" t="s">
        <v>244</v>
      </c>
      <c r="L4416" s="1" t="s">
        <v>15332</v>
      </c>
      <c r="M4416" s="1" t="s">
        <v>5</v>
      </c>
      <c r="N4416" s="1" t="s">
        <v>6</v>
      </c>
      <c r="O4416" s="1" t="s">
        <v>38</v>
      </c>
      <c r="P4416" s="9" t="s">
        <v>32788</v>
      </c>
    </row>
    <row r="4417" spans="1:16" x14ac:dyDescent="0.2">
      <c r="A4417" s="1" t="s">
        <v>329</v>
      </c>
      <c r="B4417" s="1" t="s">
        <v>1738</v>
      </c>
      <c r="C4417" s="1" t="s">
        <v>15335</v>
      </c>
      <c r="D4417" s="1" t="s">
        <v>15333</v>
      </c>
      <c r="E4417" s="1"/>
      <c r="F4417" s="1" t="s">
        <v>15336</v>
      </c>
      <c r="G4417" s="1" t="s">
        <v>10</v>
      </c>
      <c r="H4417" s="1" t="s">
        <v>15337</v>
      </c>
      <c r="I4417" s="1" t="s">
        <v>15268</v>
      </c>
      <c r="J4417" s="1" t="s">
        <v>19</v>
      </c>
      <c r="K4417" s="1" t="s">
        <v>47</v>
      </c>
      <c r="L4417" s="1" t="s">
        <v>15334</v>
      </c>
      <c r="M4417" s="1" t="s">
        <v>5</v>
      </c>
      <c r="N4417" s="1" t="s">
        <v>6</v>
      </c>
      <c r="O4417" s="1" t="s">
        <v>8</v>
      </c>
      <c r="P4417" s="5" t="s">
        <v>32789</v>
      </c>
    </row>
    <row r="4418" spans="1:16" ht="63.75" x14ac:dyDescent="0.2">
      <c r="A4418" s="1" t="s">
        <v>20</v>
      </c>
      <c r="B4418" s="1" t="s">
        <v>132</v>
      </c>
      <c r="C4418" s="1" t="s">
        <v>15343</v>
      </c>
      <c r="D4418" s="1" t="s">
        <v>15341</v>
      </c>
      <c r="E4418" s="1"/>
      <c r="F4418" s="1" t="s">
        <v>10</v>
      </c>
      <c r="G4418" s="1" t="s">
        <v>10</v>
      </c>
      <c r="H4418" s="1" t="s">
        <v>10</v>
      </c>
      <c r="I4418" s="1" t="s">
        <v>15268</v>
      </c>
      <c r="J4418" s="1" t="s">
        <v>15344</v>
      </c>
      <c r="K4418" s="1" t="s">
        <v>130</v>
      </c>
      <c r="L4418" s="1" t="s">
        <v>15342</v>
      </c>
      <c r="M4418" s="1" t="s">
        <v>5</v>
      </c>
      <c r="N4418" s="1" t="s">
        <v>6</v>
      </c>
      <c r="O4418" s="1" t="s">
        <v>38</v>
      </c>
      <c r="P4418" s="9" t="s">
        <v>32790</v>
      </c>
    </row>
    <row r="4419" spans="1:16" x14ac:dyDescent="0.2">
      <c r="A4419" s="1" t="s">
        <v>66</v>
      </c>
      <c r="B4419" s="1" t="s">
        <v>574</v>
      </c>
      <c r="C4419" s="1" t="s">
        <v>15346</v>
      </c>
      <c r="D4419" s="1" t="s">
        <v>6376</v>
      </c>
      <c r="E4419" s="1"/>
      <c r="F4419" s="1" t="s">
        <v>393</v>
      </c>
      <c r="G4419" s="1" t="s">
        <v>15347</v>
      </c>
      <c r="H4419" s="1" t="s">
        <v>10</v>
      </c>
      <c r="I4419" s="1" t="s">
        <v>15268</v>
      </c>
      <c r="J4419" s="1" t="s">
        <v>10</v>
      </c>
      <c r="K4419" s="1" t="s">
        <v>2591</v>
      </c>
      <c r="L4419" s="1" t="s">
        <v>15345</v>
      </c>
      <c r="M4419" s="1" t="s">
        <v>5</v>
      </c>
      <c r="N4419" s="1" t="s">
        <v>10</v>
      </c>
      <c r="O4419" s="1" t="s">
        <v>8</v>
      </c>
      <c r="P4419" s="5" t="s">
        <v>30398</v>
      </c>
    </row>
    <row r="4420" spans="1:16" ht="63.75" x14ac:dyDescent="0.2">
      <c r="A4420" s="1" t="s">
        <v>32</v>
      </c>
      <c r="B4420" s="1" t="s">
        <v>1163</v>
      </c>
      <c r="C4420" s="1" t="s">
        <v>1159</v>
      </c>
      <c r="D4420" s="1" t="s">
        <v>1160</v>
      </c>
      <c r="E4420" s="1"/>
      <c r="F4420" s="1" t="s">
        <v>10</v>
      </c>
      <c r="G4420" s="1" t="s">
        <v>10</v>
      </c>
      <c r="H4420" s="1" t="s">
        <v>10</v>
      </c>
      <c r="I4420" s="1" t="s">
        <v>15268</v>
      </c>
      <c r="J4420" s="1" t="s">
        <v>19</v>
      </c>
      <c r="K4420" s="1" t="s">
        <v>64</v>
      </c>
      <c r="L4420" s="1" t="s">
        <v>15348</v>
      </c>
      <c r="M4420" s="1" t="s">
        <v>5</v>
      </c>
      <c r="N4420" s="1" t="s">
        <v>6</v>
      </c>
      <c r="O4420" s="1" t="s">
        <v>8</v>
      </c>
      <c r="P4420" s="9" t="s">
        <v>32790</v>
      </c>
    </row>
    <row r="4421" spans="1:16" x14ac:dyDescent="0.2">
      <c r="A4421" s="1" t="s">
        <v>20</v>
      </c>
      <c r="B4421" s="1" t="s">
        <v>101</v>
      </c>
      <c r="C4421" s="1" t="s">
        <v>418</v>
      </c>
      <c r="D4421" s="1" t="s">
        <v>418</v>
      </c>
      <c r="E4421" s="1"/>
      <c r="F4421" s="1" t="s">
        <v>2254</v>
      </c>
      <c r="G4421" s="1" t="s">
        <v>10</v>
      </c>
      <c r="H4421" s="1" t="s">
        <v>9801</v>
      </c>
      <c r="I4421" s="1" t="s">
        <v>15268</v>
      </c>
      <c r="J4421" s="1" t="s">
        <v>2850</v>
      </c>
      <c r="K4421" s="1" t="s">
        <v>7</v>
      </c>
      <c r="L4421" s="1" t="s">
        <v>15349</v>
      </c>
      <c r="M4421" s="1" t="s">
        <v>5</v>
      </c>
      <c r="N4421" s="1" t="s">
        <v>25</v>
      </c>
      <c r="O4421" s="1" t="s">
        <v>8</v>
      </c>
      <c r="P4421" s="5" t="s">
        <v>29821</v>
      </c>
    </row>
    <row r="4422" spans="1:16" ht="63.75" x14ac:dyDescent="0.2">
      <c r="A4422" s="1" t="s">
        <v>66</v>
      </c>
      <c r="B4422" s="1" t="s">
        <v>67</v>
      </c>
      <c r="C4422" s="1" t="s">
        <v>15352</v>
      </c>
      <c r="D4422" s="1" t="s">
        <v>15350</v>
      </c>
      <c r="E4422" s="1"/>
      <c r="F4422" s="1" t="s">
        <v>2254</v>
      </c>
      <c r="G4422" s="1" t="s">
        <v>10</v>
      </c>
      <c r="H4422" s="1" t="s">
        <v>15353</v>
      </c>
      <c r="I4422" s="1" t="s">
        <v>15268</v>
      </c>
      <c r="J4422" s="1" t="s">
        <v>19</v>
      </c>
      <c r="K4422" s="1" t="s">
        <v>7</v>
      </c>
      <c r="L4422" s="1" t="s">
        <v>15351</v>
      </c>
      <c r="M4422" s="1" t="s">
        <v>5</v>
      </c>
      <c r="N4422" s="1" t="s">
        <v>432</v>
      </c>
      <c r="O4422" s="1" t="s">
        <v>8</v>
      </c>
      <c r="P4422" s="9" t="s">
        <v>31710</v>
      </c>
    </row>
    <row r="4423" spans="1:16" ht="63.75" x14ac:dyDescent="0.2">
      <c r="A4423" s="1" t="s">
        <v>66</v>
      </c>
      <c r="B4423" s="1" t="s">
        <v>1117</v>
      </c>
      <c r="C4423" s="1" t="s">
        <v>15355</v>
      </c>
      <c r="D4423" s="1" t="s">
        <v>8314</v>
      </c>
      <c r="E4423" s="1" t="s">
        <v>15356</v>
      </c>
      <c r="F4423" s="1" t="s">
        <v>2254</v>
      </c>
      <c r="G4423" s="1" t="s">
        <v>10</v>
      </c>
      <c r="H4423" s="1" t="s">
        <v>15355</v>
      </c>
      <c r="I4423" s="1" t="s">
        <v>15268</v>
      </c>
      <c r="J4423" s="1" t="s">
        <v>19</v>
      </c>
      <c r="K4423" s="1" t="s">
        <v>64</v>
      </c>
      <c r="L4423" s="1" t="s">
        <v>15354</v>
      </c>
      <c r="M4423" s="1" t="s">
        <v>5</v>
      </c>
      <c r="N4423" s="1" t="s">
        <v>6</v>
      </c>
      <c r="O4423" s="1" t="s">
        <v>8</v>
      </c>
      <c r="P4423" s="9" t="s">
        <v>31710</v>
      </c>
    </row>
    <row r="4424" spans="1:16" ht="63.75" x14ac:dyDescent="0.2">
      <c r="A4424" s="1" t="s">
        <v>20</v>
      </c>
      <c r="B4424" s="1" t="s">
        <v>132</v>
      </c>
      <c r="C4424" s="1" t="s">
        <v>15359</v>
      </c>
      <c r="D4424" s="1" t="s">
        <v>15357</v>
      </c>
      <c r="E4424" s="1"/>
      <c r="F4424" s="1" t="s">
        <v>10</v>
      </c>
      <c r="G4424" s="1" t="s">
        <v>10</v>
      </c>
      <c r="H4424" s="1" t="s">
        <v>10</v>
      </c>
      <c r="I4424" s="1" t="s">
        <v>15268</v>
      </c>
      <c r="J4424" s="1" t="s">
        <v>10</v>
      </c>
      <c r="K4424" s="1" t="s">
        <v>7</v>
      </c>
      <c r="L4424" s="1" t="s">
        <v>15358</v>
      </c>
      <c r="M4424" s="1" t="s">
        <v>5</v>
      </c>
      <c r="N4424" s="1" t="s">
        <v>25</v>
      </c>
      <c r="O4424" s="1" t="s">
        <v>38</v>
      </c>
      <c r="P4424" s="9" t="s">
        <v>32790</v>
      </c>
    </row>
    <row r="4425" spans="1:16" ht="63.75" x14ac:dyDescent="0.2">
      <c r="A4425" s="1" t="s">
        <v>487</v>
      </c>
      <c r="B4425" s="1" t="s">
        <v>488</v>
      </c>
      <c r="C4425" s="1" t="s">
        <v>1106</v>
      </c>
      <c r="D4425" s="1" t="s">
        <v>1107</v>
      </c>
      <c r="E4425" s="1" t="s">
        <v>15361</v>
      </c>
      <c r="F4425" s="1" t="s">
        <v>2254</v>
      </c>
      <c r="G4425" s="1" t="s">
        <v>15362</v>
      </c>
      <c r="H4425" s="1" t="s">
        <v>15363</v>
      </c>
      <c r="I4425" s="1" t="s">
        <v>15268</v>
      </c>
      <c r="J4425" s="1" t="s">
        <v>19</v>
      </c>
      <c r="K4425" s="1" t="s">
        <v>443</v>
      </c>
      <c r="L4425" s="1" t="s">
        <v>15360</v>
      </c>
      <c r="M4425" s="1" t="s">
        <v>5</v>
      </c>
      <c r="N4425" s="1" t="s">
        <v>6</v>
      </c>
      <c r="O4425" s="1" t="s">
        <v>8</v>
      </c>
      <c r="P4425" s="9" t="s">
        <v>32790</v>
      </c>
    </row>
    <row r="4426" spans="1:16" x14ac:dyDescent="0.2">
      <c r="A4426" s="1" t="s">
        <v>42</v>
      </c>
      <c r="B4426" s="1" t="s">
        <v>1664</v>
      </c>
      <c r="C4426" s="1" t="s">
        <v>15365</v>
      </c>
      <c r="D4426" s="1" t="s">
        <v>1190</v>
      </c>
      <c r="E4426" s="1" t="s">
        <v>15367</v>
      </c>
      <c r="F4426" s="1" t="s">
        <v>10</v>
      </c>
      <c r="G4426" s="1" t="s">
        <v>10</v>
      </c>
      <c r="H4426" s="1" t="s">
        <v>10</v>
      </c>
      <c r="I4426" s="1" t="s">
        <v>15268</v>
      </c>
      <c r="J4426" s="1" t="s">
        <v>19</v>
      </c>
      <c r="K4426" s="1" t="s">
        <v>15366</v>
      </c>
      <c r="L4426" s="1" t="s">
        <v>15364</v>
      </c>
      <c r="M4426" s="1" t="s">
        <v>5</v>
      </c>
      <c r="N4426" s="1" t="s">
        <v>25</v>
      </c>
      <c r="O4426" s="1" t="s">
        <v>38</v>
      </c>
      <c r="P4426" s="5" t="s">
        <v>29821</v>
      </c>
    </row>
    <row r="4427" spans="1:16" ht="63.75" x14ac:dyDescent="0.2">
      <c r="A4427" s="1" t="s">
        <v>20</v>
      </c>
      <c r="B4427" s="1" t="s">
        <v>1804</v>
      </c>
      <c r="C4427" s="1" t="s">
        <v>15368</v>
      </c>
      <c r="D4427" s="1" t="s">
        <v>10</v>
      </c>
      <c r="E4427" s="1" t="s">
        <v>15370</v>
      </c>
      <c r="F4427" s="1" t="s">
        <v>1095</v>
      </c>
      <c r="G4427" s="1" t="s">
        <v>10</v>
      </c>
      <c r="H4427" s="1" t="s">
        <v>15368</v>
      </c>
      <c r="I4427" s="1" t="s">
        <v>15268</v>
      </c>
      <c r="J4427" s="1" t="s">
        <v>19</v>
      </c>
      <c r="K4427" s="1" t="s">
        <v>443</v>
      </c>
      <c r="L4427" s="1" t="s">
        <v>15369</v>
      </c>
      <c r="M4427" s="1" t="s">
        <v>5</v>
      </c>
      <c r="N4427" s="1" t="s">
        <v>25</v>
      </c>
      <c r="O4427" s="1" t="s">
        <v>8</v>
      </c>
      <c r="P4427" s="9" t="s">
        <v>32790</v>
      </c>
    </row>
    <row r="4428" spans="1:16" x14ac:dyDescent="0.2">
      <c r="A4428" s="1" t="s">
        <v>487</v>
      </c>
      <c r="B4428" s="1" t="s">
        <v>765</v>
      </c>
      <c r="C4428" s="1" t="s">
        <v>15374</v>
      </c>
      <c r="D4428" s="1" t="s">
        <v>15372</v>
      </c>
      <c r="E4428" s="1" t="s">
        <v>15376</v>
      </c>
      <c r="F4428" s="1" t="s">
        <v>10</v>
      </c>
      <c r="G4428" s="1" t="s">
        <v>10</v>
      </c>
      <c r="H4428" s="1" t="s">
        <v>10</v>
      </c>
      <c r="I4428" s="1" t="s">
        <v>15371</v>
      </c>
      <c r="J4428" s="1" t="s">
        <v>15375</v>
      </c>
      <c r="K4428" s="1" t="s">
        <v>64</v>
      </c>
      <c r="L4428" s="1" t="s">
        <v>15373</v>
      </c>
      <c r="M4428" s="1" t="s">
        <v>5</v>
      </c>
      <c r="N4428" s="1" t="s">
        <v>25</v>
      </c>
      <c r="O4428" s="1" t="s">
        <v>38</v>
      </c>
      <c r="P4428" s="5" t="s">
        <v>30400</v>
      </c>
    </row>
    <row r="4429" spans="1:16" x14ac:dyDescent="0.2">
      <c r="A4429" s="1" t="s">
        <v>66</v>
      </c>
      <c r="B4429" s="1" t="s">
        <v>574</v>
      </c>
      <c r="C4429" s="1" t="s">
        <v>15380</v>
      </c>
      <c r="D4429" s="1" t="s">
        <v>15382</v>
      </c>
      <c r="E4429" s="1"/>
      <c r="F4429" s="1" t="s">
        <v>15</v>
      </c>
      <c r="G4429" s="1" t="s">
        <v>10</v>
      </c>
      <c r="H4429" s="1" t="s">
        <v>15383</v>
      </c>
      <c r="I4429" s="1" t="s">
        <v>15371</v>
      </c>
      <c r="J4429" s="1" t="s">
        <v>15375</v>
      </c>
      <c r="K4429" s="1" t="s">
        <v>64</v>
      </c>
      <c r="L4429" s="1" t="s">
        <v>15381</v>
      </c>
      <c r="M4429" s="1" t="s">
        <v>5</v>
      </c>
      <c r="N4429" s="1" t="s">
        <v>25</v>
      </c>
      <c r="O4429" s="1" t="s">
        <v>8</v>
      </c>
      <c r="P4429" s="5" t="s">
        <v>29821</v>
      </c>
    </row>
    <row r="4430" spans="1:16" ht="76.5" x14ac:dyDescent="0.2">
      <c r="A4430" s="1" t="s">
        <v>32</v>
      </c>
      <c r="B4430" s="1" t="s">
        <v>140</v>
      </c>
      <c r="C4430" s="1" t="s">
        <v>15386</v>
      </c>
      <c r="D4430" s="1" t="s">
        <v>15384</v>
      </c>
      <c r="E4430" s="1"/>
      <c r="F4430" s="1" t="s">
        <v>1095</v>
      </c>
      <c r="G4430" s="1" t="s">
        <v>1042</v>
      </c>
      <c r="H4430" s="1" t="s">
        <v>15388</v>
      </c>
      <c r="I4430" s="1" t="s">
        <v>15371</v>
      </c>
      <c r="J4430" s="1" t="s">
        <v>15387</v>
      </c>
      <c r="K4430" s="1" t="s">
        <v>64</v>
      </c>
      <c r="L4430" s="1" t="s">
        <v>15385</v>
      </c>
      <c r="M4430" s="1" t="s">
        <v>5</v>
      </c>
      <c r="N4430" s="1" t="s">
        <v>25</v>
      </c>
      <c r="O4430" s="1" t="s">
        <v>8</v>
      </c>
      <c r="P4430" s="9" t="s">
        <v>31711</v>
      </c>
    </row>
    <row r="4431" spans="1:16" x14ac:dyDescent="0.2">
      <c r="A4431" s="1" t="s">
        <v>20</v>
      </c>
      <c r="B4431" s="1" t="s">
        <v>445</v>
      </c>
      <c r="C4431" s="1" t="s">
        <v>15389</v>
      </c>
      <c r="D4431" s="1" t="s">
        <v>15389</v>
      </c>
      <c r="E4431" s="1" t="s">
        <v>15392</v>
      </c>
      <c r="F4431" s="1" t="s">
        <v>10</v>
      </c>
      <c r="G4431" s="1" t="s">
        <v>10</v>
      </c>
      <c r="H4431" s="1" t="s">
        <v>10</v>
      </c>
      <c r="I4431" s="1" t="s">
        <v>15371</v>
      </c>
      <c r="J4431" s="1" t="s">
        <v>15391</v>
      </c>
      <c r="K4431" s="1" t="s">
        <v>130</v>
      </c>
      <c r="L4431" s="1" t="s">
        <v>15390</v>
      </c>
      <c r="M4431" s="1" t="s">
        <v>5</v>
      </c>
      <c r="N4431" s="1" t="s">
        <v>25</v>
      </c>
      <c r="O4431" s="1" t="s">
        <v>38</v>
      </c>
      <c r="P4431" s="5" t="s">
        <v>30401</v>
      </c>
    </row>
    <row r="4432" spans="1:16" x14ac:dyDescent="0.2">
      <c r="A4432" s="1" t="s">
        <v>20</v>
      </c>
      <c r="B4432" s="1" t="s">
        <v>445</v>
      </c>
      <c r="C4432" s="1" t="s">
        <v>15393</v>
      </c>
      <c r="D4432" s="1" t="s">
        <v>15393</v>
      </c>
      <c r="E4432" s="1"/>
      <c r="F4432" s="1" t="s">
        <v>27</v>
      </c>
      <c r="G4432" s="1" t="s">
        <v>1042</v>
      </c>
      <c r="H4432" s="1" t="s">
        <v>15395</v>
      </c>
      <c r="I4432" s="1" t="s">
        <v>15371</v>
      </c>
      <c r="J4432" s="1" t="s">
        <v>15391</v>
      </c>
      <c r="K4432" s="1" t="s">
        <v>7</v>
      </c>
      <c r="L4432" s="1" t="s">
        <v>15394</v>
      </c>
      <c r="M4432" s="1" t="s">
        <v>5</v>
      </c>
      <c r="N4432" s="1" t="s">
        <v>25</v>
      </c>
      <c r="O4432" s="1" t="s">
        <v>8</v>
      </c>
      <c r="P4432" s="5" t="s">
        <v>31712</v>
      </c>
    </row>
    <row r="4433" spans="1:16" ht="38.25" x14ac:dyDescent="0.2">
      <c r="A4433" s="1" t="s">
        <v>66</v>
      </c>
      <c r="B4433" s="1" t="s">
        <v>574</v>
      </c>
      <c r="C4433" s="1" t="s">
        <v>15396</v>
      </c>
      <c r="D4433" s="1" t="s">
        <v>15396</v>
      </c>
      <c r="E4433" s="1"/>
      <c r="F4433" s="1" t="s">
        <v>27</v>
      </c>
      <c r="G4433" s="1" t="s">
        <v>1042</v>
      </c>
      <c r="H4433" s="1" t="s">
        <v>15396</v>
      </c>
      <c r="I4433" s="1" t="s">
        <v>15371</v>
      </c>
      <c r="J4433" s="1" t="s">
        <v>15398</v>
      </c>
      <c r="K4433" s="1" t="s">
        <v>7</v>
      </c>
      <c r="L4433" s="1" t="s">
        <v>15397</v>
      </c>
      <c r="M4433" s="1" t="s">
        <v>5</v>
      </c>
      <c r="N4433" s="1" t="s">
        <v>25</v>
      </c>
      <c r="O4433" s="1" t="s">
        <v>8</v>
      </c>
      <c r="P4433" s="9" t="s">
        <v>31713</v>
      </c>
    </row>
    <row r="4434" spans="1:16" x14ac:dyDescent="0.2">
      <c r="A4434" s="1" t="s">
        <v>20</v>
      </c>
      <c r="B4434" s="1" t="s">
        <v>3530</v>
      </c>
      <c r="C4434" s="1" t="s">
        <v>15401</v>
      </c>
      <c r="D4434" s="1" t="s">
        <v>15399</v>
      </c>
      <c r="E4434" s="1" t="s">
        <v>15404</v>
      </c>
      <c r="F4434" s="1" t="s">
        <v>15402</v>
      </c>
      <c r="G4434" s="1" t="s">
        <v>1042</v>
      </c>
      <c r="H4434" s="1" t="s">
        <v>15405</v>
      </c>
      <c r="I4434" s="1" t="s">
        <v>15371</v>
      </c>
      <c r="J4434" s="1" t="s">
        <v>15403</v>
      </c>
      <c r="K4434" s="1" t="s">
        <v>64</v>
      </c>
      <c r="L4434" s="1" t="s">
        <v>15400</v>
      </c>
      <c r="M4434" s="1" t="s">
        <v>5</v>
      </c>
      <c r="N4434" s="1" t="s">
        <v>25</v>
      </c>
      <c r="O4434" s="1" t="s">
        <v>8</v>
      </c>
      <c r="P4434" s="5" t="s">
        <v>30402</v>
      </c>
    </row>
    <row r="4435" spans="1:16" x14ac:dyDescent="0.2">
      <c r="A4435" s="1" t="s">
        <v>66</v>
      </c>
      <c r="B4435" s="1" t="s">
        <v>574</v>
      </c>
      <c r="C4435" s="1" t="s">
        <v>15408</v>
      </c>
      <c r="D4435" s="1" t="s">
        <v>15406</v>
      </c>
      <c r="E4435" s="1" t="s">
        <v>15409</v>
      </c>
      <c r="F4435" s="1" t="s">
        <v>15</v>
      </c>
      <c r="G4435" s="1" t="s">
        <v>15410</v>
      </c>
      <c r="H4435" s="1" t="s">
        <v>10</v>
      </c>
      <c r="I4435" s="1" t="s">
        <v>15371</v>
      </c>
      <c r="J4435" s="1" t="s">
        <v>15375</v>
      </c>
      <c r="K4435" s="1" t="s">
        <v>64</v>
      </c>
      <c r="L4435" s="1" t="s">
        <v>15407</v>
      </c>
      <c r="M4435" s="1" t="s">
        <v>5</v>
      </c>
      <c r="N4435" s="1" t="s">
        <v>25</v>
      </c>
      <c r="O4435" s="1" t="s">
        <v>8</v>
      </c>
      <c r="P4435" s="5" t="s">
        <v>29821</v>
      </c>
    </row>
    <row r="4436" spans="1:16" x14ac:dyDescent="0.2">
      <c r="A4436" s="1" t="s">
        <v>42</v>
      </c>
      <c r="B4436" s="1" t="s">
        <v>2091</v>
      </c>
      <c r="C4436" s="1" t="s">
        <v>15414</v>
      </c>
      <c r="D4436" s="1" t="s">
        <v>15412</v>
      </c>
      <c r="E4436" s="1" t="s">
        <v>15415</v>
      </c>
      <c r="F4436" s="1" t="s">
        <v>10</v>
      </c>
      <c r="G4436" s="1" t="s">
        <v>10</v>
      </c>
      <c r="H4436" s="1" t="s">
        <v>10</v>
      </c>
      <c r="I4436" s="1" t="s">
        <v>15371</v>
      </c>
      <c r="J4436" s="1" t="s">
        <v>15377</v>
      </c>
      <c r="K4436" s="1" t="s">
        <v>64</v>
      </c>
      <c r="L4436" s="1" t="s">
        <v>15413</v>
      </c>
      <c r="M4436" s="1" t="s">
        <v>5</v>
      </c>
      <c r="N4436" s="1" t="s">
        <v>6</v>
      </c>
      <c r="O4436" s="1" t="s">
        <v>38</v>
      </c>
      <c r="P4436" s="5" t="s">
        <v>31714</v>
      </c>
    </row>
    <row r="4437" spans="1:16" x14ac:dyDescent="0.2">
      <c r="A4437" s="1" t="s">
        <v>20</v>
      </c>
      <c r="B4437" s="1" t="s">
        <v>4373</v>
      </c>
      <c r="C4437" s="1" t="s">
        <v>15418</v>
      </c>
      <c r="D4437" s="1" t="s">
        <v>15416</v>
      </c>
      <c r="E4437" s="1" t="s">
        <v>15419</v>
      </c>
      <c r="F4437" s="1" t="s">
        <v>10</v>
      </c>
      <c r="G4437" s="1" t="s">
        <v>10</v>
      </c>
      <c r="H4437" s="1" t="s">
        <v>10</v>
      </c>
      <c r="I4437" s="1" t="s">
        <v>15371</v>
      </c>
      <c r="J4437" s="1" t="s">
        <v>10</v>
      </c>
      <c r="K4437" s="1" t="s">
        <v>7</v>
      </c>
      <c r="L4437" s="1" t="s">
        <v>15417</v>
      </c>
      <c r="M4437" s="1" t="s">
        <v>3905</v>
      </c>
      <c r="N4437" s="1" t="s">
        <v>25</v>
      </c>
      <c r="O4437" s="1" t="s">
        <v>38</v>
      </c>
      <c r="P4437" s="5" t="s">
        <v>30403</v>
      </c>
    </row>
    <row r="4438" spans="1:16" x14ac:dyDescent="0.2">
      <c r="A4438" s="1" t="s">
        <v>66</v>
      </c>
      <c r="B4438" s="1" t="s">
        <v>574</v>
      </c>
      <c r="C4438" s="1" t="s">
        <v>15421</v>
      </c>
      <c r="D4438" s="1" t="s">
        <v>15422</v>
      </c>
      <c r="E4438" s="1" t="s">
        <v>15423</v>
      </c>
      <c r="F4438" s="1" t="s">
        <v>1813</v>
      </c>
      <c r="G4438" s="1" t="s">
        <v>1042</v>
      </c>
      <c r="H4438" s="1" t="s">
        <v>15421</v>
      </c>
      <c r="I4438" s="1" t="s">
        <v>15371</v>
      </c>
      <c r="J4438" s="1" t="s">
        <v>15375</v>
      </c>
      <c r="K4438" s="1" t="s">
        <v>64</v>
      </c>
      <c r="L4438" s="1" t="s">
        <v>15420</v>
      </c>
      <c r="M4438" s="1" t="s">
        <v>5</v>
      </c>
      <c r="N4438" s="1" t="s">
        <v>25</v>
      </c>
      <c r="O4438" s="1" t="s">
        <v>8</v>
      </c>
      <c r="P4438" s="5" t="s">
        <v>31715</v>
      </c>
    </row>
    <row r="4439" spans="1:16" x14ac:dyDescent="0.2">
      <c r="A4439" s="1" t="s">
        <v>20</v>
      </c>
      <c r="B4439" s="1" t="s">
        <v>445</v>
      </c>
      <c r="C4439" s="1" t="s">
        <v>15426</v>
      </c>
      <c r="D4439" s="1" t="s">
        <v>15424</v>
      </c>
      <c r="E4439" s="1"/>
      <c r="F4439" s="1" t="s">
        <v>10</v>
      </c>
      <c r="G4439" s="1" t="s">
        <v>10</v>
      </c>
      <c r="H4439" s="1" t="s">
        <v>10</v>
      </c>
      <c r="I4439" s="1" t="s">
        <v>15371</v>
      </c>
      <c r="J4439" s="1" t="s">
        <v>15379</v>
      </c>
      <c r="K4439" s="1" t="s">
        <v>100</v>
      </c>
      <c r="L4439" s="1" t="s">
        <v>15425</v>
      </c>
      <c r="M4439" s="1" t="s">
        <v>5</v>
      </c>
      <c r="N4439" s="1" t="s">
        <v>25</v>
      </c>
      <c r="O4439" s="1" t="s">
        <v>38</v>
      </c>
      <c r="P4439" s="5" t="s">
        <v>30404</v>
      </c>
    </row>
    <row r="4440" spans="1:16" x14ac:dyDescent="0.2">
      <c r="A4440" s="1" t="s">
        <v>20</v>
      </c>
      <c r="B4440" s="1" t="s">
        <v>302</v>
      </c>
      <c r="C4440" s="1" t="s">
        <v>15429</v>
      </c>
      <c r="D4440" s="1" t="s">
        <v>15427</v>
      </c>
      <c r="E4440" s="1" t="s">
        <v>15430</v>
      </c>
      <c r="F4440" s="1" t="s">
        <v>10</v>
      </c>
      <c r="G4440" s="1" t="s">
        <v>10</v>
      </c>
      <c r="H4440" s="1" t="s">
        <v>10</v>
      </c>
      <c r="I4440" s="1" t="s">
        <v>15371</v>
      </c>
      <c r="J4440" s="1" t="s">
        <v>15375</v>
      </c>
      <c r="K4440" s="1" t="s">
        <v>64</v>
      </c>
      <c r="L4440" s="1" t="s">
        <v>15428</v>
      </c>
      <c r="M4440" s="1" t="s">
        <v>5</v>
      </c>
      <c r="N4440" s="1" t="s">
        <v>25</v>
      </c>
      <c r="O4440" s="1" t="s">
        <v>38</v>
      </c>
      <c r="P4440" s="5" t="s">
        <v>29821</v>
      </c>
    </row>
    <row r="4441" spans="1:16" x14ac:dyDescent="0.2">
      <c r="A4441" s="1" t="s">
        <v>20</v>
      </c>
      <c r="B4441" s="1" t="s">
        <v>93</v>
      </c>
      <c r="C4441" s="1" t="s">
        <v>15432</v>
      </c>
      <c r="D4441" s="1" t="s">
        <v>14165</v>
      </c>
      <c r="E4441" s="1"/>
      <c r="F4441" s="1" t="s">
        <v>10</v>
      </c>
      <c r="G4441" s="1" t="s">
        <v>10</v>
      </c>
      <c r="H4441" s="1" t="s">
        <v>10</v>
      </c>
      <c r="I4441" s="1" t="s">
        <v>15371</v>
      </c>
      <c r="J4441" s="1" t="s">
        <v>15403</v>
      </c>
      <c r="K4441" s="1" t="s">
        <v>7</v>
      </c>
      <c r="L4441" s="1" t="s">
        <v>15431</v>
      </c>
      <c r="M4441" s="1" t="s">
        <v>5</v>
      </c>
      <c r="N4441" s="1" t="s">
        <v>25</v>
      </c>
      <c r="O4441" s="1" t="s">
        <v>38</v>
      </c>
      <c r="P4441" s="5" t="s">
        <v>30405</v>
      </c>
    </row>
    <row r="4442" spans="1:16" x14ac:dyDescent="0.2">
      <c r="A4442" s="1" t="s">
        <v>20</v>
      </c>
      <c r="B4442" s="1" t="s">
        <v>99</v>
      </c>
      <c r="C4442" s="1" t="s">
        <v>15433</v>
      </c>
      <c r="D4442" s="1" t="s">
        <v>15433</v>
      </c>
      <c r="E4442" s="1"/>
      <c r="F4442" s="1" t="s">
        <v>10</v>
      </c>
      <c r="G4442" s="1" t="s">
        <v>10</v>
      </c>
      <c r="H4442" s="1" t="s">
        <v>10</v>
      </c>
      <c r="I4442" s="1" t="s">
        <v>15371</v>
      </c>
      <c r="J4442" s="1" t="s">
        <v>15377</v>
      </c>
      <c r="K4442" s="1" t="s">
        <v>100</v>
      </c>
      <c r="L4442" s="1" t="s">
        <v>15434</v>
      </c>
      <c r="M4442" s="1" t="s">
        <v>5</v>
      </c>
      <c r="N4442" s="1" t="s">
        <v>25</v>
      </c>
      <c r="O4442" s="1" t="s">
        <v>38</v>
      </c>
      <c r="P4442" s="5" t="s">
        <v>30406</v>
      </c>
    </row>
    <row r="4443" spans="1:16" x14ac:dyDescent="0.2">
      <c r="A4443" s="1" t="s">
        <v>10</v>
      </c>
      <c r="B4443" s="1" t="s">
        <v>10</v>
      </c>
      <c r="C4443" s="1" t="s">
        <v>15435</v>
      </c>
      <c r="D4443" s="1" t="s">
        <v>15435</v>
      </c>
      <c r="E4443" s="1" t="s">
        <v>15437</v>
      </c>
      <c r="F4443" s="1" t="s">
        <v>10</v>
      </c>
      <c r="G4443" s="1" t="s">
        <v>10</v>
      </c>
      <c r="H4443" s="1" t="s">
        <v>10</v>
      </c>
      <c r="I4443" s="1" t="s">
        <v>15371</v>
      </c>
      <c r="J4443" s="1" t="s">
        <v>10</v>
      </c>
      <c r="K4443" s="1" t="s">
        <v>10</v>
      </c>
      <c r="L4443" s="1" t="s">
        <v>15436</v>
      </c>
      <c r="M4443" s="1" t="s">
        <v>5</v>
      </c>
      <c r="N4443" s="1" t="s">
        <v>25</v>
      </c>
      <c r="O4443" s="1" t="s">
        <v>8</v>
      </c>
      <c r="P4443" s="5" t="s">
        <v>31716</v>
      </c>
    </row>
    <row r="4444" spans="1:16" x14ac:dyDescent="0.2">
      <c r="A4444" s="1" t="s">
        <v>10</v>
      </c>
      <c r="B4444" s="1" t="s">
        <v>10</v>
      </c>
      <c r="C4444" s="1" t="s">
        <v>15440</v>
      </c>
      <c r="D4444" s="1" t="s">
        <v>15438</v>
      </c>
      <c r="E4444" s="1" t="s">
        <v>15441</v>
      </c>
      <c r="F4444" s="1" t="s">
        <v>10</v>
      </c>
      <c r="G4444" s="1" t="s">
        <v>10</v>
      </c>
      <c r="H4444" s="1" t="s">
        <v>10</v>
      </c>
      <c r="I4444" s="1" t="s">
        <v>15371</v>
      </c>
      <c r="J4444" s="1" t="s">
        <v>10</v>
      </c>
      <c r="K4444" s="1" t="s">
        <v>10</v>
      </c>
      <c r="L4444" s="1" t="s">
        <v>15439</v>
      </c>
      <c r="M4444" s="1" t="s">
        <v>5</v>
      </c>
      <c r="N4444" s="1" t="s">
        <v>25</v>
      </c>
      <c r="O4444" s="1" t="s">
        <v>38</v>
      </c>
      <c r="P4444" s="5" t="s">
        <v>10</v>
      </c>
    </row>
    <row r="4445" spans="1:16" x14ac:dyDescent="0.2">
      <c r="A4445" s="1" t="s">
        <v>42</v>
      </c>
      <c r="B4445" s="1" t="s">
        <v>118</v>
      </c>
      <c r="C4445" s="1" t="s">
        <v>15444</v>
      </c>
      <c r="D4445" s="1" t="s">
        <v>15442</v>
      </c>
      <c r="E4445" s="1" t="s">
        <v>15445</v>
      </c>
      <c r="F4445" s="1" t="s">
        <v>10</v>
      </c>
      <c r="G4445" s="1" t="s">
        <v>10</v>
      </c>
      <c r="H4445" s="1" t="s">
        <v>10</v>
      </c>
      <c r="I4445" s="1" t="s">
        <v>15371</v>
      </c>
      <c r="J4445" s="1" t="s">
        <v>15377</v>
      </c>
      <c r="K4445" s="1" t="s">
        <v>27</v>
      </c>
      <c r="L4445" s="1" t="s">
        <v>15443</v>
      </c>
      <c r="M4445" s="1" t="s">
        <v>5</v>
      </c>
      <c r="N4445" s="1" t="s">
        <v>25</v>
      </c>
      <c r="O4445" s="1" t="s">
        <v>38</v>
      </c>
      <c r="P4445" s="5" t="s">
        <v>30404</v>
      </c>
    </row>
    <row r="4446" spans="1:16" x14ac:dyDescent="0.2">
      <c r="A4446" s="1" t="s">
        <v>10</v>
      </c>
      <c r="B4446" s="1" t="s">
        <v>10</v>
      </c>
      <c r="C4446" s="1" t="s">
        <v>15448</v>
      </c>
      <c r="D4446" s="1" t="s">
        <v>15446</v>
      </c>
      <c r="E4446" s="1" t="s">
        <v>15449</v>
      </c>
      <c r="F4446" s="1" t="s">
        <v>10</v>
      </c>
      <c r="G4446" s="1" t="s">
        <v>10</v>
      </c>
      <c r="H4446" s="1" t="s">
        <v>10</v>
      </c>
      <c r="I4446" s="1" t="s">
        <v>15371</v>
      </c>
      <c r="J4446" s="1" t="s">
        <v>10</v>
      </c>
      <c r="K4446" s="1" t="s">
        <v>10</v>
      </c>
      <c r="L4446" s="1" t="s">
        <v>15447</v>
      </c>
      <c r="M4446" s="1" t="s">
        <v>5</v>
      </c>
      <c r="N4446" s="1" t="s">
        <v>25</v>
      </c>
      <c r="O4446" s="1" t="s">
        <v>38</v>
      </c>
      <c r="P4446" s="5" t="s">
        <v>30407</v>
      </c>
    </row>
    <row r="4447" spans="1:16" x14ac:dyDescent="0.2">
      <c r="A4447" s="1" t="s">
        <v>66</v>
      </c>
      <c r="B4447" s="1" t="s">
        <v>574</v>
      </c>
      <c r="C4447" s="1" t="s">
        <v>3864</v>
      </c>
      <c r="D4447" s="1" t="s">
        <v>15451</v>
      </c>
      <c r="E4447" s="1"/>
      <c r="F4447" s="1" t="s">
        <v>1813</v>
      </c>
      <c r="G4447" s="1" t="s">
        <v>1042</v>
      </c>
      <c r="H4447" s="1" t="s">
        <v>3864</v>
      </c>
      <c r="I4447" s="1" t="s">
        <v>15371</v>
      </c>
      <c r="J4447" s="1" t="s">
        <v>15452</v>
      </c>
      <c r="K4447" s="1" t="s">
        <v>64</v>
      </c>
      <c r="L4447" s="1" t="s">
        <v>15450</v>
      </c>
      <c r="M4447" s="1" t="s">
        <v>5</v>
      </c>
      <c r="N4447" s="1" t="s">
        <v>25</v>
      </c>
      <c r="O4447" s="1" t="s">
        <v>8</v>
      </c>
      <c r="P4447" s="5" t="s">
        <v>30905</v>
      </c>
    </row>
    <row r="4448" spans="1:16" x14ac:dyDescent="0.2">
      <c r="A4448" s="1" t="s">
        <v>487</v>
      </c>
      <c r="B4448" s="1" t="s">
        <v>488</v>
      </c>
      <c r="C4448" s="1" t="s">
        <v>900</v>
      </c>
      <c r="D4448" s="1" t="s">
        <v>900</v>
      </c>
      <c r="E4448" s="1" t="s">
        <v>15454</v>
      </c>
      <c r="F4448" s="1" t="s">
        <v>10</v>
      </c>
      <c r="G4448" s="1" t="s">
        <v>15455</v>
      </c>
      <c r="H4448" s="1" t="s">
        <v>15456</v>
      </c>
      <c r="I4448" s="1" t="s">
        <v>15371</v>
      </c>
      <c r="J4448" s="1" t="s">
        <v>3899</v>
      </c>
      <c r="K4448" s="1" t="s">
        <v>64</v>
      </c>
      <c r="L4448" s="1" t="s">
        <v>15453</v>
      </c>
      <c r="M4448" s="1" t="s">
        <v>5</v>
      </c>
      <c r="N4448" s="1" t="s">
        <v>6</v>
      </c>
      <c r="O4448" s="1" t="s">
        <v>8</v>
      </c>
      <c r="P4448" s="5" t="s">
        <v>30398</v>
      </c>
    </row>
    <row r="4449" spans="1:16" x14ac:dyDescent="0.2">
      <c r="A4449" s="1" t="s">
        <v>10</v>
      </c>
      <c r="B4449" s="1" t="s">
        <v>10</v>
      </c>
      <c r="C4449" s="1" t="s">
        <v>15459</v>
      </c>
      <c r="D4449" s="1" t="s">
        <v>15457</v>
      </c>
      <c r="E4449" s="1" t="s">
        <v>15441</v>
      </c>
      <c r="F4449" s="1" t="s">
        <v>10</v>
      </c>
      <c r="G4449" s="1" t="s">
        <v>10</v>
      </c>
      <c r="H4449" s="1" t="s">
        <v>10</v>
      </c>
      <c r="I4449" s="1" t="s">
        <v>15371</v>
      </c>
      <c r="J4449" s="1" t="s">
        <v>10</v>
      </c>
      <c r="K4449" s="1" t="s">
        <v>10</v>
      </c>
      <c r="L4449" s="1" t="s">
        <v>15458</v>
      </c>
      <c r="M4449" s="1" t="s">
        <v>5</v>
      </c>
      <c r="N4449" s="1" t="s">
        <v>25</v>
      </c>
      <c r="O4449" s="1" t="s">
        <v>38</v>
      </c>
      <c r="P4449" s="5" t="s">
        <v>30408</v>
      </c>
    </row>
    <row r="4450" spans="1:16" x14ac:dyDescent="0.2">
      <c r="A4450" s="1" t="s">
        <v>20</v>
      </c>
      <c r="B4450" s="1" t="s">
        <v>93</v>
      </c>
      <c r="C4450" s="1" t="s">
        <v>15462</v>
      </c>
      <c r="D4450" s="1" t="s">
        <v>15460</v>
      </c>
      <c r="E4450" s="1" t="s">
        <v>15463</v>
      </c>
      <c r="F4450" s="1" t="s">
        <v>10</v>
      </c>
      <c r="G4450" s="1" t="s">
        <v>10</v>
      </c>
      <c r="H4450" s="1" t="s">
        <v>10</v>
      </c>
      <c r="I4450" s="1" t="s">
        <v>15371</v>
      </c>
      <c r="J4450" s="1" t="s">
        <v>15398</v>
      </c>
      <c r="K4450" s="1" t="s">
        <v>100</v>
      </c>
      <c r="L4450" s="1" t="s">
        <v>15461</v>
      </c>
      <c r="M4450" s="1" t="s">
        <v>5</v>
      </c>
      <c r="N4450" s="1" t="s">
        <v>25</v>
      </c>
      <c r="O4450" s="1" t="s">
        <v>38</v>
      </c>
      <c r="P4450" s="5" t="s">
        <v>30400</v>
      </c>
    </row>
    <row r="4451" spans="1:16" x14ac:dyDescent="0.2">
      <c r="A4451" s="1" t="s">
        <v>20</v>
      </c>
      <c r="B4451" s="1" t="s">
        <v>3530</v>
      </c>
      <c r="C4451" s="1" t="s">
        <v>15467</v>
      </c>
      <c r="D4451" s="1" t="s">
        <v>15465</v>
      </c>
      <c r="E4451" s="1" t="s">
        <v>15469</v>
      </c>
      <c r="F4451" s="1" t="s">
        <v>10</v>
      </c>
      <c r="G4451" s="1" t="s">
        <v>10</v>
      </c>
      <c r="H4451" s="1" t="s">
        <v>10</v>
      </c>
      <c r="I4451" s="1" t="s">
        <v>15371</v>
      </c>
      <c r="J4451" s="1" t="s">
        <v>15468</v>
      </c>
      <c r="K4451" s="1" t="s">
        <v>64</v>
      </c>
      <c r="L4451" s="1" t="s">
        <v>15466</v>
      </c>
      <c r="M4451" s="1" t="s">
        <v>5</v>
      </c>
      <c r="N4451" s="1" t="s">
        <v>6</v>
      </c>
      <c r="O4451" s="1" t="s">
        <v>38</v>
      </c>
      <c r="P4451" s="5" t="s">
        <v>31717</v>
      </c>
    </row>
    <row r="4452" spans="1:16" x14ac:dyDescent="0.2">
      <c r="A4452" s="1" t="s">
        <v>20</v>
      </c>
      <c r="B4452" s="1" t="s">
        <v>253</v>
      </c>
      <c r="C4452" s="1" t="s">
        <v>15470</v>
      </c>
      <c r="D4452" s="1" t="s">
        <v>15470</v>
      </c>
      <c r="E4452" s="1"/>
      <c r="F4452" s="1" t="s">
        <v>10</v>
      </c>
      <c r="G4452" s="1" t="s">
        <v>10</v>
      </c>
      <c r="H4452" s="1" t="s">
        <v>10</v>
      </c>
      <c r="I4452" s="1" t="s">
        <v>15371</v>
      </c>
      <c r="J4452" s="1" t="s">
        <v>15472</v>
      </c>
      <c r="K4452" s="1" t="s">
        <v>10</v>
      </c>
      <c r="L4452" s="1" t="s">
        <v>15471</v>
      </c>
      <c r="M4452" s="1" t="s">
        <v>5</v>
      </c>
      <c r="N4452" s="1" t="s">
        <v>25</v>
      </c>
      <c r="O4452" s="1" t="s">
        <v>38</v>
      </c>
      <c r="P4452" s="5" t="s">
        <v>29821</v>
      </c>
    </row>
    <row r="4453" spans="1:16" x14ac:dyDescent="0.2">
      <c r="A4453" s="1" t="s">
        <v>66</v>
      </c>
      <c r="B4453" s="1" t="s">
        <v>574</v>
      </c>
      <c r="C4453" s="1" t="s">
        <v>15475</v>
      </c>
      <c r="D4453" s="1" t="s">
        <v>15473</v>
      </c>
      <c r="E4453" s="1"/>
      <c r="F4453" s="1" t="s">
        <v>10</v>
      </c>
      <c r="G4453" s="1" t="s">
        <v>10</v>
      </c>
      <c r="H4453" s="1" t="s">
        <v>10</v>
      </c>
      <c r="I4453" s="1" t="s">
        <v>15371</v>
      </c>
      <c r="J4453" s="1" t="s">
        <v>15468</v>
      </c>
      <c r="K4453" s="1" t="s">
        <v>64</v>
      </c>
      <c r="L4453" s="1" t="s">
        <v>15474</v>
      </c>
      <c r="M4453" s="1" t="s">
        <v>5</v>
      </c>
      <c r="N4453" s="1" t="s">
        <v>6</v>
      </c>
      <c r="O4453" s="1" t="s">
        <v>38</v>
      </c>
      <c r="P4453" s="5" t="s">
        <v>31718</v>
      </c>
    </row>
    <row r="4454" spans="1:16" ht="38.25" x14ac:dyDescent="0.2">
      <c r="A4454" s="1" t="s">
        <v>20</v>
      </c>
      <c r="B4454" s="1" t="s">
        <v>253</v>
      </c>
      <c r="C4454" s="1" t="s">
        <v>15479</v>
      </c>
      <c r="D4454" s="1" t="s">
        <v>15477</v>
      </c>
      <c r="E4454" s="1"/>
      <c r="F4454" s="1" t="s">
        <v>10</v>
      </c>
      <c r="G4454" s="1" t="s">
        <v>10</v>
      </c>
      <c r="H4454" s="1" t="s">
        <v>10</v>
      </c>
      <c r="I4454" s="1" t="s">
        <v>15371</v>
      </c>
      <c r="J4454" s="1" t="s">
        <v>15398</v>
      </c>
      <c r="K4454" s="1" t="s">
        <v>27</v>
      </c>
      <c r="L4454" s="1" t="s">
        <v>15478</v>
      </c>
      <c r="M4454" s="1" t="s">
        <v>5</v>
      </c>
      <c r="N4454" s="1" t="s">
        <v>25</v>
      </c>
      <c r="O4454" s="1" t="s">
        <v>38</v>
      </c>
      <c r="P4454" s="9" t="s">
        <v>31719</v>
      </c>
    </row>
    <row r="4455" spans="1:16" x14ac:dyDescent="0.2">
      <c r="A4455" s="1" t="s">
        <v>20</v>
      </c>
      <c r="B4455" s="1" t="s">
        <v>253</v>
      </c>
      <c r="C4455" s="1" t="s">
        <v>15481</v>
      </c>
      <c r="D4455" s="1" t="s">
        <v>15482</v>
      </c>
      <c r="E4455" s="1" t="s">
        <v>15483</v>
      </c>
      <c r="F4455" s="1" t="s">
        <v>10</v>
      </c>
      <c r="G4455" s="1" t="s">
        <v>10</v>
      </c>
      <c r="H4455" s="1" t="s">
        <v>10</v>
      </c>
      <c r="I4455" s="1" t="s">
        <v>15371</v>
      </c>
      <c r="J4455" s="1" t="s">
        <v>15377</v>
      </c>
      <c r="K4455" s="1" t="s">
        <v>27</v>
      </c>
      <c r="L4455" s="1" t="s">
        <v>15480</v>
      </c>
      <c r="M4455" s="1" t="s">
        <v>5</v>
      </c>
      <c r="N4455" s="1" t="s">
        <v>25</v>
      </c>
      <c r="O4455" s="1" t="s">
        <v>38</v>
      </c>
      <c r="P4455" s="5" t="s">
        <v>30409</v>
      </c>
    </row>
    <row r="4456" spans="1:16" x14ac:dyDescent="0.2">
      <c r="A4456" s="1" t="s">
        <v>42</v>
      </c>
      <c r="B4456" s="1" t="s">
        <v>1377</v>
      </c>
      <c r="C4456" s="1" t="s">
        <v>15486</v>
      </c>
      <c r="D4456" s="1" t="s">
        <v>15484</v>
      </c>
      <c r="E4456" s="1"/>
      <c r="F4456" s="1" t="s">
        <v>10</v>
      </c>
      <c r="G4456" s="1" t="s">
        <v>10</v>
      </c>
      <c r="H4456" s="1" t="s">
        <v>10</v>
      </c>
      <c r="I4456" s="1" t="s">
        <v>15371</v>
      </c>
      <c r="J4456" s="1" t="s">
        <v>15377</v>
      </c>
      <c r="K4456" s="1" t="s">
        <v>130</v>
      </c>
      <c r="L4456" s="1" t="s">
        <v>15485</v>
      </c>
      <c r="M4456" s="1" t="s">
        <v>5</v>
      </c>
      <c r="N4456" s="1" t="s">
        <v>1009</v>
      </c>
      <c r="O4456" s="1" t="s">
        <v>38</v>
      </c>
      <c r="P4456" s="5" t="s">
        <v>30410</v>
      </c>
    </row>
    <row r="4457" spans="1:16" x14ac:dyDescent="0.2">
      <c r="A4457" s="1" t="s">
        <v>20</v>
      </c>
      <c r="B4457" s="1" t="s">
        <v>253</v>
      </c>
      <c r="C4457" s="1" t="s">
        <v>15489</v>
      </c>
      <c r="D4457" s="1" t="s">
        <v>15487</v>
      </c>
      <c r="E4457" s="1"/>
      <c r="F4457" s="1" t="s">
        <v>10</v>
      </c>
      <c r="G4457" s="1" t="s">
        <v>10</v>
      </c>
      <c r="H4457" s="1" t="s">
        <v>10</v>
      </c>
      <c r="I4457" s="1" t="s">
        <v>15371</v>
      </c>
      <c r="J4457" s="1" t="s">
        <v>15472</v>
      </c>
      <c r="K4457" s="1" t="s">
        <v>27</v>
      </c>
      <c r="L4457" s="1" t="s">
        <v>15488</v>
      </c>
      <c r="M4457" s="1" t="s">
        <v>5</v>
      </c>
      <c r="N4457" s="1" t="s">
        <v>25</v>
      </c>
      <c r="O4457" s="1" t="s">
        <v>38</v>
      </c>
      <c r="P4457" s="5" t="s">
        <v>30411</v>
      </c>
    </row>
    <row r="4458" spans="1:16" x14ac:dyDescent="0.2">
      <c r="A4458" s="1" t="s">
        <v>20</v>
      </c>
      <c r="B4458" s="1" t="s">
        <v>253</v>
      </c>
      <c r="C4458" s="1" t="s">
        <v>15492</v>
      </c>
      <c r="D4458" s="1" t="s">
        <v>15490</v>
      </c>
      <c r="E4458" s="1"/>
      <c r="F4458" s="1" t="s">
        <v>10</v>
      </c>
      <c r="G4458" s="1" t="s">
        <v>10</v>
      </c>
      <c r="H4458" s="1" t="s">
        <v>10</v>
      </c>
      <c r="I4458" s="1" t="s">
        <v>15371</v>
      </c>
      <c r="J4458" s="1" t="s">
        <v>15398</v>
      </c>
      <c r="K4458" s="1" t="s">
        <v>130</v>
      </c>
      <c r="L4458" s="1" t="s">
        <v>15491</v>
      </c>
      <c r="M4458" s="1" t="s">
        <v>5</v>
      </c>
      <c r="N4458" s="1" t="s">
        <v>6</v>
      </c>
      <c r="O4458" s="1" t="s">
        <v>38</v>
      </c>
      <c r="P4458" s="5" t="s">
        <v>30906</v>
      </c>
    </row>
    <row r="4459" spans="1:16" ht="63.75" x14ac:dyDescent="0.2">
      <c r="A4459" s="1" t="s">
        <v>42</v>
      </c>
      <c r="B4459" s="1" t="s">
        <v>43</v>
      </c>
      <c r="C4459" s="1" t="s">
        <v>15495</v>
      </c>
      <c r="D4459" s="1" t="s">
        <v>15493</v>
      </c>
      <c r="E4459" s="1"/>
      <c r="F4459" s="1" t="s">
        <v>10</v>
      </c>
      <c r="G4459" s="1" t="s">
        <v>10</v>
      </c>
      <c r="H4459" s="1" t="s">
        <v>10</v>
      </c>
      <c r="I4459" s="1" t="s">
        <v>15371</v>
      </c>
      <c r="J4459" s="1" t="s">
        <v>15496</v>
      </c>
      <c r="K4459" s="1" t="s">
        <v>3748</v>
      </c>
      <c r="L4459" s="1" t="s">
        <v>15494</v>
      </c>
      <c r="M4459" s="1" t="s">
        <v>5</v>
      </c>
      <c r="N4459" s="1" t="s">
        <v>25</v>
      </c>
      <c r="O4459" s="1" t="s">
        <v>38</v>
      </c>
      <c r="P4459" s="9" t="s">
        <v>31720</v>
      </c>
    </row>
    <row r="4460" spans="1:16" x14ac:dyDescent="0.2">
      <c r="A4460" s="1" t="s">
        <v>42</v>
      </c>
      <c r="B4460" s="1" t="s">
        <v>50</v>
      </c>
      <c r="C4460" s="1" t="s">
        <v>15499</v>
      </c>
      <c r="D4460" s="1" t="s">
        <v>15497</v>
      </c>
      <c r="E4460" s="1" t="s">
        <v>15500</v>
      </c>
      <c r="F4460" s="1" t="s">
        <v>10</v>
      </c>
      <c r="G4460" s="1" t="s">
        <v>10</v>
      </c>
      <c r="H4460" s="1" t="s">
        <v>10</v>
      </c>
      <c r="I4460" s="1" t="s">
        <v>15371</v>
      </c>
      <c r="J4460" s="1" t="s">
        <v>15377</v>
      </c>
      <c r="K4460" s="1" t="s">
        <v>47</v>
      </c>
      <c r="L4460" s="1" t="s">
        <v>15498</v>
      </c>
      <c r="M4460" s="1" t="s">
        <v>5</v>
      </c>
      <c r="N4460" s="1" t="s">
        <v>25</v>
      </c>
      <c r="O4460" s="1" t="s">
        <v>38</v>
      </c>
      <c r="P4460" s="5" t="s">
        <v>31718</v>
      </c>
    </row>
    <row r="4461" spans="1:16" x14ac:dyDescent="0.2">
      <c r="A4461" s="1" t="s">
        <v>20</v>
      </c>
      <c r="B4461" s="1" t="s">
        <v>3530</v>
      </c>
      <c r="C4461" s="1" t="s">
        <v>15502</v>
      </c>
      <c r="D4461" s="1" t="s">
        <v>15503</v>
      </c>
      <c r="E4461" s="1"/>
      <c r="F4461" s="1" t="s">
        <v>27</v>
      </c>
      <c r="G4461" s="1" t="s">
        <v>1042</v>
      </c>
      <c r="H4461" s="1" t="s">
        <v>15504</v>
      </c>
      <c r="I4461" s="1" t="s">
        <v>15371</v>
      </c>
      <c r="J4461" s="1" t="s">
        <v>15377</v>
      </c>
      <c r="K4461" s="1" t="s">
        <v>27</v>
      </c>
      <c r="L4461" s="1" t="s">
        <v>15501</v>
      </c>
      <c r="M4461" s="1" t="s">
        <v>5</v>
      </c>
      <c r="N4461" s="1" t="s">
        <v>6</v>
      </c>
      <c r="O4461" s="1" t="s">
        <v>8</v>
      </c>
      <c r="P4461" s="5" t="s">
        <v>30412</v>
      </c>
    </row>
    <row r="4462" spans="1:16" x14ac:dyDescent="0.2">
      <c r="A4462" s="1" t="s">
        <v>10</v>
      </c>
      <c r="B4462" s="1" t="s">
        <v>10</v>
      </c>
      <c r="C4462" s="1" t="s">
        <v>15507</v>
      </c>
      <c r="D4462" s="1" t="s">
        <v>15505</v>
      </c>
      <c r="E4462" s="1"/>
      <c r="F4462" s="1" t="s">
        <v>10</v>
      </c>
      <c r="G4462" s="1" t="s">
        <v>10</v>
      </c>
      <c r="H4462" s="1" t="s">
        <v>10</v>
      </c>
      <c r="I4462" s="1" t="s">
        <v>15371</v>
      </c>
      <c r="J4462" s="1" t="s">
        <v>15508</v>
      </c>
      <c r="K4462" s="1" t="s">
        <v>64</v>
      </c>
      <c r="L4462" s="1" t="s">
        <v>15506</v>
      </c>
      <c r="M4462" s="1" t="s">
        <v>5</v>
      </c>
      <c r="N4462" s="1" t="s">
        <v>25</v>
      </c>
      <c r="O4462" s="1" t="s">
        <v>38</v>
      </c>
      <c r="P4462" s="5" t="s">
        <v>30029</v>
      </c>
    </row>
    <row r="4463" spans="1:16" x14ac:dyDescent="0.2">
      <c r="A4463" s="1" t="s">
        <v>66</v>
      </c>
      <c r="B4463" s="1" t="s">
        <v>574</v>
      </c>
      <c r="C4463" s="1" t="s">
        <v>15511</v>
      </c>
      <c r="D4463" s="1" t="s">
        <v>15509</v>
      </c>
      <c r="E4463" s="1" t="s">
        <v>15513</v>
      </c>
      <c r="F4463" s="1" t="s">
        <v>10</v>
      </c>
      <c r="G4463" s="1" t="s">
        <v>10</v>
      </c>
      <c r="H4463" s="1" t="s">
        <v>10</v>
      </c>
      <c r="I4463" s="1" t="s">
        <v>15371</v>
      </c>
      <c r="J4463" s="1" t="s">
        <v>15512</v>
      </c>
      <c r="K4463" s="1" t="s">
        <v>64</v>
      </c>
      <c r="L4463" s="1" t="s">
        <v>15510</v>
      </c>
      <c r="M4463" s="1" t="s">
        <v>5</v>
      </c>
      <c r="N4463" s="1" t="s">
        <v>25</v>
      </c>
      <c r="O4463" s="1" t="s">
        <v>38</v>
      </c>
      <c r="P4463" s="5" t="s">
        <v>31721</v>
      </c>
    </row>
    <row r="4464" spans="1:16" x14ac:dyDescent="0.2">
      <c r="A4464" s="1" t="s">
        <v>20</v>
      </c>
      <c r="B4464" s="1" t="s">
        <v>253</v>
      </c>
      <c r="C4464" s="1" t="s">
        <v>15514</v>
      </c>
      <c r="D4464" s="1" t="s">
        <v>15516</v>
      </c>
      <c r="E4464" s="1"/>
      <c r="F4464" s="1" t="s">
        <v>10</v>
      </c>
      <c r="G4464" s="1" t="s">
        <v>10</v>
      </c>
      <c r="H4464" s="1" t="s">
        <v>10</v>
      </c>
      <c r="I4464" s="1" t="s">
        <v>15371</v>
      </c>
      <c r="J4464" s="1" t="s">
        <v>15377</v>
      </c>
      <c r="K4464" s="1" t="s">
        <v>64</v>
      </c>
      <c r="L4464" s="1" t="s">
        <v>15515</v>
      </c>
      <c r="M4464" s="1" t="s">
        <v>5</v>
      </c>
      <c r="N4464" s="1" t="s">
        <v>25</v>
      </c>
      <c r="O4464" s="1" t="s">
        <v>38</v>
      </c>
      <c r="P4464" s="5" t="s">
        <v>31722</v>
      </c>
    </row>
    <row r="4465" spans="1:16" x14ac:dyDescent="0.2">
      <c r="A4465" s="1" t="s">
        <v>20</v>
      </c>
      <c r="B4465" s="1" t="s">
        <v>253</v>
      </c>
      <c r="C4465" s="1" t="s">
        <v>15518</v>
      </c>
      <c r="D4465" s="1" t="s">
        <v>15519</v>
      </c>
      <c r="E4465" s="1"/>
      <c r="F4465" s="1" t="s">
        <v>522</v>
      </c>
      <c r="G4465" s="1" t="s">
        <v>10</v>
      </c>
      <c r="H4465" s="1" t="s">
        <v>15520</v>
      </c>
      <c r="I4465" s="1" t="s">
        <v>15371</v>
      </c>
      <c r="J4465" s="1" t="s">
        <v>15403</v>
      </c>
      <c r="K4465" s="1" t="s">
        <v>7</v>
      </c>
      <c r="L4465" s="1" t="s">
        <v>15517</v>
      </c>
      <c r="M4465" s="1" t="s">
        <v>5</v>
      </c>
      <c r="N4465" s="1" t="s">
        <v>25</v>
      </c>
      <c r="O4465" s="1" t="s">
        <v>38</v>
      </c>
      <c r="P4465" s="5" t="s">
        <v>31723</v>
      </c>
    </row>
    <row r="4466" spans="1:16" x14ac:dyDescent="0.2">
      <c r="A4466" s="1" t="s">
        <v>487</v>
      </c>
      <c r="B4466" s="1" t="s">
        <v>488</v>
      </c>
      <c r="C4466" s="1" t="s">
        <v>553</v>
      </c>
      <c r="D4466" s="1" t="s">
        <v>553</v>
      </c>
      <c r="E4466" s="1" t="s">
        <v>15522</v>
      </c>
      <c r="F4466" s="1" t="s">
        <v>27</v>
      </c>
      <c r="G4466" s="1" t="s">
        <v>10</v>
      </c>
      <c r="H4466" s="1" t="s">
        <v>15523</v>
      </c>
      <c r="I4466" s="1" t="s">
        <v>15371</v>
      </c>
      <c r="J4466" s="1" t="s">
        <v>3899</v>
      </c>
      <c r="K4466" s="1" t="s">
        <v>64</v>
      </c>
      <c r="L4466" s="1" t="s">
        <v>15521</v>
      </c>
      <c r="M4466" s="1" t="s">
        <v>5</v>
      </c>
      <c r="N4466" s="1" t="s">
        <v>6</v>
      </c>
      <c r="O4466" s="1" t="s">
        <v>8</v>
      </c>
      <c r="P4466" s="5" t="s">
        <v>14</v>
      </c>
    </row>
    <row r="4467" spans="1:16" x14ac:dyDescent="0.2">
      <c r="A4467" s="1" t="s">
        <v>1385</v>
      </c>
      <c r="B4467" s="1" t="s">
        <v>1490</v>
      </c>
      <c r="C4467" s="1" t="s">
        <v>15527</v>
      </c>
      <c r="D4467" s="1" t="s">
        <v>15525</v>
      </c>
      <c r="E4467" s="1"/>
      <c r="F4467" s="1" t="s">
        <v>10</v>
      </c>
      <c r="G4467" s="1" t="s">
        <v>10</v>
      </c>
      <c r="H4467" s="1" t="s">
        <v>10</v>
      </c>
      <c r="I4467" s="1" t="s">
        <v>15371</v>
      </c>
      <c r="J4467" s="1" t="s">
        <v>15528</v>
      </c>
      <c r="K4467" s="1" t="s">
        <v>64</v>
      </c>
      <c r="L4467" s="1" t="s">
        <v>15526</v>
      </c>
      <c r="M4467" s="1" t="s">
        <v>5</v>
      </c>
      <c r="N4467" s="1" t="s">
        <v>6</v>
      </c>
      <c r="O4467" s="1" t="s">
        <v>38</v>
      </c>
      <c r="P4467" s="5" t="s">
        <v>30413</v>
      </c>
    </row>
    <row r="4468" spans="1:16" x14ac:dyDescent="0.2">
      <c r="A4468" s="1" t="s">
        <v>20</v>
      </c>
      <c r="B4468" s="1" t="s">
        <v>3530</v>
      </c>
      <c r="C4468" s="1" t="s">
        <v>15531</v>
      </c>
      <c r="D4468" s="1" t="s">
        <v>15529</v>
      </c>
      <c r="E4468" s="1"/>
      <c r="F4468" s="1" t="s">
        <v>10</v>
      </c>
      <c r="G4468" s="1" t="s">
        <v>10</v>
      </c>
      <c r="H4468" s="1" t="s">
        <v>10</v>
      </c>
      <c r="I4468" s="1" t="s">
        <v>15371</v>
      </c>
      <c r="J4468" s="1" t="s">
        <v>15377</v>
      </c>
      <c r="K4468" s="1" t="s">
        <v>27</v>
      </c>
      <c r="L4468" s="1" t="s">
        <v>15530</v>
      </c>
      <c r="M4468" s="1" t="s">
        <v>5</v>
      </c>
      <c r="N4468" s="1" t="s">
        <v>6</v>
      </c>
      <c r="O4468" s="1" t="s">
        <v>38</v>
      </c>
      <c r="P4468" s="5" t="s">
        <v>30414</v>
      </c>
    </row>
    <row r="4469" spans="1:16" x14ac:dyDescent="0.2">
      <c r="A4469" s="1" t="s">
        <v>66</v>
      </c>
      <c r="B4469" s="1" t="s">
        <v>574</v>
      </c>
      <c r="C4469" s="1" t="s">
        <v>15534</v>
      </c>
      <c r="D4469" s="1" t="s">
        <v>15532</v>
      </c>
      <c r="E4469" s="1" t="s">
        <v>15535</v>
      </c>
      <c r="F4469" s="1" t="s">
        <v>1813</v>
      </c>
      <c r="G4469" s="1" t="s">
        <v>10</v>
      </c>
      <c r="H4469" s="1" t="s">
        <v>15536</v>
      </c>
      <c r="I4469" s="1" t="s">
        <v>15371</v>
      </c>
      <c r="J4469" s="1" t="s">
        <v>15375</v>
      </c>
      <c r="K4469" s="1" t="s">
        <v>64</v>
      </c>
      <c r="L4469" s="1" t="s">
        <v>15533</v>
      </c>
      <c r="M4469" s="1" t="s">
        <v>5</v>
      </c>
      <c r="N4469" s="1" t="s">
        <v>25</v>
      </c>
      <c r="O4469" s="1" t="s">
        <v>8</v>
      </c>
      <c r="P4469" s="5" t="s">
        <v>30029</v>
      </c>
    </row>
    <row r="4470" spans="1:16" x14ac:dyDescent="0.2">
      <c r="A4470" s="1" t="s">
        <v>66</v>
      </c>
      <c r="B4470" s="1" t="s">
        <v>574</v>
      </c>
      <c r="C4470" s="1" t="s">
        <v>15539</v>
      </c>
      <c r="D4470" s="1" t="s">
        <v>15537</v>
      </c>
      <c r="E4470" s="1" t="s">
        <v>15540</v>
      </c>
      <c r="F4470" s="1" t="s">
        <v>998</v>
      </c>
      <c r="G4470" s="1" t="s">
        <v>10</v>
      </c>
      <c r="H4470" s="1" t="s">
        <v>15539</v>
      </c>
      <c r="I4470" s="1" t="s">
        <v>15371</v>
      </c>
      <c r="J4470" s="1" t="s">
        <v>15375</v>
      </c>
      <c r="K4470" s="1" t="s">
        <v>64</v>
      </c>
      <c r="L4470" s="1" t="s">
        <v>15538</v>
      </c>
      <c r="M4470" s="1" t="s">
        <v>5</v>
      </c>
      <c r="N4470" s="1" t="s">
        <v>25</v>
      </c>
      <c r="O4470" s="1" t="s">
        <v>8</v>
      </c>
      <c r="P4470" s="5" t="s">
        <v>30029</v>
      </c>
    </row>
    <row r="4471" spans="1:16" x14ac:dyDescent="0.2">
      <c r="A4471" s="1" t="s">
        <v>66</v>
      </c>
      <c r="B4471" s="1" t="s">
        <v>574</v>
      </c>
      <c r="C4471" s="1" t="s">
        <v>15543</v>
      </c>
      <c r="D4471" s="1" t="s">
        <v>15541</v>
      </c>
      <c r="E4471" s="1"/>
      <c r="F4471" s="1" t="s">
        <v>998</v>
      </c>
      <c r="G4471" s="1" t="s">
        <v>10</v>
      </c>
      <c r="H4471" s="1" t="s">
        <v>15543</v>
      </c>
      <c r="I4471" s="1" t="s">
        <v>15371</v>
      </c>
      <c r="J4471" s="1" t="s">
        <v>15375</v>
      </c>
      <c r="K4471" s="1" t="s">
        <v>64</v>
      </c>
      <c r="L4471" s="1" t="s">
        <v>15542</v>
      </c>
      <c r="M4471" s="1" t="s">
        <v>5</v>
      </c>
      <c r="N4471" s="1" t="s">
        <v>25</v>
      </c>
      <c r="O4471" s="1" t="s">
        <v>8</v>
      </c>
      <c r="P4471" s="5" t="s">
        <v>30029</v>
      </c>
    </row>
    <row r="4472" spans="1:16" x14ac:dyDescent="0.2">
      <c r="A4472" s="1" t="s">
        <v>66</v>
      </c>
      <c r="B4472" s="1" t="s">
        <v>574</v>
      </c>
      <c r="C4472" s="1" t="s">
        <v>15546</v>
      </c>
      <c r="D4472" s="1" t="s">
        <v>15544</v>
      </c>
      <c r="E4472" s="1" t="s">
        <v>15547</v>
      </c>
      <c r="F4472" s="1" t="s">
        <v>1813</v>
      </c>
      <c r="G4472" s="1" t="s">
        <v>10</v>
      </c>
      <c r="H4472" s="1" t="s">
        <v>15546</v>
      </c>
      <c r="I4472" s="1" t="s">
        <v>15371</v>
      </c>
      <c r="J4472" s="1" t="s">
        <v>15375</v>
      </c>
      <c r="K4472" s="1" t="s">
        <v>64</v>
      </c>
      <c r="L4472" s="1" t="s">
        <v>15545</v>
      </c>
      <c r="M4472" s="1" t="s">
        <v>5</v>
      </c>
      <c r="N4472" s="1" t="s">
        <v>432</v>
      </c>
      <c r="O4472" s="1" t="s">
        <v>8</v>
      </c>
      <c r="P4472" s="5" t="s">
        <v>31724</v>
      </c>
    </row>
    <row r="4473" spans="1:16" x14ac:dyDescent="0.2">
      <c r="A4473" s="1" t="s">
        <v>66</v>
      </c>
      <c r="B4473" s="1" t="s">
        <v>574</v>
      </c>
      <c r="C4473" s="1" t="s">
        <v>15550</v>
      </c>
      <c r="D4473" s="1" t="s">
        <v>15548</v>
      </c>
      <c r="E4473" s="1" t="s">
        <v>15551</v>
      </c>
      <c r="F4473" s="1" t="s">
        <v>10</v>
      </c>
      <c r="G4473" s="1" t="s">
        <v>15552</v>
      </c>
      <c r="H4473" s="1" t="s">
        <v>10</v>
      </c>
      <c r="I4473" s="1" t="s">
        <v>15371</v>
      </c>
      <c r="J4473" s="1" t="s">
        <v>15375</v>
      </c>
      <c r="K4473" s="1" t="s">
        <v>64</v>
      </c>
      <c r="L4473" s="1" t="s">
        <v>15549</v>
      </c>
      <c r="M4473" s="1" t="s">
        <v>5</v>
      </c>
      <c r="N4473" s="1" t="s">
        <v>25</v>
      </c>
      <c r="O4473" s="1" t="s">
        <v>8</v>
      </c>
      <c r="P4473" s="5" t="s">
        <v>30415</v>
      </c>
    </row>
    <row r="4474" spans="1:16" x14ac:dyDescent="0.2">
      <c r="A4474" s="1" t="s">
        <v>66</v>
      </c>
      <c r="B4474" s="1" t="s">
        <v>67</v>
      </c>
      <c r="C4474" s="1" t="s">
        <v>15555</v>
      </c>
      <c r="D4474" s="1" t="s">
        <v>15553</v>
      </c>
      <c r="E4474" s="1" t="s">
        <v>15556</v>
      </c>
      <c r="F4474" s="1" t="s">
        <v>1813</v>
      </c>
      <c r="G4474" s="1" t="s">
        <v>10</v>
      </c>
      <c r="H4474" s="1" t="s">
        <v>15557</v>
      </c>
      <c r="I4474" s="1" t="s">
        <v>15371</v>
      </c>
      <c r="J4474" s="1" t="s">
        <v>15375</v>
      </c>
      <c r="K4474" s="1" t="s">
        <v>64</v>
      </c>
      <c r="L4474" s="1" t="s">
        <v>15554</v>
      </c>
      <c r="M4474" s="1" t="s">
        <v>5</v>
      </c>
      <c r="N4474" s="1" t="s">
        <v>25</v>
      </c>
      <c r="O4474" s="1" t="s">
        <v>8</v>
      </c>
      <c r="P4474" s="5" t="s">
        <v>30029</v>
      </c>
    </row>
    <row r="4475" spans="1:16" x14ac:dyDescent="0.2">
      <c r="A4475" s="1" t="s">
        <v>66</v>
      </c>
      <c r="B4475" s="1" t="s">
        <v>574</v>
      </c>
      <c r="C4475" s="1" t="s">
        <v>15560</v>
      </c>
      <c r="D4475" s="1" t="s">
        <v>15558</v>
      </c>
      <c r="E4475" s="1" t="s">
        <v>15561</v>
      </c>
      <c r="F4475" s="1" t="s">
        <v>1813</v>
      </c>
      <c r="G4475" s="1" t="s">
        <v>10</v>
      </c>
      <c r="H4475" s="1" t="s">
        <v>15560</v>
      </c>
      <c r="I4475" s="1" t="s">
        <v>15371</v>
      </c>
      <c r="J4475" s="1" t="s">
        <v>15375</v>
      </c>
      <c r="K4475" s="1" t="s">
        <v>64</v>
      </c>
      <c r="L4475" s="1" t="s">
        <v>15559</v>
      </c>
      <c r="M4475" s="1" t="s">
        <v>5</v>
      </c>
      <c r="N4475" s="1" t="s">
        <v>25</v>
      </c>
      <c r="O4475" s="1" t="s">
        <v>8</v>
      </c>
      <c r="P4475" s="5" t="s">
        <v>30029</v>
      </c>
    </row>
    <row r="4476" spans="1:16" x14ac:dyDescent="0.2">
      <c r="A4476" s="1" t="s">
        <v>20</v>
      </c>
      <c r="B4476" s="1" t="s">
        <v>93</v>
      </c>
      <c r="C4476" s="1" t="s">
        <v>15565</v>
      </c>
      <c r="D4476" s="1" t="s">
        <v>15563</v>
      </c>
      <c r="E4476" s="1" t="s">
        <v>10</v>
      </c>
      <c r="F4476" s="1" t="s">
        <v>3932</v>
      </c>
      <c r="G4476" s="1" t="s">
        <v>1042</v>
      </c>
      <c r="H4476" s="1" t="s">
        <v>15563</v>
      </c>
      <c r="I4476" s="1" t="s">
        <v>15371</v>
      </c>
      <c r="J4476" s="1" t="s">
        <v>15377</v>
      </c>
      <c r="K4476" s="1" t="s">
        <v>27</v>
      </c>
      <c r="L4476" s="1" t="s">
        <v>15564</v>
      </c>
      <c r="M4476" s="1" t="s">
        <v>5</v>
      </c>
      <c r="N4476" s="1" t="s">
        <v>6</v>
      </c>
      <c r="O4476" s="1" t="s">
        <v>8</v>
      </c>
      <c r="P4476" s="5" t="s">
        <v>31725</v>
      </c>
    </row>
    <row r="4477" spans="1:16" x14ac:dyDescent="0.2">
      <c r="A4477" s="1" t="s">
        <v>42</v>
      </c>
      <c r="B4477" s="1" t="s">
        <v>43</v>
      </c>
      <c r="C4477" s="1" t="s">
        <v>15566</v>
      </c>
      <c r="D4477" s="1" t="s">
        <v>15566</v>
      </c>
      <c r="E4477" s="1" t="s">
        <v>15569</v>
      </c>
      <c r="F4477" s="1" t="s">
        <v>10</v>
      </c>
      <c r="G4477" s="1" t="s">
        <v>10</v>
      </c>
      <c r="H4477" s="1" t="s">
        <v>15570</v>
      </c>
      <c r="I4477" s="1" t="s">
        <v>15371</v>
      </c>
      <c r="J4477" s="1" t="s">
        <v>15568</v>
      </c>
      <c r="K4477" s="1" t="s">
        <v>3748</v>
      </c>
      <c r="L4477" s="1" t="s">
        <v>15567</v>
      </c>
      <c r="M4477" s="1" t="s">
        <v>5</v>
      </c>
      <c r="N4477" s="1" t="s">
        <v>25</v>
      </c>
      <c r="O4477" s="1" t="s">
        <v>8</v>
      </c>
      <c r="P4477" s="5" t="s">
        <v>31726</v>
      </c>
    </row>
    <row r="4478" spans="1:16" x14ac:dyDescent="0.2">
      <c r="A4478" s="1" t="s">
        <v>66</v>
      </c>
      <c r="B4478" s="1" t="s">
        <v>674</v>
      </c>
      <c r="C4478" s="1" t="s">
        <v>15571</v>
      </c>
      <c r="D4478" s="1" t="s">
        <v>15573</v>
      </c>
      <c r="E4478" s="1" t="s">
        <v>15575</v>
      </c>
      <c r="F4478" s="1" t="s">
        <v>15574</v>
      </c>
      <c r="G4478" s="1" t="s">
        <v>1042</v>
      </c>
      <c r="H4478" s="1" t="s">
        <v>15571</v>
      </c>
      <c r="I4478" s="1" t="s">
        <v>15371</v>
      </c>
      <c r="J4478" s="1" t="s">
        <v>15375</v>
      </c>
      <c r="K4478" s="1" t="s">
        <v>64</v>
      </c>
      <c r="L4478" s="1" t="s">
        <v>15572</v>
      </c>
      <c r="M4478" s="1" t="s">
        <v>5</v>
      </c>
      <c r="N4478" s="1" t="s">
        <v>25</v>
      </c>
      <c r="O4478" s="1" t="s">
        <v>8</v>
      </c>
      <c r="P4478" s="5" t="s">
        <v>14</v>
      </c>
    </row>
    <row r="4479" spans="1:16" x14ac:dyDescent="0.2">
      <c r="A4479" s="1" t="s">
        <v>10</v>
      </c>
      <c r="B4479" s="1" t="s">
        <v>10</v>
      </c>
      <c r="C4479" s="1" t="s">
        <v>15578</v>
      </c>
      <c r="D4479" s="1" t="s">
        <v>15576</v>
      </c>
      <c r="E4479" s="1" t="s">
        <v>15441</v>
      </c>
      <c r="F4479" s="1" t="s">
        <v>10</v>
      </c>
      <c r="G4479" s="1" t="s">
        <v>10</v>
      </c>
      <c r="H4479" s="1" t="s">
        <v>10</v>
      </c>
      <c r="I4479" s="1" t="s">
        <v>15371</v>
      </c>
      <c r="J4479" s="1" t="s">
        <v>10</v>
      </c>
      <c r="K4479" s="1" t="s">
        <v>10</v>
      </c>
      <c r="L4479" s="1" t="s">
        <v>15577</v>
      </c>
      <c r="M4479" s="1" t="s">
        <v>5</v>
      </c>
      <c r="N4479" s="1" t="s">
        <v>25</v>
      </c>
      <c r="O4479" s="1" t="s">
        <v>38</v>
      </c>
      <c r="P4479" s="5" t="s">
        <v>31727</v>
      </c>
    </row>
    <row r="4480" spans="1:16" x14ac:dyDescent="0.2">
      <c r="A4480" s="1" t="s">
        <v>42</v>
      </c>
      <c r="B4480" s="1" t="s">
        <v>50</v>
      </c>
      <c r="C4480" s="1" t="s">
        <v>1057</v>
      </c>
      <c r="D4480" s="1" t="s">
        <v>15579</v>
      </c>
      <c r="E4480" s="1" t="s">
        <v>15581</v>
      </c>
      <c r="F4480" s="1" t="s">
        <v>10</v>
      </c>
      <c r="G4480" s="1" t="s">
        <v>10</v>
      </c>
      <c r="H4480" s="1" t="s">
        <v>10</v>
      </c>
      <c r="I4480" s="1" t="s">
        <v>15371</v>
      </c>
      <c r="J4480" s="1" t="s">
        <v>15377</v>
      </c>
      <c r="K4480" s="1" t="s">
        <v>47</v>
      </c>
      <c r="L4480" s="1" t="s">
        <v>15580</v>
      </c>
      <c r="M4480" s="1" t="s">
        <v>5</v>
      </c>
      <c r="N4480" s="1" t="s">
        <v>25</v>
      </c>
      <c r="O4480" s="1" t="s">
        <v>38</v>
      </c>
      <c r="P4480" s="5" t="s">
        <v>31728</v>
      </c>
    </row>
    <row r="4481" spans="1:16" x14ac:dyDescent="0.2">
      <c r="A4481" s="1" t="s">
        <v>20</v>
      </c>
      <c r="B4481" s="1" t="s">
        <v>93</v>
      </c>
      <c r="C4481" s="1" t="s">
        <v>15584</v>
      </c>
      <c r="D4481" s="1" t="s">
        <v>15582</v>
      </c>
      <c r="E4481" s="1" t="s">
        <v>15585</v>
      </c>
      <c r="F4481" s="1" t="s">
        <v>10</v>
      </c>
      <c r="G4481" s="1" t="s">
        <v>10</v>
      </c>
      <c r="H4481" s="1" t="s">
        <v>10</v>
      </c>
      <c r="I4481" s="1" t="s">
        <v>15371</v>
      </c>
      <c r="J4481" s="1" t="s">
        <v>15377</v>
      </c>
      <c r="K4481" s="1" t="s">
        <v>100</v>
      </c>
      <c r="L4481" s="1" t="s">
        <v>15583</v>
      </c>
      <c r="M4481" s="1" t="s">
        <v>5</v>
      </c>
      <c r="N4481" s="1" t="s">
        <v>25</v>
      </c>
      <c r="O4481" s="1" t="s">
        <v>38</v>
      </c>
      <c r="P4481" s="5" t="s">
        <v>31728</v>
      </c>
    </row>
    <row r="4482" spans="1:16" x14ac:dyDescent="0.2">
      <c r="A4482" s="1" t="s">
        <v>42</v>
      </c>
      <c r="B4482" s="1" t="s">
        <v>118</v>
      </c>
      <c r="C4482" s="1" t="s">
        <v>15588</v>
      </c>
      <c r="D4482" s="1" t="s">
        <v>15586</v>
      </c>
      <c r="E4482" s="1" t="s">
        <v>15589</v>
      </c>
      <c r="F4482" s="1" t="s">
        <v>10</v>
      </c>
      <c r="G4482" s="1" t="s">
        <v>10</v>
      </c>
      <c r="H4482" s="1" t="s">
        <v>10</v>
      </c>
      <c r="I4482" s="1" t="s">
        <v>15371</v>
      </c>
      <c r="J4482" s="1" t="s">
        <v>15379</v>
      </c>
      <c r="K4482" s="1" t="s">
        <v>7</v>
      </c>
      <c r="L4482" s="1" t="s">
        <v>15587</v>
      </c>
      <c r="M4482" s="1" t="s">
        <v>5</v>
      </c>
      <c r="N4482" s="1" t="s">
        <v>6</v>
      </c>
      <c r="O4482" s="1" t="s">
        <v>38</v>
      </c>
      <c r="P4482" s="5" t="s">
        <v>30400</v>
      </c>
    </row>
    <row r="4483" spans="1:16" ht="38.25" x14ac:dyDescent="0.2">
      <c r="A4483" s="1" t="s">
        <v>42</v>
      </c>
      <c r="B4483" s="1" t="s">
        <v>118</v>
      </c>
      <c r="C4483" s="1" t="s">
        <v>15592</v>
      </c>
      <c r="D4483" s="1" t="s">
        <v>15590</v>
      </c>
      <c r="E4483" s="1" t="s">
        <v>15593</v>
      </c>
      <c r="F4483" s="1" t="s">
        <v>10</v>
      </c>
      <c r="G4483" s="1" t="s">
        <v>10</v>
      </c>
      <c r="H4483" s="1" t="s">
        <v>10</v>
      </c>
      <c r="I4483" s="1" t="s">
        <v>15371</v>
      </c>
      <c r="J4483" s="1" t="s">
        <v>15398</v>
      </c>
      <c r="K4483" s="1" t="s">
        <v>6533</v>
      </c>
      <c r="L4483" s="1" t="s">
        <v>15591</v>
      </c>
      <c r="M4483" s="1" t="s">
        <v>5</v>
      </c>
      <c r="N4483" s="1" t="s">
        <v>25</v>
      </c>
      <c r="O4483" s="1" t="s">
        <v>38</v>
      </c>
      <c r="P4483" s="9" t="s">
        <v>31729</v>
      </c>
    </row>
    <row r="4484" spans="1:16" x14ac:dyDescent="0.2">
      <c r="A4484" s="1" t="s">
        <v>20</v>
      </c>
      <c r="B4484" s="1" t="s">
        <v>309</v>
      </c>
      <c r="C4484" s="1" t="s">
        <v>15596</v>
      </c>
      <c r="D4484" s="1" t="s">
        <v>15594</v>
      </c>
      <c r="E4484" s="1"/>
      <c r="F4484" s="1" t="s">
        <v>10</v>
      </c>
      <c r="G4484" s="1" t="s">
        <v>10</v>
      </c>
      <c r="H4484" s="1" t="s">
        <v>10</v>
      </c>
      <c r="I4484" s="1" t="s">
        <v>15371</v>
      </c>
      <c r="J4484" s="1" t="s">
        <v>10</v>
      </c>
      <c r="K4484" s="1" t="s">
        <v>10</v>
      </c>
      <c r="L4484" s="1" t="s">
        <v>15595</v>
      </c>
      <c r="M4484" s="1" t="s">
        <v>5</v>
      </c>
      <c r="N4484" s="1" t="s">
        <v>25</v>
      </c>
      <c r="O4484" s="1" t="s">
        <v>38</v>
      </c>
      <c r="P4484" s="5" t="s">
        <v>30408</v>
      </c>
    </row>
    <row r="4485" spans="1:16" x14ac:dyDescent="0.2">
      <c r="A4485" s="1" t="s">
        <v>20</v>
      </c>
      <c r="B4485" s="1" t="s">
        <v>93</v>
      </c>
      <c r="C4485" s="1" t="s">
        <v>1904</v>
      </c>
      <c r="D4485" s="1" t="s">
        <v>1904</v>
      </c>
      <c r="E4485" s="1"/>
      <c r="F4485" s="1" t="s">
        <v>3932</v>
      </c>
      <c r="G4485" s="1" t="s">
        <v>1042</v>
      </c>
      <c r="H4485" s="1" t="s">
        <v>2479</v>
      </c>
      <c r="I4485" s="1" t="s">
        <v>15371</v>
      </c>
      <c r="J4485" s="1" t="s">
        <v>15377</v>
      </c>
      <c r="K4485" s="1" t="s">
        <v>27</v>
      </c>
      <c r="L4485" s="1" t="s">
        <v>15597</v>
      </c>
      <c r="M4485" s="1" t="s">
        <v>5</v>
      </c>
      <c r="N4485" s="1" t="s">
        <v>25</v>
      </c>
      <c r="O4485" s="1" t="s">
        <v>8</v>
      </c>
      <c r="P4485" s="5" t="s">
        <v>31730</v>
      </c>
    </row>
    <row r="4486" spans="1:16" ht="102" x14ac:dyDescent="0.2">
      <c r="A4486" s="1" t="s">
        <v>20</v>
      </c>
      <c r="B4486" s="1" t="s">
        <v>253</v>
      </c>
      <c r="C4486" s="1" t="s">
        <v>15599</v>
      </c>
      <c r="D4486" s="1" t="s">
        <v>15508</v>
      </c>
      <c r="E4486" s="1"/>
      <c r="F4486" s="1" t="s">
        <v>27</v>
      </c>
      <c r="G4486" s="1" t="s">
        <v>1042</v>
      </c>
      <c r="H4486" s="1" t="s">
        <v>15601</v>
      </c>
      <c r="I4486" s="1" t="s">
        <v>15371</v>
      </c>
      <c r="J4486" s="1" t="s">
        <v>15600</v>
      </c>
      <c r="K4486" s="1" t="s">
        <v>7</v>
      </c>
      <c r="L4486" s="1" t="s">
        <v>15598</v>
      </c>
      <c r="M4486" s="1" t="s">
        <v>5</v>
      </c>
      <c r="N4486" s="1" t="s">
        <v>25</v>
      </c>
      <c r="O4486" s="1" t="s">
        <v>8</v>
      </c>
      <c r="P4486" s="9" t="s">
        <v>31731</v>
      </c>
    </row>
    <row r="4487" spans="1:16" x14ac:dyDescent="0.2">
      <c r="A4487" s="1" t="s">
        <v>20</v>
      </c>
      <c r="B4487" s="1" t="s">
        <v>1804</v>
      </c>
      <c r="C4487" s="1" t="s">
        <v>15602</v>
      </c>
      <c r="D4487" s="1" t="s">
        <v>15602</v>
      </c>
      <c r="E4487" s="1" t="s">
        <v>15604</v>
      </c>
      <c r="F4487" s="1" t="s">
        <v>10</v>
      </c>
      <c r="G4487" s="1" t="s">
        <v>10</v>
      </c>
      <c r="H4487" s="1" t="s">
        <v>10</v>
      </c>
      <c r="I4487" s="1" t="s">
        <v>15371</v>
      </c>
      <c r="J4487" s="1" t="s">
        <v>10</v>
      </c>
      <c r="K4487" s="1" t="s">
        <v>10</v>
      </c>
      <c r="L4487" s="1" t="s">
        <v>15603</v>
      </c>
      <c r="M4487" s="1" t="s">
        <v>5</v>
      </c>
      <c r="N4487" s="1" t="s">
        <v>25</v>
      </c>
      <c r="O4487" s="1" t="s">
        <v>38</v>
      </c>
      <c r="P4487" s="5" t="s">
        <v>32791</v>
      </c>
    </row>
    <row r="4488" spans="1:16" x14ac:dyDescent="0.2">
      <c r="A4488" s="1" t="s">
        <v>10</v>
      </c>
      <c r="B4488" s="1" t="s">
        <v>10</v>
      </c>
      <c r="C4488" s="1" t="s">
        <v>15607</v>
      </c>
      <c r="D4488" s="1" t="s">
        <v>15605</v>
      </c>
      <c r="E4488" s="1" t="s">
        <v>15608</v>
      </c>
      <c r="F4488" s="1" t="s">
        <v>10</v>
      </c>
      <c r="G4488" s="1" t="s">
        <v>10</v>
      </c>
      <c r="H4488" s="1" t="s">
        <v>10</v>
      </c>
      <c r="I4488" s="1" t="s">
        <v>15371</v>
      </c>
      <c r="J4488" s="1" t="s">
        <v>10</v>
      </c>
      <c r="K4488" s="1" t="s">
        <v>10</v>
      </c>
      <c r="L4488" s="1" t="s">
        <v>15606</v>
      </c>
      <c r="M4488" s="1" t="s">
        <v>5</v>
      </c>
      <c r="N4488" s="1" t="s">
        <v>6</v>
      </c>
      <c r="O4488" s="1" t="s">
        <v>38</v>
      </c>
      <c r="P4488" s="5" t="s">
        <v>31732</v>
      </c>
    </row>
    <row r="4489" spans="1:16" x14ac:dyDescent="0.2">
      <c r="A4489" s="1" t="s">
        <v>1385</v>
      </c>
      <c r="B4489" s="1" t="s">
        <v>1490</v>
      </c>
      <c r="C4489" s="1" t="s">
        <v>15609</v>
      </c>
      <c r="D4489" s="1" t="s">
        <v>15609</v>
      </c>
      <c r="E4489" s="1"/>
      <c r="F4489" s="1" t="s">
        <v>10</v>
      </c>
      <c r="G4489" s="1" t="s">
        <v>10</v>
      </c>
      <c r="H4489" s="1" t="s">
        <v>10</v>
      </c>
      <c r="I4489" s="1" t="s">
        <v>15371</v>
      </c>
      <c r="J4489" s="1" t="s">
        <v>15611</v>
      </c>
      <c r="K4489" s="1" t="s">
        <v>64</v>
      </c>
      <c r="L4489" s="1" t="s">
        <v>15610</v>
      </c>
      <c r="M4489" s="1" t="s">
        <v>5</v>
      </c>
      <c r="N4489" s="1" t="s">
        <v>6</v>
      </c>
      <c r="O4489" s="1" t="s">
        <v>38</v>
      </c>
      <c r="P4489" s="5" t="s">
        <v>31732</v>
      </c>
    </row>
    <row r="4490" spans="1:16" ht="153" x14ac:dyDescent="0.2">
      <c r="A4490" s="1" t="s">
        <v>42</v>
      </c>
      <c r="B4490" s="1" t="s">
        <v>109</v>
      </c>
      <c r="C4490" s="1" t="s">
        <v>15614</v>
      </c>
      <c r="D4490" s="1" t="s">
        <v>15615</v>
      </c>
      <c r="E4490" s="1"/>
      <c r="F4490" s="1" t="s">
        <v>15</v>
      </c>
      <c r="G4490" s="1" t="s">
        <v>1042</v>
      </c>
      <c r="H4490" s="1" t="s">
        <v>15562</v>
      </c>
      <c r="I4490" s="1" t="s">
        <v>15371</v>
      </c>
      <c r="J4490" s="1" t="s">
        <v>15378</v>
      </c>
      <c r="K4490" s="1" t="s">
        <v>27</v>
      </c>
      <c r="L4490" s="1" t="s">
        <v>15613</v>
      </c>
      <c r="M4490" s="1" t="s">
        <v>5</v>
      </c>
      <c r="N4490" s="1" t="s">
        <v>25</v>
      </c>
      <c r="O4490" s="1" t="s">
        <v>8</v>
      </c>
      <c r="P4490" s="9" t="s">
        <v>31733</v>
      </c>
    </row>
    <row r="4491" spans="1:16" x14ac:dyDescent="0.2">
      <c r="A4491" s="1" t="s">
        <v>66</v>
      </c>
      <c r="B4491" s="1" t="s">
        <v>574</v>
      </c>
      <c r="C4491" s="1" t="s">
        <v>15618</v>
      </c>
      <c r="D4491" s="1" t="s">
        <v>15616</v>
      </c>
      <c r="E4491" s="1"/>
      <c r="F4491" s="1" t="s">
        <v>10</v>
      </c>
      <c r="G4491" s="1" t="s">
        <v>15619</v>
      </c>
      <c r="H4491" s="1" t="s">
        <v>10</v>
      </c>
      <c r="I4491" s="1" t="s">
        <v>15371</v>
      </c>
      <c r="J4491" s="1" t="s">
        <v>15375</v>
      </c>
      <c r="K4491" s="1" t="s">
        <v>64</v>
      </c>
      <c r="L4491" s="1" t="s">
        <v>15617</v>
      </c>
      <c r="M4491" s="1" t="s">
        <v>5</v>
      </c>
      <c r="N4491" s="1" t="s">
        <v>25</v>
      </c>
      <c r="O4491" s="1" t="s">
        <v>8</v>
      </c>
      <c r="P4491" s="5" t="s">
        <v>30029</v>
      </c>
    </row>
    <row r="4492" spans="1:16" ht="51" x14ac:dyDescent="0.2">
      <c r="A4492" s="1" t="s">
        <v>42</v>
      </c>
      <c r="B4492" s="1" t="s">
        <v>50</v>
      </c>
      <c r="C4492" s="1" t="s">
        <v>15620</v>
      </c>
      <c r="D4492" s="1" t="s">
        <v>15620</v>
      </c>
      <c r="E4492" s="1" t="s">
        <v>15623</v>
      </c>
      <c r="F4492" s="1" t="s">
        <v>10</v>
      </c>
      <c r="G4492" s="1" t="s">
        <v>10</v>
      </c>
      <c r="H4492" s="1" t="s">
        <v>10</v>
      </c>
      <c r="I4492" s="1" t="s">
        <v>15371</v>
      </c>
      <c r="J4492" s="1" t="s">
        <v>15622</v>
      </c>
      <c r="K4492" s="1" t="s">
        <v>47</v>
      </c>
      <c r="L4492" s="1" t="s">
        <v>15621</v>
      </c>
      <c r="M4492" s="1" t="s">
        <v>5</v>
      </c>
      <c r="N4492" s="1" t="s">
        <v>25</v>
      </c>
      <c r="O4492" s="1" t="s">
        <v>38</v>
      </c>
      <c r="P4492" s="9" t="s">
        <v>31734</v>
      </c>
    </row>
    <row r="4493" spans="1:16" x14ac:dyDescent="0.2">
      <c r="A4493" s="1" t="s">
        <v>42</v>
      </c>
      <c r="B4493" s="1" t="s">
        <v>109</v>
      </c>
      <c r="C4493" s="1" t="s">
        <v>15626</v>
      </c>
      <c r="D4493" s="1" t="s">
        <v>15624</v>
      </c>
      <c r="E4493" s="1"/>
      <c r="F4493" s="1" t="s">
        <v>10</v>
      </c>
      <c r="G4493" s="1" t="s">
        <v>10</v>
      </c>
      <c r="H4493" s="1" t="s">
        <v>10</v>
      </c>
      <c r="I4493" s="1" t="s">
        <v>15371</v>
      </c>
      <c r="J4493" s="1" t="s">
        <v>15378</v>
      </c>
      <c r="K4493" s="1" t="s">
        <v>27</v>
      </c>
      <c r="L4493" s="1" t="s">
        <v>15625</v>
      </c>
      <c r="M4493" s="1" t="s">
        <v>5</v>
      </c>
      <c r="N4493" s="1" t="s">
        <v>25</v>
      </c>
      <c r="O4493" s="1" t="s">
        <v>38</v>
      </c>
      <c r="P4493" s="5" t="s">
        <v>30416</v>
      </c>
    </row>
    <row r="4494" spans="1:16" x14ac:dyDescent="0.2">
      <c r="A4494" s="1" t="s">
        <v>1385</v>
      </c>
      <c r="B4494" s="1" t="s">
        <v>1670</v>
      </c>
      <c r="C4494" s="1" t="s">
        <v>15628</v>
      </c>
      <c r="D4494" s="1" t="s">
        <v>4886</v>
      </c>
      <c r="E4494" s="1"/>
      <c r="F4494" s="1" t="s">
        <v>10</v>
      </c>
      <c r="G4494" s="1" t="s">
        <v>2365</v>
      </c>
      <c r="H4494" s="1" t="s">
        <v>10</v>
      </c>
      <c r="I4494" s="1" t="s">
        <v>15371</v>
      </c>
      <c r="J4494" s="1" t="s">
        <v>15629</v>
      </c>
      <c r="K4494" s="1" t="s">
        <v>64</v>
      </c>
      <c r="L4494" s="1" t="s">
        <v>15627</v>
      </c>
      <c r="M4494" s="1" t="s">
        <v>3905</v>
      </c>
      <c r="N4494" s="1" t="s">
        <v>25</v>
      </c>
      <c r="O4494" s="1" t="s">
        <v>8</v>
      </c>
      <c r="P4494" s="5" t="s">
        <v>31735</v>
      </c>
    </row>
    <row r="4495" spans="1:16" x14ac:dyDescent="0.2">
      <c r="A4495" s="1" t="s">
        <v>1385</v>
      </c>
      <c r="B4495" s="1" t="s">
        <v>1670</v>
      </c>
      <c r="C4495" s="1" t="s">
        <v>15631</v>
      </c>
      <c r="D4495" s="1" t="s">
        <v>15632</v>
      </c>
      <c r="E4495" s="1" t="s">
        <v>15633</v>
      </c>
      <c r="F4495" s="1" t="s">
        <v>1813</v>
      </c>
      <c r="G4495" s="1" t="s">
        <v>10</v>
      </c>
      <c r="H4495" s="1" t="s">
        <v>15631</v>
      </c>
      <c r="I4495" s="1" t="s">
        <v>15371</v>
      </c>
      <c r="J4495" s="1" t="s">
        <v>15411</v>
      </c>
      <c r="K4495" s="1" t="s">
        <v>64</v>
      </c>
      <c r="L4495" s="1" t="s">
        <v>15630</v>
      </c>
      <c r="M4495" s="1" t="s">
        <v>5</v>
      </c>
      <c r="N4495" s="1" t="s">
        <v>25</v>
      </c>
      <c r="O4495" s="1" t="s">
        <v>8</v>
      </c>
      <c r="P4495" s="5" t="s">
        <v>31736</v>
      </c>
    </row>
    <row r="4496" spans="1:16" x14ac:dyDescent="0.2">
      <c r="A4496" s="1" t="s">
        <v>42</v>
      </c>
      <c r="B4496" s="1" t="s">
        <v>109</v>
      </c>
      <c r="C4496" s="1" t="s">
        <v>15636</v>
      </c>
      <c r="D4496" s="1" t="s">
        <v>15634</v>
      </c>
      <c r="E4496" s="1" t="s">
        <v>15637</v>
      </c>
      <c r="F4496" s="1" t="s">
        <v>10</v>
      </c>
      <c r="G4496" s="1" t="s">
        <v>10</v>
      </c>
      <c r="H4496" s="1" t="s">
        <v>10</v>
      </c>
      <c r="I4496" s="1" t="s">
        <v>15371</v>
      </c>
      <c r="J4496" s="1" t="s">
        <v>15378</v>
      </c>
      <c r="K4496" s="1" t="s">
        <v>7</v>
      </c>
      <c r="L4496" s="1" t="s">
        <v>15635</v>
      </c>
      <c r="M4496" s="1" t="s">
        <v>5</v>
      </c>
      <c r="N4496" s="1" t="s">
        <v>25</v>
      </c>
      <c r="O4496" s="1" t="s">
        <v>38</v>
      </c>
      <c r="P4496" s="5" t="s">
        <v>30417</v>
      </c>
    </row>
    <row r="4497" spans="1:16" x14ac:dyDescent="0.2">
      <c r="A4497" s="1" t="s">
        <v>20</v>
      </c>
      <c r="B4497" s="1" t="s">
        <v>1804</v>
      </c>
      <c r="C4497" s="1" t="s">
        <v>15641</v>
      </c>
      <c r="D4497" s="1" t="s">
        <v>15639</v>
      </c>
      <c r="E4497" s="1" t="s">
        <v>15441</v>
      </c>
      <c r="F4497" s="1" t="s">
        <v>10</v>
      </c>
      <c r="G4497" s="1" t="s">
        <v>10</v>
      </c>
      <c r="H4497" s="1" t="s">
        <v>10</v>
      </c>
      <c r="I4497" s="1" t="s">
        <v>15371</v>
      </c>
      <c r="J4497" s="1" t="s">
        <v>10</v>
      </c>
      <c r="K4497" s="1" t="s">
        <v>10</v>
      </c>
      <c r="L4497" s="1" t="s">
        <v>15640</v>
      </c>
      <c r="M4497" s="1" t="s">
        <v>5</v>
      </c>
      <c r="N4497" s="1" t="s">
        <v>25</v>
      </c>
      <c r="O4497" s="1" t="s">
        <v>38</v>
      </c>
      <c r="P4497" s="5" t="s">
        <v>12616</v>
      </c>
    </row>
    <row r="4498" spans="1:16" x14ac:dyDescent="0.2">
      <c r="A4498" s="1" t="s">
        <v>10</v>
      </c>
      <c r="B4498" s="1" t="s">
        <v>10</v>
      </c>
      <c r="C4498" s="1" t="s">
        <v>15644</v>
      </c>
      <c r="D4498" s="1" t="s">
        <v>15642</v>
      </c>
      <c r="E4498" s="1" t="s">
        <v>15441</v>
      </c>
      <c r="F4498" s="1" t="s">
        <v>10</v>
      </c>
      <c r="G4498" s="1" t="s">
        <v>10</v>
      </c>
      <c r="H4498" s="1" t="s">
        <v>10</v>
      </c>
      <c r="I4498" s="1" t="s">
        <v>15371</v>
      </c>
      <c r="J4498" s="1" t="s">
        <v>10</v>
      </c>
      <c r="K4498" s="1" t="s">
        <v>10</v>
      </c>
      <c r="L4498" s="1" t="s">
        <v>15643</v>
      </c>
      <c r="M4498" s="1" t="s">
        <v>5</v>
      </c>
      <c r="N4498" s="1" t="s">
        <v>25</v>
      </c>
      <c r="O4498" s="1" t="s">
        <v>38</v>
      </c>
      <c r="P4498" s="5" t="s">
        <v>10</v>
      </c>
    </row>
    <row r="4499" spans="1:16" x14ac:dyDescent="0.2">
      <c r="A4499" s="1" t="s">
        <v>32</v>
      </c>
      <c r="B4499" s="1" t="s">
        <v>140</v>
      </c>
      <c r="C4499" s="1" t="s">
        <v>15645</v>
      </c>
      <c r="D4499" s="1" t="s">
        <v>15647</v>
      </c>
      <c r="E4499" s="1"/>
      <c r="F4499" s="1" t="s">
        <v>10</v>
      </c>
      <c r="G4499" s="1" t="s">
        <v>10</v>
      </c>
      <c r="H4499" s="1" t="s">
        <v>10</v>
      </c>
      <c r="I4499" s="1" t="s">
        <v>15371</v>
      </c>
      <c r="J4499" s="1" t="s">
        <v>15377</v>
      </c>
      <c r="K4499" s="1" t="s">
        <v>100</v>
      </c>
      <c r="L4499" s="1" t="s">
        <v>15646</v>
      </c>
      <c r="M4499" s="1" t="s">
        <v>5</v>
      </c>
      <c r="N4499" s="1" t="s">
        <v>25</v>
      </c>
      <c r="O4499" s="1" t="s">
        <v>38</v>
      </c>
      <c r="P4499" s="5" t="s">
        <v>30404</v>
      </c>
    </row>
    <row r="4500" spans="1:16" x14ac:dyDescent="0.2">
      <c r="A4500" s="1" t="s">
        <v>66</v>
      </c>
      <c r="B4500" s="1" t="s">
        <v>1127</v>
      </c>
      <c r="C4500" s="1" t="s">
        <v>15648</v>
      </c>
      <c r="D4500" s="1" t="s">
        <v>15650</v>
      </c>
      <c r="E4500" s="1"/>
      <c r="F4500" s="1" t="s">
        <v>998</v>
      </c>
      <c r="G4500" s="1" t="s">
        <v>10</v>
      </c>
      <c r="H4500" s="1" t="s">
        <v>15651</v>
      </c>
      <c r="I4500" s="1" t="s">
        <v>15371</v>
      </c>
      <c r="J4500" s="1" t="s">
        <v>15375</v>
      </c>
      <c r="K4500" s="1" t="s">
        <v>64</v>
      </c>
      <c r="L4500" s="1" t="s">
        <v>15649</v>
      </c>
      <c r="M4500" s="1" t="s">
        <v>5</v>
      </c>
      <c r="N4500" s="1" t="s">
        <v>25</v>
      </c>
      <c r="O4500" s="1" t="s">
        <v>8</v>
      </c>
      <c r="P4500" s="5" t="s">
        <v>30418</v>
      </c>
    </row>
    <row r="4501" spans="1:16" x14ac:dyDescent="0.2">
      <c r="A4501" s="1" t="s">
        <v>42</v>
      </c>
      <c r="B4501" s="1" t="s">
        <v>50</v>
      </c>
      <c r="C4501" s="1" t="s">
        <v>15654</v>
      </c>
      <c r="D4501" s="1" t="s">
        <v>15652</v>
      </c>
      <c r="E4501" s="1" t="s">
        <v>15655</v>
      </c>
      <c r="F4501" s="1" t="s">
        <v>10</v>
      </c>
      <c r="G4501" s="1" t="s">
        <v>10</v>
      </c>
      <c r="H4501" s="1" t="s">
        <v>10</v>
      </c>
      <c r="I4501" s="1" t="s">
        <v>15371</v>
      </c>
      <c r="J4501" s="1" t="s">
        <v>15377</v>
      </c>
      <c r="K4501" s="1" t="s">
        <v>47</v>
      </c>
      <c r="L4501" s="1" t="s">
        <v>15653</v>
      </c>
      <c r="M4501" s="1" t="s">
        <v>5</v>
      </c>
      <c r="N4501" s="1" t="s">
        <v>25</v>
      </c>
      <c r="O4501" s="1" t="s">
        <v>38</v>
      </c>
      <c r="P4501" s="5" t="s">
        <v>31718</v>
      </c>
    </row>
    <row r="4502" spans="1:16" x14ac:dyDescent="0.2">
      <c r="A4502" s="1" t="s">
        <v>42</v>
      </c>
      <c r="B4502" s="1" t="s">
        <v>43</v>
      </c>
      <c r="C4502" s="1" t="s">
        <v>15658</v>
      </c>
      <c r="D4502" s="1" t="s">
        <v>15656</v>
      </c>
      <c r="E4502" s="1"/>
      <c r="F4502" s="1" t="s">
        <v>10</v>
      </c>
      <c r="G4502" s="1" t="s">
        <v>10</v>
      </c>
      <c r="H4502" s="1" t="s">
        <v>10</v>
      </c>
      <c r="I4502" s="1" t="s">
        <v>15371</v>
      </c>
      <c r="J4502" s="1" t="s">
        <v>1856</v>
      </c>
      <c r="K4502" s="1" t="s">
        <v>37</v>
      </c>
      <c r="L4502" s="1" t="s">
        <v>15657</v>
      </c>
      <c r="M4502" s="1" t="s">
        <v>5</v>
      </c>
      <c r="N4502" s="1" t="s">
        <v>25</v>
      </c>
      <c r="O4502" s="1" t="s">
        <v>38</v>
      </c>
      <c r="P4502" s="5" t="s">
        <v>30419</v>
      </c>
    </row>
    <row r="4503" spans="1:16" ht="51" x14ac:dyDescent="0.2">
      <c r="A4503" s="1" t="s">
        <v>20</v>
      </c>
      <c r="B4503" s="1" t="s">
        <v>99</v>
      </c>
      <c r="C4503" s="1" t="s">
        <v>15659</v>
      </c>
      <c r="D4503" s="1" t="s">
        <v>15659</v>
      </c>
      <c r="E4503" s="1" t="s">
        <v>15661</v>
      </c>
      <c r="F4503" s="1" t="s">
        <v>10</v>
      </c>
      <c r="G4503" s="1" t="s">
        <v>10</v>
      </c>
      <c r="H4503" s="1" t="s">
        <v>10</v>
      </c>
      <c r="I4503" s="1" t="s">
        <v>15371</v>
      </c>
      <c r="J4503" s="1" t="s">
        <v>15377</v>
      </c>
      <c r="K4503" s="1" t="s">
        <v>3857</v>
      </c>
      <c r="L4503" s="1" t="s">
        <v>15660</v>
      </c>
      <c r="M4503" s="1" t="s">
        <v>5</v>
      </c>
      <c r="N4503" s="1" t="s">
        <v>25</v>
      </c>
      <c r="O4503" s="1" t="s">
        <v>38</v>
      </c>
      <c r="P4503" s="9" t="s">
        <v>31737</v>
      </c>
    </row>
    <row r="4504" spans="1:16" ht="38.25" x14ac:dyDescent="0.2">
      <c r="A4504" s="1" t="s">
        <v>20</v>
      </c>
      <c r="B4504" s="1" t="s">
        <v>253</v>
      </c>
      <c r="C4504" s="1" t="s">
        <v>15664</v>
      </c>
      <c r="D4504" s="1" t="s">
        <v>15662</v>
      </c>
      <c r="E4504" s="1" t="s">
        <v>15665</v>
      </c>
      <c r="F4504" s="1" t="s">
        <v>10</v>
      </c>
      <c r="G4504" s="1" t="s">
        <v>10</v>
      </c>
      <c r="H4504" s="1" t="s">
        <v>10</v>
      </c>
      <c r="I4504" s="1" t="s">
        <v>15371</v>
      </c>
      <c r="J4504" s="1" t="s">
        <v>15464</v>
      </c>
      <c r="K4504" s="1" t="s">
        <v>27</v>
      </c>
      <c r="L4504" s="1" t="s">
        <v>15663</v>
      </c>
      <c r="M4504" s="1" t="s">
        <v>5</v>
      </c>
      <c r="N4504" s="1" t="s">
        <v>25</v>
      </c>
      <c r="O4504" s="1" t="s">
        <v>38</v>
      </c>
      <c r="P4504" s="9" t="s">
        <v>31738</v>
      </c>
    </row>
    <row r="4505" spans="1:16" x14ac:dyDescent="0.2">
      <c r="A4505" s="1" t="s">
        <v>1385</v>
      </c>
      <c r="B4505" s="1" t="s">
        <v>1490</v>
      </c>
      <c r="C4505" s="1" t="s">
        <v>15666</v>
      </c>
      <c r="D4505" s="1" t="s">
        <v>15668</v>
      </c>
      <c r="E4505" s="1" t="s">
        <v>15669</v>
      </c>
      <c r="F4505" s="1" t="s">
        <v>10</v>
      </c>
      <c r="G4505" s="1" t="s">
        <v>10</v>
      </c>
      <c r="H4505" s="1" t="s">
        <v>10</v>
      </c>
      <c r="I4505" s="1" t="s">
        <v>15371</v>
      </c>
      <c r="J4505" s="1" t="s">
        <v>15464</v>
      </c>
      <c r="K4505" s="1" t="s">
        <v>27</v>
      </c>
      <c r="L4505" s="1" t="s">
        <v>15667</v>
      </c>
      <c r="M4505" s="1" t="s">
        <v>5</v>
      </c>
      <c r="N4505" s="1" t="s">
        <v>6</v>
      </c>
      <c r="O4505" s="1" t="s">
        <v>38</v>
      </c>
      <c r="P4505" s="5" t="s">
        <v>30420</v>
      </c>
    </row>
    <row r="4506" spans="1:16" x14ac:dyDescent="0.2">
      <c r="A4506" s="1" t="s">
        <v>20</v>
      </c>
      <c r="B4506" s="1" t="s">
        <v>253</v>
      </c>
      <c r="C4506" s="1" t="s">
        <v>15671</v>
      </c>
      <c r="D4506" s="1" t="s">
        <v>7174</v>
      </c>
      <c r="E4506" s="1"/>
      <c r="F4506" s="1" t="s">
        <v>10</v>
      </c>
      <c r="G4506" s="1" t="s">
        <v>10</v>
      </c>
      <c r="H4506" s="1" t="s">
        <v>10</v>
      </c>
      <c r="I4506" s="1" t="s">
        <v>15371</v>
      </c>
      <c r="J4506" s="1" t="s">
        <v>15672</v>
      </c>
      <c r="K4506" s="1" t="s">
        <v>9115</v>
      </c>
      <c r="L4506" s="1" t="s">
        <v>15670</v>
      </c>
      <c r="M4506" s="1" t="s">
        <v>5</v>
      </c>
      <c r="N4506" s="1" t="s">
        <v>25</v>
      </c>
      <c r="O4506" s="1" t="s">
        <v>38</v>
      </c>
      <c r="P4506" s="5" t="s">
        <v>30421</v>
      </c>
    </row>
    <row r="4507" spans="1:16" x14ac:dyDescent="0.2">
      <c r="A4507" s="1" t="s">
        <v>10</v>
      </c>
      <c r="B4507" s="1" t="s">
        <v>10</v>
      </c>
      <c r="C4507" s="1" t="s">
        <v>15675</v>
      </c>
      <c r="D4507" s="1" t="s">
        <v>15673</v>
      </c>
      <c r="E4507" s="1" t="s">
        <v>15676</v>
      </c>
      <c r="F4507" s="1" t="s">
        <v>10</v>
      </c>
      <c r="G4507" s="1" t="s">
        <v>10</v>
      </c>
      <c r="H4507" s="1" t="s">
        <v>10</v>
      </c>
      <c r="I4507" s="1" t="s">
        <v>15371</v>
      </c>
      <c r="J4507" s="1" t="s">
        <v>10</v>
      </c>
      <c r="K4507" s="1" t="s">
        <v>10</v>
      </c>
      <c r="L4507" s="1" t="s">
        <v>15674</v>
      </c>
      <c r="M4507" s="1" t="s">
        <v>5</v>
      </c>
      <c r="N4507" s="1" t="s">
        <v>25</v>
      </c>
      <c r="O4507" s="1" t="s">
        <v>38</v>
      </c>
      <c r="P4507" s="5" t="s">
        <v>10</v>
      </c>
    </row>
    <row r="4508" spans="1:16" x14ac:dyDescent="0.2">
      <c r="A4508" s="1" t="s">
        <v>20</v>
      </c>
      <c r="B4508" s="1" t="s">
        <v>445</v>
      </c>
      <c r="C4508" s="1" t="s">
        <v>15678</v>
      </c>
      <c r="D4508" s="1" t="s">
        <v>15679</v>
      </c>
      <c r="E4508" s="1" t="s">
        <v>15680</v>
      </c>
      <c r="F4508" s="1" t="s">
        <v>10</v>
      </c>
      <c r="G4508" s="1" t="s">
        <v>10</v>
      </c>
      <c r="H4508" s="1" t="s">
        <v>10</v>
      </c>
      <c r="I4508" s="1" t="s">
        <v>15371</v>
      </c>
      <c r="J4508" s="1" t="s">
        <v>15464</v>
      </c>
      <c r="K4508" s="1" t="s">
        <v>100</v>
      </c>
      <c r="L4508" s="1" t="s">
        <v>15677</v>
      </c>
      <c r="M4508" s="1" t="s">
        <v>5</v>
      </c>
      <c r="N4508" s="1" t="s">
        <v>25</v>
      </c>
      <c r="O4508" s="1" t="s">
        <v>38</v>
      </c>
      <c r="P4508" s="5" t="s">
        <v>31739</v>
      </c>
    </row>
    <row r="4509" spans="1:16" x14ac:dyDescent="0.2">
      <c r="A4509" s="1" t="s">
        <v>42</v>
      </c>
      <c r="B4509" s="1" t="s">
        <v>118</v>
      </c>
      <c r="C4509" s="1" t="s">
        <v>15681</v>
      </c>
      <c r="D4509" s="1" t="s">
        <v>15681</v>
      </c>
      <c r="E4509" s="1" t="s">
        <v>15683</v>
      </c>
      <c r="F4509" s="1" t="s">
        <v>10</v>
      </c>
      <c r="G4509" s="1" t="s">
        <v>10</v>
      </c>
      <c r="H4509" s="1" t="s">
        <v>10</v>
      </c>
      <c r="I4509" s="1" t="s">
        <v>15371</v>
      </c>
      <c r="J4509" s="1" t="s">
        <v>15377</v>
      </c>
      <c r="K4509" s="1" t="s">
        <v>7</v>
      </c>
      <c r="L4509" s="1" t="s">
        <v>15682</v>
      </c>
      <c r="M4509" s="1" t="s">
        <v>5</v>
      </c>
      <c r="N4509" s="1" t="s">
        <v>25</v>
      </c>
      <c r="O4509" s="1" t="s">
        <v>38</v>
      </c>
      <c r="P4509" s="5" t="s">
        <v>30400</v>
      </c>
    </row>
    <row r="4510" spans="1:16" x14ac:dyDescent="0.2">
      <c r="A4510" s="1" t="s">
        <v>10</v>
      </c>
      <c r="B4510" s="1" t="s">
        <v>10</v>
      </c>
      <c r="C4510" s="1" t="s">
        <v>15684</v>
      </c>
      <c r="D4510" s="1" t="s">
        <v>15684</v>
      </c>
      <c r="E4510" s="1" t="s">
        <v>15686</v>
      </c>
      <c r="F4510" s="1" t="s">
        <v>10</v>
      </c>
      <c r="G4510" s="1" t="s">
        <v>10</v>
      </c>
      <c r="H4510" s="1" t="s">
        <v>10</v>
      </c>
      <c r="I4510" s="1" t="s">
        <v>15371</v>
      </c>
      <c r="J4510" s="1" t="s">
        <v>10</v>
      </c>
      <c r="K4510" s="1" t="s">
        <v>10</v>
      </c>
      <c r="L4510" s="1" t="s">
        <v>15685</v>
      </c>
      <c r="M4510" s="1" t="s">
        <v>5</v>
      </c>
      <c r="N4510" s="1" t="s">
        <v>25</v>
      </c>
      <c r="O4510" s="1" t="s">
        <v>38</v>
      </c>
      <c r="P4510" s="5" t="s">
        <v>10</v>
      </c>
    </row>
    <row r="4511" spans="1:16" x14ac:dyDescent="0.2">
      <c r="A4511" s="1" t="s">
        <v>20</v>
      </c>
      <c r="B4511" s="1" t="s">
        <v>302</v>
      </c>
      <c r="C4511" s="1" t="s">
        <v>15689</v>
      </c>
      <c r="D4511" s="1" t="s">
        <v>15687</v>
      </c>
      <c r="E4511" s="1" t="s">
        <v>15690</v>
      </c>
      <c r="F4511" s="1" t="s">
        <v>10</v>
      </c>
      <c r="G4511" s="1" t="s">
        <v>10</v>
      </c>
      <c r="H4511" s="1" t="s">
        <v>10</v>
      </c>
      <c r="I4511" s="1" t="s">
        <v>15371</v>
      </c>
      <c r="J4511" s="1" t="s">
        <v>10</v>
      </c>
      <c r="K4511" s="1" t="s">
        <v>7</v>
      </c>
      <c r="L4511" s="1" t="s">
        <v>15688</v>
      </c>
      <c r="M4511" s="1" t="s">
        <v>5</v>
      </c>
      <c r="N4511" s="1" t="s">
        <v>25</v>
      </c>
      <c r="O4511" s="1" t="s">
        <v>38</v>
      </c>
      <c r="P4511" s="5" t="s">
        <v>29821</v>
      </c>
    </row>
    <row r="4512" spans="1:16" x14ac:dyDescent="0.2">
      <c r="A4512" s="1" t="s">
        <v>20</v>
      </c>
      <c r="B4512" s="1" t="s">
        <v>101</v>
      </c>
      <c r="C4512" s="1" t="s">
        <v>15692</v>
      </c>
      <c r="D4512" s="1" t="s">
        <v>15693</v>
      </c>
      <c r="E4512" s="1"/>
      <c r="F4512" s="1" t="s">
        <v>10</v>
      </c>
      <c r="G4512" s="1" t="s">
        <v>10</v>
      </c>
      <c r="H4512" s="1" t="s">
        <v>10</v>
      </c>
      <c r="I4512" s="1" t="s">
        <v>15371</v>
      </c>
      <c r="J4512" s="1" t="s">
        <v>15377</v>
      </c>
      <c r="K4512" s="1" t="s">
        <v>64</v>
      </c>
      <c r="L4512" s="1" t="s">
        <v>15691</v>
      </c>
      <c r="M4512" s="1" t="s">
        <v>5</v>
      </c>
      <c r="N4512" s="1" t="s">
        <v>25</v>
      </c>
      <c r="O4512" s="1" t="s">
        <v>38</v>
      </c>
      <c r="P4512" s="5" t="s">
        <v>31740</v>
      </c>
    </row>
    <row r="4513" spans="1:16" x14ac:dyDescent="0.2">
      <c r="A4513" s="1" t="s">
        <v>20</v>
      </c>
      <c r="B4513" s="1" t="s">
        <v>309</v>
      </c>
      <c r="C4513" s="1" t="s">
        <v>15696</v>
      </c>
      <c r="D4513" s="1" t="s">
        <v>15694</v>
      </c>
      <c r="E4513" s="1" t="s">
        <v>15441</v>
      </c>
      <c r="F4513" s="1" t="s">
        <v>10</v>
      </c>
      <c r="G4513" s="1" t="s">
        <v>10</v>
      </c>
      <c r="H4513" s="1" t="s">
        <v>10</v>
      </c>
      <c r="I4513" s="1" t="s">
        <v>15371</v>
      </c>
      <c r="J4513" s="1" t="s">
        <v>10</v>
      </c>
      <c r="K4513" s="1" t="s">
        <v>10</v>
      </c>
      <c r="L4513" s="1" t="s">
        <v>15695</v>
      </c>
      <c r="M4513" s="1" t="s">
        <v>5</v>
      </c>
      <c r="N4513" s="1" t="s">
        <v>25</v>
      </c>
      <c r="O4513" s="1" t="s">
        <v>38</v>
      </c>
      <c r="P4513" s="5" t="s">
        <v>32791</v>
      </c>
    </row>
    <row r="4514" spans="1:16" x14ac:dyDescent="0.2">
      <c r="A4514" s="1" t="s">
        <v>20</v>
      </c>
      <c r="B4514" s="1" t="s">
        <v>132</v>
      </c>
      <c r="C4514" s="1" t="s">
        <v>15699</v>
      </c>
      <c r="D4514" s="1" t="s">
        <v>15697</v>
      </c>
      <c r="E4514" s="1" t="s">
        <v>15441</v>
      </c>
      <c r="F4514" s="1" t="s">
        <v>10</v>
      </c>
      <c r="G4514" s="1" t="s">
        <v>10</v>
      </c>
      <c r="H4514" s="1" t="s">
        <v>10</v>
      </c>
      <c r="I4514" s="1" t="s">
        <v>15371</v>
      </c>
      <c r="J4514" s="1" t="s">
        <v>10</v>
      </c>
      <c r="K4514" s="1" t="s">
        <v>10</v>
      </c>
      <c r="L4514" s="1" t="s">
        <v>15698</v>
      </c>
      <c r="M4514" s="1" t="s">
        <v>5</v>
      </c>
      <c r="N4514" s="1" t="s">
        <v>25</v>
      </c>
      <c r="O4514" s="1" t="s">
        <v>38</v>
      </c>
      <c r="P4514" s="5" t="s">
        <v>30422</v>
      </c>
    </row>
    <row r="4515" spans="1:16" ht="38.25" x14ac:dyDescent="0.2">
      <c r="A4515" s="1" t="s">
        <v>42</v>
      </c>
      <c r="B4515" s="1" t="s">
        <v>43</v>
      </c>
      <c r="C4515" s="1" t="s">
        <v>15702</v>
      </c>
      <c r="D4515" s="1" t="s">
        <v>15700</v>
      </c>
      <c r="E4515" s="1"/>
      <c r="F4515" s="1" t="s">
        <v>10</v>
      </c>
      <c r="G4515" s="1" t="s">
        <v>15704</v>
      </c>
      <c r="H4515" s="1" t="s">
        <v>10</v>
      </c>
      <c r="I4515" s="1" t="s">
        <v>15371</v>
      </c>
      <c r="J4515" s="1" t="s">
        <v>15703</v>
      </c>
      <c r="K4515" s="1" t="s">
        <v>37</v>
      </c>
      <c r="L4515" s="1" t="s">
        <v>15701</v>
      </c>
      <c r="M4515" s="1" t="s">
        <v>5</v>
      </c>
      <c r="N4515" s="1" t="s">
        <v>25</v>
      </c>
      <c r="O4515" s="1" t="s">
        <v>8</v>
      </c>
      <c r="P4515" s="9" t="s">
        <v>31741</v>
      </c>
    </row>
    <row r="4516" spans="1:16" x14ac:dyDescent="0.2">
      <c r="A4516" s="1" t="s">
        <v>20</v>
      </c>
      <c r="B4516" s="1" t="s">
        <v>101</v>
      </c>
      <c r="C4516" s="1" t="s">
        <v>15706</v>
      </c>
      <c r="D4516" s="1" t="s">
        <v>15707</v>
      </c>
      <c r="E4516" s="1" t="s">
        <v>15708</v>
      </c>
      <c r="F4516" s="1" t="s">
        <v>10</v>
      </c>
      <c r="G4516" s="1" t="s">
        <v>10</v>
      </c>
      <c r="H4516" s="1" t="s">
        <v>15709</v>
      </c>
      <c r="I4516" s="1" t="s">
        <v>15371</v>
      </c>
      <c r="J4516" s="1" t="s">
        <v>15377</v>
      </c>
      <c r="K4516" s="1" t="s">
        <v>27</v>
      </c>
      <c r="L4516" s="1" t="s">
        <v>15705</v>
      </c>
      <c r="M4516" s="1" t="s">
        <v>5</v>
      </c>
      <c r="N4516" s="1" t="s">
        <v>25</v>
      </c>
      <c r="O4516" s="1" t="s">
        <v>38</v>
      </c>
      <c r="P4516" s="5" t="s">
        <v>30423</v>
      </c>
    </row>
    <row r="4517" spans="1:16" x14ac:dyDescent="0.2">
      <c r="A4517" s="1" t="s">
        <v>20</v>
      </c>
      <c r="B4517" s="1" t="s">
        <v>99</v>
      </c>
      <c r="C4517" s="1" t="s">
        <v>15712</v>
      </c>
      <c r="D4517" s="1" t="s">
        <v>15710</v>
      </c>
      <c r="E4517" s="1" t="s">
        <v>15713</v>
      </c>
      <c r="F4517" s="1" t="s">
        <v>10</v>
      </c>
      <c r="G4517" s="1" t="s">
        <v>10</v>
      </c>
      <c r="H4517" s="1" t="s">
        <v>10</v>
      </c>
      <c r="I4517" s="1" t="s">
        <v>15371</v>
      </c>
      <c r="J4517" s="1" t="s">
        <v>15377</v>
      </c>
      <c r="K4517" s="1" t="s">
        <v>7</v>
      </c>
      <c r="L4517" s="1" t="s">
        <v>15711</v>
      </c>
      <c r="M4517" s="1" t="s">
        <v>5</v>
      </c>
      <c r="N4517" s="1" t="s">
        <v>6</v>
      </c>
      <c r="O4517" s="1" t="s">
        <v>38</v>
      </c>
      <c r="P4517" s="5" t="s">
        <v>30404</v>
      </c>
    </row>
    <row r="4518" spans="1:16" x14ac:dyDescent="0.2">
      <c r="A4518" s="1" t="s">
        <v>20</v>
      </c>
      <c r="B4518" s="1" t="s">
        <v>253</v>
      </c>
      <c r="C4518" s="1" t="s">
        <v>15715</v>
      </c>
      <c r="D4518" s="1" t="s">
        <v>3990</v>
      </c>
      <c r="E4518" s="1"/>
      <c r="F4518" s="1" t="s">
        <v>10</v>
      </c>
      <c r="G4518" s="1" t="s">
        <v>10</v>
      </c>
      <c r="H4518" s="1" t="s">
        <v>10</v>
      </c>
      <c r="I4518" s="1" t="s">
        <v>15371</v>
      </c>
      <c r="J4518" s="1" t="s">
        <v>15377</v>
      </c>
      <c r="K4518" s="1" t="s">
        <v>47</v>
      </c>
      <c r="L4518" s="1" t="s">
        <v>15714</v>
      </c>
      <c r="M4518" s="1" t="s">
        <v>5</v>
      </c>
      <c r="N4518" s="1" t="s">
        <v>25</v>
      </c>
      <c r="O4518" s="1" t="s">
        <v>38</v>
      </c>
      <c r="P4518" s="5" t="s">
        <v>30424</v>
      </c>
    </row>
    <row r="4519" spans="1:16" x14ac:dyDescent="0.2">
      <c r="A4519" s="1" t="s">
        <v>10</v>
      </c>
      <c r="B4519" s="1" t="s">
        <v>10</v>
      </c>
      <c r="C4519" s="1" t="s">
        <v>15718</v>
      </c>
      <c r="D4519" s="1" t="s">
        <v>15716</v>
      </c>
      <c r="E4519" s="1" t="s">
        <v>15676</v>
      </c>
      <c r="F4519" s="1" t="s">
        <v>10</v>
      </c>
      <c r="G4519" s="1" t="s">
        <v>10</v>
      </c>
      <c r="H4519" s="1" t="s">
        <v>10</v>
      </c>
      <c r="I4519" s="1" t="s">
        <v>15371</v>
      </c>
      <c r="J4519" s="1" t="s">
        <v>10</v>
      </c>
      <c r="K4519" s="1" t="s">
        <v>10</v>
      </c>
      <c r="L4519" s="1" t="s">
        <v>15717</v>
      </c>
      <c r="M4519" s="1" t="s">
        <v>5</v>
      </c>
      <c r="N4519" s="1" t="s">
        <v>25</v>
      </c>
      <c r="O4519" s="1" t="s">
        <v>38</v>
      </c>
      <c r="P4519" s="5" t="s">
        <v>10</v>
      </c>
    </row>
    <row r="4520" spans="1:16" x14ac:dyDescent="0.2">
      <c r="A4520" s="1" t="s">
        <v>10</v>
      </c>
      <c r="B4520" s="1" t="s">
        <v>10</v>
      </c>
      <c r="C4520" s="1" t="s">
        <v>15721</v>
      </c>
      <c r="D4520" s="1" t="s">
        <v>15719</v>
      </c>
      <c r="E4520" s="1" t="s">
        <v>15676</v>
      </c>
      <c r="F4520" s="1" t="s">
        <v>10</v>
      </c>
      <c r="G4520" s="1" t="s">
        <v>10</v>
      </c>
      <c r="H4520" s="1" t="s">
        <v>10</v>
      </c>
      <c r="I4520" s="1" t="s">
        <v>15371</v>
      </c>
      <c r="J4520" s="1" t="s">
        <v>10</v>
      </c>
      <c r="K4520" s="1" t="s">
        <v>10</v>
      </c>
      <c r="L4520" s="1" t="s">
        <v>15720</v>
      </c>
      <c r="M4520" s="1" t="s">
        <v>5</v>
      </c>
      <c r="N4520" s="1" t="s">
        <v>25</v>
      </c>
      <c r="O4520" s="1" t="s">
        <v>38</v>
      </c>
      <c r="P4520" s="5" t="s">
        <v>10</v>
      </c>
    </row>
    <row r="4521" spans="1:16" x14ac:dyDescent="0.2">
      <c r="A4521" s="1" t="s">
        <v>10</v>
      </c>
      <c r="B4521" s="1" t="s">
        <v>10</v>
      </c>
      <c r="C4521" s="1" t="s">
        <v>15724</v>
      </c>
      <c r="D4521" s="1" t="s">
        <v>15722</v>
      </c>
      <c r="E4521" s="1" t="s">
        <v>15676</v>
      </c>
      <c r="F4521" s="1" t="s">
        <v>10</v>
      </c>
      <c r="G4521" s="1" t="s">
        <v>10</v>
      </c>
      <c r="H4521" s="1" t="s">
        <v>10</v>
      </c>
      <c r="I4521" s="1" t="s">
        <v>15371</v>
      </c>
      <c r="J4521" s="1" t="s">
        <v>10</v>
      </c>
      <c r="K4521" s="1" t="s">
        <v>10</v>
      </c>
      <c r="L4521" s="1" t="s">
        <v>15723</v>
      </c>
      <c r="M4521" s="1" t="s">
        <v>5</v>
      </c>
      <c r="N4521" s="1" t="s">
        <v>25</v>
      </c>
      <c r="O4521" s="1" t="s">
        <v>38</v>
      </c>
      <c r="P4521" s="5" t="s">
        <v>10</v>
      </c>
    </row>
    <row r="4522" spans="1:16" x14ac:dyDescent="0.2">
      <c r="A4522" s="1" t="s">
        <v>10</v>
      </c>
      <c r="B4522" s="1" t="s">
        <v>10</v>
      </c>
      <c r="C4522" s="1" t="s">
        <v>15727</v>
      </c>
      <c r="D4522" s="1" t="s">
        <v>15725</v>
      </c>
      <c r="E4522" s="1" t="s">
        <v>15676</v>
      </c>
      <c r="F4522" s="1" t="s">
        <v>10</v>
      </c>
      <c r="G4522" s="1" t="s">
        <v>10</v>
      </c>
      <c r="H4522" s="1" t="s">
        <v>10</v>
      </c>
      <c r="I4522" s="1" t="s">
        <v>15371</v>
      </c>
      <c r="J4522" s="1" t="s">
        <v>10</v>
      </c>
      <c r="K4522" s="1" t="s">
        <v>10</v>
      </c>
      <c r="L4522" s="1" t="s">
        <v>15726</v>
      </c>
      <c r="M4522" s="1" t="s">
        <v>5</v>
      </c>
      <c r="N4522" s="1" t="s">
        <v>25</v>
      </c>
      <c r="O4522" s="1" t="s">
        <v>38</v>
      </c>
      <c r="P4522" s="5" t="s">
        <v>10</v>
      </c>
    </row>
    <row r="4523" spans="1:16" x14ac:dyDescent="0.2">
      <c r="A4523" s="1" t="s">
        <v>10</v>
      </c>
      <c r="B4523" s="1" t="s">
        <v>10</v>
      </c>
      <c r="C4523" s="1" t="s">
        <v>15730</v>
      </c>
      <c r="D4523" s="1" t="s">
        <v>15728</v>
      </c>
      <c r="E4523" s="1" t="s">
        <v>15676</v>
      </c>
      <c r="F4523" s="1" t="s">
        <v>10</v>
      </c>
      <c r="G4523" s="1" t="s">
        <v>10</v>
      </c>
      <c r="H4523" s="1" t="s">
        <v>10</v>
      </c>
      <c r="I4523" s="1" t="s">
        <v>15371</v>
      </c>
      <c r="J4523" s="1" t="s">
        <v>10</v>
      </c>
      <c r="K4523" s="1" t="s">
        <v>10</v>
      </c>
      <c r="L4523" s="1" t="s">
        <v>15729</v>
      </c>
      <c r="M4523" s="1" t="s">
        <v>5</v>
      </c>
      <c r="N4523" s="1" t="s">
        <v>25</v>
      </c>
      <c r="O4523" s="1" t="s">
        <v>38</v>
      </c>
      <c r="P4523" s="5" t="s">
        <v>10</v>
      </c>
    </row>
    <row r="4524" spans="1:16" x14ac:dyDescent="0.2">
      <c r="A4524" s="1" t="s">
        <v>32</v>
      </c>
      <c r="B4524" s="1" t="s">
        <v>33</v>
      </c>
      <c r="C4524" s="1" t="s">
        <v>15732</v>
      </c>
      <c r="D4524" s="1" t="s">
        <v>15733</v>
      </c>
      <c r="E4524" s="1" t="s">
        <v>15734</v>
      </c>
      <c r="F4524" s="1" t="s">
        <v>1813</v>
      </c>
      <c r="G4524" s="1" t="s">
        <v>1042</v>
      </c>
      <c r="H4524" s="1" t="s">
        <v>15735</v>
      </c>
      <c r="I4524" s="1" t="s">
        <v>15371</v>
      </c>
      <c r="J4524" s="1" t="s">
        <v>15611</v>
      </c>
      <c r="K4524" s="1" t="s">
        <v>14695</v>
      </c>
      <c r="L4524" s="1" t="s">
        <v>15731</v>
      </c>
      <c r="M4524" s="1" t="s">
        <v>5</v>
      </c>
      <c r="N4524" s="1" t="s">
        <v>25</v>
      </c>
      <c r="O4524" s="1" t="s">
        <v>8</v>
      </c>
      <c r="P4524" s="5" t="s">
        <v>30425</v>
      </c>
    </row>
    <row r="4525" spans="1:16" x14ac:dyDescent="0.2">
      <c r="A4525" s="1" t="s">
        <v>10</v>
      </c>
      <c r="B4525" s="1" t="s">
        <v>10</v>
      </c>
      <c r="C4525" s="1" t="s">
        <v>15738</v>
      </c>
      <c r="D4525" s="1" t="s">
        <v>15736</v>
      </c>
      <c r="E4525" s="1" t="s">
        <v>15676</v>
      </c>
      <c r="F4525" s="1" t="s">
        <v>10</v>
      </c>
      <c r="G4525" s="1" t="s">
        <v>10</v>
      </c>
      <c r="H4525" s="1" t="s">
        <v>10</v>
      </c>
      <c r="I4525" s="1" t="s">
        <v>15371</v>
      </c>
      <c r="J4525" s="1" t="s">
        <v>10</v>
      </c>
      <c r="K4525" s="1" t="s">
        <v>10</v>
      </c>
      <c r="L4525" s="1" t="s">
        <v>15737</v>
      </c>
      <c r="M4525" s="1" t="s">
        <v>5</v>
      </c>
      <c r="N4525" s="1" t="s">
        <v>25</v>
      </c>
      <c r="O4525" s="1" t="s">
        <v>38</v>
      </c>
      <c r="P4525" s="5" t="s">
        <v>10</v>
      </c>
    </row>
    <row r="4526" spans="1:16" x14ac:dyDescent="0.2">
      <c r="A4526" s="1" t="s">
        <v>10</v>
      </c>
      <c r="B4526" s="1" t="s">
        <v>10</v>
      </c>
      <c r="C4526" s="1" t="s">
        <v>15741</v>
      </c>
      <c r="D4526" s="1" t="s">
        <v>15739</v>
      </c>
      <c r="E4526" s="1" t="s">
        <v>15676</v>
      </c>
      <c r="F4526" s="1" t="s">
        <v>10</v>
      </c>
      <c r="G4526" s="1" t="s">
        <v>10</v>
      </c>
      <c r="H4526" s="1" t="s">
        <v>10</v>
      </c>
      <c r="I4526" s="1" t="s">
        <v>15371</v>
      </c>
      <c r="J4526" s="1" t="s">
        <v>10</v>
      </c>
      <c r="K4526" s="1" t="s">
        <v>10</v>
      </c>
      <c r="L4526" s="1" t="s">
        <v>15740</v>
      </c>
      <c r="M4526" s="1" t="s">
        <v>5</v>
      </c>
      <c r="N4526" s="1" t="s">
        <v>25</v>
      </c>
      <c r="O4526" s="1" t="s">
        <v>38</v>
      </c>
      <c r="P4526" s="5" t="s">
        <v>10</v>
      </c>
    </row>
    <row r="4527" spans="1:16" x14ac:dyDescent="0.2">
      <c r="A4527" s="1" t="s">
        <v>42</v>
      </c>
      <c r="B4527" s="1" t="s">
        <v>320</v>
      </c>
      <c r="C4527" s="1" t="s">
        <v>15743</v>
      </c>
      <c r="D4527" s="1" t="s">
        <v>15744</v>
      </c>
      <c r="E4527" s="1"/>
      <c r="F4527" s="1" t="s">
        <v>10</v>
      </c>
      <c r="G4527" s="1" t="s">
        <v>10</v>
      </c>
      <c r="H4527" s="1" t="s">
        <v>10</v>
      </c>
      <c r="I4527" s="1" t="s">
        <v>15371</v>
      </c>
      <c r="J4527" s="1" t="s">
        <v>15611</v>
      </c>
      <c r="K4527" s="1" t="s">
        <v>10</v>
      </c>
      <c r="L4527" s="1" t="s">
        <v>15742</v>
      </c>
      <c r="M4527" s="1" t="s">
        <v>5</v>
      </c>
      <c r="N4527" s="1" t="s">
        <v>25</v>
      </c>
      <c r="O4527" s="1" t="s">
        <v>38</v>
      </c>
      <c r="P4527" s="5" t="s">
        <v>31742</v>
      </c>
    </row>
    <row r="4528" spans="1:16" x14ac:dyDescent="0.2">
      <c r="A4528" s="1" t="s">
        <v>10</v>
      </c>
      <c r="B4528" s="1" t="s">
        <v>10</v>
      </c>
      <c r="C4528" s="1" t="s">
        <v>15746</v>
      </c>
      <c r="D4528" s="1" t="s">
        <v>15747</v>
      </c>
      <c r="E4528" s="1"/>
      <c r="F4528" s="1" t="s">
        <v>10</v>
      </c>
      <c r="G4528" s="1" t="s">
        <v>10</v>
      </c>
      <c r="H4528" s="1" t="s">
        <v>10</v>
      </c>
      <c r="I4528" s="1" t="s">
        <v>15371</v>
      </c>
      <c r="J4528" s="1" t="s">
        <v>15611</v>
      </c>
      <c r="K4528" s="1" t="s">
        <v>10</v>
      </c>
      <c r="L4528" s="1" t="s">
        <v>15745</v>
      </c>
      <c r="M4528" s="1" t="s">
        <v>5</v>
      </c>
      <c r="N4528" s="1" t="s">
        <v>25</v>
      </c>
      <c r="O4528" s="1" t="s">
        <v>38</v>
      </c>
      <c r="P4528" s="5" t="s">
        <v>31743</v>
      </c>
    </row>
    <row r="4529" spans="1:16" x14ac:dyDescent="0.2">
      <c r="A4529" s="1" t="s">
        <v>1385</v>
      </c>
      <c r="B4529" s="1" t="s">
        <v>1490</v>
      </c>
      <c r="C4529" s="1" t="s">
        <v>15749</v>
      </c>
      <c r="D4529" s="1" t="s">
        <v>15750</v>
      </c>
      <c r="E4529" s="1"/>
      <c r="F4529" s="1" t="s">
        <v>10</v>
      </c>
      <c r="G4529" s="1" t="s">
        <v>10</v>
      </c>
      <c r="H4529" s="1" t="s">
        <v>10</v>
      </c>
      <c r="I4529" s="1" t="s">
        <v>15371</v>
      </c>
      <c r="J4529" s="1" t="s">
        <v>15611</v>
      </c>
      <c r="K4529" s="1" t="s">
        <v>64</v>
      </c>
      <c r="L4529" s="1" t="s">
        <v>15748</v>
      </c>
      <c r="M4529" s="1" t="s">
        <v>5</v>
      </c>
      <c r="N4529" s="1" t="s">
        <v>6</v>
      </c>
      <c r="O4529" s="1" t="s">
        <v>38</v>
      </c>
      <c r="P4529" s="5" t="s">
        <v>31743</v>
      </c>
    </row>
    <row r="4530" spans="1:16" x14ac:dyDescent="0.2">
      <c r="A4530" s="1" t="s">
        <v>10</v>
      </c>
      <c r="B4530" s="1" t="s">
        <v>10</v>
      </c>
      <c r="C4530" s="1" t="s">
        <v>15752</v>
      </c>
      <c r="D4530" s="1" t="s">
        <v>15753</v>
      </c>
      <c r="E4530" s="1"/>
      <c r="F4530" s="1" t="s">
        <v>10</v>
      </c>
      <c r="G4530" s="1" t="s">
        <v>10</v>
      </c>
      <c r="H4530" s="1" t="s">
        <v>10</v>
      </c>
      <c r="I4530" s="1" t="s">
        <v>15371</v>
      </c>
      <c r="J4530" s="1" t="s">
        <v>15611</v>
      </c>
      <c r="K4530" s="1" t="s">
        <v>10</v>
      </c>
      <c r="L4530" s="1" t="s">
        <v>15751</v>
      </c>
      <c r="M4530" s="1" t="s">
        <v>5</v>
      </c>
      <c r="N4530" s="1" t="s">
        <v>25</v>
      </c>
      <c r="O4530" s="1" t="s">
        <v>38</v>
      </c>
      <c r="P4530" s="5" t="s">
        <v>31743</v>
      </c>
    </row>
    <row r="4531" spans="1:16" x14ac:dyDescent="0.2">
      <c r="A4531" s="1" t="s">
        <v>10</v>
      </c>
      <c r="B4531" s="1" t="s">
        <v>10</v>
      </c>
      <c r="C4531" s="1" t="s">
        <v>15755</v>
      </c>
      <c r="D4531" s="1" t="s">
        <v>15756</v>
      </c>
      <c r="E4531" s="1"/>
      <c r="F4531" s="1" t="s">
        <v>10</v>
      </c>
      <c r="G4531" s="1" t="s">
        <v>10</v>
      </c>
      <c r="H4531" s="1" t="s">
        <v>10</v>
      </c>
      <c r="I4531" s="1" t="s">
        <v>15371</v>
      </c>
      <c r="J4531" s="1" t="s">
        <v>15611</v>
      </c>
      <c r="K4531" s="1" t="s">
        <v>10</v>
      </c>
      <c r="L4531" s="1" t="s">
        <v>15754</v>
      </c>
      <c r="M4531" s="1" t="s">
        <v>5</v>
      </c>
      <c r="N4531" s="1" t="s">
        <v>25</v>
      </c>
      <c r="O4531" s="1" t="s">
        <v>38</v>
      </c>
      <c r="P4531" s="5" t="s">
        <v>31743</v>
      </c>
    </row>
    <row r="4532" spans="1:16" x14ac:dyDescent="0.2">
      <c r="A4532" s="1" t="s">
        <v>10</v>
      </c>
      <c r="B4532" s="1" t="s">
        <v>10</v>
      </c>
      <c r="C4532" s="1" t="s">
        <v>15758</v>
      </c>
      <c r="D4532" s="1" t="s">
        <v>15759</v>
      </c>
      <c r="E4532" s="1"/>
      <c r="F4532" s="1" t="s">
        <v>10</v>
      </c>
      <c r="G4532" s="1" t="s">
        <v>10</v>
      </c>
      <c r="H4532" s="1" t="s">
        <v>10</v>
      </c>
      <c r="I4532" s="1" t="s">
        <v>15371</v>
      </c>
      <c r="J4532" s="1" t="s">
        <v>15611</v>
      </c>
      <c r="K4532" s="1" t="s">
        <v>10</v>
      </c>
      <c r="L4532" s="1" t="s">
        <v>15757</v>
      </c>
      <c r="M4532" s="1" t="s">
        <v>5</v>
      </c>
      <c r="N4532" s="1" t="s">
        <v>25</v>
      </c>
      <c r="O4532" s="1" t="s">
        <v>38</v>
      </c>
      <c r="P4532" s="5" t="s">
        <v>31743</v>
      </c>
    </row>
    <row r="4533" spans="1:16" x14ac:dyDescent="0.2">
      <c r="A4533" s="1" t="s">
        <v>10</v>
      </c>
      <c r="B4533" s="1" t="s">
        <v>10</v>
      </c>
      <c r="C4533" s="1" t="s">
        <v>15761</v>
      </c>
      <c r="D4533" s="1" t="s">
        <v>15762</v>
      </c>
      <c r="E4533" s="1"/>
      <c r="F4533" s="1" t="s">
        <v>10</v>
      </c>
      <c r="G4533" s="1" t="s">
        <v>10</v>
      </c>
      <c r="H4533" s="1" t="s">
        <v>10</v>
      </c>
      <c r="I4533" s="1" t="s">
        <v>15371</v>
      </c>
      <c r="J4533" s="1" t="s">
        <v>15611</v>
      </c>
      <c r="K4533" s="1" t="s">
        <v>10</v>
      </c>
      <c r="L4533" s="1" t="s">
        <v>15760</v>
      </c>
      <c r="M4533" s="1" t="s">
        <v>5</v>
      </c>
      <c r="N4533" s="1" t="s">
        <v>25</v>
      </c>
      <c r="O4533" s="1" t="s">
        <v>38</v>
      </c>
      <c r="P4533" s="5" t="s">
        <v>31743</v>
      </c>
    </row>
    <row r="4534" spans="1:16" x14ac:dyDescent="0.2">
      <c r="A4534" s="1" t="s">
        <v>10</v>
      </c>
      <c r="B4534" s="1" t="s">
        <v>10</v>
      </c>
      <c r="C4534" s="1" t="s">
        <v>15764</v>
      </c>
      <c r="D4534" s="1" t="s">
        <v>15765</v>
      </c>
      <c r="E4534" s="1"/>
      <c r="F4534" s="1" t="s">
        <v>10</v>
      </c>
      <c r="G4534" s="1" t="s">
        <v>10</v>
      </c>
      <c r="H4534" s="1" t="s">
        <v>10</v>
      </c>
      <c r="I4534" s="1" t="s">
        <v>15371</v>
      </c>
      <c r="J4534" s="1" t="s">
        <v>15611</v>
      </c>
      <c r="K4534" s="1" t="s">
        <v>10</v>
      </c>
      <c r="L4534" s="1" t="s">
        <v>15763</v>
      </c>
      <c r="M4534" s="1" t="s">
        <v>5</v>
      </c>
      <c r="N4534" s="1" t="s">
        <v>25</v>
      </c>
      <c r="O4534" s="1" t="s">
        <v>38</v>
      </c>
      <c r="P4534" s="5" t="s">
        <v>31743</v>
      </c>
    </row>
    <row r="4535" spans="1:16" x14ac:dyDescent="0.2">
      <c r="A4535" s="1" t="s">
        <v>10</v>
      </c>
      <c r="B4535" s="1" t="s">
        <v>10</v>
      </c>
      <c r="C4535" s="1" t="s">
        <v>15767</v>
      </c>
      <c r="D4535" s="1" t="s">
        <v>15768</v>
      </c>
      <c r="E4535" s="1"/>
      <c r="F4535" s="1" t="s">
        <v>10</v>
      </c>
      <c r="G4535" s="1" t="s">
        <v>10</v>
      </c>
      <c r="H4535" s="1" t="s">
        <v>10</v>
      </c>
      <c r="I4535" s="1" t="s">
        <v>15371</v>
      </c>
      <c r="J4535" s="1" t="s">
        <v>15611</v>
      </c>
      <c r="K4535" s="1" t="s">
        <v>10</v>
      </c>
      <c r="L4535" s="1" t="s">
        <v>15766</v>
      </c>
      <c r="M4535" s="1" t="s">
        <v>5</v>
      </c>
      <c r="N4535" s="1" t="s">
        <v>25</v>
      </c>
      <c r="O4535" s="1" t="s">
        <v>38</v>
      </c>
      <c r="P4535" s="5" t="s">
        <v>31743</v>
      </c>
    </row>
    <row r="4536" spans="1:16" x14ac:dyDescent="0.2">
      <c r="A4536" s="1" t="s">
        <v>10</v>
      </c>
      <c r="B4536" s="1" t="s">
        <v>10</v>
      </c>
      <c r="C4536" s="1" t="s">
        <v>15770</v>
      </c>
      <c r="D4536" s="1" t="s">
        <v>15771</v>
      </c>
      <c r="E4536" s="1"/>
      <c r="F4536" s="1" t="s">
        <v>10</v>
      </c>
      <c r="G4536" s="1" t="s">
        <v>10</v>
      </c>
      <c r="H4536" s="1" t="s">
        <v>10</v>
      </c>
      <c r="I4536" s="1" t="s">
        <v>15371</v>
      </c>
      <c r="J4536" s="1" t="s">
        <v>15611</v>
      </c>
      <c r="K4536" s="1" t="s">
        <v>10</v>
      </c>
      <c r="L4536" s="1" t="s">
        <v>15769</v>
      </c>
      <c r="M4536" s="1" t="s">
        <v>5</v>
      </c>
      <c r="N4536" s="1" t="s">
        <v>25</v>
      </c>
      <c r="O4536" s="1" t="s">
        <v>38</v>
      </c>
      <c r="P4536" s="5" t="s">
        <v>31743</v>
      </c>
    </row>
    <row r="4537" spans="1:16" x14ac:dyDescent="0.2">
      <c r="A4537" s="1" t="s">
        <v>10</v>
      </c>
      <c r="B4537" s="1" t="s">
        <v>10</v>
      </c>
      <c r="C4537" s="1" t="s">
        <v>15773</v>
      </c>
      <c r="D4537" s="1" t="s">
        <v>15774</v>
      </c>
      <c r="E4537" s="1"/>
      <c r="F4537" s="1" t="s">
        <v>10</v>
      </c>
      <c r="G4537" s="1" t="s">
        <v>10</v>
      </c>
      <c r="H4537" s="1" t="s">
        <v>10</v>
      </c>
      <c r="I4537" s="1" t="s">
        <v>15371</v>
      </c>
      <c r="J4537" s="1" t="s">
        <v>15611</v>
      </c>
      <c r="K4537" s="1" t="s">
        <v>10</v>
      </c>
      <c r="L4537" s="1" t="s">
        <v>15772</v>
      </c>
      <c r="M4537" s="1" t="s">
        <v>5</v>
      </c>
      <c r="N4537" s="1" t="s">
        <v>6</v>
      </c>
      <c r="O4537" s="1" t="s">
        <v>38</v>
      </c>
      <c r="P4537" s="5" t="s">
        <v>31743</v>
      </c>
    </row>
    <row r="4538" spans="1:16" x14ac:dyDescent="0.2">
      <c r="A4538" s="1" t="s">
        <v>10</v>
      </c>
      <c r="B4538" s="1" t="s">
        <v>10</v>
      </c>
      <c r="C4538" s="1" t="s">
        <v>15776</v>
      </c>
      <c r="D4538" s="1" t="s">
        <v>15777</v>
      </c>
      <c r="E4538" s="1"/>
      <c r="F4538" s="1" t="s">
        <v>10</v>
      </c>
      <c r="G4538" s="1" t="s">
        <v>10</v>
      </c>
      <c r="H4538" s="1" t="s">
        <v>10</v>
      </c>
      <c r="I4538" s="1" t="s">
        <v>15371</v>
      </c>
      <c r="J4538" s="1" t="s">
        <v>15611</v>
      </c>
      <c r="K4538" s="1" t="s">
        <v>10</v>
      </c>
      <c r="L4538" s="1" t="s">
        <v>15775</v>
      </c>
      <c r="M4538" s="1" t="s">
        <v>5</v>
      </c>
      <c r="N4538" s="1" t="s">
        <v>25</v>
      </c>
      <c r="O4538" s="1" t="s">
        <v>38</v>
      </c>
      <c r="P4538" s="5" t="s">
        <v>31743</v>
      </c>
    </row>
    <row r="4539" spans="1:16" x14ac:dyDescent="0.2">
      <c r="A4539" s="1" t="s">
        <v>10</v>
      </c>
      <c r="B4539" s="1" t="s">
        <v>10</v>
      </c>
      <c r="C4539" s="1" t="s">
        <v>15779</v>
      </c>
      <c r="D4539" s="1" t="s">
        <v>15780</v>
      </c>
      <c r="E4539" s="1"/>
      <c r="F4539" s="1" t="s">
        <v>10</v>
      </c>
      <c r="G4539" s="1" t="s">
        <v>10</v>
      </c>
      <c r="H4539" s="1" t="s">
        <v>10</v>
      </c>
      <c r="I4539" s="1" t="s">
        <v>15371</v>
      </c>
      <c r="J4539" s="1" t="s">
        <v>15611</v>
      </c>
      <c r="K4539" s="1" t="s">
        <v>10</v>
      </c>
      <c r="L4539" s="1" t="s">
        <v>15778</v>
      </c>
      <c r="M4539" s="1" t="s">
        <v>5</v>
      </c>
      <c r="N4539" s="1" t="s">
        <v>25</v>
      </c>
      <c r="O4539" s="1" t="s">
        <v>38</v>
      </c>
      <c r="P4539" s="5" t="s">
        <v>31743</v>
      </c>
    </row>
    <row r="4540" spans="1:16" x14ac:dyDescent="0.2">
      <c r="A4540" s="1" t="s">
        <v>10</v>
      </c>
      <c r="B4540" s="1" t="s">
        <v>10</v>
      </c>
      <c r="C4540" s="1" t="s">
        <v>15782</v>
      </c>
      <c r="D4540" s="1" t="s">
        <v>15783</v>
      </c>
      <c r="E4540" s="1"/>
      <c r="F4540" s="1" t="s">
        <v>10</v>
      </c>
      <c r="G4540" s="1" t="s">
        <v>10</v>
      </c>
      <c r="H4540" s="1" t="s">
        <v>10</v>
      </c>
      <c r="I4540" s="1" t="s">
        <v>15371</v>
      </c>
      <c r="J4540" s="1" t="s">
        <v>15611</v>
      </c>
      <c r="K4540" s="1" t="s">
        <v>10</v>
      </c>
      <c r="L4540" s="1" t="s">
        <v>15781</v>
      </c>
      <c r="M4540" s="1" t="s">
        <v>5</v>
      </c>
      <c r="N4540" s="1" t="s">
        <v>25</v>
      </c>
      <c r="O4540" s="1" t="s">
        <v>38</v>
      </c>
      <c r="P4540" s="5" t="s">
        <v>31743</v>
      </c>
    </row>
    <row r="4541" spans="1:16" x14ac:dyDescent="0.2">
      <c r="A4541" s="1" t="s">
        <v>10</v>
      </c>
      <c r="B4541" s="1" t="s">
        <v>10</v>
      </c>
      <c r="C4541" s="1" t="s">
        <v>15785</v>
      </c>
      <c r="D4541" s="1" t="s">
        <v>15786</v>
      </c>
      <c r="E4541" s="1"/>
      <c r="F4541" s="1" t="s">
        <v>10</v>
      </c>
      <c r="G4541" s="1" t="s">
        <v>10</v>
      </c>
      <c r="H4541" s="1" t="s">
        <v>10</v>
      </c>
      <c r="I4541" s="1" t="s">
        <v>15371</v>
      </c>
      <c r="J4541" s="1" t="s">
        <v>15611</v>
      </c>
      <c r="K4541" s="1" t="s">
        <v>10</v>
      </c>
      <c r="L4541" s="1" t="s">
        <v>15784</v>
      </c>
      <c r="M4541" s="1" t="s">
        <v>5</v>
      </c>
      <c r="N4541" s="1" t="s">
        <v>25</v>
      </c>
      <c r="O4541" s="1" t="s">
        <v>38</v>
      </c>
      <c r="P4541" s="5" t="s">
        <v>31743</v>
      </c>
    </row>
    <row r="4542" spans="1:16" x14ac:dyDescent="0.2">
      <c r="A4542" s="1" t="s">
        <v>10</v>
      </c>
      <c r="B4542" s="1" t="s">
        <v>10</v>
      </c>
      <c r="C4542" s="1" t="s">
        <v>15788</v>
      </c>
      <c r="D4542" s="1" t="s">
        <v>15789</v>
      </c>
      <c r="E4542" s="1"/>
      <c r="F4542" s="1" t="s">
        <v>10</v>
      </c>
      <c r="G4542" s="1" t="s">
        <v>10</v>
      </c>
      <c r="H4542" s="1" t="s">
        <v>10</v>
      </c>
      <c r="I4542" s="1" t="s">
        <v>15371</v>
      </c>
      <c r="J4542" s="1" t="s">
        <v>15611</v>
      </c>
      <c r="K4542" s="1" t="s">
        <v>10</v>
      </c>
      <c r="L4542" s="1" t="s">
        <v>15787</v>
      </c>
      <c r="M4542" s="1" t="s">
        <v>5</v>
      </c>
      <c r="N4542" s="1" t="s">
        <v>25</v>
      </c>
      <c r="O4542" s="1" t="s">
        <v>38</v>
      </c>
      <c r="P4542" s="5" t="s">
        <v>31743</v>
      </c>
    </row>
    <row r="4543" spans="1:16" x14ac:dyDescent="0.2">
      <c r="A4543" s="1" t="s">
        <v>10</v>
      </c>
      <c r="B4543" s="1" t="s">
        <v>10</v>
      </c>
      <c r="C4543" s="1" t="s">
        <v>15791</v>
      </c>
      <c r="D4543" s="1" t="s">
        <v>15792</v>
      </c>
      <c r="E4543" s="1"/>
      <c r="F4543" s="1" t="s">
        <v>10</v>
      </c>
      <c r="G4543" s="1" t="s">
        <v>10</v>
      </c>
      <c r="H4543" s="1" t="s">
        <v>10</v>
      </c>
      <c r="I4543" s="1" t="s">
        <v>15371</v>
      </c>
      <c r="J4543" s="1" t="s">
        <v>15611</v>
      </c>
      <c r="K4543" s="1" t="s">
        <v>10</v>
      </c>
      <c r="L4543" s="1" t="s">
        <v>15790</v>
      </c>
      <c r="M4543" s="1" t="s">
        <v>5</v>
      </c>
      <c r="N4543" s="1" t="s">
        <v>25</v>
      </c>
      <c r="O4543" s="1" t="s">
        <v>38</v>
      </c>
      <c r="P4543" s="5" t="s">
        <v>31743</v>
      </c>
    </row>
    <row r="4544" spans="1:16" x14ac:dyDescent="0.2">
      <c r="A4544" s="1" t="s">
        <v>10</v>
      </c>
      <c r="B4544" s="1" t="s">
        <v>10</v>
      </c>
      <c r="C4544" s="1" t="s">
        <v>15794</v>
      </c>
      <c r="D4544" s="1" t="s">
        <v>15795</v>
      </c>
      <c r="E4544" s="1"/>
      <c r="F4544" s="1" t="s">
        <v>10</v>
      </c>
      <c r="G4544" s="1" t="s">
        <v>10</v>
      </c>
      <c r="H4544" s="1" t="s">
        <v>10</v>
      </c>
      <c r="I4544" s="1" t="s">
        <v>15371</v>
      </c>
      <c r="J4544" s="1" t="s">
        <v>15611</v>
      </c>
      <c r="K4544" s="1" t="s">
        <v>10</v>
      </c>
      <c r="L4544" s="1" t="s">
        <v>15793</v>
      </c>
      <c r="M4544" s="1" t="s">
        <v>5</v>
      </c>
      <c r="N4544" s="1" t="s">
        <v>25</v>
      </c>
      <c r="O4544" s="1" t="s">
        <v>38</v>
      </c>
      <c r="P4544" s="5" t="s">
        <v>31743</v>
      </c>
    </row>
    <row r="4545" spans="1:16" x14ac:dyDescent="0.2">
      <c r="A4545" s="1" t="s">
        <v>10</v>
      </c>
      <c r="B4545" s="1" t="s">
        <v>10</v>
      </c>
      <c r="C4545" s="1" t="s">
        <v>15797</v>
      </c>
      <c r="D4545" s="1" t="s">
        <v>15798</v>
      </c>
      <c r="E4545" s="1"/>
      <c r="F4545" s="1" t="s">
        <v>10</v>
      </c>
      <c r="G4545" s="1" t="s">
        <v>10</v>
      </c>
      <c r="H4545" s="1" t="s">
        <v>10</v>
      </c>
      <c r="I4545" s="1" t="s">
        <v>15371</v>
      </c>
      <c r="J4545" s="1" t="s">
        <v>15611</v>
      </c>
      <c r="K4545" s="1" t="s">
        <v>10</v>
      </c>
      <c r="L4545" s="1" t="s">
        <v>15796</v>
      </c>
      <c r="M4545" s="1" t="s">
        <v>5</v>
      </c>
      <c r="N4545" s="1" t="s">
        <v>1009</v>
      </c>
      <c r="O4545" s="1" t="s">
        <v>38</v>
      </c>
      <c r="P4545" s="5" t="s">
        <v>31743</v>
      </c>
    </row>
    <row r="4546" spans="1:16" x14ac:dyDescent="0.2">
      <c r="A4546" s="1" t="s">
        <v>10</v>
      </c>
      <c r="B4546" s="1" t="s">
        <v>10</v>
      </c>
      <c r="C4546" s="1" t="s">
        <v>15800</v>
      </c>
      <c r="D4546" s="1" t="s">
        <v>15801</v>
      </c>
      <c r="E4546" s="1"/>
      <c r="F4546" s="1" t="s">
        <v>10</v>
      </c>
      <c r="G4546" s="1" t="s">
        <v>10</v>
      </c>
      <c r="H4546" s="1" t="s">
        <v>10</v>
      </c>
      <c r="I4546" s="1" t="s">
        <v>15371</v>
      </c>
      <c r="J4546" s="1" t="s">
        <v>15611</v>
      </c>
      <c r="K4546" s="1" t="s">
        <v>10</v>
      </c>
      <c r="L4546" s="1" t="s">
        <v>15799</v>
      </c>
      <c r="M4546" s="1" t="s">
        <v>5</v>
      </c>
      <c r="N4546" s="1" t="s">
        <v>25</v>
      </c>
      <c r="O4546" s="1" t="s">
        <v>38</v>
      </c>
      <c r="P4546" s="5" t="s">
        <v>31743</v>
      </c>
    </row>
    <row r="4547" spans="1:16" x14ac:dyDescent="0.2">
      <c r="A4547" s="1" t="s">
        <v>10</v>
      </c>
      <c r="B4547" s="1" t="s">
        <v>10</v>
      </c>
      <c r="C4547" s="1" t="s">
        <v>15803</v>
      </c>
      <c r="D4547" s="1" t="s">
        <v>15804</v>
      </c>
      <c r="E4547" s="1"/>
      <c r="F4547" s="1" t="s">
        <v>10</v>
      </c>
      <c r="G4547" s="1" t="s">
        <v>10</v>
      </c>
      <c r="H4547" s="1" t="s">
        <v>10</v>
      </c>
      <c r="I4547" s="1" t="s">
        <v>15371</v>
      </c>
      <c r="J4547" s="1" t="s">
        <v>15611</v>
      </c>
      <c r="K4547" s="1" t="s">
        <v>10</v>
      </c>
      <c r="L4547" s="1" t="s">
        <v>15802</v>
      </c>
      <c r="M4547" s="1" t="s">
        <v>5</v>
      </c>
      <c r="N4547" s="1" t="s">
        <v>25</v>
      </c>
      <c r="O4547" s="1" t="s">
        <v>38</v>
      </c>
      <c r="P4547" s="5" t="s">
        <v>31743</v>
      </c>
    </row>
    <row r="4548" spans="1:16" x14ac:dyDescent="0.2">
      <c r="A4548" s="1" t="s">
        <v>10</v>
      </c>
      <c r="B4548" s="1" t="s">
        <v>10</v>
      </c>
      <c r="C4548" s="1" t="s">
        <v>15806</v>
      </c>
      <c r="D4548" s="1" t="s">
        <v>15807</v>
      </c>
      <c r="E4548" s="1"/>
      <c r="F4548" s="1" t="s">
        <v>10</v>
      </c>
      <c r="G4548" s="1" t="s">
        <v>10</v>
      </c>
      <c r="H4548" s="1" t="s">
        <v>10</v>
      </c>
      <c r="I4548" s="1" t="s">
        <v>15371</v>
      </c>
      <c r="J4548" s="1" t="s">
        <v>15611</v>
      </c>
      <c r="K4548" s="1" t="s">
        <v>10</v>
      </c>
      <c r="L4548" s="1" t="s">
        <v>15805</v>
      </c>
      <c r="M4548" s="1" t="s">
        <v>5</v>
      </c>
      <c r="N4548" s="1" t="s">
        <v>25</v>
      </c>
      <c r="O4548" s="1" t="s">
        <v>38</v>
      </c>
      <c r="P4548" s="5" t="s">
        <v>31743</v>
      </c>
    </row>
    <row r="4549" spans="1:16" x14ac:dyDescent="0.2">
      <c r="A4549" s="1" t="s">
        <v>10</v>
      </c>
      <c r="B4549" s="1" t="s">
        <v>10</v>
      </c>
      <c r="C4549" s="1" t="s">
        <v>15809</v>
      </c>
      <c r="D4549" s="1" t="s">
        <v>15810</v>
      </c>
      <c r="E4549" s="1"/>
      <c r="F4549" s="1" t="s">
        <v>10</v>
      </c>
      <c r="G4549" s="1" t="s">
        <v>10</v>
      </c>
      <c r="H4549" s="1" t="s">
        <v>10</v>
      </c>
      <c r="I4549" s="1" t="s">
        <v>15371</v>
      </c>
      <c r="J4549" s="1" t="s">
        <v>15611</v>
      </c>
      <c r="K4549" s="1" t="s">
        <v>10</v>
      </c>
      <c r="L4549" s="1" t="s">
        <v>15808</v>
      </c>
      <c r="M4549" s="1" t="s">
        <v>5</v>
      </c>
      <c r="N4549" s="1" t="s">
        <v>25</v>
      </c>
      <c r="O4549" s="1" t="s">
        <v>38</v>
      </c>
      <c r="P4549" s="5" t="s">
        <v>31743</v>
      </c>
    </row>
    <row r="4550" spans="1:16" x14ac:dyDescent="0.2">
      <c r="A4550" s="1" t="s">
        <v>42</v>
      </c>
      <c r="B4550" s="1" t="s">
        <v>320</v>
      </c>
      <c r="C4550" s="1" t="s">
        <v>15812</v>
      </c>
      <c r="D4550" s="1" t="s">
        <v>15813</v>
      </c>
      <c r="E4550" s="1"/>
      <c r="F4550" s="1" t="s">
        <v>10</v>
      </c>
      <c r="G4550" s="1" t="s">
        <v>10</v>
      </c>
      <c r="H4550" s="1" t="s">
        <v>10</v>
      </c>
      <c r="I4550" s="1" t="s">
        <v>15371</v>
      </c>
      <c r="J4550" s="1" t="s">
        <v>10</v>
      </c>
      <c r="K4550" s="1" t="s">
        <v>10</v>
      </c>
      <c r="L4550" s="1" t="s">
        <v>15811</v>
      </c>
      <c r="M4550" s="1" t="s">
        <v>5</v>
      </c>
      <c r="N4550" s="1" t="s">
        <v>25</v>
      </c>
      <c r="O4550" s="1" t="s">
        <v>38</v>
      </c>
      <c r="P4550" s="5" t="s">
        <v>31744</v>
      </c>
    </row>
    <row r="4551" spans="1:16" x14ac:dyDescent="0.2">
      <c r="A4551" s="1" t="s">
        <v>10</v>
      </c>
      <c r="B4551" s="1" t="s">
        <v>10</v>
      </c>
      <c r="C4551" s="1" t="s">
        <v>15815</v>
      </c>
      <c r="D4551" s="1" t="s">
        <v>15816</v>
      </c>
      <c r="E4551" s="1" t="s">
        <v>10</v>
      </c>
      <c r="F4551" s="1" t="s">
        <v>10</v>
      </c>
      <c r="G4551" s="1" t="s">
        <v>10</v>
      </c>
      <c r="H4551" s="1" t="s">
        <v>10</v>
      </c>
      <c r="I4551" s="1" t="s">
        <v>15371</v>
      </c>
      <c r="J4551" s="1" t="s">
        <v>10</v>
      </c>
      <c r="K4551" s="1" t="s">
        <v>10</v>
      </c>
      <c r="L4551" s="1" t="s">
        <v>15814</v>
      </c>
      <c r="M4551" s="1" t="s">
        <v>5</v>
      </c>
      <c r="N4551" s="1" t="s">
        <v>25</v>
      </c>
      <c r="O4551" s="1" t="s">
        <v>8</v>
      </c>
      <c r="P4551" s="5" t="s">
        <v>10</v>
      </c>
    </row>
    <row r="4552" spans="1:16" x14ac:dyDescent="0.2">
      <c r="A4552" s="1" t="s">
        <v>32</v>
      </c>
      <c r="B4552" s="1" t="s">
        <v>33</v>
      </c>
      <c r="C4552" s="1" t="s">
        <v>15818</v>
      </c>
      <c r="D4552" s="1" t="s">
        <v>15819</v>
      </c>
      <c r="E4552" s="1" t="s">
        <v>15734</v>
      </c>
      <c r="F4552" s="1" t="s">
        <v>1813</v>
      </c>
      <c r="G4552" s="1" t="s">
        <v>1042</v>
      </c>
      <c r="H4552" s="1" t="s">
        <v>15820</v>
      </c>
      <c r="I4552" s="1" t="s">
        <v>15371</v>
      </c>
      <c r="J4552" s="1" t="s">
        <v>15611</v>
      </c>
      <c r="K4552" s="1" t="s">
        <v>14695</v>
      </c>
      <c r="L4552" s="1" t="s">
        <v>15817</v>
      </c>
      <c r="M4552" s="1" t="s">
        <v>5</v>
      </c>
      <c r="N4552" s="1" t="s">
        <v>25</v>
      </c>
      <c r="O4552" s="1" t="s">
        <v>8</v>
      </c>
      <c r="P4552" s="5" t="s">
        <v>30425</v>
      </c>
    </row>
    <row r="4553" spans="1:16" x14ac:dyDescent="0.2">
      <c r="A4553" s="1" t="s">
        <v>32</v>
      </c>
      <c r="B4553" s="1" t="s">
        <v>33</v>
      </c>
      <c r="C4553" s="1" t="s">
        <v>15822</v>
      </c>
      <c r="D4553" s="1" t="s">
        <v>15823</v>
      </c>
      <c r="E4553" s="1" t="s">
        <v>15734</v>
      </c>
      <c r="F4553" s="1" t="s">
        <v>1813</v>
      </c>
      <c r="G4553" s="1" t="s">
        <v>1042</v>
      </c>
      <c r="H4553" s="1" t="s">
        <v>15824</v>
      </c>
      <c r="I4553" s="1" t="s">
        <v>15371</v>
      </c>
      <c r="J4553" s="1" t="s">
        <v>15611</v>
      </c>
      <c r="K4553" s="1" t="s">
        <v>14695</v>
      </c>
      <c r="L4553" s="1" t="s">
        <v>15821</v>
      </c>
      <c r="M4553" s="1" t="s">
        <v>5</v>
      </c>
      <c r="N4553" s="1" t="s">
        <v>25</v>
      </c>
      <c r="O4553" s="1" t="s">
        <v>8</v>
      </c>
      <c r="P4553" s="5" t="s">
        <v>30425</v>
      </c>
    </row>
    <row r="4554" spans="1:16" x14ac:dyDescent="0.2">
      <c r="A4554" s="1" t="s">
        <v>32</v>
      </c>
      <c r="B4554" s="1" t="s">
        <v>33</v>
      </c>
      <c r="C4554" s="1" t="s">
        <v>15826</v>
      </c>
      <c r="D4554" s="1" t="s">
        <v>15827</v>
      </c>
      <c r="E4554" s="1" t="s">
        <v>15734</v>
      </c>
      <c r="F4554" s="1" t="s">
        <v>1813</v>
      </c>
      <c r="G4554" s="1" t="s">
        <v>1042</v>
      </c>
      <c r="H4554" s="1" t="s">
        <v>15828</v>
      </c>
      <c r="I4554" s="1" t="s">
        <v>15371</v>
      </c>
      <c r="J4554" s="1" t="s">
        <v>15611</v>
      </c>
      <c r="K4554" s="1" t="s">
        <v>14695</v>
      </c>
      <c r="L4554" s="1" t="s">
        <v>15825</v>
      </c>
      <c r="M4554" s="1" t="s">
        <v>5</v>
      </c>
      <c r="N4554" s="1" t="s">
        <v>25</v>
      </c>
      <c r="O4554" s="1" t="s">
        <v>8</v>
      </c>
      <c r="P4554" s="5" t="s">
        <v>30425</v>
      </c>
    </row>
    <row r="4555" spans="1:16" x14ac:dyDescent="0.2">
      <c r="A4555" s="1" t="s">
        <v>20</v>
      </c>
      <c r="B4555" s="1" t="s">
        <v>309</v>
      </c>
      <c r="C4555" s="1" t="s">
        <v>15831</v>
      </c>
      <c r="D4555" s="1" t="s">
        <v>15829</v>
      </c>
      <c r="E4555" s="1"/>
      <c r="F4555" s="1" t="s">
        <v>10</v>
      </c>
      <c r="G4555" s="1" t="s">
        <v>10</v>
      </c>
      <c r="H4555" s="1" t="s">
        <v>10</v>
      </c>
      <c r="I4555" s="1" t="s">
        <v>15371</v>
      </c>
      <c r="J4555" s="1" t="s">
        <v>15831</v>
      </c>
      <c r="K4555" s="1" t="s">
        <v>64</v>
      </c>
      <c r="L4555" s="1" t="s">
        <v>15830</v>
      </c>
      <c r="M4555" s="1" t="s">
        <v>5</v>
      </c>
      <c r="N4555" s="1" t="s">
        <v>25</v>
      </c>
      <c r="O4555" s="1" t="s">
        <v>38</v>
      </c>
      <c r="P4555" s="5" t="s">
        <v>29821</v>
      </c>
    </row>
    <row r="4556" spans="1:16" x14ac:dyDescent="0.2">
      <c r="A4556" s="1" t="s">
        <v>42</v>
      </c>
      <c r="B4556" s="1" t="s">
        <v>109</v>
      </c>
      <c r="C4556" s="1" t="s">
        <v>15833</v>
      </c>
      <c r="D4556" s="1" t="s">
        <v>15834</v>
      </c>
      <c r="E4556" s="1" t="s">
        <v>15835</v>
      </c>
      <c r="F4556" s="1" t="s">
        <v>10</v>
      </c>
      <c r="G4556" s="1" t="s">
        <v>10</v>
      </c>
      <c r="H4556" s="1" t="s">
        <v>10</v>
      </c>
      <c r="I4556" s="1" t="s">
        <v>15371</v>
      </c>
      <c r="J4556" s="1" t="s">
        <v>15377</v>
      </c>
      <c r="K4556" s="1" t="s">
        <v>10</v>
      </c>
      <c r="L4556" s="1" t="s">
        <v>15832</v>
      </c>
      <c r="M4556" s="1" t="s">
        <v>5</v>
      </c>
      <c r="N4556" s="1" t="s">
        <v>25</v>
      </c>
      <c r="O4556" s="1" t="s">
        <v>38</v>
      </c>
      <c r="P4556" s="5" t="s">
        <v>30426</v>
      </c>
    </row>
    <row r="4557" spans="1:16" x14ac:dyDescent="0.2">
      <c r="A4557" s="1" t="s">
        <v>10</v>
      </c>
      <c r="B4557" s="1" t="s">
        <v>10</v>
      </c>
      <c r="C4557" s="1" t="s">
        <v>15836</v>
      </c>
      <c r="D4557" s="1" t="s">
        <v>15836</v>
      </c>
      <c r="E4557" s="1" t="s">
        <v>15838</v>
      </c>
      <c r="F4557" s="1" t="s">
        <v>10</v>
      </c>
      <c r="G4557" s="1" t="s">
        <v>10</v>
      </c>
      <c r="H4557" s="1" t="s">
        <v>10</v>
      </c>
      <c r="I4557" s="1" t="s">
        <v>15371</v>
      </c>
      <c r="J4557" s="1" t="s">
        <v>10</v>
      </c>
      <c r="K4557" s="1" t="s">
        <v>10</v>
      </c>
      <c r="L4557" s="1" t="s">
        <v>15837</v>
      </c>
      <c r="M4557" s="1" t="s">
        <v>5</v>
      </c>
      <c r="N4557" s="1" t="s">
        <v>25</v>
      </c>
      <c r="O4557" s="1" t="s">
        <v>8</v>
      </c>
      <c r="P4557" s="5" t="s">
        <v>10</v>
      </c>
    </row>
    <row r="4558" spans="1:16" x14ac:dyDescent="0.2">
      <c r="A4558" s="1" t="s">
        <v>10</v>
      </c>
      <c r="B4558" s="1" t="s">
        <v>10</v>
      </c>
      <c r="C4558" s="1" t="s">
        <v>15840</v>
      </c>
      <c r="D4558" s="1" t="s">
        <v>9196</v>
      </c>
      <c r="E4558" s="1"/>
      <c r="F4558" s="1" t="s">
        <v>10</v>
      </c>
      <c r="G4558" s="1" t="s">
        <v>10</v>
      </c>
      <c r="H4558" s="1" t="s">
        <v>10</v>
      </c>
      <c r="I4558" s="1" t="s">
        <v>15371</v>
      </c>
      <c r="J4558" s="1" t="s">
        <v>15611</v>
      </c>
      <c r="K4558" s="1" t="s">
        <v>10</v>
      </c>
      <c r="L4558" s="1" t="s">
        <v>15839</v>
      </c>
      <c r="M4558" s="1" t="s">
        <v>5</v>
      </c>
      <c r="N4558" s="1" t="s">
        <v>25</v>
      </c>
      <c r="O4558" s="1" t="s">
        <v>38</v>
      </c>
      <c r="P4558" s="5" t="s">
        <v>31743</v>
      </c>
    </row>
    <row r="4559" spans="1:16" x14ac:dyDescent="0.2">
      <c r="A4559" s="1" t="s">
        <v>10</v>
      </c>
      <c r="B4559" s="1" t="s">
        <v>10</v>
      </c>
      <c r="C4559" s="1" t="s">
        <v>15842</v>
      </c>
      <c r="D4559" s="1" t="s">
        <v>3953</v>
      </c>
      <c r="E4559" s="1"/>
      <c r="F4559" s="1" t="s">
        <v>10</v>
      </c>
      <c r="G4559" s="1" t="s">
        <v>10</v>
      </c>
      <c r="H4559" s="1" t="s">
        <v>10</v>
      </c>
      <c r="I4559" s="1" t="s">
        <v>15371</v>
      </c>
      <c r="J4559" s="1" t="s">
        <v>15611</v>
      </c>
      <c r="K4559" s="1" t="s">
        <v>10</v>
      </c>
      <c r="L4559" s="1" t="s">
        <v>15841</v>
      </c>
      <c r="M4559" s="1" t="s">
        <v>5</v>
      </c>
      <c r="N4559" s="1" t="s">
        <v>25</v>
      </c>
      <c r="O4559" s="1" t="s">
        <v>38</v>
      </c>
      <c r="P4559" s="5" t="s">
        <v>29821</v>
      </c>
    </row>
    <row r="4560" spans="1:16" x14ac:dyDescent="0.2">
      <c r="A4560" s="1" t="s">
        <v>10</v>
      </c>
      <c r="B4560" s="1" t="s">
        <v>10</v>
      </c>
      <c r="C4560" s="1" t="s">
        <v>15844</v>
      </c>
      <c r="D4560" s="1" t="s">
        <v>12559</v>
      </c>
      <c r="E4560" s="1"/>
      <c r="F4560" s="1" t="s">
        <v>10</v>
      </c>
      <c r="G4560" s="1" t="s">
        <v>10</v>
      </c>
      <c r="H4560" s="1" t="s">
        <v>10</v>
      </c>
      <c r="I4560" s="1" t="s">
        <v>15371</v>
      </c>
      <c r="J4560" s="1" t="s">
        <v>15611</v>
      </c>
      <c r="K4560" s="1" t="s">
        <v>10</v>
      </c>
      <c r="L4560" s="1" t="s">
        <v>15843</v>
      </c>
      <c r="M4560" s="1" t="s">
        <v>5</v>
      </c>
      <c r="N4560" s="1" t="s">
        <v>6</v>
      </c>
      <c r="O4560" s="1" t="s">
        <v>38</v>
      </c>
      <c r="P4560" s="5" t="s">
        <v>30427</v>
      </c>
    </row>
    <row r="4561" spans="1:16" x14ac:dyDescent="0.2">
      <c r="A4561" s="1" t="s">
        <v>32</v>
      </c>
      <c r="B4561" s="1" t="s">
        <v>33</v>
      </c>
      <c r="C4561" s="1" t="s">
        <v>15846</v>
      </c>
      <c r="D4561" s="1" t="s">
        <v>15847</v>
      </c>
      <c r="E4561" s="1"/>
      <c r="F4561" s="1" t="s">
        <v>27</v>
      </c>
      <c r="G4561" s="1" t="s">
        <v>10</v>
      </c>
      <c r="H4561" s="1" t="s">
        <v>15848</v>
      </c>
      <c r="I4561" s="1" t="s">
        <v>15371</v>
      </c>
      <c r="J4561" s="1" t="s">
        <v>15611</v>
      </c>
      <c r="K4561" s="1" t="s">
        <v>14695</v>
      </c>
      <c r="L4561" s="1" t="s">
        <v>15845</v>
      </c>
      <c r="M4561" s="1" t="s">
        <v>5</v>
      </c>
      <c r="N4561" s="1" t="s">
        <v>25</v>
      </c>
      <c r="O4561" s="1" t="s">
        <v>8</v>
      </c>
      <c r="P4561" s="5" t="s">
        <v>30425</v>
      </c>
    </row>
    <row r="4562" spans="1:16" x14ac:dyDescent="0.2">
      <c r="A4562" s="1" t="s">
        <v>42</v>
      </c>
      <c r="B4562" s="1" t="s">
        <v>320</v>
      </c>
      <c r="C4562" s="1" t="s">
        <v>15850</v>
      </c>
      <c r="D4562" s="1" t="s">
        <v>15851</v>
      </c>
      <c r="E4562" s="1" t="s">
        <v>15852</v>
      </c>
      <c r="F4562" s="1" t="s">
        <v>27</v>
      </c>
      <c r="G4562" s="1" t="s">
        <v>10</v>
      </c>
      <c r="H4562" s="1" t="s">
        <v>15853</v>
      </c>
      <c r="I4562" s="1" t="s">
        <v>15371</v>
      </c>
      <c r="J4562" s="1" t="s">
        <v>15611</v>
      </c>
      <c r="K4562" s="1" t="s">
        <v>10</v>
      </c>
      <c r="L4562" s="1" t="s">
        <v>15849</v>
      </c>
      <c r="M4562" s="1" t="s">
        <v>5</v>
      </c>
      <c r="N4562" s="1" t="s">
        <v>25</v>
      </c>
      <c r="O4562" s="1" t="s">
        <v>8</v>
      </c>
      <c r="P4562" s="5" t="s">
        <v>30398</v>
      </c>
    </row>
    <row r="4563" spans="1:16" x14ac:dyDescent="0.2">
      <c r="A4563" s="1" t="s">
        <v>42</v>
      </c>
      <c r="B4563" s="1" t="s">
        <v>320</v>
      </c>
      <c r="C4563" s="1" t="s">
        <v>15855</v>
      </c>
      <c r="D4563" s="1" t="s">
        <v>15856</v>
      </c>
      <c r="E4563" s="1" t="s">
        <v>15857</v>
      </c>
      <c r="F4563" s="1" t="s">
        <v>27</v>
      </c>
      <c r="G4563" s="1" t="s">
        <v>10</v>
      </c>
      <c r="H4563" s="1" t="s">
        <v>15858</v>
      </c>
      <c r="I4563" s="1" t="s">
        <v>15371</v>
      </c>
      <c r="J4563" s="1" t="s">
        <v>15611</v>
      </c>
      <c r="K4563" s="1" t="s">
        <v>10</v>
      </c>
      <c r="L4563" s="1" t="s">
        <v>15854</v>
      </c>
      <c r="M4563" s="1" t="s">
        <v>5</v>
      </c>
      <c r="N4563" s="1" t="s">
        <v>25</v>
      </c>
      <c r="O4563" s="1" t="s">
        <v>8</v>
      </c>
      <c r="P4563" s="5" t="s">
        <v>30428</v>
      </c>
    </row>
    <row r="4564" spans="1:16" x14ac:dyDescent="0.2">
      <c r="A4564" s="1" t="s">
        <v>42</v>
      </c>
      <c r="B4564" s="1" t="s">
        <v>320</v>
      </c>
      <c r="C4564" s="1" t="s">
        <v>15860</v>
      </c>
      <c r="D4564" s="1" t="s">
        <v>15861</v>
      </c>
      <c r="E4564" s="1" t="s">
        <v>15862</v>
      </c>
      <c r="F4564" s="1" t="s">
        <v>10</v>
      </c>
      <c r="G4564" s="1" t="s">
        <v>10</v>
      </c>
      <c r="H4564" s="1" t="s">
        <v>10</v>
      </c>
      <c r="I4564" s="1" t="s">
        <v>15371</v>
      </c>
      <c r="J4564" s="1" t="s">
        <v>15611</v>
      </c>
      <c r="K4564" s="1" t="s">
        <v>10</v>
      </c>
      <c r="L4564" s="1" t="s">
        <v>15859</v>
      </c>
      <c r="M4564" s="1" t="s">
        <v>5</v>
      </c>
      <c r="N4564" s="1" t="s">
        <v>6</v>
      </c>
      <c r="O4564" s="1" t="s">
        <v>38</v>
      </c>
      <c r="P4564" s="5" t="s">
        <v>31745</v>
      </c>
    </row>
    <row r="4565" spans="1:16" x14ac:dyDescent="0.2">
      <c r="A4565" s="1" t="s">
        <v>42</v>
      </c>
      <c r="B4565" s="1" t="s">
        <v>320</v>
      </c>
      <c r="C4565" s="1" t="s">
        <v>15864</v>
      </c>
      <c r="D4565" s="1" t="s">
        <v>15864</v>
      </c>
      <c r="E4565" s="1"/>
      <c r="F4565" s="1" t="s">
        <v>10</v>
      </c>
      <c r="G4565" s="1" t="s">
        <v>10</v>
      </c>
      <c r="H4565" s="1" t="s">
        <v>10</v>
      </c>
      <c r="I4565" s="1" t="s">
        <v>15371</v>
      </c>
      <c r="J4565" s="1" t="s">
        <v>15611</v>
      </c>
      <c r="K4565" s="1" t="s">
        <v>10</v>
      </c>
      <c r="L4565" s="1" t="s">
        <v>15863</v>
      </c>
      <c r="M4565" s="1" t="s">
        <v>5</v>
      </c>
      <c r="N4565" s="1" t="s">
        <v>25</v>
      </c>
      <c r="O4565" s="1" t="s">
        <v>38</v>
      </c>
      <c r="P4565" s="5" t="s">
        <v>31746</v>
      </c>
    </row>
    <row r="4566" spans="1:16" x14ac:dyDescent="0.2">
      <c r="A4566" s="1" t="s">
        <v>194</v>
      </c>
      <c r="B4566" s="1" t="s">
        <v>396</v>
      </c>
      <c r="C4566" s="1" t="s">
        <v>6812</v>
      </c>
      <c r="D4566" s="1" t="s">
        <v>6376</v>
      </c>
      <c r="E4566" s="1"/>
      <c r="F4566" s="1" t="s">
        <v>393</v>
      </c>
      <c r="G4566" s="1" t="s">
        <v>15704</v>
      </c>
      <c r="H4566" s="1" t="s">
        <v>10</v>
      </c>
      <c r="I4566" s="1" t="s">
        <v>15371</v>
      </c>
      <c r="J4566" s="1" t="s">
        <v>15611</v>
      </c>
      <c r="K4566" s="1" t="s">
        <v>15866</v>
      </c>
      <c r="L4566" s="1" t="s">
        <v>15865</v>
      </c>
      <c r="M4566" s="1" t="s">
        <v>5</v>
      </c>
      <c r="N4566" s="1" t="s">
        <v>6</v>
      </c>
      <c r="O4566" s="1" t="s">
        <v>8</v>
      </c>
      <c r="P4566" s="5" t="s">
        <v>31747</v>
      </c>
    </row>
    <row r="4567" spans="1:16" x14ac:dyDescent="0.2">
      <c r="A4567" s="1" t="s">
        <v>32</v>
      </c>
      <c r="B4567" s="1" t="s">
        <v>33</v>
      </c>
      <c r="C4567" s="1" t="s">
        <v>15869</v>
      </c>
      <c r="D4567" s="1" t="s">
        <v>1160</v>
      </c>
      <c r="E4567" s="1" t="s">
        <v>15870</v>
      </c>
      <c r="F4567" s="1" t="s">
        <v>27</v>
      </c>
      <c r="G4567" s="1" t="s">
        <v>10</v>
      </c>
      <c r="H4567" s="1" t="s">
        <v>15871</v>
      </c>
      <c r="I4567" s="1" t="s">
        <v>15371</v>
      </c>
      <c r="J4567" s="1" t="s">
        <v>15611</v>
      </c>
      <c r="K4567" s="1" t="s">
        <v>64</v>
      </c>
      <c r="L4567" s="1" t="s">
        <v>15868</v>
      </c>
      <c r="M4567" s="1" t="s">
        <v>5</v>
      </c>
      <c r="N4567" s="1" t="s">
        <v>6</v>
      </c>
      <c r="O4567" s="1" t="s">
        <v>8</v>
      </c>
      <c r="P4567" s="5" t="s">
        <v>30429</v>
      </c>
    </row>
    <row r="4568" spans="1:16" x14ac:dyDescent="0.2">
      <c r="A4568" s="1" t="s">
        <v>42</v>
      </c>
      <c r="B4568" s="1" t="s">
        <v>43</v>
      </c>
      <c r="C4568" s="1" t="s">
        <v>15873</v>
      </c>
      <c r="D4568" s="1" t="s">
        <v>12638</v>
      </c>
      <c r="E4568" s="1" t="s">
        <v>15874</v>
      </c>
      <c r="F4568" s="1" t="s">
        <v>393</v>
      </c>
      <c r="G4568" s="1" t="s">
        <v>15347</v>
      </c>
      <c r="H4568" s="1" t="s">
        <v>10</v>
      </c>
      <c r="I4568" s="1" t="s">
        <v>15371</v>
      </c>
      <c r="J4568" s="1" t="s">
        <v>1856</v>
      </c>
      <c r="K4568" s="1" t="s">
        <v>2591</v>
      </c>
      <c r="L4568" s="1" t="s">
        <v>15872</v>
      </c>
      <c r="M4568" s="1" t="s">
        <v>5</v>
      </c>
      <c r="N4568" s="1" t="s">
        <v>25</v>
      </c>
      <c r="O4568" s="1" t="s">
        <v>8</v>
      </c>
      <c r="P4568" s="5" t="s">
        <v>31748</v>
      </c>
    </row>
    <row r="4569" spans="1:16" x14ac:dyDescent="0.2">
      <c r="A4569" s="1" t="s">
        <v>42</v>
      </c>
      <c r="B4569" s="1" t="s">
        <v>320</v>
      </c>
      <c r="C4569" s="1" t="s">
        <v>15876</v>
      </c>
      <c r="D4569" s="1" t="s">
        <v>15876</v>
      </c>
      <c r="E4569" s="1" t="s">
        <v>15877</v>
      </c>
      <c r="F4569" s="1" t="s">
        <v>10</v>
      </c>
      <c r="G4569" s="1" t="s">
        <v>10</v>
      </c>
      <c r="H4569" s="1" t="s">
        <v>10</v>
      </c>
      <c r="I4569" s="1" t="s">
        <v>15371</v>
      </c>
      <c r="J4569" s="1" t="s">
        <v>15611</v>
      </c>
      <c r="K4569" s="1" t="s">
        <v>10</v>
      </c>
      <c r="L4569" s="1" t="s">
        <v>15875</v>
      </c>
      <c r="M4569" s="1" t="s">
        <v>5</v>
      </c>
      <c r="N4569" s="1" t="s">
        <v>25</v>
      </c>
      <c r="O4569" s="1" t="s">
        <v>38</v>
      </c>
      <c r="P4569" s="5" t="s">
        <v>31744</v>
      </c>
    </row>
    <row r="4570" spans="1:16" x14ac:dyDescent="0.2">
      <c r="A4570" s="1" t="s">
        <v>42</v>
      </c>
      <c r="B4570" s="1" t="s">
        <v>2091</v>
      </c>
      <c r="C4570" s="1" t="s">
        <v>15878</v>
      </c>
      <c r="D4570" s="1" t="s">
        <v>15878</v>
      </c>
      <c r="E4570" s="1" t="s">
        <v>15880</v>
      </c>
      <c r="F4570" s="1" t="s">
        <v>27</v>
      </c>
      <c r="G4570" s="1" t="s">
        <v>1042</v>
      </c>
      <c r="H4570" s="1" t="s">
        <v>15881</v>
      </c>
      <c r="I4570" s="1" t="s">
        <v>15371</v>
      </c>
      <c r="J4570" s="1" t="s">
        <v>15398</v>
      </c>
      <c r="K4570" s="1" t="s">
        <v>64</v>
      </c>
      <c r="L4570" s="1" t="s">
        <v>15879</v>
      </c>
      <c r="M4570" s="1" t="s">
        <v>5</v>
      </c>
      <c r="N4570" s="1" t="s">
        <v>6</v>
      </c>
      <c r="O4570" s="1" t="s">
        <v>8</v>
      </c>
      <c r="P4570" s="5" t="s">
        <v>30400</v>
      </c>
    </row>
    <row r="4571" spans="1:16" x14ac:dyDescent="0.2">
      <c r="A4571" s="1" t="s">
        <v>42</v>
      </c>
      <c r="B4571" s="1" t="s">
        <v>109</v>
      </c>
      <c r="C4571" s="1" t="s">
        <v>15884</v>
      </c>
      <c r="D4571" s="1" t="s">
        <v>15882</v>
      </c>
      <c r="E4571" s="1" t="s">
        <v>15885</v>
      </c>
      <c r="F4571" s="1" t="s">
        <v>10</v>
      </c>
      <c r="G4571" s="1" t="s">
        <v>10</v>
      </c>
      <c r="H4571" s="1" t="s">
        <v>10</v>
      </c>
      <c r="I4571" s="1" t="s">
        <v>15371</v>
      </c>
      <c r="J4571" s="1" t="s">
        <v>15378</v>
      </c>
      <c r="K4571" s="1" t="s">
        <v>64</v>
      </c>
      <c r="L4571" s="1" t="s">
        <v>15883</v>
      </c>
      <c r="M4571" s="1" t="s">
        <v>5</v>
      </c>
      <c r="N4571" s="1" t="s">
        <v>25</v>
      </c>
      <c r="O4571" s="1" t="s">
        <v>38</v>
      </c>
      <c r="P4571" s="5" t="s">
        <v>29821</v>
      </c>
    </row>
    <row r="4572" spans="1:16" x14ac:dyDescent="0.2">
      <c r="A4572" s="1" t="s">
        <v>20</v>
      </c>
      <c r="B4572" s="1" t="s">
        <v>445</v>
      </c>
      <c r="C4572" s="1" t="s">
        <v>15888</v>
      </c>
      <c r="D4572" s="1" t="s">
        <v>15886</v>
      </c>
      <c r="E4572" s="1" t="s">
        <v>15890</v>
      </c>
      <c r="F4572" s="1" t="s">
        <v>10</v>
      </c>
      <c r="G4572" s="1" t="s">
        <v>10</v>
      </c>
      <c r="H4572" s="1" t="s">
        <v>10</v>
      </c>
      <c r="I4572" s="1" t="s">
        <v>15371</v>
      </c>
      <c r="J4572" s="1" t="s">
        <v>15889</v>
      </c>
      <c r="K4572" s="1" t="s">
        <v>64</v>
      </c>
      <c r="L4572" s="1" t="s">
        <v>15887</v>
      </c>
      <c r="M4572" s="1" t="s">
        <v>5</v>
      </c>
      <c r="N4572" s="1" t="s">
        <v>25</v>
      </c>
      <c r="O4572" s="1" t="s">
        <v>38</v>
      </c>
      <c r="P4572" s="5" t="s">
        <v>29821</v>
      </c>
    </row>
    <row r="4573" spans="1:16" x14ac:dyDescent="0.2">
      <c r="A4573" s="1" t="s">
        <v>20</v>
      </c>
      <c r="B4573" s="1" t="s">
        <v>99</v>
      </c>
      <c r="C4573" s="1" t="s">
        <v>8492</v>
      </c>
      <c r="D4573" s="1" t="s">
        <v>15891</v>
      </c>
      <c r="E4573" s="1" t="s">
        <v>15676</v>
      </c>
      <c r="F4573" s="1" t="s">
        <v>10</v>
      </c>
      <c r="G4573" s="1" t="s">
        <v>10</v>
      </c>
      <c r="H4573" s="1" t="s">
        <v>10</v>
      </c>
      <c r="I4573" s="1" t="s">
        <v>15371</v>
      </c>
      <c r="J4573" s="1" t="s">
        <v>10</v>
      </c>
      <c r="K4573" s="1" t="s">
        <v>10</v>
      </c>
      <c r="L4573" s="1" t="s">
        <v>15892</v>
      </c>
      <c r="M4573" s="1" t="s">
        <v>5</v>
      </c>
      <c r="N4573" s="1" t="s">
        <v>25</v>
      </c>
      <c r="O4573" s="1" t="s">
        <v>38</v>
      </c>
      <c r="P4573" s="5" t="s">
        <v>10</v>
      </c>
    </row>
    <row r="4574" spans="1:16" x14ac:dyDescent="0.2">
      <c r="A4574" s="1" t="s">
        <v>42</v>
      </c>
      <c r="B4574" s="1" t="s">
        <v>50</v>
      </c>
      <c r="C4574" s="1" t="s">
        <v>15895</v>
      </c>
      <c r="D4574" s="1" t="s">
        <v>15893</v>
      </c>
      <c r="E4574" s="1"/>
      <c r="F4574" s="1" t="s">
        <v>15</v>
      </c>
      <c r="G4574" s="1" t="s">
        <v>15896</v>
      </c>
      <c r="H4574" s="1" t="s">
        <v>15897</v>
      </c>
      <c r="I4574" s="1" t="s">
        <v>15371</v>
      </c>
      <c r="J4574" s="1" t="s">
        <v>15622</v>
      </c>
      <c r="K4574" s="1" t="s">
        <v>47</v>
      </c>
      <c r="L4574" s="1" t="s">
        <v>15894</v>
      </c>
      <c r="M4574" s="1" t="s">
        <v>5</v>
      </c>
      <c r="N4574" s="1" t="s">
        <v>25</v>
      </c>
      <c r="O4574" s="1" t="s">
        <v>8</v>
      </c>
      <c r="P4574" s="5" t="s">
        <v>31749</v>
      </c>
    </row>
    <row r="4575" spans="1:16" x14ac:dyDescent="0.2">
      <c r="A4575" s="1" t="s">
        <v>20</v>
      </c>
      <c r="B4575" s="1" t="s">
        <v>445</v>
      </c>
      <c r="C4575" s="1" t="s">
        <v>15899</v>
      </c>
      <c r="D4575" s="1" t="s">
        <v>15900</v>
      </c>
      <c r="E4575" s="1" t="s">
        <v>15901</v>
      </c>
      <c r="F4575" s="1" t="s">
        <v>10</v>
      </c>
      <c r="G4575" s="1" t="s">
        <v>10</v>
      </c>
      <c r="H4575" s="1" t="s">
        <v>10</v>
      </c>
      <c r="I4575" s="1" t="s">
        <v>15371</v>
      </c>
      <c r="J4575" s="1" t="s">
        <v>15398</v>
      </c>
      <c r="K4575" s="1" t="s">
        <v>27</v>
      </c>
      <c r="L4575" s="1" t="s">
        <v>15898</v>
      </c>
      <c r="M4575" s="1" t="s">
        <v>5</v>
      </c>
      <c r="N4575" s="1" t="s">
        <v>25</v>
      </c>
      <c r="O4575" s="1" t="s">
        <v>38</v>
      </c>
      <c r="P4575" s="5" t="s">
        <v>31750</v>
      </c>
    </row>
    <row r="4576" spans="1:16" x14ac:dyDescent="0.2">
      <c r="A4576" s="1" t="s">
        <v>20</v>
      </c>
      <c r="B4576" s="1" t="s">
        <v>309</v>
      </c>
      <c r="C4576" s="1" t="s">
        <v>15904</v>
      </c>
      <c r="D4576" s="1" t="s">
        <v>15902</v>
      </c>
      <c r="E4576" s="1"/>
      <c r="F4576" s="1" t="s">
        <v>10</v>
      </c>
      <c r="G4576" s="1" t="s">
        <v>10</v>
      </c>
      <c r="H4576" s="1" t="s">
        <v>10</v>
      </c>
      <c r="I4576" s="1" t="s">
        <v>15371</v>
      </c>
      <c r="J4576" s="1" t="s">
        <v>10</v>
      </c>
      <c r="K4576" s="1" t="s">
        <v>10</v>
      </c>
      <c r="L4576" s="1" t="s">
        <v>15903</v>
      </c>
      <c r="M4576" s="1" t="s">
        <v>5</v>
      </c>
      <c r="N4576" s="1" t="s">
        <v>25</v>
      </c>
      <c r="O4576" s="1" t="s">
        <v>38</v>
      </c>
      <c r="P4576" s="5" t="s">
        <v>32791</v>
      </c>
    </row>
    <row r="4577" spans="1:16" x14ac:dyDescent="0.2">
      <c r="A4577" s="1" t="s">
        <v>20</v>
      </c>
      <c r="B4577" s="1" t="s">
        <v>253</v>
      </c>
      <c r="C4577" s="1" t="s">
        <v>15907</v>
      </c>
      <c r="D4577" s="1" t="s">
        <v>15905</v>
      </c>
      <c r="E4577" s="1"/>
      <c r="F4577" s="1" t="s">
        <v>10</v>
      </c>
      <c r="G4577" s="1" t="s">
        <v>10</v>
      </c>
      <c r="H4577" s="1" t="s">
        <v>10</v>
      </c>
      <c r="I4577" s="1" t="s">
        <v>15371</v>
      </c>
      <c r="J4577" s="1" t="s">
        <v>15377</v>
      </c>
      <c r="K4577" s="1" t="s">
        <v>130</v>
      </c>
      <c r="L4577" s="1" t="s">
        <v>15906</v>
      </c>
      <c r="M4577" s="1" t="s">
        <v>5</v>
      </c>
      <c r="N4577" s="1" t="s">
        <v>25</v>
      </c>
      <c r="O4577" s="1" t="s">
        <v>38</v>
      </c>
      <c r="P4577" s="5" t="s">
        <v>30400</v>
      </c>
    </row>
    <row r="4578" spans="1:16" x14ac:dyDescent="0.2">
      <c r="A4578" s="1" t="s">
        <v>32</v>
      </c>
      <c r="B4578" s="1" t="s">
        <v>140</v>
      </c>
      <c r="C4578" s="1" t="s">
        <v>15909</v>
      </c>
      <c r="D4578" s="1" t="s">
        <v>15910</v>
      </c>
      <c r="E4578" s="1"/>
      <c r="F4578" s="1" t="s">
        <v>15911</v>
      </c>
      <c r="G4578" s="1" t="s">
        <v>1042</v>
      </c>
      <c r="H4578" s="1" t="s">
        <v>15912</v>
      </c>
      <c r="I4578" s="1" t="s">
        <v>15371</v>
      </c>
      <c r="J4578" s="1" t="s">
        <v>15375</v>
      </c>
      <c r="K4578" s="1" t="s">
        <v>100</v>
      </c>
      <c r="L4578" s="1" t="s">
        <v>15908</v>
      </c>
      <c r="M4578" s="1" t="s">
        <v>5</v>
      </c>
      <c r="N4578" s="1" t="s">
        <v>25</v>
      </c>
      <c r="O4578" s="1" t="s">
        <v>8</v>
      </c>
      <c r="P4578" s="5" t="s">
        <v>30430</v>
      </c>
    </row>
    <row r="4579" spans="1:16" x14ac:dyDescent="0.2">
      <c r="A4579" s="1" t="s">
        <v>20</v>
      </c>
      <c r="B4579" s="1" t="s">
        <v>253</v>
      </c>
      <c r="C4579" s="1" t="s">
        <v>15915</v>
      </c>
      <c r="D4579" s="1" t="s">
        <v>15913</v>
      </c>
      <c r="E4579" s="1"/>
      <c r="F4579" s="1" t="s">
        <v>10</v>
      </c>
      <c r="G4579" s="1" t="s">
        <v>10</v>
      </c>
      <c r="H4579" s="1" t="s">
        <v>10</v>
      </c>
      <c r="I4579" s="1" t="s">
        <v>15371</v>
      </c>
      <c r="J4579" s="1" t="s">
        <v>15377</v>
      </c>
      <c r="K4579" s="1" t="s">
        <v>130</v>
      </c>
      <c r="L4579" s="1" t="s">
        <v>15914</v>
      </c>
      <c r="M4579" s="1" t="s">
        <v>5</v>
      </c>
      <c r="N4579" s="1" t="s">
        <v>25</v>
      </c>
      <c r="O4579" s="1" t="s">
        <v>38</v>
      </c>
      <c r="P4579" s="5" t="s">
        <v>30400</v>
      </c>
    </row>
    <row r="4580" spans="1:16" x14ac:dyDescent="0.2">
      <c r="A4580" s="1" t="s">
        <v>20</v>
      </c>
      <c r="B4580" s="1" t="s">
        <v>445</v>
      </c>
      <c r="C4580" s="1" t="s">
        <v>15918</v>
      </c>
      <c r="D4580" s="1" t="s">
        <v>15916</v>
      </c>
      <c r="E4580" s="1" t="s">
        <v>15919</v>
      </c>
      <c r="F4580" s="1" t="s">
        <v>4361</v>
      </c>
      <c r="G4580" s="1" t="s">
        <v>15920</v>
      </c>
      <c r="H4580" s="1" t="s">
        <v>10</v>
      </c>
      <c r="I4580" s="1" t="s">
        <v>15371</v>
      </c>
      <c r="J4580" s="1" t="s">
        <v>15375</v>
      </c>
      <c r="K4580" s="1" t="s">
        <v>7</v>
      </c>
      <c r="L4580" s="1" t="s">
        <v>15917</v>
      </c>
      <c r="M4580" s="1" t="s">
        <v>5</v>
      </c>
      <c r="N4580" s="1" t="s">
        <v>432</v>
      </c>
      <c r="O4580" s="1" t="s">
        <v>8</v>
      </c>
      <c r="P4580" s="5" t="s">
        <v>31751</v>
      </c>
    </row>
    <row r="4581" spans="1:16" x14ac:dyDescent="0.2">
      <c r="A4581" s="1" t="s">
        <v>10</v>
      </c>
      <c r="B4581" s="1" t="s">
        <v>10</v>
      </c>
      <c r="C4581" s="1" t="s">
        <v>15921</v>
      </c>
      <c r="D4581" s="1" t="s">
        <v>15921</v>
      </c>
      <c r="E4581" s="1" t="s">
        <v>15923</v>
      </c>
      <c r="F4581" s="1" t="s">
        <v>9980</v>
      </c>
      <c r="G4581" s="1" t="s">
        <v>1042</v>
      </c>
      <c r="H4581" s="1" t="s">
        <v>15921</v>
      </c>
      <c r="I4581" s="1" t="s">
        <v>15371</v>
      </c>
      <c r="J4581" s="1" t="s">
        <v>10</v>
      </c>
      <c r="K4581" s="1" t="s">
        <v>10</v>
      </c>
      <c r="L4581" s="1" t="s">
        <v>15922</v>
      </c>
      <c r="M4581" s="1" t="s">
        <v>5</v>
      </c>
      <c r="N4581" s="1" t="s">
        <v>25</v>
      </c>
      <c r="O4581" s="1" t="s">
        <v>8</v>
      </c>
      <c r="P4581" s="5" t="s">
        <v>30398</v>
      </c>
    </row>
    <row r="4582" spans="1:16" x14ac:dyDescent="0.2">
      <c r="A4582" s="1" t="s">
        <v>487</v>
      </c>
      <c r="B4582" s="1" t="s">
        <v>488</v>
      </c>
      <c r="C4582" s="1" t="s">
        <v>15924</v>
      </c>
      <c r="D4582" s="1" t="s">
        <v>15924</v>
      </c>
      <c r="E4582" s="1" t="s">
        <v>15926</v>
      </c>
      <c r="F4582" s="1" t="s">
        <v>414</v>
      </c>
      <c r="G4582" s="1" t="s">
        <v>10</v>
      </c>
      <c r="H4582" s="1" t="s">
        <v>15927</v>
      </c>
      <c r="I4582" s="1" t="s">
        <v>15371</v>
      </c>
      <c r="J4582" s="1" t="s">
        <v>3899</v>
      </c>
      <c r="K4582" s="1" t="s">
        <v>64</v>
      </c>
      <c r="L4582" s="1" t="s">
        <v>15925</v>
      </c>
      <c r="M4582" s="1" t="s">
        <v>5</v>
      </c>
      <c r="N4582" s="1" t="s">
        <v>6</v>
      </c>
      <c r="O4582" s="1" t="s">
        <v>8</v>
      </c>
      <c r="P4582" s="5" t="s">
        <v>30431</v>
      </c>
    </row>
    <row r="4583" spans="1:16" x14ac:dyDescent="0.2">
      <c r="A4583" s="1" t="s">
        <v>20</v>
      </c>
      <c r="B4583" s="1" t="s">
        <v>253</v>
      </c>
      <c r="C4583" s="1" t="s">
        <v>15928</v>
      </c>
      <c r="D4583" s="1" t="s">
        <v>15928</v>
      </c>
      <c r="E4583" s="1" t="s">
        <v>15930</v>
      </c>
      <c r="F4583" s="1" t="s">
        <v>27</v>
      </c>
      <c r="G4583" s="1" t="s">
        <v>10</v>
      </c>
      <c r="H4583" s="1" t="s">
        <v>3478</v>
      </c>
      <c r="I4583" s="1" t="s">
        <v>15371</v>
      </c>
      <c r="J4583" s="1" t="s">
        <v>2123</v>
      </c>
      <c r="K4583" s="1" t="s">
        <v>1563</v>
      </c>
      <c r="L4583" s="1" t="s">
        <v>15929</v>
      </c>
      <c r="M4583" s="1" t="s">
        <v>5</v>
      </c>
      <c r="N4583" s="1" t="s">
        <v>1597</v>
      </c>
      <c r="O4583" s="1" t="s">
        <v>8</v>
      </c>
      <c r="P4583" s="5" t="s">
        <v>30431</v>
      </c>
    </row>
    <row r="4584" spans="1:16" x14ac:dyDescent="0.2">
      <c r="A4584" s="1" t="s">
        <v>487</v>
      </c>
      <c r="B4584" s="1" t="s">
        <v>784</v>
      </c>
      <c r="C4584" s="1" t="s">
        <v>11088</v>
      </c>
      <c r="D4584" s="1" t="s">
        <v>11088</v>
      </c>
      <c r="E4584" s="1" t="s">
        <v>15932</v>
      </c>
      <c r="F4584" s="1" t="s">
        <v>27</v>
      </c>
      <c r="G4584" s="1" t="s">
        <v>1042</v>
      </c>
      <c r="H4584" s="1" t="s">
        <v>15933</v>
      </c>
      <c r="I4584" s="1" t="s">
        <v>15371</v>
      </c>
      <c r="J4584" s="1" t="s">
        <v>3899</v>
      </c>
      <c r="K4584" s="1" t="s">
        <v>64</v>
      </c>
      <c r="L4584" s="1" t="s">
        <v>15931</v>
      </c>
      <c r="M4584" s="1" t="s">
        <v>5</v>
      </c>
      <c r="N4584" s="1" t="s">
        <v>6</v>
      </c>
      <c r="O4584" s="1" t="s">
        <v>8</v>
      </c>
      <c r="P4584" s="5" t="s">
        <v>30398</v>
      </c>
    </row>
    <row r="4585" spans="1:16" x14ac:dyDescent="0.2">
      <c r="A4585" s="1" t="s">
        <v>66</v>
      </c>
      <c r="B4585" s="1" t="s">
        <v>674</v>
      </c>
      <c r="C4585" s="1" t="s">
        <v>15934</v>
      </c>
      <c r="D4585" s="1" t="s">
        <v>15934</v>
      </c>
      <c r="E4585" s="1" t="s">
        <v>15936</v>
      </c>
      <c r="F4585" s="1" t="s">
        <v>1813</v>
      </c>
      <c r="G4585" s="1" t="s">
        <v>1042</v>
      </c>
      <c r="H4585" s="1" t="s">
        <v>15934</v>
      </c>
      <c r="I4585" s="1" t="s">
        <v>15371</v>
      </c>
      <c r="J4585" s="1" t="s">
        <v>15375</v>
      </c>
      <c r="K4585" s="1" t="s">
        <v>64</v>
      </c>
      <c r="L4585" s="1" t="s">
        <v>15935</v>
      </c>
      <c r="M4585" s="1" t="s">
        <v>5</v>
      </c>
      <c r="N4585" s="1" t="s">
        <v>25</v>
      </c>
      <c r="O4585" s="1" t="s">
        <v>8</v>
      </c>
      <c r="P4585" s="5" t="s">
        <v>30905</v>
      </c>
    </row>
    <row r="4586" spans="1:16" x14ac:dyDescent="0.2">
      <c r="A4586" s="1" t="s">
        <v>194</v>
      </c>
      <c r="B4586" s="1" t="s">
        <v>396</v>
      </c>
      <c r="C4586" s="1" t="s">
        <v>15937</v>
      </c>
      <c r="D4586" s="1" t="s">
        <v>15937</v>
      </c>
      <c r="E4586" s="1" t="s">
        <v>15939</v>
      </c>
      <c r="F4586" s="1" t="s">
        <v>10</v>
      </c>
      <c r="G4586" s="1" t="s">
        <v>10</v>
      </c>
      <c r="H4586" s="1" t="s">
        <v>10</v>
      </c>
      <c r="I4586" s="1" t="s">
        <v>15371</v>
      </c>
      <c r="J4586" s="1" t="s">
        <v>15375</v>
      </c>
      <c r="K4586" s="1" t="s">
        <v>64</v>
      </c>
      <c r="L4586" s="1" t="s">
        <v>15938</v>
      </c>
      <c r="M4586" s="1" t="s">
        <v>5</v>
      </c>
      <c r="N4586" s="1" t="s">
        <v>6</v>
      </c>
      <c r="O4586" s="1" t="s">
        <v>38</v>
      </c>
      <c r="P4586" s="5" t="s">
        <v>30905</v>
      </c>
    </row>
    <row r="4587" spans="1:16" x14ac:dyDescent="0.2">
      <c r="A4587" s="1" t="s">
        <v>487</v>
      </c>
      <c r="B4587" s="1" t="s">
        <v>488</v>
      </c>
      <c r="C4587" s="1" t="s">
        <v>15940</v>
      </c>
      <c r="D4587" s="1" t="s">
        <v>15940</v>
      </c>
      <c r="E4587" s="1" t="s">
        <v>15942</v>
      </c>
      <c r="F4587" s="1" t="s">
        <v>2254</v>
      </c>
      <c r="G4587" s="1" t="s">
        <v>15943</v>
      </c>
      <c r="H4587" s="1" t="s">
        <v>10</v>
      </c>
      <c r="I4587" s="1" t="s">
        <v>15371</v>
      </c>
      <c r="J4587" s="1" t="s">
        <v>3899</v>
      </c>
      <c r="K4587" s="1" t="s">
        <v>64</v>
      </c>
      <c r="L4587" s="1" t="s">
        <v>15941</v>
      </c>
      <c r="M4587" s="1" t="s">
        <v>5</v>
      </c>
      <c r="N4587" s="1" t="s">
        <v>6</v>
      </c>
      <c r="O4587" s="1" t="s">
        <v>8</v>
      </c>
      <c r="P4587" s="5" t="s">
        <v>30398</v>
      </c>
    </row>
    <row r="4588" spans="1:16" x14ac:dyDescent="0.2">
      <c r="A4588" s="1" t="s">
        <v>66</v>
      </c>
      <c r="B4588" s="1" t="s">
        <v>574</v>
      </c>
      <c r="C4588" s="1" t="s">
        <v>15946</v>
      </c>
      <c r="D4588" s="1" t="s">
        <v>15944</v>
      </c>
      <c r="E4588" s="1" t="s">
        <v>15947</v>
      </c>
      <c r="F4588" s="1" t="s">
        <v>10</v>
      </c>
      <c r="G4588" s="1" t="s">
        <v>10</v>
      </c>
      <c r="H4588" s="1" t="s">
        <v>10</v>
      </c>
      <c r="I4588" s="1" t="s">
        <v>15371</v>
      </c>
      <c r="J4588" s="1" t="s">
        <v>15377</v>
      </c>
      <c r="K4588" s="1" t="s">
        <v>27</v>
      </c>
      <c r="L4588" s="1" t="s">
        <v>15945</v>
      </c>
      <c r="M4588" s="1" t="s">
        <v>5</v>
      </c>
      <c r="N4588" s="1" t="s">
        <v>6</v>
      </c>
      <c r="O4588" s="1" t="s">
        <v>38</v>
      </c>
      <c r="P4588" s="5" t="s">
        <v>30413</v>
      </c>
    </row>
    <row r="4589" spans="1:16" x14ac:dyDescent="0.2">
      <c r="A4589" s="1" t="s">
        <v>42</v>
      </c>
      <c r="B4589" s="1" t="s">
        <v>351</v>
      </c>
      <c r="C4589" s="1" t="s">
        <v>617</v>
      </c>
      <c r="D4589" s="1" t="s">
        <v>617</v>
      </c>
      <c r="E4589" s="1"/>
      <c r="F4589" s="1" t="s">
        <v>27</v>
      </c>
      <c r="G4589" s="1" t="s">
        <v>1042</v>
      </c>
      <c r="H4589" s="1" t="s">
        <v>15949</v>
      </c>
      <c r="I4589" s="1" t="s">
        <v>15371</v>
      </c>
      <c r="J4589" s="1" t="s">
        <v>15377</v>
      </c>
      <c r="K4589" s="1" t="s">
        <v>130</v>
      </c>
      <c r="L4589" s="1" t="s">
        <v>15948</v>
      </c>
      <c r="M4589" s="1" t="s">
        <v>5</v>
      </c>
      <c r="N4589" s="1" t="s">
        <v>1009</v>
      </c>
      <c r="O4589" s="1" t="s">
        <v>8</v>
      </c>
      <c r="P4589" s="5" t="s">
        <v>30404</v>
      </c>
    </row>
    <row r="4590" spans="1:16" x14ac:dyDescent="0.2">
      <c r="A4590" s="1" t="s">
        <v>487</v>
      </c>
      <c r="B4590" s="1" t="s">
        <v>765</v>
      </c>
      <c r="C4590" s="1" t="s">
        <v>1106</v>
      </c>
      <c r="D4590" s="1" t="s">
        <v>1107</v>
      </c>
      <c r="E4590" s="1"/>
      <c r="F4590" s="1" t="s">
        <v>1108</v>
      </c>
      <c r="G4590" s="1" t="s">
        <v>10</v>
      </c>
      <c r="H4590" s="1" t="s">
        <v>15951</v>
      </c>
      <c r="I4590" s="1" t="s">
        <v>15371</v>
      </c>
      <c r="J4590" s="1" t="s">
        <v>10</v>
      </c>
      <c r="K4590" s="1" t="s">
        <v>64</v>
      </c>
      <c r="L4590" s="1" t="s">
        <v>15950</v>
      </c>
      <c r="M4590" s="1" t="s">
        <v>5</v>
      </c>
      <c r="N4590" s="1" t="s">
        <v>25</v>
      </c>
      <c r="O4590" s="1" t="s">
        <v>8</v>
      </c>
      <c r="P4590" s="5" t="s">
        <v>30404</v>
      </c>
    </row>
    <row r="4591" spans="1:16" x14ac:dyDescent="0.2">
      <c r="A4591" s="1" t="s">
        <v>66</v>
      </c>
      <c r="B4591" s="1" t="s">
        <v>1812</v>
      </c>
      <c r="C4591" s="1" t="s">
        <v>3872</v>
      </c>
      <c r="D4591" s="1" t="s">
        <v>15953</v>
      </c>
      <c r="E4591" s="1"/>
      <c r="F4591" s="1" t="s">
        <v>1813</v>
      </c>
      <c r="G4591" s="1" t="s">
        <v>1042</v>
      </c>
      <c r="H4591" s="1" t="s">
        <v>3872</v>
      </c>
      <c r="I4591" s="1" t="s">
        <v>15371</v>
      </c>
      <c r="J4591" s="1" t="s">
        <v>15375</v>
      </c>
      <c r="K4591" s="1" t="s">
        <v>64</v>
      </c>
      <c r="L4591" s="1" t="s">
        <v>15952</v>
      </c>
      <c r="M4591" s="1" t="s">
        <v>5</v>
      </c>
      <c r="N4591" s="1" t="s">
        <v>25</v>
      </c>
      <c r="O4591" s="1" t="s">
        <v>8</v>
      </c>
      <c r="P4591" s="5" t="s">
        <v>31672</v>
      </c>
    </row>
    <row r="4592" spans="1:16" x14ac:dyDescent="0.2">
      <c r="A4592" s="1" t="s">
        <v>20</v>
      </c>
      <c r="B4592" s="1" t="s">
        <v>253</v>
      </c>
      <c r="C4592" s="1" t="s">
        <v>15956</v>
      </c>
      <c r="D4592" s="1" t="s">
        <v>15954</v>
      </c>
      <c r="E4592" s="1" t="s">
        <v>15957</v>
      </c>
      <c r="F4592" s="1" t="s">
        <v>10</v>
      </c>
      <c r="G4592" s="1" t="s">
        <v>10</v>
      </c>
      <c r="H4592" s="1" t="s">
        <v>10</v>
      </c>
      <c r="I4592" s="1" t="s">
        <v>15371</v>
      </c>
      <c r="J4592" s="1" t="s">
        <v>15377</v>
      </c>
      <c r="K4592" s="1" t="s">
        <v>27</v>
      </c>
      <c r="L4592" s="1" t="s">
        <v>15955</v>
      </c>
      <c r="M4592" s="1" t="s">
        <v>5</v>
      </c>
      <c r="N4592" s="1" t="s">
        <v>6</v>
      </c>
      <c r="O4592" s="1" t="s">
        <v>38</v>
      </c>
      <c r="P4592" s="5" t="s">
        <v>30432</v>
      </c>
    </row>
    <row r="4593" spans="1:16" x14ac:dyDescent="0.2">
      <c r="A4593" s="1" t="s">
        <v>487</v>
      </c>
      <c r="B4593" s="1" t="s">
        <v>488</v>
      </c>
      <c r="C4593" s="1" t="s">
        <v>1129</v>
      </c>
      <c r="D4593" s="1" t="s">
        <v>1129</v>
      </c>
      <c r="E4593" s="1" t="s">
        <v>15959</v>
      </c>
      <c r="F4593" s="1" t="s">
        <v>2254</v>
      </c>
      <c r="G4593" s="1" t="s">
        <v>15960</v>
      </c>
      <c r="H4593" s="1" t="s">
        <v>10</v>
      </c>
      <c r="I4593" s="1" t="s">
        <v>15371</v>
      </c>
      <c r="J4593" s="1" t="s">
        <v>3899</v>
      </c>
      <c r="K4593" s="1" t="s">
        <v>64</v>
      </c>
      <c r="L4593" s="1" t="s">
        <v>15958</v>
      </c>
      <c r="M4593" s="1" t="s">
        <v>5</v>
      </c>
      <c r="N4593" s="1" t="s">
        <v>6</v>
      </c>
      <c r="O4593" s="1" t="s">
        <v>8</v>
      </c>
      <c r="P4593" s="5" t="s">
        <v>29821</v>
      </c>
    </row>
    <row r="4594" spans="1:16" x14ac:dyDescent="0.2">
      <c r="A4594" s="1" t="s">
        <v>32</v>
      </c>
      <c r="B4594" s="1" t="s">
        <v>140</v>
      </c>
      <c r="C4594" s="1" t="s">
        <v>15962</v>
      </c>
      <c r="D4594" s="1" t="s">
        <v>15963</v>
      </c>
      <c r="E4594" s="1" t="s">
        <v>15964</v>
      </c>
      <c r="F4594" s="1" t="s">
        <v>10</v>
      </c>
      <c r="G4594" s="1" t="s">
        <v>10</v>
      </c>
      <c r="H4594" s="1" t="s">
        <v>10</v>
      </c>
      <c r="I4594" s="1" t="s">
        <v>15371</v>
      </c>
      <c r="J4594" s="1" t="s">
        <v>15377</v>
      </c>
      <c r="K4594" s="1" t="s">
        <v>27</v>
      </c>
      <c r="L4594" s="1" t="s">
        <v>15961</v>
      </c>
      <c r="M4594" s="1" t="s">
        <v>5</v>
      </c>
      <c r="N4594" s="1" t="s">
        <v>25</v>
      </c>
      <c r="O4594" s="1" t="s">
        <v>38</v>
      </c>
      <c r="P4594" s="5" t="s">
        <v>31752</v>
      </c>
    </row>
    <row r="4595" spans="1:16" ht="51" x14ac:dyDescent="0.2">
      <c r="A4595" s="1" t="s">
        <v>20</v>
      </c>
      <c r="B4595" s="1" t="s">
        <v>172</v>
      </c>
      <c r="C4595" s="1" t="s">
        <v>15966</v>
      </c>
      <c r="D4595" s="1" t="s">
        <v>1863</v>
      </c>
      <c r="E4595" s="1"/>
      <c r="F4595" s="1" t="s">
        <v>15967</v>
      </c>
      <c r="G4595" s="1" t="s">
        <v>1863</v>
      </c>
      <c r="H4595" s="1" t="s">
        <v>10</v>
      </c>
      <c r="I4595" s="1" t="s">
        <v>15371</v>
      </c>
      <c r="J4595" s="1" t="s">
        <v>15377</v>
      </c>
      <c r="K4595" s="1" t="s">
        <v>6533</v>
      </c>
      <c r="L4595" s="1" t="s">
        <v>15965</v>
      </c>
      <c r="M4595" s="1" t="s">
        <v>5</v>
      </c>
      <c r="N4595" s="1" t="s">
        <v>25</v>
      </c>
      <c r="O4595" s="1" t="s">
        <v>8</v>
      </c>
      <c r="P4595" s="9" t="s">
        <v>31753</v>
      </c>
    </row>
    <row r="4596" spans="1:16" x14ac:dyDescent="0.2">
      <c r="A4596" s="1" t="s">
        <v>42</v>
      </c>
      <c r="B4596" s="1" t="s">
        <v>1341</v>
      </c>
      <c r="C4596" s="1" t="s">
        <v>15971</v>
      </c>
      <c r="D4596" s="1" t="s">
        <v>15972</v>
      </c>
      <c r="E4596" s="1" t="s">
        <v>15974</v>
      </c>
      <c r="F4596" s="1" t="s">
        <v>10</v>
      </c>
      <c r="G4596" s="1" t="s">
        <v>10</v>
      </c>
      <c r="H4596" s="1" t="s">
        <v>10</v>
      </c>
      <c r="I4596" s="1" t="s">
        <v>15969</v>
      </c>
      <c r="J4596" s="1" t="s">
        <v>15973</v>
      </c>
      <c r="K4596" s="1" t="s">
        <v>7</v>
      </c>
      <c r="L4596" s="1" t="s">
        <v>15970</v>
      </c>
      <c r="M4596" s="1" t="s">
        <v>5</v>
      </c>
      <c r="N4596" s="1" t="s">
        <v>25</v>
      </c>
      <c r="O4596" s="1" t="s">
        <v>38</v>
      </c>
      <c r="P4596" s="5" t="s">
        <v>30433</v>
      </c>
    </row>
    <row r="4597" spans="1:16" x14ac:dyDescent="0.2">
      <c r="A4597" s="1" t="s">
        <v>20</v>
      </c>
      <c r="B4597" s="1" t="s">
        <v>253</v>
      </c>
      <c r="C4597" s="1" t="s">
        <v>15976</v>
      </c>
      <c r="D4597" s="1" t="s">
        <v>427</v>
      </c>
      <c r="E4597" s="1"/>
      <c r="F4597" s="1" t="s">
        <v>27</v>
      </c>
      <c r="G4597" s="1" t="s">
        <v>1042</v>
      </c>
      <c r="H4597" s="1" t="s">
        <v>15977</v>
      </c>
      <c r="I4597" s="1" t="s">
        <v>15969</v>
      </c>
      <c r="J4597" s="1" t="s">
        <v>19</v>
      </c>
      <c r="K4597" s="1" t="s">
        <v>7</v>
      </c>
      <c r="L4597" s="1" t="s">
        <v>15975</v>
      </c>
      <c r="M4597" s="1" t="s">
        <v>5</v>
      </c>
      <c r="N4597" s="1" t="s">
        <v>1009</v>
      </c>
      <c r="O4597" s="1" t="s">
        <v>8</v>
      </c>
      <c r="P4597" s="5" t="s">
        <v>30433</v>
      </c>
    </row>
    <row r="4598" spans="1:16" x14ac:dyDescent="0.2">
      <c r="A4598" s="1" t="s">
        <v>329</v>
      </c>
      <c r="B4598" s="1" t="s">
        <v>1659</v>
      </c>
      <c r="C4598" s="1" t="s">
        <v>15979</v>
      </c>
      <c r="D4598" s="1" t="s">
        <v>188</v>
      </c>
      <c r="E4598" s="1"/>
      <c r="F4598" s="1" t="s">
        <v>10</v>
      </c>
      <c r="G4598" s="1" t="s">
        <v>15980</v>
      </c>
      <c r="H4598" s="1" t="s">
        <v>10</v>
      </c>
      <c r="I4598" s="1" t="s">
        <v>15969</v>
      </c>
      <c r="J4598" s="1" t="s">
        <v>19</v>
      </c>
      <c r="K4598" s="1" t="s">
        <v>47</v>
      </c>
      <c r="L4598" s="1" t="s">
        <v>15978</v>
      </c>
      <c r="M4598" s="1" t="s">
        <v>5</v>
      </c>
      <c r="N4598" s="1" t="s">
        <v>6</v>
      </c>
      <c r="O4598" s="1" t="s">
        <v>8</v>
      </c>
      <c r="P4598" s="5" t="s">
        <v>30434</v>
      </c>
    </row>
    <row r="4599" spans="1:16" x14ac:dyDescent="0.2">
      <c r="A4599" s="1" t="s">
        <v>20</v>
      </c>
      <c r="B4599" s="1" t="s">
        <v>93</v>
      </c>
      <c r="C4599" s="1" t="s">
        <v>15982</v>
      </c>
      <c r="D4599" s="1" t="s">
        <v>15983</v>
      </c>
      <c r="E4599" s="1" t="s">
        <v>15984</v>
      </c>
      <c r="F4599" s="1" t="s">
        <v>10</v>
      </c>
      <c r="G4599" s="1" t="s">
        <v>10</v>
      </c>
      <c r="H4599" s="1" t="s">
        <v>10</v>
      </c>
      <c r="I4599" s="1" t="s">
        <v>15969</v>
      </c>
      <c r="J4599" s="1" t="s">
        <v>15973</v>
      </c>
      <c r="K4599" s="1" t="s">
        <v>7</v>
      </c>
      <c r="L4599" s="1" t="s">
        <v>15981</v>
      </c>
      <c r="M4599" s="1" t="s">
        <v>5</v>
      </c>
      <c r="N4599" s="1" t="s">
        <v>25</v>
      </c>
      <c r="O4599" s="1" t="s">
        <v>38</v>
      </c>
      <c r="P4599" s="5" t="s">
        <v>30433</v>
      </c>
    </row>
    <row r="4600" spans="1:16" x14ac:dyDescent="0.2">
      <c r="A4600" s="1" t="s">
        <v>32</v>
      </c>
      <c r="B4600" s="1" t="s">
        <v>140</v>
      </c>
      <c r="C4600" s="1" t="s">
        <v>15986</v>
      </c>
      <c r="D4600" s="1" t="s">
        <v>15986</v>
      </c>
      <c r="E4600" s="1" t="s">
        <v>15987</v>
      </c>
      <c r="F4600" s="1" t="s">
        <v>27</v>
      </c>
      <c r="G4600" s="1" t="s">
        <v>1042</v>
      </c>
      <c r="H4600" s="1" t="s">
        <v>15988</v>
      </c>
      <c r="I4600" s="1" t="s">
        <v>15969</v>
      </c>
      <c r="J4600" s="1" t="s">
        <v>19</v>
      </c>
      <c r="K4600" s="1" t="s">
        <v>64</v>
      </c>
      <c r="L4600" s="1" t="s">
        <v>15985</v>
      </c>
      <c r="M4600" s="1" t="s">
        <v>5</v>
      </c>
      <c r="N4600" s="1" t="s">
        <v>1009</v>
      </c>
      <c r="O4600" s="1" t="s">
        <v>8</v>
      </c>
      <c r="P4600" s="5" t="s">
        <v>30435</v>
      </c>
    </row>
    <row r="4601" spans="1:16" x14ac:dyDescent="0.2">
      <c r="A4601" s="1" t="s">
        <v>20</v>
      </c>
      <c r="B4601" s="1" t="s">
        <v>21</v>
      </c>
      <c r="C4601" s="1" t="s">
        <v>11097</v>
      </c>
      <c r="D4601" s="1" t="s">
        <v>11097</v>
      </c>
      <c r="E4601" s="1"/>
      <c r="F4601" s="1" t="s">
        <v>27</v>
      </c>
      <c r="G4601" s="1" t="s">
        <v>1042</v>
      </c>
      <c r="H4601" s="1" t="s">
        <v>15990</v>
      </c>
      <c r="I4601" s="1" t="s">
        <v>15969</v>
      </c>
      <c r="J4601" s="1" t="s">
        <v>19</v>
      </c>
      <c r="K4601" s="1" t="s">
        <v>7</v>
      </c>
      <c r="L4601" s="1" t="s">
        <v>15989</v>
      </c>
      <c r="M4601" s="1" t="s">
        <v>5</v>
      </c>
      <c r="N4601" s="1" t="s">
        <v>25</v>
      </c>
      <c r="O4601" s="1" t="s">
        <v>8</v>
      </c>
      <c r="P4601" s="5" t="s">
        <v>30436</v>
      </c>
    </row>
    <row r="4602" spans="1:16" x14ac:dyDescent="0.2">
      <c r="A4602" s="1" t="s">
        <v>20</v>
      </c>
      <c r="B4602" s="1" t="s">
        <v>93</v>
      </c>
      <c r="C4602" s="1" t="s">
        <v>15992</v>
      </c>
      <c r="D4602" s="1" t="s">
        <v>15993</v>
      </c>
      <c r="E4602" s="1"/>
      <c r="F4602" s="1" t="s">
        <v>27</v>
      </c>
      <c r="G4602" s="1" t="s">
        <v>1042</v>
      </c>
      <c r="H4602" s="1" t="s">
        <v>15994</v>
      </c>
      <c r="I4602" s="1" t="s">
        <v>15969</v>
      </c>
      <c r="J4602" s="1" t="s">
        <v>19</v>
      </c>
      <c r="K4602" s="1" t="s">
        <v>37</v>
      </c>
      <c r="L4602" s="1" t="s">
        <v>15991</v>
      </c>
      <c r="M4602" s="1" t="s">
        <v>5</v>
      </c>
      <c r="N4602" s="1" t="s">
        <v>25</v>
      </c>
      <c r="O4602" s="1" t="s">
        <v>8</v>
      </c>
      <c r="P4602" s="5" t="s">
        <v>30435</v>
      </c>
    </row>
    <row r="4603" spans="1:16" x14ac:dyDescent="0.2">
      <c r="A4603" s="1" t="s">
        <v>20</v>
      </c>
      <c r="B4603" s="1" t="s">
        <v>93</v>
      </c>
      <c r="C4603" s="1" t="s">
        <v>15996</v>
      </c>
      <c r="D4603" s="1" t="s">
        <v>15997</v>
      </c>
      <c r="E4603" s="1" t="s">
        <v>15998</v>
      </c>
      <c r="F4603" s="1" t="s">
        <v>10</v>
      </c>
      <c r="G4603" s="1" t="s">
        <v>10</v>
      </c>
      <c r="H4603" s="1" t="s">
        <v>10</v>
      </c>
      <c r="I4603" s="1" t="s">
        <v>15969</v>
      </c>
      <c r="J4603" s="1" t="s">
        <v>15973</v>
      </c>
      <c r="K4603" s="1" t="s">
        <v>7</v>
      </c>
      <c r="L4603" s="1" t="s">
        <v>15995</v>
      </c>
      <c r="M4603" s="1" t="s">
        <v>5</v>
      </c>
      <c r="N4603" s="1" t="s">
        <v>25</v>
      </c>
      <c r="O4603" s="1" t="s">
        <v>38</v>
      </c>
      <c r="P4603" s="5" t="s">
        <v>30435</v>
      </c>
    </row>
    <row r="4604" spans="1:16" x14ac:dyDescent="0.2">
      <c r="A4604" s="1" t="s">
        <v>487</v>
      </c>
      <c r="B4604" s="1" t="s">
        <v>784</v>
      </c>
      <c r="C4604" s="1" t="s">
        <v>16000</v>
      </c>
      <c r="D4604" s="1" t="s">
        <v>16001</v>
      </c>
      <c r="E4604" s="1" t="s">
        <v>16002</v>
      </c>
      <c r="F4604" s="1" t="s">
        <v>10</v>
      </c>
      <c r="G4604" s="1" t="s">
        <v>10</v>
      </c>
      <c r="H4604" s="1" t="s">
        <v>10</v>
      </c>
      <c r="I4604" s="1" t="s">
        <v>15969</v>
      </c>
      <c r="J4604" s="1" t="s">
        <v>19</v>
      </c>
      <c r="K4604" s="1" t="s">
        <v>64</v>
      </c>
      <c r="L4604" s="1" t="s">
        <v>15999</v>
      </c>
      <c r="M4604" s="1" t="s">
        <v>5</v>
      </c>
      <c r="N4604" s="1" t="s">
        <v>25</v>
      </c>
      <c r="O4604" s="1" t="s">
        <v>38</v>
      </c>
      <c r="P4604" s="5" t="s">
        <v>30433</v>
      </c>
    </row>
    <row r="4605" spans="1:16" x14ac:dyDescent="0.2">
      <c r="A4605" s="1" t="s">
        <v>20</v>
      </c>
      <c r="B4605" s="1" t="s">
        <v>93</v>
      </c>
      <c r="C4605" s="1" t="s">
        <v>16004</v>
      </c>
      <c r="D4605" s="1" t="s">
        <v>16004</v>
      </c>
      <c r="E4605" s="1"/>
      <c r="F4605" s="1" t="s">
        <v>27</v>
      </c>
      <c r="G4605" s="1" t="s">
        <v>1042</v>
      </c>
      <c r="H4605" s="1" t="s">
        <v>16006</v>
      </c>
      <c r="I4605" s="1" t="s">
        <v>15969</v>
      </c>
      <c r="J4605" s="1" t="s">
        <v>16005</v>
      </c>
      <c r="K4605" s="1" t="s">
        <v>7</v>
      </c>
      <c r="L4605" s="1" t="s">
        <v>16003</v>
      </c>
      <c r="M4605" s="1" t="s">
        <v>5</v>
      </c>
      <c r="N4605" s="1" t="s">
        <v>25</v>
      </c>
      <c r="O4605" s="1" t="s">
        <v>8</v>
      </c>
      <c r="P4605" s="5" t="s">
        <v>31754</v>
      </c>
    </row>
    <row r="4606" spans="1:16" x14ac:dyDescent="0.2">
      <c r="A4606" s="1" t="s">
        <v>42</v>
      </c>
      <c r="B4606" s="1" t="s">
        <v>966</v>
      </c>
      <c r="C4606" s="1" t="s">
        <v>16008</v>
      </c>
      <c r="D4606" s="1" t="s">
        <v>16009</v>
      </c>
      <c r="E4606" s="1"/>
      <c r="F4606" s="1" t="s">
        <v>10</v>
      </c>
      <c r="G4606" s="1" t="s">
        <v>10</v>
      </c>
      <c r="H4606" s="1" t="s">
        <v>10</v>
      </c>
      <c r="I4606" s="1" t="s">
        <v>15969</v>
      </c>
      <c r="J4606" s="1" t="s">
        <v>16005</v>
      </c>
      <c r="K4606" s="1" t="s">
        <v>37</v>
      </c>
      <c r="L4606" s="1" t="s">
        <v>16007</v>
      </c>
      <c r="M4606" s="1" t="s">
        <v>5</v>
      </c>
      <c r="N4606" s="1" t="s">
        <v>25</v>
      </c>
      <c r="O4606" s="1" t="s">
        <v>38</v>
      </c>
      <c r="P4606" s="5" t="s">
        <v>30435</v>
      </c>
    </row>
    <row r="4607" spans="1:16" x14ac:dyDescent="0.2">
      <c r="A4607" s="1" t="s">
        <v>66</v>
      </c>
      <c r="B4607" s="1" t="s">
        <v>574</v>
      </c>
      <c r="C4607" s="1" t="s">
        <v>16011</v>
      </c>
      <c r="D4607" s="1" t="s">
        <v>16012</v>
      </c>
      <c r="E4607" s="1"/>
      <c r="F4607" s="1" t="s">
        <v>27</v>
      </c>
      <c r="G4607" s="1" t="s">
        <v>10</v>
      </c>
      <c r="H4607" s="1" t="s">
        <v>16013</v>
      </c>
      <c r="I4607" s="1" t="s">
        <v>15969</v>
      </c>
      <c r="J4607" s="1" t="s">
        <v>16005</v>
      </c>
      <c r="K4607" s="1" t="s">
        <v>64</v>
      </c>
      <c r="L4607" s="1" t="s">
        <v>16010</v>
      </c>
      <c r="M4607" s="1" t="s">
        <v>5</v>
      </c>
      <c r="N4607" s="1" t="s">
        <v>25</v>
      </c>
      <c r="O4607" s="1" t="s">
        <v>8</v>
      </c>
      <c r="P4607" s="5" t="s">
        <v>30437</v>
      </c>
    </row>
    <row r="4608" spans="1:16" x14ac:dyDescent="0.2">
      <c r="A4608" s="1" t="s">
        <v>20</v>
      </c>
      <c r="B4608" s="1" t="s">
        <v>253</v>
      </c>
      <c r="C4608" s="1" t="s">
        <v>16015</v>
      </c>
      <c r="D4608" s="1" t="s">
        <v>12996</v>
      </c>
      <c r="E4608" s="1"/>
      <c r="F4608" s="1" t="s">
        <v>10</v>
      </c>
      <c r="G4608" s="1" t="s">
        <v>10</v>
      </c>
      <c r="H4608" s="1" t="s">
        <v>10</v>
      </c>
      <c r="I4608" s="1" t="s">
        <v>15969</v>
      </c>
      <c r="J4608" s="1" t="s">
        <v>16005</v>
      </c>
      <c r="K4608" s="1" t="s">
        <v>7</v>
      </c>
      <c r="L4608" s="1" t="s">
        <v>16014</v>
      </c>
      <c r="M4608" s="1" t="s">
        <v>5</v>
      </c>
      <c r="N4608" s="1" t="s">
        <v>25</v>
      </c>
      <c r="O4608" s="1" t="s">
        <v>38</v>
      </c>
      <c r="P4608" s="5" t="s">
        <v>30433</v>
      </c>
    </row>
    <row r="4609" spans="1:16" x14ac:dyDescent="0.2">
      <c r="A4609" s="1" t="s">
        <v>329</v>
      </c>
      <c r="B4609" s="1" t="s">
        <v>596</v>
      </c>
      <c r="C4609" s="1" t="s">
        <v>16017</v>
      </c>
      <c r="D4609" s="1" t="s">
        <v>14579</v>
      </c>
      <c r="E4609" s="1"/>
      <c r="F4609" s="1" t="s">
        <v>10</v>
      </c>
      <c r="G4609" s="1" t="s">
        <v>10</v>
      </c>
      <c r="H4609" s="1" t="s">
        <v>10</v>
      </c>
      <c r="I4609" s="1" t="s">
        <v>15969</v>
      </c>
      <c r="J4609" s="1" t="s">
        <v>19</v>
      </c>
      <c r="K4609" s="1" t="s">
        <v>6533</v>
      </c>
      <c r="L4609" s="1" t="s">
        <v>16016</v>
      </c>
      <c r="M4609" s="1" t="s">
        <v>5</v>
      </c>
      <c r="N4609" s="1" t="s">
        <v>25</v>
      </c>
      <c r="O4609" s="1" t="s">
        <v>38</v>
      </c>
      <c r="P4609" s="5" t="s">
        <v>30433</v>
      </c>
    </row>
    <row r="4610" spans="1:16" x14ac:dyDescent="0.2">
      <c r="A4610" s="1" t="s">
        <v>42</v>
      </c>
      <c r="B4610" s="1" t="s">
        <v>43</v>
      </c>
      <c r="C4610" s="1" t="s">
        <v>16019</v>
      </c>
      <c r="D4610" s="1" t="s">
        <v>16020</v>
      </c>
      <c r="E4610" s="1"/>
      <c r="F4610" s="1" t="s">
        <v>27</v>
      </c>
      <c r="G4610" s="1" t="s">
        <v>1042</v>
      </c>
      <c r="H4610" s="1" t="s">
        <v>16013</v>
      </c>
      <c r="I4610" s="1" t="s">
        <v>15969</v>
      </c>
      <c r="J4610" s="1" t="s">
        <v>19</v>
      </c>
      <c r="K4610" s="1" t="s">
        <v>37</v>
      </c>
      <c r="L4610" s="1" t="s">
        <v>16018</v>
      </c>
      <c r="M4610" s="1" t="s">
        <v>5</v>
      </c>
      <c r="N4610" s="1" t="s">
        <v>25</v>
      </c>
      <c r="O4610" s="1" t="s">
        <v>8</v>
      </c>
      <c r="P4610" s="5" t="s">
        <v>30437</v>
      </c>
    </row>
    <row r="4611" spans="1:16" x14ac:dyDescent="0.2">
      <c r="A4611" s="1" t="s">
        <v>329</v>
      </c>
      <c r="B4611" s="1" t="s">
        <v>1738</v>
      </c>
      <c r="C4611" s="1" t="s">
        <v>16023</v>
      </c>
      <c r="D4611" s="1" t="s">
        <v>16024</v>
      </c>
      <c r="E4611" s="1" t="s">
        <v>16025</v>
      </c>
      <c r="F4611" s="1" t="s">
        <v>10</v>
      </c>
      <c r="G4611" s="1" t="s">
        <v>10</v>
      </c>
      <c r="H4611" s="1" t="s">
        <v>10</v>
      </c>
      <c r="I4611" s="1" t="s">
        <v>15969</v>
      </c>
      <c r="J4611" s="1" t="s">
        <v>15973</v>
      </c>
      <c r="K4611" s="1" t="s">
        <v>7</v>
      </c>
      <c r="L4611" s="1" t="s">
        <v>16022</v>
      </c>
      <c r="M4611" s="1" t="s">
        <v>5</v>
      </c>
      <c r="N4611" s="1" t="s">
        <v>25</v>
      </c>
      <c r="O4611" s="1" t="s">
        <v>38</v>
      </c>
      <c r="P4611" s="5" t="s">
        <v>30433</v>
      </c>
    </row>
    <row r="4612" spans="1:16" x14ac:dyDescent="0.2">
      <c r="A4612" s="1" t="s">
        <v>42</v>
      </c>
      <c r="B4612" s="1" t="s">
        <v>109</v>
      </c>
      <c r="C4612" s="1" t="s">
        <v>16027</v>
      </c>
      <c r="D4612" s="1" t="s">
        <v>16028</v>
      </c>
      <c r="E4612" s="1"/>
      <c r="F4612" s="1" t="s">
        <v>10</v>
      </c>
      <c r="G4612" s="1" t="s">
        <v>10</v>
      </c>
      <c r="H4612" s="1" t="s">
        <v>10</v>
      </c>
      <c r="I4612" s="1" t="s">
        <v>15969</v>
      </c>
      <c r="J4612" s="1" t="s">
        <v>16005</v>
      </c>
      <c r="K4612" s="1" t="s">
        <v>37</v>
      </c>
      <c r="L4612" s="1" t="s">
        <v>16026</v>
      </c>
      <c r="M4612" s="1" t="s">
        <v>5</v>
      </c>
      <c r="N4612" s="1" t="s">
        <v>25</v>
      </c>
      <c r="O4612" s="1" t="s">
        <v>38</v>
      </c>
      <c r="P4612" s="5" t="s">
        <v>30433</v>
      </c>
    </row>
    <row r="4613" spans="1:16" x14ac:dyDescent="0.2">
      <c r="A4613" s="1" t="s">
        <v>20</v>
      </c>
      <c r="B4613" s="1" t="s">
        <v>93</v>
      </c>
      <c r="C4613" s="1" t="s">
        <v>16030</v>
      </c>
      <c r="D4613" s="1" t="s">
        <v>16031</v>
      </c>
      <c r="E4613" s="1"/>
      <c r="F4613" s="1" t="s">
        <v>27</v>
      </c>
      <c r="G4613" s="1" t="s">
        <v>1042</v>
      </c>
      <c r="H4613" s="1" t="s">
        <v>16032</v>
      </c>
      <c r="I4613" s="1" t="s">
        <v>15969</v>
      </c>
      <c r="J4613" s="1" t="s">
        <v>19</v>
      </c>
      <c r="K4613" s="1" t="s">
        <v>7</v>
      </c>
      <c r="L4613" s="1" t="s">
        <v>16029</v>
      </c>
      <c r="M4613" s="1" t="s">
        <v>5</v>
      </c>
      <c r="N4613" s="1" t="s">
        <v>1009</v>
      </c>
      <c r="O4613" s="1" t="s">
        <v>8</v>
      </c>
      <c r="P4613" s="5" t="s">
        <v>30438</v>
      </c>
    </row>
    <row r="4614" spans="1:16" x14ac:dyDescent="0.2">
      <c r="A4614" s="1" t="s">
        <v>42</v>
      </c>
      <c r="B4614" s="1" t="s">
        <v>109</v>
      </c>
      <c r="C4614" s="1" t="s">
        <v>15023</v>
      </c>
      <c r="D4614" s="1" t="s">
        <v>6628</v>
      </c>
      <c r="E4614" s="1"/>
      <c r="F4614" s="1" t="s">
        <v>10</v>
      </c>
      <c r="G4614" s="1" t="s">
        <v>10</v>
      </c>
      <c r="H4614" s="1" t="s">
        <v>10</v>
      </c>
      <c r="I4614" s="1" t="s">
        <v>15969</v>
      </c>
      <c r="J4614" s="1" t="s">
        <v>19</v>
      </c>
      <c r="K4614" s="1" t="s">
        <v>37</v>
      </c>
      <c r="L4614" s="1" t="s">
        <v>16033</v>
      </c>
      <c r="M4614" s="1" t="s">
        <v>5</v>
      </c>
      <c r="N4614" s="1" t="s">
        <v>25</v>
      </c>
      <c r="O4614" s="1" t="s">
        <v>38</v>
      </c>
      <c r="P4614" s="5" t="s">
        <v>30433</v>
      </c>
    </row>
    <row r="4615" spans="1:16" x14ac:dyDescent="0.2">
      <c r="A4615" s="1" t="s">
        <v>42</v>
      </c>
      <c r="B4615" s="1" t="s">
        <v>109</v>
      </c>
      <c r="C4615" s="1" t="s">
        <v>16035</v>
      </c>
      <c r="D4615" s="1" t="s">
        <v>16036</v>
      </c>
      <c r="E4615" s="1" t="s">
        <v>16037</v>
      </c>
      <c r="F4615" s="1" t="s">
        <v>10</v>
      </c>
      <c r="G4615" s="1" t="s">
        <v>10</v>
      </c>
      <c r="H4615" s="1" t="s">
        <v>10</v>
      </c>
      <c r="I4615" s="1" t="s">
        <v>15969</v>
      </c>
      <c r="J4615" s="1" t="s">
        <v>15973</v>
      </c>
      <c r="K4615" s="1" t="s">
        <v>37</v>
      </c>
      <c r="L4615" s="1" t="s">
        <v>16034</v>
      </c>
      <c r="M4615" s="1" t="s">
        <v>5</v>
      </c>
      <c r="N4615" s="1" t="s">
        <v>25</v>
      </c>
      <c r="O4615" s="1" t="s">
        <v>38</v>
      </c>
      <c r="P4615" s="5" t="s">
        <v>30433</v>
      </c>
    </row>
    <row r="4616" spans="1:16" x14ac:dyDescent="0.2">
      <c r="A4616" s="1" t="s">
        <v>20</v>
      </c>
      <c r="B4616" s="1" t="s">
        <v>3530</v>
      </c>
      <c r="C4616" s="1" t="s">
        <v>16039</v>
      </c>
      <c r="D4616" s="1" t="s">
        <v>16040</v>
      </c>
      <c r="E4616" s="1"/>
      <c r="F4616" s="1" t="s">
        <v>10</v>
      </c>
      <c r="G4616" s="1" t="s">
        <v>10</v>
      </c>
      <c r="H4616" s="1" t="s">
        <v>10</v>
      </c>
      <c r="I4616" s="1" t="s">
        <v>15969</v>
      </c>
      <c r="J4616" s="1" t="s">
        <v>16041</v>
      </c>
      <c r="K4616" s="1" t="s">
        <v>7</v>
      </c>
      <c r="L4616" s="1" t="s">
        <v>16038</v>
      </c>
      <c r="M4616" s="1" t="s">
        <v>5</v>
      </c>
      <c r="N4616" s="1" t="s">
        <v>25</v>
      </c>
      <c r="O4616" s="1" t="s">
        <v>38</v>
      </c>
      <c r="P4616" s="5" t="s">
        <v>30433</v>
      </c>
    </row>
    <row r="4617" spans="1:16" x14ac:dyDescent="0.2">
      <c r="A4617" s="1" t="s">
        <v>20</v>
      </c>
      <c r="B4617" s="1" t="s">
        <v>253</v>
      </c>
      <c r="C4617" s="1" t="s">
        <v>16043</v>
      </c>
      <c r="D4617" s="1" t="s">
        <v>4096</v>
      </c>
      <c r="E4617" s="1"/>
      <c r="F4617" s="1" t="s">
        <v>10</v>
      </c>
      <c r="G4617" s="1" t="s">
        <v>10</v>
      </c>
      <c r="H4617" s="1" t="s">
        <v>10</v>
      </c>
      <c r="I4617" s="1" t="s">
        <v>15969</v>
      </c>
      <c r="J4617" s="1" t="s">
        <v>16005</v>
      </c>
      <c r="K4617" s="1" t="s">
        <v>7</v>
      </c>
      <c r="L4617" s="1" t="s">
        <v>16042</v>
      </c>
      <c r="M4617" s="1" t="s">
        <v>5</v>
      </c>
      <c r="N4617" s="1" t="s">
        <v>25</v>
      </c>
      <c r="O4617" s="1" t="s">
        <v>38</v>
      </c>
      <c r="P4617" s="5" t="s">
        <v>30435</v>
      </c>
    </row>
    <row r="4618" spans="1:16" x14ac:dyDescent="0.2">
      <c r="A4618" s="1" t="s">
        <v>66</v>
      </c>
      <c r="B4618" s="1" t="s">
        <v>67</v>
      </c>
      <c r="C4618" s="1" t="s">
        <v>16045</v>
      </c>
      <c r="D4618" s="1" t="s">
        <v>2818</v>
      </c>
      <c r="E4618" s="1" t="s">
        <v>16046</v>
      </c>
      <c r="F4618" s="1" t="s">
        <v>10</v>
      </c>
      <c r="G4618" s="1" t="s">
        <v>10</v>
      </c>
      <c r="H4618" s="1" t="s">
        <v>10</v>
      </c>
      <c r="I4618" s="1" t="s">
        <v>15969</v>
      </c>
      <c r="J4618" s="1" t="s">
        <v>16041</v>
      </c>
      <c r="K4618" s="1" t="s">
        <v>7</v>
      </c>
      <c r="L4618" s="1" t="s">
        <v>16044</v>
      </c>
      <c r="M4618" s="1" t="s">
        <v>5</v>
      </c>
      <c r="N4618" s="1" t="s">
        <v>25</v>
      </c>
      <c r="O4618" s="1" t="s">
        <v>38</v>
      </c>
      <c r="P4618" s="5" t="s">
        <v>30433</v>
      </c>
    </row>
    <row r="4619" spans="1:16" x14ac:dyDescent="0.2">
      <c r="A4619" s="1" t="s">
        <v>66</v>
      </c>
      <c r="B4619" s="1" t="s">
        <v>67</v>
      </c>
      <c r="C4619" s="1" t="s">
        <v>16048</v>
      </c>
      <c r="D4619" s="1" t="s">
        <v>16049</v>
      </c>
      <c r="E4619" s="1"/>
      <c r="F4619" s="1" t="s">
        <v>10</v>
      </c>
      <c r="G4619" s="1" t="s">
        <v>10</v>
      </c>
      <c r="H4619" s="1" t="s">
        <v>10</v>
      </c>
      <c r="I4619" s="1" t="s">
        <v>15969</v>
      </c>
      <c r="J4619" s="1" t="s">
        <v>16041</v>
      </c>
      <c r="K4619" s="1" t="s">
        <v>64</v>
      </c>
      <c r="L4619" s="1" t="s">
        <v>16047</v>
      </c>
      <c r="M4619" s="1" t="s">
        <v>5</v>
      </c>
      <c r="N4619" s="1" t="s">
        <v>25</v>
      </c>
      <c r="O4619" s="1" t="s">
        <v>8</v>
      </c>
      <c r="P4619" s="5" t="s">
        <v>30439</v>
      </c>
    </row>
    <row r="4620" spans="1:16" x14ac:dyDescent="0.2">
      <c r="A4620" s="1" t="s">
        <v>20</v>
      </c>
      <c r="B4620" s="1" t="s">
        <v>93</v>
      </c>
      <c r="C4620" s="1" t="s">
        <v>16051</v>
      </c>
      <c r="D4620" s="1" t="s">
        <v>16052</v>
      </c>
      <c r="E4620" s="1"/>
      <c r="F4620" s="1" t="s">
        <v>10</v>
      </c>
      <c r="G4620" s="1" t="s">
        <v>10</v>
      </c>
      <c r="H4620" s="1" t="s">
        <v>10</v>
      </c>
      <c r="I4620" s="1" t="s">
        <v>15969</v>
      </c>
      <c r="J4620" s="1" t="s">
        <v>16041</v>
      </c>
      <c r="K4620" s="1" t="s">
        <v>7</v>
      </c>
      <c r="L4620" s="1" t="s">
        <v>16050</v>
      </c>
      <c r="M4620" s="1" t="s">
        <v>5</v>
      </c>
      <c r="N4620" s="1" t="s">
        <v>25</v>
      </c>
      <c r="O4620" s="1" t="s">
        <v>38</v>
      </c>
      <c r="P4620" s="5" t="s">
        <v>30440</v>
      </c>
    </row>
    <row r="4621" spans="1:16" x14ac:dyDescent="0.2">
      <c r="A4621" s="1" t="s">
        <v>42</v>
      </c>
      <c r="B4621" s="1" t="s">
        <v>43</v>
      </c>
      <c r="C4621" s="1" t="s">
        <v>16054</v>
      </c>
      <c r="D4621" s="1" t="s">
        <v>16055</v>
      </c>
      <c r="E4621" s="1"/>
      <c r="F4621" s="1" t="s">
        <v>27</v>
      </c>
      <c r="G4621" s="1" t="s">
        <v>10</v>
      </c>
      <c r="H4621" s="1" t="s">
        <v>16013</v>
      </c>
      <c r="I4621" s="1" t="s">
        <v>15969</v>
      </c>
      <c r="J4621" s="1" t="s">
        <v>19</v>
      </c>
      <c r="K4621" s="1" t="s">
        <v>37</v>
      </c>
      <c r="L4621" s="1" t="s">
        <v>16053</v>
      </c>
      <c r="M4621" s="1" t="s">
        <v>5</v>
      </c>
      <c r="N4621" s="1" t="s">
        <v>25</v>
      </c>
      <c r="O4621" s="1" t="s">
        <v>8</v>
      </c>
      <c r="P4621" s="5" t="s">
        <v>30439</v>
      </c>
    </row>
    <row r="4622" spans="1:16" x14ac:dyDescent="0.2">
      <c r="A4622" s="1" t="s">
        <v>42</v>
      </c>
      <c r="B4622" s="1" t="s">
        <v>966</v>
      </c>
      <c r="C4622" s="1" t="s">
        <v>16057</v>
      </c>
      <c r="D4622" s="1" t="s">
        <v>16058</v>
      </c>
      <c r="E4622" s="1"/>
      <c r="F4622" s="1" t="s">
        <v>27</v>
      </c>
      <c r="G4622" s="1" t="s">
        <v>10</v>
      </c>
      <c r="H4622" s="1" t="s">
        <v>16013</v>
      </c>
      <c r="I4622" s="1" t="s">
        <v>15969</v>
      </c>
      <c r="J4622" s="1" t="s">
        <v>19</v>
      </c>
      <c r="K4622" s="1" t="s">
        <v>47</v>
      </c>
      <c r="L4622" s="1" t="s">
        <v>16056</v>
      </c>
      <c r="M4622" s="1" t="s">
        <v>5</v>
      </c>
      <c r="N4622" s="1" t="s">
        <v>25</v>
      </c>
      <c r="O4622" s="1" t="s">
        <v>8</v>
      </c>
      <c r="P4622" s="5" t="s">
        <v>30441</v>
      </c>
    </row>
    <row r="4623" spans="1:16" x14ac:dyDescent="0.2">
      <c r="A4623" s="1" t="s">
        <v>20</v>
      </c>
      <c r="B4623" s="1" t="s">
        <v>1047</v>
      </c>
      <c r="C4623" s="1" t="s">
        <v>16060</v>
      </c>
      <c r="D4623" s="1" t="s">
        <v>96</v>
      </c>
      <c r="E4623" s="1" t="s">
        <v>16061</v>
      </c>
      <c r="F4623" s="1" t="s">
        <v>27</v>
      </c>
      <c r="G4623" s="1" t="s">
        <v>1042</v>
      </c>
      <c r="H4623" s="1" t="s">
        <v>16062</v>
      </c>
      <c r="I4623" s="1" t="s">
        <v>15969</v>
      </c>
      <c r="J4623" s="1" t="s">
        <v>19</v>
      </c>
      <c r="K4623" s="1" t="s">
        <v>7</v>
      </c>
      <c r="L4623" s="1" t="s">
        <v>16059</v>
      </c>
      <c r="M4623" s="1" t="s">
        <v>5</v>
      </c>
      <c r="N4623" s="1" t="s">
        <v>25</v>
      </c>
      <c r="O4623" s="1" t="s">
        <v>8</v>
      </c>
      <c r="P4623" s="5" t="s">
        <v>31755</v>
      </c>
    </row>
    <row r="4624" spans="1:16" x14ac:dyDescent="0.2">
      <c r="A4624" s="1" t="s">
        <v>20</v>
      </c>
      <c r="B4624" s="1" t="s">
        <v>172</v>
      </c>
      <c r="C4624" s="1" t="s">
        <v>16065</v>
      </c>
      <c r="D4624" s="1" t="s">
        <v>16066</v>
      </c>
      <c r="E4624" s="1"/>
      <c r="F4624" s="1" t="s">
        <v>10</v>
      </c>
      <c r="G4624" s="1" t="s">
        <v>10</v>
      </c>
      <c r="H4624" s="1" t="s">
        <v>10</v>
      </c>
      <c r="I4624" s="1" t="s">
        <v>15969</v>
      </c>
      <c r="J4624" s="1" t="s">
        <v>15973</v>
      </c>
      <c r="K4624" s="1" t="s">
        <v>10</v>
      </c>
      <c r="L4624" s="1" t="s">
        <v>16064</v>
      </c>
      <c r="M4624" s="1" t="s">
        <v>5</v>
      </c>
      <c r="N4624" s="1" t="s">
        <v>25</v>
      </c>
      <c r="O4624" s="1" t="s">
        <v>38</v>
      </c>
      <c r="P4624" s="5" t="s">
        <v>14</v>
      </c>
    </row>
    <row r="4625" spans="1:16" x14ac:dyDescent="0.2">
      <c r="A4625" s="1" t="s">
        <v>32</v>
      </c>
      <c r="B4625" s="1" t="s">
        <v>140</v>
      </c>
      <c r="C4625" s="1" t="s">
        <v>16068</v>
      </c>
      <c r="D4625" s="1" t="s">
        <v>16069</v>
      </c>
      <c r="E4625" s="1"/>
      <c r="F4625" s="1" t="s">
        <v>27</v>
      </c>
      <c r="G4625" s="1" t="s">
        <v>1042</v>
      </c>
      <c r="H4625" s="1" t="s">
        <v>16070</v>
      </c>
      <c r="I4625" s="1" t="s">
        <v>15969</v>
      </c>
      <c r="J4625" s="1" t="s">
        <v>19</v>
      </c>
      <c r="K4625" s="1" t="s">
        <v>64</v>
      </c>
      <c r="L4625" s="1" t="s">
        <v>16067</v>
      </c>
      <c r="M4625" s="1" t="s">
        <v>5</v>
      </c>
      <c r="N4625" s="1" t="s">
        <v>1009</v>
      </c>
      <c r="O4625" s="1" t="s">
        <v>8</v>
      </c>
      <c r="P4625" s="5" t="s">
        <v>31756</v>
      </c>
    </row>
    <row r="4626" spans="1:16" x14ac:dyDescent="0.2">
      <c r="A4626" s="1" t="s">
        <v>20</v>
      </c>
      <c r="B4626" s="1" t="s">
        <v>93</v>
      </c>
      <c r="C4626" s="1" t="s">
        <v>16072</v>
      </c>
      <c r="D4626" s="1" t="s">
        <v>16073</v>
      </c>
      <c r="E4626" s="1" t="s">
        <v>16075</v>
      </c>
      <c r="F4626" s="1" t="s">
        <v>10</v>
      </c>
      <c r="G4626" s="1" t="s">
        <v>10</v>
      </c>
      <c r="H4626" s="1" t="s">
        <v>10</v>
      </c>
      <c r="I4626" s="1" t="s">
        <v>15969</v>
      </c>
      <c r="J4626" s="1" t="s">
        <v>16074</v>
      </c>
      <c r="K4626" s="1" t="s">
        <v>7</v>
      </c>
      <c r="L4626" s="1" t="s">
        <v>16071</v>
      </c>
      <c r="M4626" s="1" t="s">
        <v>5</v>
      </c>
      <c r="N4626" s="1" t="s">
        <v>25</v>
      </c>
      <c r="O4626" s="1" t="s">
        <v>38</v>
      </c>
      <c r="P4626" s="5" t="s">
        <v>30442</v>
      </c>
    </row>
    <row r="4627" spans="1:16" x14ac:dyDescent="0.2">
      <c r="A4627" s="1" t="s">
        <v>20</v>
      </c>
      <c r="B4627" s="1" t="s">
        <v>253</v>
      </c>
      <c r="C4627" s="1" t="s">
        <v>15671</v>
      </c>
      <c r="D4627" s="1" t="s">
        <v>7174</v>
      </c>
      <c r="E4627" s="1"/>
      <c r="F4627" s="1" t="s">
        <v>27</v>
      </c>
      <c r="G4627" s="1" t="s">
        <v>1042</v>
      </c>
      <c r="H4627" s="1" t="s">
        <v>16077</v>
      </c>
      <c r="I4627" s="1" t="s">
        <v>15969</v>
      </c>
      <c r="J4627" s="1" t="s">
        <v>19</v>
      </c>
      <c r="K4627" s="1" t="s">
        <v>7</v>
      </c>
      <c r="L4627" s="1" t="s">
        <v>16076</v>
      </c>
      <c r="M4627" s="1" t="s">
        <v>5</v>
      </c>
      <c r="N4627" s="1" t="s">
        <v>6</v>
      </c>
      <c r="O4627" s="1" t="s">
        <v>8</v>
      </c>
      <c r="P4627" s="5" t="s">
        <v>31754</v>
      </c>
    </row>
    <row r="4628" spans="1:16" x14ac:dyDescent="0.2">
      <c r="A4628" s="1" t="s">
        <v>20</v>
      </c>
      <c r="B4628" s="1" t="s">
        <v>99</v>
      </c>
      <c r="C4628" s="1" t="s">
        <v>16079</v>
      </c>
      <c r="D4628" s="1" t="s">
        <v>7043</v>
      </c>
      <c r="E4628" s="1" t="s">
        <v>16080</v>
      </c>
      <c r="F4628" s="1" t="s">
        <v>27</v>
      </c>
      <c r="G4628" s="1" t="s">
        <v>1042</v>
      </c>
      <c r="H4628" s="1" t="s">
        <v>16081</v>
      </c>
      <c r="I4628" s="1" t="s">
        <v>15969</v>
      </c>
      <c r="J4628" s="1" t="s">
        <v>19</v>
      </c>
      <c r="K4628" s="1" t="s">
        <v>7</v>
      </c>
      <c r="L4628" s="1" t="s">
        <v>16078</v>
      </c>
      <c r="M4628" s="1" t="s">
        <v>5</v>
      </c>
      <c r="N4628" s="1" t="s">
        <v>1009</v>
      </c>
      <c r="O4628" s="1" t="s">
        <v>8</v>
      </c>
      <c r="P4628" s="5" t="s">
        <v>31754</v>
      </c>
    </row>
    <row r="4629" spans="1:16" x14ac:dyDescent="0.2">
      <c r="A4629" s="1" t="s">
        <v>20</v>
      </c>
      <c r="B4629" s="1" t="s">
        <v>253</v>
      </c>
      <c r="C4629" s="1" t="s">
        <v>16083</v>
      </c>
      <c r="D4629" s="1" t="s">
        <v>2905</v>
      </c>
      <c r="E4629" s="1" t="s">
        <v>16084</v>
      </c>
      <c r="F4629" s="1" t="s">
        <v>10</v>
      </c>
      <c r="G4629" s="1" t="s">
        <v>10</v>
      </c>
      <c r="H4629" s="1" t="s">
        <v>10</v>
      </c>
      <c r="I4629" s="1" t="s">
        <v>15969</v>
      </c>
      <c r="J4629" s="1" t="s">
        <v>16041</v>
      </c>
      <c r="K4629" s="1" t="s">
        <v>7</v>
      </c>
      <c r="L4629" s="1" t="s">
        <v>16082</v>
      </c>
      <c r="M4629" s="1" t="s">
        <v>5</v>
      </c>
      <c r="N4629" s="1" t="s">
        <v>25</v>
      </c>
      <c r="O4629" s="1" t="s">
        <v>38</v>
      </c>
      <c r="P4629" s="5" t="s">
        <v>30433</v>
      </c>
    </row>
    <row r="4630" spans="1:16" x14ac:dyDescent="0.2">
      <c r="A4630" s="1" t="s">
        <v>42</v>
      </c>
      <c r="B4630" s="1" t="s">
        <v>320</v>
      </c>
      <c r="C4630" s="1" t="s">
        <v>16086</v>
      </c>
      <c r="D4630" s="1" t="s">
        <v>16086</v>
      </c>
      <c r="E4630" s="1"/>
      <c r="F4630" s="1" t="s">
        <v>10</v>
      </c>
      <c r="G4630" s="1" t="s">
        <v>10</v>
      </c>
      <c r="H4630" s="1" t="s">
        <v>10</v>
      </c>
      <c r="I4630" s="1" t="s">
        <v>15969</v>
      </c>
      <c r="J4630" s="1" t="s">
        <v>16041</v>
      </c>
      <c r="K4630" s="1" t="s">
        <v>7</v>
      </c>
      <c r="L4630" s="1" t="s">
        <v>16085</v>
      </c>
      <c r="M4630" s="1" t="s">
        <v>5</v>
      </c>
      <c r="N4630" s="1" t="s">
        <v>25</v>
      </c>
      <c r="O4630" s="1" t="s">
        <v>38</v>
      </c>
      <c r="P4630" s="5" t="s">
        <v>31754</v>
      </c>
    </row>
    <row r="4631" spans="1:16" x14ac:dyDescent="0.2">
      <c r="A4631" s="1" t="s">
        <v>20</v>
      </c>
      <c r="B4631" s="1" t="s">
        <v>93</v>
      </c>
      <c r="C4631" s="1" t="s">
        <v>16088</v>
      </c>
      <c r="D4631" s="1" t="s">
        <v>16089</v>
      </c>
      <c r="E4631" s="1" t="s">
        <v>16090</v>
      </c>
      <c r="F4631" s="1" t="s">
        <v>10</v>
      </c>
      <c r="G4631" s="1" t="s">
        <v>10</v>
      </c>
      <c r="H4631" s="1" t="s">
        <v>10</v>
      </c>
      <c r="I4631" s="1" t="s">
        <v>15969</v>
      </c>
      <c r="J4631" s="1" t="s">
        <v>16074</v>
      </c>
      <c r="K4631" s="1" t="s">
        <v>7</v>
      </c>
      <c r="L4631" s="1" t="s">
        <v>16087</v>
      </c>
      <c r="M4631" s="1" t="s">
        <v>5</v>
      </c>
      <c r="N4631" s="1" t="s">
        <v>25</v>
      </c>
      <c r="O4631" s="1" t="s">
        <v>38</v>
      </c>
      <c r="P4631" s="5" t="s">
        <v>30433</v>
      </c>
    </row>
    <row r="4632" spans="1:16" x14ac:dyDescent="0.2">
      <c r="A4632" s="1" t="s">
        <v>66</v>
      </c>
      <c r="B4632" s="1" t="s">
        <v>574</v>
      </c>
      <c r="C4632" s="1" t="s">
        <v>16092</v>
      </c>
      <c r="D4632" s="1" t="s">
        <v>16093</v>
      </c>
      <c r="E4632" s="1" t="s">
        <v>16094</v>
      </c>
      <c r="F4632" s="1" t="s">
        <v>27</v>
      </c>
      <c r="G4632" s="1" t="s">
        <v>10</v>
      </c>
      <c r="H4632" s="1" t="s">
        <v>16013</v>
      </c>
      <c r="I4632" s="1" t="s">
        <v>15969</v>
      </c>
      <c r="J4632" s="1" t="s">
        <v>16074</v>
      </c>
      <c r="K4632" s="1" t="s">
        <v>64</v>
      </c>
      <c r="L4632" s="1" t="s">
        <v>16091</v>
      </c>
      <c r="M4632" s="1" t="s">
        <v>5</v>
      </c>
      <c r="N4632" s="1" t="s">
        <v>25</v>
      </c>
      <c r="O4632" s="1" t="s">
        <v>8</v>
      </c>
      <c r="P4632" s="5" t="s">
        <v>30439</v>
      </c>
    </row>
    <row r="4633" spans="1:16" x14ac:dyDescent="0.2">
      <c r="A4633" s="1" t="s">
        <v>42</v>
      </c>
      <c r="B4633" s="1" t="s">
        <v>966</v>
      </c>
      <c r="C4633" s="1" t="s">
        <v>16096</v>
      </c>
      <c r="D4633" s="1" t="s">
        <v>57</v>
      </c>
      <c r="E4633" s="1" t="s">
        <v>16097</v>
      </c>
      <c r="F4633" s="1" t="s">
        <v>27</v>
      </c>
      <c r="G4633" s="1" t="s">
        <v>1042</v>
      </c>
      <c r="H4633" s="1" t="s">
        <v>16098</v>
      </c>
      <c r="I4633" s="1" t="s">
        <v>15969</v>
      </c>
      <c r="J4633" s="1" t="s">
        <v>19</v>
      </c>
      <c r="K4633" s="1" t="s">
        <v>47</v>
      </c>
      <c r="L4633" s="1" t="s">
        <v>16095</v>
      </c>
      <c r="M4633" s="1" t="s">
        <v>5</v>
      </c>
      <c r="N4633" s="1" t="s">
        <v>25</v>
      </c>
      <c r="O4633" s="1" t="s">
        <v>8</v>
      </c>
      <c r="P4633" s="5" t="s">
        <v>30433</v>
      </c>
    </row>
    <row r="4634" spans="1:16" x14ac:dyDescent="0.2">
      <c r="A4634" s="1" t="s">
        <v>20</v>
      </c>
      <c r="B4634" s="1" t="s">
        <v>93</v>
      </c>
      <c r="C4634" s="1" t="s">
        <v>16101</v>
      </c>
      <c r="D4634" s="1" t="s">
        <v>16102</v>
      </c>
      <c r="E4634" s="1" t="s">
        <v>16103</v>
      </c>
      <c r="F4634" s="1" t="s">
        <v>10</v>
      </c>
      <c r="G4634" s="1" t="s">
        <v>10</v>
      </c>
      <c r="H4634" s="1" t="s">
        <v>10</v>
      </c>
      <c r="I4634" s="1" t="s">
        <v>15969</v>
      </c>
      <c r="J4634" s="1" t="s">
        <v>19</v>
      </c>
      <c r="K4634" s="1" t="s">
        <v>7</v>
      </c>
      <c r="L4634" s="1" t="s">
        <v>16100</v>
      </c>
      <c r="M4634" s="1" t="s">
        <v>5</v>
      </c>
      <c r="N4634" s="1" t="s">
        <v>25</v>
      </c>
      <c r="O4634" s="1" t="s">
        <v>38</v>
      </c>
      <c r="P4634" s="5" t="s">
        <v>31755</v>
      </c>
    </row>
    <row r="4635" spans="1:16" x14ac:dyDescent="0.2">
      <c r="A4635" s="1" t="s">
        <v>42</v>
      </c>
      <c r="B4635" s="1" t="s">
        <v>966</v>
      </c>
      <c r="C4635" s="1" t="s">
        <v>16105</v>
      </c>
      <c r="D4635" s="1" t="s">
        <v>16106</v>
      </c>
      <c r="E4635" s="1" t="s">
        <v>16107</v>
      </c>
      <c r="F4635" s="1" t="s">
        <v>27</v>
      </c>
      <c r="G4635" s="1" t="s">
        <v>1042</v>
      </c>
      <c r="H4635" s="1" t="s">
        <v>16108</v>
      </c>
      <c r="I4635" s="1" t="s">
        <v>15969</v>
      </c>
      <c r="J4635" s="1" t="s">
        <v>19</v>
      </c>
      <c r="K4635" s="1" t="s">
        <v>27</v>
      </c>
      <c r="L4635" s="1" t="s">
        <v>16104</v>
      </c>
      <c r="M4635" s="1" t="s">
        <v>5</v>
      </c>
      <c r="N4635" s="1" t="s">
        <v>1009</v>
      </c>
      <c r="O4635" s="1" t="s">
        <v>8</v>
      </c>
      <c r="P4635" s="5" t="s">
        <v>30436</v>
      </c>
    </row>
    <row r="4636" spans="1:16" x14ac:dyDescent="0.2">
      <c r="A4636" s="1" t="s">
        <v>1086</v>
      </c>
      <c r="B4636" s="1" t="s">
        <v>1400</v>
      </c>
      <c r="C4636" s="1" t="s">
        <v>16110</v>
      </c>
      <c r="D4636" s="1" t="s">
        <v>7849</v>
      </c>
      <c r="E4636" s="1"/>
      <c r="F4636" s="1" t="s">
        <v>27</v>
      </c>
      <c r="G4636" s="1" t="s">
        <v>1042</v>
      </c>
      <c r="H4636" s="1" t="s">
        <v>16111</v>
      </c>
      <c r="I4636" s="1" t="s">
        <v>15969</v>
      </c>
      <c r="J4636" s="1" t="s">
        <v>19</v>
      </c>
      <c r="K4636" s="1" t="s">
        <v>64</v>
      </c>
      <c r="L4636" s="1" t="s">
        <v>16109</v>
      </c>
      <c r="M4636" s="1" t="s">
        <v>5</v>
      </c>
      <c r="N4636" s="1" t="s">
        <v>6</v>
      </c>
      <c r="O4636" s="1" t="s">
        <v>8</v>
      </c>
      <c r="P4636" s="5" t="s">
        <v>31754</v>
      </c>
    </row>
    <row r="4637" spans="1:16" x14ac:dyDescent="0.2">
      <c r="A4637" s="1" t="s">
        <v>20</v>
      </c>
      <c r="B4637" s="1" t="s">
        <v>253</v>
      </c>
      <c r="C4637" s="1" t="s">
        <v>16114</v>
      </c>
      <c r="D4637" s="1" t="s">
        <v>1962</v>
      </c>
      <c r="E4637" s="1" t="s">
        <v>16115</v>
      </c>
      <c r="F4637" s="1" t="s">
        <v>27</v>
      </c>
      <c r="G4637" s="1" t="s">
        <v>1042</v>
      </c>
      <c r="H4637" s="1" t="s">
        <v>16116</v>
      </c>
      <c r="I4637" s="1" t="s">
        <v>15969</v>
      </c>
      <c r="J4637" s="1" t="s">
        <v>16041</v>
      </c>
      <c r="K4637" s="1" t="s">
        <v>7</v>
      </c>
      <c r="L4637" s="1" t="s">
        <v>16113</v>
      </c>
      <c r="M4637" s="1" t="s">
        <v>5</v>
      </c>
      <c r="N4637" s="1" t="s">
        <v>25</v>
      </c>
      <c r="O4637" s="1" t="s">
        <v>8</v>
      </c>
      <c r="P4637" s="5" t="s">
        <v>31754</v>
      </c>
    </row>
    <row r="4638" spans="1:16" x14ac:dyDescent="0.2">
      <c r="A4638" s="1" t="s">
        <v>20</v>
      </c>
      <c r="B4638" s="1" t="s">
        <v>253</v>
      </c>
      <c r="C4638" s="1" t="s">
        <v>16118</v>
      </c>
      <c r="D4638" s="1" t="s">
        <v>16119</v>
      </c>
      <c r="E4638" s="1"/>
      <c r="F4638" s="1" t="s">
        <v>10</v>
      </c>
      <c r="G4638" s="1" t="s">
        <v>10</v>
      </c>
      <c r="H4638" s="1" t="s">
        <v>10</v>
      </c>
      <c r="I4638" s="1" t="s">
        <v>15969</v>
      </c>
      <c r="J4638" s="1" t="s">
        <v>16005</v>
      </c>
      <c r="K4638" s="1" t="s">
        <v>7</v>
      </c>
      <c r="L4638" s="1" t="s">
        <v>16117</v>
      </c>
      <c r="M4638" s="1" t="s">
        <v>5</v>
      </c>
      <c r="N4638" s="1" t="s">
        <v>25</v>
      </c>
      <c r="O4638" s="1" t="s">
        <v>38</v>
      </c>
      <c r="P4638" s="5" t="s">
        <v>30433</v>
      </c>
    </row>
    <row r="4639" spans="1:16" x14ac:dyDescent="0.2">
      <c r="A4639" s="1" t="s">
        <v>1086</v>
      </c>
      <c r="B4639" s="1" t="s">
        <v>1400</v>
      </c>
      <c r="C4639" s="1" t="s">
        <v>16121</v>
      </c>
      <c r="D4639" s="1" t="s">
        <v>15350</v>
      </c>
      <c r="E4639" s="1"/>
      <c r="F4639" s="1" t="s">
        <v>10</v>
      </c>
      <c r="G4639" s="1" t="s">
        <v>10</v>
      </c>
      <c r="H4639" s="1" t="s">
        <v>10</v>
      </c>
      <c r="I4639" s="1" t="s">
        <v>15969</v>
      </c>
      <c r="J4639" s="1" t="s">
        <v>19</v>
      </c>
      <c r="K4639" s="1" t="s">
        <v>7</v>
      </c>
      <c r="L4639" s="1" t="s">
        <v>16120</v>
      </c>
      <c r="M4639" s="1" t="s">
        <v>5</v>
      </c>
      <c r="N4639" s="1" t="s">
        <v>25</v>
      </c>
      <c r="O4639" s="1" t="s">
        <v>38</v>
      </c>
      <c r="P4639" s="5" t="s">
        <v>30433</v>
      </c>
    </row>
    <row r="4640" spans="1:16" x14ac:dyDescent="0.2">
      <c r="A4640" s="1" t="s">
        <v>20</v>
      </c>
      <c r="B4640" s="1" t="s">
        <v>253</v>
      </c>
      <c r="C4640" s="1" t="s">
        <v>16123</v>
      </c>
      <c r="D4640" s="1" t="s">
        <v>16124</v>
      </c>
      <c r="E4640" s="1"/>
      <c r="F4640" s="1" t="s">
        <v>10</v>
      </c>
      <c r="G4640" s="1" t="s">
        <v>10</v>
      </c>
      <c r="H4640" s="1" t="s">
        <v>10</v>
      </c>
      <c r="I4640" s="1" t="s">
        <v>15969</v>
      </c>
      <c r="J4640" s="1" t="s">
        <v>16005</v>
      </c>
      <c r="K4640" s="1" t="s">
        <v>7</v>
      </c>
      <c r="L4640" s="1" t="s">
        <v>16122</v>
      </c>
      <c r="M4640" s="1" t="s">
        <v>5</v>
      </c>
      <c r="N4640" s="1" t="s">
        <v>6</v>
      </c>
      <c r="O4640" s="1" t="s">
        <v>38</v>
      </c>
      <c r="P4640" s="5" t="s">
        <v>30443</v>
      </c>
    </row>
    <row r="4641" spans="1:16" x14ac:dyDescent="0.2">
      <c r="A4641" s="1" t="s">
        <v>20</v>
      </c>
      <c r="B4641" s="1" t="s">
        <v>253</v>
      </c>
      <c r="C4641" s="1" t="s">
        <v>16127</v>
      </c>
      <c r="D4641" s="1" t="s">
        <v>16128</v>
      </c>
      <c r="E4641" s="1"/>
      <c r="F4641" s="1" t="s">
        <v>10</v>
      </c>
      <c r="G4641" s="1" t="s">
        <v>10</v>
      </c>
      <c r="H4641" s="1" t="s">
        <v>10</v>
      </c>
      <c r="I4641" s="1" t="s">
        <v>15969</v>
      </c>
      <c r="J4641" s="1" t="s">
        <v>15973</v>
      </c>
      <c r="K4641" s="1" t="s">
        <v>7</v>
      </c>
      <c r="L4641" s="1" t="s">
        <v>16126</v>
      </c>
      <c r="M4641" s="1" t="s">
        <v>5</v>
      </c>
      <c r="N4641" s="1" t="s">
        <v>25</v>
      </c>
      <c r="O4641" s="1" t="s">
        <v>38</v>
      </c>
      <c r="P4641" s="5" t="s">
        <v>30433</v>
      </c>
    </row>
    <row r="4642" spans="1:16" x14ac:dyDescent="0.2">
      <c r="A4642" s="1" t="s">
        <v>20</v>
      </c>
      <c r="B4642" s="1" t="s">
        <v>253</v>
      </c>
      <c r="C4642" s="1" t="s">
        <v>16130</v>
      </c>
      <c r="D4642" s="1" t="s">
        <v>16131</v>
      </c>
      <c r="E4642" s="1"/>
      <c r="F4642" s="1" t="s">
        <v>10</v>
      </c>
      <c r="G4642" s="1" t="s">
        <v>10</v>
      </c>
      <c r="H4642" s="1" t="s">
        <v>10</v>
      </c>
      <c r="I4642" s="1" t="s">
        <v>15969</v>
      </c>
      <c r="J4642" s="1" t="s">
        <v>15973</v>
      </c>
      <c r="K4642" s="1" t="s">
        <v>64</v>
      </c>
      <c r="L4642" s="1" t="s">
        <v>16129</v>
      </c>
      <c r="M4642" s="1" t="s">
        <v>5</v>
      </c>
      <c r="N4642" s="1" t="s">
        <v>25</v>
      </c>
      <c r="O4642" s="1" t="s">
        <v>38</v>
      </c>
      <c r="P4642" s="5" t="s">
        <v>30433</v>
      </c>
    </row>
    <row r="4643" spans="1:16" x14ac:dyDescent="0.2">
      <c r="A4643" s="1" t="s">
        <v>194</v>
      </c>
      <c r="B4643" s="1" t="s">
        <v>4492</v>
      </c>
      <c r="C4643" s="1" t="s">
        <v>16133</v>
      </c>
      <c r="D4643" s="1" t="s">
        <v>16134</v>
      </c>
      <c r="E4643" s="1" t="s">
        <v>16135</v>
      </c>
      <c r="F4643" s="1" t="s">
        <v>10</v>
      </c>
      <c r="G4643" s="1" t="s">
        <v>10</v>
      </c>
      <c r="H4643" s="1" t="s">
        <v>10</v>
      </c>
      <c r="I4643" s="1" t="s">
        <v>15969</v>
      </c>
      <c r="J4643" s="1" t="s">
        <v>15973</v>
      </c>
      <c r="K4643" s="1" t="s">
        <v>7</v>
      </c>
      <c r="L4643" s="1" t="s">
        <v>16132</v>
      </c>
      <c r="M4643" s="1" t="s">
        <v>5</v>
      </c>
      <c r="N4643" s="1" t="s">
        <v>25</v>
      </c>
      <c r="O4643" s="1" t="s">
        <v>38</v>
      </c>
      <c r="P4643" s="5" t="s">
        <v>30433</v>
      </c>
    </row>
    <row r="4644" spans="1:16" x14ac:dyDescent="0.2">
      <c r="A4644" s="1" t="s">
        <v>20</v>
      </c>
      <c r="B4644" s="1" t="s">
        <v>253</v>
      </c>
      <c r="C4644" s="1" t="s">
        <v>16137</v>
      </c>
      <c r="D4644" s="1" t="s">
        <v>16137</v>
      </c>
      <c r="E4644" s="1"/>
      <c r="F4644" s="1" t="s">
        <v>27</v>
      </c>
      <c r="G4644" s="1" t="s">
        <v>1042</v>
      </c>
      <c r="H4644" s="1" t="s">
        <v>16138</v>
      </c>
      <c r="I4644" s="1" t="s">
        <v>15969</v>
      </c>
      <c r="J4644" s="1" t="s">
        <v>19</v>
      </c>
      <c r="K4644" s="1" t="s">
        <v>7</v>
      </c>
      <c r="L4644" s="1" t="s">
        <v>16136</v>
      </c>
      <c r="M4644" s="1" t="s">
        <v>5</v>
      </c>
      <c r="N4644" s="1" t="s">
        <v>6</v>
      </c>
      <c r="O4644" s="1" t="s">
        <v>8</v>
      </c>
      <c r="P4644" s="5" t="s">
        <v>30444</v>
      </c>
    </row>
    <row r="4645" spans="1:16" x14ac:dyDescent="0.2">
      <c r="A4645" s="1" t="s">
        <v>20</v>
      </c>
      <c r="B4645" s="1" t="s">
        <v>93</v>
      </c>
      <c r="C4645" s="1" t="s">
        <v>16140</v>
      </c>
      <c r="D4645" s="1" t="s">
        <v>16141</v>
      </c>
      <c r="E4645" s="1" t="s">
        <v>16142</v>
      </c>
      <c r="F4645" s="1" t="s">
        <v>10</v>
      </c>
      <c r="G4645" s="1" t="s">
        <v>10</v>
      </c>
      <c r="H4645" s="1" t="s">
        <v>10</v>
      </c>
      <c r="I4645" s="1" t="s">
        <v>15969</v>
      </c>
      <c r="J4645" s="1" t="s">
        <v>15973</v>
      </c>
      <c r="K4645" s="1" t="s">
        <v>7</v>
      </c>
      <c r="L4645" s="1" t="s">
        <v>16139</v>
      </c>
      <c r="M4645" s="1" t="s">
        <v>5</v>
      </c>
      <c r="N4645" s="1" t="s">
        <v>25</v>
      </c>
      <c r="O4645" s="1" t="s">
        <v>38</v>
      </c>
      <c r="P4645" s="5" t="s">
        <v>31755</v>
      </c>
    </row>
    <row r="4646" spans="1:16" x14ac:dyDescent="0.2">
      <c r="A4646" s="1" t="s">
        <v>42</v>
      </c>
      <c r="B4646" s="1" t="s">
        <v>109</v>
      </c>
      <c r="C4646" s="1" t="s">
        <v>16144</v>
      </c>
      <c r="D4646" s="1" t="s">
        <v>7918</v>
      </c>
      <c r="E4646" s="1"/>
      <c r="F4646" s="1" t="s">
        <v>10</v>
      </c>
      <c r="G4646" s="1" t="s">
        <v>10</v>
      </c>
      <c r="H4646" s="1" t="s">
        <v>10</v>
      </c>
      <c r="I4646" s="1" t="s">
        <v>15969</v>
      </c>
      <c r="J4646" s="1" t="s">
        <v>16005</v>
      </c>
      <c r="K4646" s="1" t="s">
        <v>37</v>
      </c>
      <c r="L4646" s="1" t="s">
        <v>16143</v>
      </c>
      <c r="M4646" s="1" t="s">
        <v>5</v>
      </c>
      <c r="N4646" s="1" t="s">
        <v>25</v>
      </c>
      <c r="O4646" s="1" t="s">
        <v>38</v>
      </c>
      <c r="P4646" s="5" t="s">
        <v>30433</v>
      </c>
    </row>
    <row r="4647" spans="1:16" x14ac:dyDescent="0.2">
      <c r="A4647" s="1" t="s">
        <v>42</v>
      </c>
      <c r="B4647" s="1" t="s">
        <v>109</v>
      </c>
      <c r="C4647" s="1" t="s">
        <v>16146</v>
      </c>
      <c r="D4647" s="1" t="s">
        <v>16147</v>
      </c>
      <c r="E4647" s="1"/>
      <c r="F4647" s="1" t="s">
        <v>10</v>
      </c>
      <c r="G4647" s="1" t="s">
        <v>10</v>
      </c>
      <c r="H4647" s="1" t="s">
        <v>10</v>
      </c>
      <c r="I4647" s="1" t="s">
        <v>15969</v>
      </c>
      <c r="J4647" s="1" t="s">
        <v>16041</v>
      </c>
      <c r="K4647" s="1" t="s">
        <v>37</v>
      </c>
      <c r="L4647" s="1" t="s">
        <v>16145</v>
      </c>
      <c r="M4647" s="1" t="s">
        <v>5</v>
      </c>
      <c r="N4647" s="1" t="s">
        <v>25</v>
      </c>
      <c r="O4647" s="1" t="s">
        <v>38</v>
      </c>
      <c r="P4647" s="5" t="s">
        <v>30445</v>
      </c>
    </row>
    <row r="4648" spans="1:16" x14ac:dyDescent="0.2">
      <c r="A4648" s="1" t="s">
        <v>66</v>
      </c>
      <c r="B4648" s="1" t="s">
        <v>67</v>
      </c>
      <c r="C4648" s="1" t="s">
        <v>16149</v>
      </c>
      <c r="D4648" s="1" t="s">
        <v>16150</v>
      </c>
      <c r="E4648" s="1" t="s">
        <v>16151</v>
      </c>
      <c r="F4648" s="1" t="s">
        <v>27</v>
      </c>
      <c r="G4648" s="1" t="s">
        <v>1042</v>
      </c>
      <c r="H4648" s="1" t="s">
        <v>16152</v>
      </c>
      <c r="I4648" s="1" t="s">
        <v>15969</v>
      </c>
      <c r="J4648" s="1" t="s">
        <v>19</v>
      </c>
      <c r="K4648" s="1" t="s">
        <v>27</v>
      </c>
      <c r="L4648" s="1" t="s">
        <v>16148</v>
      </c>
      <c r="M4648" s="1" t="s">
        <v>5</v>
      </c>
      <c r="N4648" s="1" t="s">
        <v>6</v>
      </c>
      <c r="O4648" s="1" t="s">
        <v>8</v>
      </c>
      <c r="P4648" s="5" t="s">
        <v>31757</v>
      </c>
    </row>
    <row r="4649" spans="1:16" x14ac:dyDescent="0.2">
      <c r="A4649" s="1" t="s">
        <v>487</v>
      </c>
      <c r="B4649" s="1" t="s">
        <v>765</v>
      </c>
      <c r="C4649" s="1" t="s">
        <v>16154</v>
      </c>
      <c r="D4649" s="1" t="s">
        <v>16155</v>
      </c>
      <c r="E4649" s="1" t="s">
        <v>16157</v>
      </c>
      <c r="F4649" s="1" t="s">
        <v>16156</v>
      </c>
      <c r="G4649" s="1" t="s">
        <v>1042</v>
      </c>
      <c r="H4649" s="1" t="s">
        <v>16158</v>
      </c>
      <c r="I4649" s="1" t="s">
        <v>15969</v>
      </c>
      <c r="J4649" s="1" t="s">
        <v>19</v>
      </c>
      <c r="K4649" s="1" t="s">
        <v>14695</v>
      </c>
      <c r="L4649" s="1" t="s">
        <v>16153</v>
      </c>
      <c r="M4649" s="1" t="s">
        <v>5</v>
      </c>
      <c r="N4649" s="1" t="s">
        <v>25</v>
      </c>
      <c r="O4649" s="1" t="s">
        <v>8</v>
      </c>
      <c r="P4649" s="5" t="s">
        <v>14</v>
      </c>
    </row>
    <row r="4650" spans="1:16" x14ac:dyDescent="0.2">
      <c r="A4650" s="1" t="s">
        <v>194</v>
      </c>
      <c r="B4650" s="1" t="s">
        <v>4492</v>
      </c>
      <c r="C4650" s="1" t="s">
        <v>16160</v>
      </c>
      <c r="D4650" s="1" t="s">
        <v>16161</v>
      </c>
      <c r="E4650" s="1" t="s">
        <v>16164</v>
      </c>
      <c r="F4650" s="1" t="s">
        <v>16162</v>
      </c>
      <c r="G4650" s="1" t="s">
        <v>10</v>
      </c>
      <c r="H4650" s="1" t="s">
        <v>16165</v>
      </c>
      <c r="I4650" s="1" t="s">
        <v>15969</v>
      </c>
      <c r="J4650" s="1" t="s">
        <v>16163</v>
      </c>
      <c r="K4650" s="1" t="s">
        <v>586</v>
      </c>
      <c r="L4650" s="1" t="s">
        <v>16159</v>
      </c>
      <c r="M4650" s="1" t="s">
        <v>5</v>
      </c>
      <c r="N4650" s="1" t="s">
        <v>25</v>
      </c>
      <c r="O4650" s="1" t="s">
        <v>8</v>
      </c>
      <c r="P4650" s="5" t="s">
        <v>10</v>
      </c>
    </row>
    <row r="4651" spans="1:16" x14ac:dyDescent="0.2">
      <c r="A4651" s="1" t="s">
        <v>42</v>
      </c>
      <c r="B4651" s="1" t="s">
        <v>109</v>
      </c>
      <c r="C4651" s="1" t="s">
        <v>16167</v>
      </c>
      <c r="D4651" s="1" t="s">
        <v>16168</v>
      </c>
      <c r="E4651" s="1"/>
      <c r="F4651" s="1" t="s">
        <v>10</v>
      </c>
      <c r="G4651" s="1" t="s">
        <v>10</v>
      </c>
      <c r="H4651" s="1" t="s">
        <v>10</v>
      </c>
      <c r="I4651" s="1" t="s">
        <v>15969</v>
      </c>
      <c r="J4651" s="1" t="s">
        <v>19</v>
      </c>
      <c r="K4651" s="1" t="s">
        <v>37</v>
      </c>
      <c r="L4651" s="1" t="s">
        <v>16166</v>
      </c>
      <c r="M4651" s="1" t="s">
        <v>5</v>
      </c>
      <c r="N4651" s="1" t="s">
        <v>25</v>
      </c>
      <c r="O4651" s="1" t="s">
        <v>38</v>
      </c>
      <c r="P4651" s="5" t="s">
        <v>10</v>
      </c>
    </row>
    <row r="4652" spans="1:16" x14ac:dyDescent="0.2">
      <c r="A4652" s="1" t="s">
        <v>20</v>
      </c>
      <c r="B4652" s="1" t="s">
        <v>10</v>
      </c>
      <c r="C4652" s="1" t="s">
        <v>16170</v>
      </c>
      <c r="D4652" s="1" t="s">
        <v>16171</v>
      </c>
      <c r="E4652" s="1" t="s">
        <v>16172</v>
      </c>
      <c r="F4652" s="1" t="s">
        <v>10</v>
      </c>
      <c r="G4652" s="1" t="s">
        <v>10</v>
      </c>
      <c r="H4652" s="1" t="s">
        <v>10</v>
      </c>
      <c r="I4652" s="1" t="s">
        <v>15969</v>
      </c>
      <c r="J4652" s="1" t="s">
        <v>15973</v>
      </c>
      <c r="K4652" s="1" t="s">
        <v>7</v>
      </c>
      <c r="L4652" s="1" t="s">
        <v>16169</v>
      </c>
      <c r="M4652" s="1" t="s">
        <v>5</v>
      </c>
      <c r="N4652" s="1" t="s">
        <v>25</v>
      </c>
      <c r="O4652" s="1" t="s">
        <v>38</v>
      </c>
      <c r="P4652" s="5" t="s">
        <v>10</v>
      </c>
    </row>
    <row r="4653" spans="1:16" x14ac:dyDescent="0.2">
      <c r="A4653" s="1" t="s">
        <v>20</v>
      </c>
      <c r="B4653" s="1" t="s">
        <v>445</v>
      </c>
      <c r="C4653" s="1" t="s">
        <v>16175</v>
      </c>
      <c r="D4653" s="1" t="s">
        <v>16176</v>
      </c>
      <c r="E4653" s="1" t="s">
        <v>16177</v>
      </c>
      <c r="F4653" s="1" t="s">
        <v>474</v>
      </c>
      <c r="G4653" s="1" t="s">
        <v>4490</v>
      </c>
      <c r="H4653" s="1" t="s">
        <v>10</v>
      </c>
      <c r="I4653" s="1" t="s">
        <v>15969</v>
      </c>
      <c r="J4653" s="1" t="s">
        <v>15973</v>
      </c>
      <c r="K4653" s="1" t="s">
        <v>6533</v>
      </c>
      <c r="L4653" s="1" t="s">
        <v>16174</v>
      </c>
      <c r="M4653" s="1" t="s">
        <v>5</v>
      </c>
      <c r="N4653" s="1" t="s">
        <v>25</v>
      </c>
      <c r="O4653" s="1" t="s">
        <v>8</v>
      </c>
      <c r="P4653" s="5" t="s">
        <v>10</v>
      </c>
    </row>
    <row r="4654" spans="1:16" x14ac:dyDescent="0.2">
      <c r="A4654" s="1" t="s">
        <v>42</v>
      </c>
      <c r="B4654" s="1" t="s">
        <v>10</v>
      </c>
      <c r="C4654" s="1" t="s">
        <v>16179</v>
      </c>
      <c r="D4654" s="1" t="s">
        <v>16180</v>
      </c>
      <c r="E4654" s="1" t="s">
        <v>16181</v>
      </c>
      <c r="F4654" s="1" t="s">
        <v>474</v>
      </c>
      <c r="G4654" s="1" t="s">
        <v>4490</v>
      </c>
      <c r="H4654" s="1" t="s">
        <v>10</v>
      </c>
      <c r="I4654" s="1" t="s">
        <v>15969</v>
      </c>
      <c r="J4654" s="1" t="s">
        <v>16041</v>
      </c>
      <c r="K4654" s="1" t="s">
        <v>7</v>
      </c>
      <c r="L4654" s="1" t="s">
        <v>16178</v>
      </c>
      <c r="M4654" s="1" t="s">
        <v>5</v>
      </c>
      <c r="N4654" s="1" t="s">
        <v>25</v>
      </c>
      <c r="O4654" s="1" t="s">
        <v>8</v>
      </c>
      <c r="P4654" s="5" t="s">
        <v>10</v>
      </c>
    </row>
    <row r="4655" spans="1:16" x14ac:dyDescent="0.2">
      <c r="A4655" s="1" t="s">
        <v>42</v>
      </c>
      <c r="B4655" s="1" t="s">
        <v>109</v>
      </c>
      <c r="C4655" s="1" t="s">
        <v>16183</v>
      </c>
      <c r="D4655" s="1" t="s">
        <v>16184</v>
      </c>
      <c r="E4655" s="1" t="s">
        <v>16185</v>
      </c>
      <c r="F4655" s="1" t="s">
        <v>474</v>
      </c>
      <c r="G4655" s="1" t="s">
        <v>4490</v>
      </c>
      <c r="H4655" s="1" t="s">
        <v>10</v>
      </c>
      <c r="I4655" s="1" t="s">
        <v>15969</v>
      </c>
      <c r="J4655" s="1" t="s">
        <v>16005</v>
      </c>
      <c r="K4655" s="1" t="s">
        <v>37</v>
      </c>
      <c r="L4655" s="1" t="s">
        <v>16182</v>
      </c>
      <c r="M4655" s="1" t="s">
        <v>5</v>
      </c>
      <c r="N4655" s="1" t="s">
        <v>25</v>
      </c>
      <c r="O4655" s="1" t="s">
        <v>8</v>
      </c>
      <c r="P4655" s="5" t="s">
        <v>10</v>
      </c>
    </row>
    <row r="4656" spans="1:16" x14ac:dyDescent="0.2">
      <c r="A4656" s="1" t="s">
        <v>42</v>
      </c>
      <c r="B4656" s="1" t="s">
        <v>109</v>
      </c>
      <c r="C4656" s="1" t="s">
        <v>16187</v>
      </c>
      <c r="D4656" s="1" t="s">
        <v>16188</v>
      </c>
      <c r="E4656" s="1"/>
      <c r="F4656" s="1" t="s">
        <v>10</v>
      </c>
      <c r="G4656" s="1" t="s">
        <v>10</v>
      </c>
      <c r="H4656" s="1" t="s">
        <v>10</v>
      </c>
      <c r="I4656" s="1" t="s">
        <v>15969</v>
      </c>
      <c r="J4656" s="1" t="s">
        <v>16005</v>
      </c>
      <c r="K4656" s="1" t="s">
        <v>37</v>
      </c>
      <c r="L4656" s="1" t="s">
        <v>16186</v>
      </c>
      <c r="M4656" s="1" t="s">
        <v>5</v>
      </c>
      <c r="N4656" s="1" t="s">
        <v>25</v>
      </c>
      <c r="O4656" s="1" t="s">
        <v>38</v>
      </c>
      <c r="P4656" s="5" t="s">
        <v>10</v>
      </c>
    </row>
    <row r="4657" spans="1:16" x14ac:dyDescent="0.2">
      <c r="A4657" s="1" t="s">
        <v>42</v>
      </c>
      <c r="B4657" s="1" t="s">
        <v>10</v>
      </c>
      <c r="C4657" s="1" t="s">
        <v>16190</v>
      </c>
      <c r="D4657" s="1" t="s">
        <v>16191</v>
      </c>
      <c r="E4657" s="1" t="s">
        <v>16192</v>
      </c>
      <c r="F4657" s="1" t="s">
        <v>474</v>
      </c>
      <c r="G4657" s="1" t="s">
        <v>4490</v>
      </c>
      <c r="H4657" s="1" t="s">
        <v>10</v>
      </c>
      <c r="I4657" s="1" t="s">
        <v>15969</v>
      </c>
      <c r="J4657" s="1" t="s">
        <v>16005</v>
      </c>
      <c r="K4657" s="1" t="s">
        <v>7</v>
      </c>
      <c r="L4657" s="1" t="s">
        <v>16189</v>
      </c>
      <c r="M4657" s="1" t="s">
        <v>5</v>
      </c>
      <c r="N4657" s="1" t="s">
        <v>25</v>
      </c>
      <c r="O4657" s="1" t="s">
        <v>8</v>
      </c>
      <c r="P4657" s="5" t="s">
        <v>10</v>
      </c>
    </row>
    <row r="4658" spans="1:16" x14ac:dyDescent="0.2">
      <c r="A4658" s="1" t="s">
        <v>42</v>
      </c>
      <c r="B4658" s="1" t="s">
        <v>10</v>
      </c>
      <c r="C4658" s="1" t="s">
        <v>16194</v>
      </c>
      <c r="D4658" s="1" t="s">
        <v>16195</v>
      </c>
      <c r="E4658" s="1" t="s">
        <v>16196</v>
      </c>
      <c r="F4658" s="1" t="s">
        <v>474</v>
      </c>
      <c r="G4658" s="1" t="s">
        <v>4490</v>
      </c>
      <c r="H4658" s="1" t="s">
        <v>10</v>
      </c>
      <c r="I4658" s="1" t="s">
        <v>15969</v>
      </c>
      <c r="J4658" s="1" t="s">
        <v>15973</v>
      </c>
      <c r="K4658" s="1" t="s">
        <v>7</v>
      </c>
      <c r="L4658" s="1" t="s">
        <v>16193</v>
      </c>
      <c r="M4658" s="1" t="s">
        <v>5</v>
      </c>
      <c r="N4658" s="1" t="s">
        <v>25</v>
      </c>
      <c r="O4658" s="1" t="s">
        <v>8</v>
      </c>
      <c r="P4658" s="5" t="s">
        <v>10</v>
      </c>
    </row>
    <row r="4659" spans="1:16" x14ac:dyDescent="0.2">
      <c r="A4659" s="1" t="s">
        <v>20</v>
      </c>
      <c r="B4659" s="1" t="s">
        <v>93</v>
      </c>
      <c r="C4659" s="1" t="s">
        <v>16198</v>
      </c>
      <c r="D4659" s="1" t="s">
        <v>16199</v>
      </c>
      <c r="E4659" s="1" t="s">
        <v>16200</v>
      </c>
      <c r="F4659" s="1" t="s">
        <v>474</v>
      </c>
      <c r="G4659" s="1" t="s">
        <v>4490</v>
      </c>
      <c r="H4659" s="1" t="s">
        <v>10</v>
      </c>
      <c r="I4659" s="1" t="s">
        <v>15969</v>
      </c>
      <c r="J4659" s="1" t="s">
        <v>16074</v>
      </c>
      <c r="K4659" s="1" t="s">
        <v>7</v>
      </c>
      <c r="L4659" s="1" t="s">
        <v>16197</v>
      </c>
      <c r="M4659" s="1" t="s">
        <v>5</v>
      </c>
      <c r="N4659" s="1" t="s">
        <v>25</v>
      </c>
      <c r="O4659" s="1" t="s">
        <v>38</v>
      </c>
      <c r="P4659" s="5" t="s">
        <v>10</v>
      </c>
    </row>
    <row r="4660" spans="1:16" x14ac:dyDescent="0.2">
      <c r="A4660" s="1" t="s">
        <v>42</v>
      </c>
      <c r="B4660" s="1" t="s">
        <v>10</v>
      </c>
      <c r="C4660" s="1" t="s">
        <v>16202</v>
      </c>
      <c r="D4660" s="1" t="s">
        <v>188</v>
      </c>
      <c r="E4660" s="1"/>
      <c r="F4660" s="1" t="s">
        <v>27</v>
      </c>
      <c r="G4660" s="1" t="s">
        <v>10</v>
      </c>
      <c r="H4660" s="1" t="s">
        <v>16203</v>
      </c>
      <c r="I4660" s="1" t="s">
        <v>15969</v>
      </c>
      <c r="J4660" s="1" t="s">
        <v>19</v>
      </c>
      <c r="K4660" s="1" t="s">
        <v>7</v>
      </c>
      <c r="L4660" s="1" t="s">
        <v>16201</v>
      </c>
      <c r="M4660" s="1" t="s">
        <v>5</v>
      </c>
      <c r="N4660" s="1" t="s">
        <v>25</v>
      </c>
      <c r="O4660" s="1" t="s">
        <v>8</v>
      </c>
      <c r="P4660" s="5" t="s">
        <v>10</v>
      </c>
    </row>
    <row r="4661" spans="1:16" x14ac:dyDescent="0.2">
      <c r="A4661" s="1" t="s">
        <v>20</v>
      </c>
      <c r="B4661" s="1" t="s">
        <v>93</v>
      </c>
      <c r="C4661" s="1" t="s">
        <v>16205</v>
      </c>
      <c r="D4661" s="1" t="s">
        <v>16206</v>
      </c>
      <c r="E4661" s="1" t="s">
        <v>16207</v>
      </c>
      <c r="F4661" s="1" t="s">
        <v>474</v>
      </c>
      <c r="G4661" s="1" t="s">
        <v>4490</v>
      </c>
      <c r="H4661" s="1" t="s">
        <v>10</v>
      </c>
      <c r="I4661" s="1" t="s">
        <v>15969</v>
      </c>
      <c r="J4661" s="1" t="s">
        <v>16074</v>
      </c>
      <c r="K4661" s="1" t="s">
        <v>7</v>
      </c>
      <c r="L4661" s="1" t="s">
        <v>16204</v>
      </c>
      <c r="M4661" s="1" t="s">
        <v>5</v>
      </c>
      <c r="N4661" s="1" t="s">
        <v>25</v>
      </c>
      <c r="O4661" s="1" t="s">
        <v>8</v>
      </c>
      <c r="P4661" s="5" t="s">
        <v>10</v>
      </c>
    </row>
    <row r="4662" spans="1:16" x14ac:dyDescent="0.2">
      <c r="A4662" s="1" t="s">
        <v>42</v>
      </c>
      <c r="B4662" s="1" t="s">
        <v>10</v>
      </c>
      <c r="C4662" s="1" t="s">
        <v>16209</v>
      </c>
      <c r="D4662" s="1" t="s">
        <v>16210</v>
      </c>
      <c r="E4662" s="1" t="s">
        <v>16211</v>
      </c>
      <c r="F4662" s="1" t="s">
        <v>474</v>
      </c>
      <c r="G4662" s="1" t="s">
        <v>16212</v>
      </c>
      <c r="H4662" s="1" t="s">
        <v>10</v>
      </c>
      <c r="I4662" s="1" t="s">
        <v>15969</v>
      </c>
      <c r="J4662" s="1" t="s">
        <v>16074</v>
      </c>
      <c r="K4662" s="1" t="s">
        <v>7</v>
      </c>
      <c r="L4662" s="1" t="s">
        <v>16208</v>
      </c>
      <c r="M4662" s="1" t="s">
        <v>5</v>
      </c>
      <c r="N4662" s="1" t="s">
        <v>25</v>
      </c>
      <c r="O4662" s="1" t="s">
        <v>8</v>
      </c>
      <c r="P4662" s="5" t="s">
        <v>10</v>
      </c>
    </row>
    <row r="4663" spans="1:16" x14ac:dyDescent="0.2">
      <c r="A4663" s="1" t="s">
        <v>42</v>
      </c>
      <c r="B4663" s="1" t="s">
        <v>10</v>
      </c>
      <c r="C4663" s="1" t="s">
        <v>16214</v>
      </c>
      <c r="D4663" s="1" t="s">
        <v>16215</v>
      </c>
      <c r="E4663" s="1"/>
      <c r="F4663" s="1" t="s">
        <v>10</v>
      </c>
      <c r="G4663" s="1" t="s">
        <v>10</v>
      </c>
      <c r="H4663" s="1" t="s">
        <v>10</v>
      </c>
      <c r="I4663" s="1" t="s">
        <v>15969</v>
      </c>
      <c r="J4663" s="1" t="s">
        <v>15973</v>
      </c>
      <c r="K4663" s="1" t="s">
        <v>7</v>
      </c>
      <c r="L4663" s="1" t="s">
        <v>16213</v>
      </c>
      <c r="M4663" s="1" t="s">
        <v>5</v>
      </c>
      <c r="N4663" s="1" t="s">
        <v>25</v>
      </c>
      <c r="O4663" s="1" t="s">
        <v>38</v>
      </c>
      <c r="P4663" s="5" t="s">
        <v>10</v>
      </c>
    </row>
    <row r="4664" spans="1:16" x14ac:dyDescent="0.2">
      <c r="A4664" s="1" t="s">
        <v>66</v>
      </c>
      <c r="B4664" s="1" t="s">
        <v>67</v>
      </c>
      <c r="C4664" s="1" t="s">
        <v>16217</v>
      </c>
      <c r="D4664" s="1" t="s">
        <v>16218</v>
      </c>
      <c r="E4664" s="1" t="s">
        <v>16219</v>
      </c>
      <c r="F4664" s="1" t="s">
        <v>27</v>
      </c>
      <c r="G4664" s="1" t="s">
        <v>10</v>
      </c>
      <c r="H4664" s="1" t="s">
        <v>16149</v>
      </c>
      <c r="I4664" s="1" t="s">
        <v>15969</v>
      </c>
      <c r="J4664" s="1" t="s">
        <v>19</v>
      </c>
      <c r="K4664" s="1" t="s">
        <v>27</v>
      </c>
      <c r="L4664" s="1" t="s">
        <v>16216</v>
      </c>
      <c r="M4664" s="1" t="s">
        <v>5</v>
      </c>
      <c r="N4664" s="1" t="s">
        <v>25</v>
      </c>
      <c r="O4664" s="1" t="s">
        <v>8</v>
      </c>
      <c r="P4664" s="5" t="s">
        <v>10</v>
      </c>
    </row>
    <row r="4665" spans="1:16" x14ac:dyDescent="0.2">
      <c r="A4665" s="1" t="s">
        <v>10</v>
      </c>
      <c r="B4665" s="1" t="s">
        <v>10</v>
      </c>
      <c r="C4665" s="1" t="s">
        <v>16221</v>
      </c>
      <c r="D4665" s="1" t="s">
        <v>16222</v>
      </c>
      <c r="E4665" s="1" t="s">
        <v>16223</v>
      </c>
      <c r="F4665" s="1" t="s">
        <v>1108</v>
      </c>
      <c r="G4665" s="1" t="s">
        <v>10</v>
      </c>
      <c r="H4665" s="1" t="s">
        <v>10313</v>
      </c>
      <c r="I4665" s="1" t="s">
        <v>15969</v>
      </c>
      <c r="J4665" s="1" t="s">
        <v>10</v>
      </c>
      <c r="K4665" s="1" t="s">
        <v>10</v>
      </c>
      <c r="L4665" s="1" t="s">
        <v>16220</v>
      </c>
      <c r="M4665" s="1" t="s">
        <v>5</v>
      </c>
      <c r="N4665" s="1" t="s">
        <v>1597</v>
      </c>
      <c r="O4665" s="1" t="s">
        <v>8</v>
      </c>
      <c r="P4665" s="5" t="s">
        <v>10</v>
      </c>
    </row>
    <row r="4666" spans="1:16" x14ac:dyDescent="0.2">
      <c r="A4666" s="1" t="s">
        <v>10</v>
      </c>
      <c r="B4666" s="1" t="s">
        <v>10</v>
      </c>
      <c r="C4666" s="1" t="s">
        <v>6808</v>
      </c>
      <c r="D4666" s="1" t="s">
        <v>16225</v>
      </c>
      <c r="E4666" s="1" t="s">
        <v>10</v>
      </c>
      <c r="F4666" s="1" t="s">
        <v>10</v>
      </c>
      <c r="G4666" s="1" t="s">
        <v>10</v>
      </c>
      <c r="H4666" s="1" t="s">
        <v>10</v>
      </c>
      <c r="I4666" s="1" t="s">
        <v>15969</v>
      </c>
      <c r="J4666" s="1" t="s">
        <v>10</v>
      </c>
      <c r="K4666" s="1" t="s">
        <v>10</v>
      </c>
      <c r="L4666" s="1" t="s">
        <v>16224</v>
      </c>
      <c r="M4666" s="1" t="s">
        <v>5</v>
      </c>
      <c r="N4666" s="1" t="s">
        <v>6</v>
      </c>
      <c r="O4666" s="1" t="s">
        <v>8</v>
      </c>
      <c r="P4666" s="5"/>
    </row>
    <row r="4667" spans="1:16" x14ac:dyDescent="0.2">
      <c r="A4667" s="1" t="s">
        <v>10</v>
      </c>
      <c r="B4667" s="1" t="s">
        <v>10</v>
      </c>
      <c r="C4667" s="1" t="s">
        <v>16227</v>
      </c>
      <c r="D4667" s="1" t="s">
        <v>16228</v>
      </c>
      <c r="E4667" s="1" t="s">
        <v>10</v>
      </c>
      <c r="F4667" s="1" t="s">
        <v>10</v>
      </c>
      <c r="G4667" s="1" t="s">
        <v>10</v>
      </c>
      <c r="H4667" s="1" t="s">
        <v>10</v>
      </c>
      <c r="I4667" s="1" t="s">
        <v>15969</v>
      </c>
      <c r="J4667" s="1" t="s">
        <v>10</v>
      </c>
      <c r="K4667" s="1" t="s">
        <v>10</v>
      </c>
      <c r="L4667" s="1" t="s">
        <v>16226</v>
      </c>
      <c r="M4667" s="1" t="s">
        <v>3905</v>
      </c>
      <c r="N4667" s="1" t="s">
        <v>6</v>
      </c>
      <c r="O4667" s="1" t="s">
        <v>8</v>
      </c>
      <c r="P4667" s="5"/>
    </row>
    <row r="4668" spans="1:16" x14ac:dyDescent="0.2">
      <c r="A4668" s="1" t="s">
        <v>10</v>
      </c>
      <c r="B4668" s="1" t="s">
        <v>10</v>
      </c>
      <c r="C4668" s="1" t="s">
        <v>16230</v>
      </c>
      <c r="D4668" s="1" t="s">
        <v>16231</v>
      </c>
      <c r="E4668" s="1" t="s">
        <v>10</v>
      </c>
      <c r="F4668" s="1" t="s">
        <v>10</v>
      </c>
      <c r="G4668" s="1" t="s">
        <v>10</v>
      </c>
      <c r="H4668" s="1" t="s">
        <v>10</v>
      </c>
      <c r="I4668" s="1" t="s">
        <v>15969</v>
      </c>
      <c r="J4668" s="1" t="s">
        <v>10</v>
      </c>
      <c r="K4668" s="1" t="s">
        <v>10</v>
      </c>
      <c r="L4668" s="1" t="s">
        <v>16229</v>
      </c>
      <c r="M4668" s="1" t="s">
        <v>5</v>
      </c>
      <c r="N4668" s="1" t="s">
        <v>6</v>
      </c>
      <c r="O4668" s="1" t="s">
        <v>8</v>
      </c>
      <c r="P4668" s="5"/>
    </row>
    <row r="4669" spans="1:16" x14ac:dyDescent="0.2">
      <c r="A4669" s="1" t="s">
        <v>10</v>
      </c>
      <c r="B4669" s="1" t="s">
        <v>10</v>
      </c>
      <c r="C4669" s="1" t="s">
        <v>16233</v>
      </c>
      <c r="D4669" s="1" t="s">
        <v>16234</v>
      </c>
      <c r="E4669" s="1" t="s">
        <v>10</v>
      </c>
      <c r="F4669" s="1" t="s">
        <v>10</v>
      </c>
      <c r="G4669" s="1" t="s">
        <v>10</v>
      </c>
      <c r="H4669" s="1" t="s">
        <v>10</v>
      </c>
      <c r="I4669" s="1" t="s">
        <v>15969</v>
      </c>
      <c r="J4669" s="1" t="s">
        <v>10</v>
      </c>
      <c r="K4669" s="1" t="s">
        <v>10</v>
      </c>
      <c r="L4669" s="1" t="s">
        <v>16232</v>
      </c>
      <c r="M4669" s="1" t="s">
        <v>5</v>
      </c>
      <c r="N4669" s="1" t="s">
        <v>6</v>
      </c>
      <c r="O4669" s="1" t="s">
        <v>8</v>
      </c>
      <c r="P4669" s="5"/>
    </row>
    <row r="4670" spans="1:16" x14ac:dyDescent="0.2">
      <c r="A4670" s="1" t="s">
        <v>10</v>
      </c>
      <c r="B4670" s="1" t="s">
        <v>10</v>
      </c>
      <c r="C4670" s="1" t="s">
        <v>16236</v>
      </c>
      <c r="D4670" s="1" t="s">
        <v>16237</v>
      </c>
      <c r="E4670" s="1" t="s">
        <v>16238</v>
      </c>
      <c r="F4670" s="1" t="s">
        <v>10</v>
      </c>
      <c r="G4670" s="1" t="s">
        <v>10</v>
      </c>
      <c r="H4670" s="1" t="s">
        <v>10</v>
      </c>
      <c r="I4670" s="1" t="s">
        <v>15969</v>
      </c>
      <c r="J4670" s="1" t="s">
        <v>10</v>
      </c>
      <c r="K4670" s="1" t="s">
        <v>10</v>
      </c>
      <c r="L4670" s="1" t="s">
        <v>16235</v>
      </c>
      <c r="M4670" s="1" t="s">
        <v>5</v>
      </c>
      <c r="N4670" s="1" t="s">
        <v>6</v>
      </c>
      <c r="O4670" s="1" t="s">
        <v>8</v>
      </c>
      <c r="P4670" s="5"/>
    </row>
    <row r="4671" spans="1:16" x14ac:dyDescent="0.2">
      <c r="A4671" s="1" t="s">
        <v>10</v>
      </c>
      <c r="B4671" s="1" t="s">
        <v>10</v>
      </c>
      <c r="C4671" s="1" t="s">
        <v>16246</v>
      </c>
      <c r="D4671" s="1" t="s">
        <v>16244</v>
      </c>
      <c r="E4671" s="1" t="s">
        <v>16248</v>
      </c>
      <c r="F4671" s="1" t="s">
        <v>10</v>
      </c>
      <c r="G4671" s="1" t="s">
        <v>10</v>
      </c>
      <c r="H4671" s="1" t="s">
        <v>10</v>
      </c>
      <c r="I4671" s="1" t="s">
        <v>16243</v>
      </c>
      <c r="J4671" s="1" t="s">
        <v>16247</v>
      </c>
      <c r="K4671" s="1" t="s">
        <v>10</v>
      </c>
      <c r="L4671" s="1" t="s">
        <v>16245</v>
      </c>
      <c r="M4671" s="1" t="s">
        <v>5</v>
      </c>
      <c r="N4671" s="1" t="s">
        <v>25</v>
      </c>
      <c r="O4671" s="1" t="s">
        <v>38</v>
      </c>
      <c r="P4671" s="5" t="s">
        <v>30602</v>
      </c>
    </row>
    <row r="4672" spans="1:16" x14ac:dyDescent="0.2">
      <c r="A4672" s="1" t="s">
        <v>66</v>
      </c>
      <c r="B4672" s="1" t="s">
        <v>574</v>
      </c>
      <c r="C4672" s="1" t="s">
        <v>8486</v>
      </c>
      <c r="D4672" s="1" t="s">
        <v>16249</v>
      </c>
      <c r="E4672" s="1" t="s">
        <v>16251</v>
      </c>
      <c r="F4672" s="1" t="s">
        <v>1813</v>
      </c>
      <c r="G4672" s="1" t="s">
        <v>10</v>
      </c>
      <c r="H4672" s="1" t="s">
        <v>8486</v>
      </c>
      <c r="I4672" s="1" t="s">
        <v>16243</v>
      </c>
      <c r="J4672" s="1" t="s">
        <v>6682</v>
      </c>
      <c r="K4672" s="1" t="s">
        <v>27</v>
      </c>
      <c r="L4672" s="1" t="s">
        <v>16250</v>
      </c>
      <c r="M4672" s="1" t="s">
        <v>5</v>
      </c>
      <c r="N4672" s="1" t="s">
        <v>25</v>
      </c>
      <c r="O4672" s="1" t="s">
        <v>8</v>
      </c>
      <c r="P4672" s="5" t="s">
        <v>30612</v>
      </c>
    </row>
    <row r="4673" spans="1:16" x14ac:dyDescent="0.2">
      <c r="A4673" s="1" t="s">
        <v>42</v>
      </c>
      <c r="B4673" s="1" t="s">
        <v>966</v>
      </c>
      <c r="C4673" s="1" t="s">
        <v>16253</v>
      </c>
      <c r="D4673" s="1" t="s">
        <v>16020</v>
      </c>
      <c r="E4673" s="1"/>
      <c r="F4673" s="1" t="s">
        <v>10</v>
      </c>
      <c r="G4673" s="1" t="s">
        <v>10</v>
      </c>
      <c r="H4673" s="1" t="s">
        <v>10</v>
      </c>
      <c r="I4673" s="1" t="s">
        <v>16243</v>
      </c>
      <c r="J4673" s="1" t="s">
        <v>15496</v>
      </c>
      <c r="K4673" s="1" t="s">
        <v>37</v>
      </c>
      <c r="L4673" s="1" t="s">
        <v>16252</v>
      </c>
      <c r="M4673" s="1" t="s">
        <v>3905</v>
      </c>
      <c r="N4673" s="1" t="s">
        <v>25</v>
      </c>
      <c r="O4673" s="1" t="s">
        <v>38</v>
      </c>
      <c r="P4673" s="5" t="s">
        <v>32792</v>
      </c>
    </row>
    <row r="4674" spans="1:16" x14ac:dyDescent="0.2">
      <c r="A4674" s="1" t="s">
        <v>42</v>
      </c>
      <c r="B4674" s="1" t="s">
        <v>50</v>
      </c>
      <c r="C4674" s="1" t="s">
        <v>16254</v>
      </c>
      <c r="D4674" s="1" t="s">
        <v>16254</v>
      </c>
      <c r="E4674" s="1" t="s">
        <v>16258</v>
      </c>
      <c r="F4674" s="1" t="s">
        <v>16256</v>
      </c>
      <c r="G4674" s="1" t="s">
        <v>10</v>
      </c>
      <c r="H4674" s="1" t="s">
        <v>16256</v>
      </c>
      <c r="I4674" s="1" t="s">
        <v>16243</v>
      </c>
      <c r="J4674" s="1" t="s">
        <v>16257</v>
      </c>
      <c r="K4674" s="1" t="s">
        <v>47</v>
      </c>
      <c r="L4674" s="1" t="s">
        <v>16255</v>
      </c>
      <c r="M4674" s="1" t="s">
        <v>5</v>
      </c>
      <c r="N4674" s="1" t="s">
        <v>1597</v>
      </c>
      <c r="O4674" s="1" t="s">
        <v>8</v>
      </c>
      <c r="P4674" s="5" t="s">
        <v>30446</v>
      </c>
    </row>
    <row r="4675" spans="1:16" x14ac:dyDescent="0.2">
      <c r="A4675" s="1" t="s">
        <v>20</v>
      </c>
      <c r="B4675" s="1" t="s">
        <v>101</v>
      </c>
      <c r="C4675" s="1" t="s">
        <v>16260</v>
      </c>
      <c r="D4675" s="1" t="s">
        <v>9196</v>
      </c>
      <c r="E4675" s="1" t="s">
        <v>16262</v>
      </c>
      <c r="F4675" s="1" t="s">
        <v>1108</v>
      </c>
      <c r="G4675" s="1" t="s">
        <v>10</v>
      </c>
      <c r="H4675" s="1" t="s">
        <v>16263</v>
      </c>
      <c r="I4675" s="1" t="s">
        <v>16243</v>
      </c>
      <c r="J4675" s="1" t="s">
        <v>16261</v>
      </c>
      <c r="K4675" s="1" t="s">
        <v>27</v>
      </c>
      <c r="L4675" s="1" t="s">
        <v>16259</v>
      </c>
      <c r="M4675" s="1" t="s">
        <v>3905</v>
      </c>
      <c r="N4675" s="1" t="s">
        <v>25</v>
      </c>
      <c r="O4675" s="1" t="s">
        <v>8</v>
      </c>
      <c r="P4675" s="5" t="s">
        <v>32793</v>
      </c>
    </row>
    <row r="4676" spans="1:16" x14ac:dyDescent="0.2">
      <c r="A4676" s="1" t="s">
        <v>32</v>
      </c>
      <c r="B4676" s="1" t="s">
        <v>140</v>
      </c>
      <c r="C4676" s="1" t="s">
        <v>762</v>
      </c>
      <c r="D4676" s="1" t="s">
        <v>762</v>
      </c>
      <c r="E4676" s="1" t="s">
        <v>16265</v>
      </c>
      <c r="F4676" s="1" t="s">
        <v>764</v>
      </c>
      <c r="G4676" s="1" t="s">
        <v>10</v>
      </c>
      <c r="H4676" s="1" t="s">
        <v>762</v>
      </c>
      <c r="I4676" s="1" t="s">
        <v>16243</v>
      </c>
      <c r="J4676" s="1" t="s">
        <v>19</v>
      </c>
      <c r="K4676" s="1" t="s">
        <v>64</v>
      </c>
      <c r="L4676" s="1" t="s">
        <v>16264</v>
      </c>
      <c r="M4676" s="1" t="s">
        <v>5</v>
      </c>
      <c r="N4676" s="1" t="s">
        <v>25</v>
      </c>
      <c r="O4676" s="1" t="s">
        <v>8</v>
      </c>
      <c r="P4676" s="5" t="s">
        <v>30447</v>
      </c>
    </row>
    <row r="4677" spans="1:16" x14ac:dyDescent="0.2">
      <c r="A4677" s="1" t="s">
        <v>20</v>
      </c>
      <c r="B4677" s="1" t="s">
        <v>445</v>
      </c>
      <c r="C4677" s="1" t="s">
        <v>16266</v>
      </c>
      <c r="D4677" s="1" t="s">
        <v>16266</v>
      </c>
      <c r="E4677" s="1"/>
      <c r="F4677" s="1" t="s">
        <v>14587</v>
      </c>
      <c r="G4677" s="1" t="s">
        <v>10</v>
      </c>
      <c r="H4677" s="1" t="s">
        <v>16266</v>
      </c>
      <c r="I4677" s="1" t="s">
        <v>16243</v>
      </c>
      <c r="J4677" s="1" t="s">
        <v>19</v>
      </c>
      <c r="K4677" s="1" t="s">
        <v>130</v>
      </c>
      <c r="L4677" s="1" t="s">
        <v>16267</v>
      </c>
      <c r="M4677" s="1" t="s">
        <v>5</v>
      </c>
      <c r="N4677" s="1" t="s">
        <v>25</v>
      </c>
      <c r="O4677" s="1" t="s">
        <v>8</v>
      </c>
      <c r="P4677" s="5" t="s">
        <v>32794</v>
      </c>
    </row>
    <row r="4678" spans="1:16" x14ac:dyDescent="0.2">
      <c r="A4678" s="1" t="s">
        <v>66</v>
      </c>
      <c r="B4678" s="1" t="s">
        <v>212</v>
      </c>
      <c r="C4678" s="1" t="s">
        <v>16270</v>
      </c>
      <c r="D4678" s="1" t="s">
        <v>16268</v>
      </c>
      <c r="E4678" s="1" t="s">
        <v>16271</v>
      </c>
      <c r="F4678" s="1" t="s">
        <v>10</v>
      </c>
      <c r="G4678" s="1" t="s">
        <v>10</v>
      </c>
      <c r="H4678" s="1" t="s">
        <v>10</v>
      </c>
      <c r="I4678" s="1" t="s">
        <v>16243</v>
      </c>
      <c r="J4678" s="1" t="s">
        <v>6682</v>
      </c>
      <c r="K4678" s="1" t="s">
        <v>27</v>
      </c>
      <c r="L4678" s="1" t="s">
        <v>16269</v>
      </c>
      <c r="M4678" s="1" t="s">
        <v>5</v>
      </c>
      <c r="N4678" s="1" t="s">
        <v>25</v>
      </c>
      <c r="O4678" s="1" t="s">
        <v>38</v>
      </c>
      <c r="P4678" s="5" t="s">
        <v>30330</v>
      </c>
    </row>
    <row r="4679" spans="1:16" x14ac:dyDescent="0.2">
      <c r="A4679" s="1" t="s">
        <v>1385</v>
      </c>
      <c r="B4679" s="1" t="s">
        <v>2028</v>
      </c>
      <c r="C4679" s="1" t="s">
        <v>16275</v>
      </c>
      <c r="D4679" s="1" t="s">
        <v>16276</v>
      </c>
      <c r="E4679" s="1"/>
      <c r="F4679" s="1" t="s">
        <v>16273</v>
      </c>
      <c r="G4679" s="1" t="s">
        <v>10</v>
      </c>
      <c r="H4679" s="1" t="s">
        <v>16276</v>
      </c>
      <c r="I4679" s="1" t="s">
        <v>16243</v>
      </c>
      <c r="J4679" s="1" t="s">
        <v>10</v>
      </c>
      <c r="K4679" s="1" t="s">
        <v>7</v>
      </c>
      <c r="L4679" s="1" t="s">
        <v>16274</v>
      </c>
      <c r="M4679" s="1" t="s">
        <v>5</v>
      </c>
      <c r="N4679" s="1" t="s">
        <v>1597</v>
      </c>
      <c r="O4679" s="1" t="s">
        <v>8</v>
      </c>
      <c r="P4679" s="5" t="s">
        <v>10</v>
      </c>
    </row>
    <row r="4680" spans="1:16" x14ac:dyDescent="0.2">
      <c r="A4680" s="1" t="s">
        <v>42</v>
      </c>
      <c r="B4680" s="1" t="s">
        <v>356</v>
      </c>
      <c r="C4680" s="1" t="s">
        <v>16278</v>
      </c>
      <c r="D4680" s="1" t="s">
        <v>16099</v>
      </c>
      <c r="E4680" s="1" t="s">
        <v>16279</v>
      </c>
      <c r="F4680" s="1" t="s">
        <v>10</v>
      </c>
      <c r="G4680" s="1" t="s">
        <v>10</v>
      </c>
      <c r="H4680" s="1" t="s">
        <v>10</v>
      </c>
      <c r="I4680" s="1" t="s">
        <v>16243</v>
      </c>
      <c r="J4680" s="1" t="s">
        <v>19</v>
      </c>
      <c r="K4680" s="1" t="s">
        <v>37</v>
      </c>
      <c r="L4680" s="1" t="s">
        <v>16277</v>
      </c>
      <c r="M4680" s="1" t="s">
        <v>5</v>
      </c>
      <c r="N4680" s="1" t="s">
        <v>25</v>
      </c>
      <c r="O4680" s="1" t="s">
        <v>38</v>
      </c>
      <c r="P4680" s="5" t="s">
        <v>31758</v>
      </c>
    </row>
    <row r="4681" spans="1:16" x14ac:dyDescent="0.2">
      <c r="A4681" s="1" t="s">
        <v>42</v>
      </c>
      <c r="B4681" s="1" t="s">
        <v>109</v>
      </c>
      <c r="C4681" s="1" t="s">
        <v>16281</v>
      </c>
      <c r="D4681" s="1" t="s">
        <v>6484</v>
      </c>
      <c r="E4681" s="1" t="s">
        <v>16283</v>
      </c>
      <c r="F4681" s="1" t="s">
        <v>10</v>
      </c>
      <c r="G4681" s="1" t="s">
        <v>10</v>
      </c>
      <c r="H4681" s="1" t="s">
        <v>10</v>
      </c>
      <c r="I4681" s="1" t="s">
        <v>16243</v>
      </c>
      <c r="J4681" s="1" t="s">
        <v>16282</v>
      </c>
      <c r="K4681" s="1" t="s">
        <v>27</v>
      </c>
      <c r="L4681" s="1" t="s">
        <v>16280</v>
      </c>
      <c r="M4681" s="1" t="s">
        <v>5</v>
      </c>
      <c r="N4681" s="1" t="s">
        <v>25</v>
      </c>
      <c r="O4681" s="1" t="s">
        <v>38</v>
      </c>
      <c r="P4681" s="5" t="s">
        <v>29960</v>
      </c>
    </row>
    <row r="4682" spans="1:16" x14ac:dyDescent="0.2">
      <c r="A4682" s="1" t="s">
        <v>20</v>
      </c>
      <c r="B4682" s="1" t="s">
        <v>132</v>
      </c>
      <c r="C4682" s="1" t="s">
        <v>16284</v>
      </c>
      <c r="D4682" s="1" t="s">
        <v>16284</v>
      </c>
      <c r="E4682" s="1" t="s">
        <v>16286</v>
      </c>
      <c r="F4682" s="1" t="s">
        <v>10</v>
      </c>
      <c r="G4682" s="1" t="s">
        <v>10</v>
      </c>
      <c r="H4682" s="1" t="s">
        <v>10</v>
      </c>
      <c r="I4682" s="1" t="s">
        <v>16243</v>
      </c>
      <c r="J4682" s="1" t="s">
        <v>19</v>
      </c>
      <c r="K4682" s="1" t="s">
        <v>100</v>
      </c>
      <c r="L4682" s="1" t="s">
        <v>16285</v>
      </c>
      <c r="M4682" s="1" t="s">
        <v>5</v>
      </c>
      <c r="N4682" s="1" t="s">
        <v>25</v>
      </c>
      <c r="O4682" s="1" t="s">
        <v>38</v>
      </c>
      <c r="P4682" s="5" t="s">
        <v>31758</v>
      </c>
    </row>
    <row r="4683" spans="1:16" x14ac:dyDescent="0.2">
      <c r="A4683" s="1" t="s">
        <v>10</v>
      </c>
      <c r="B4683" s="1" t="s">
        <v>10</v>
      </c>
      <c r="C4683" s="1" t="s">
        <v>16288</v>
      </c>
      <c r="D4683" s="1" t="s">
        <v>16289</v>
      </c>
      <c r="E4683" s="1" t="s">
        <v>16291</v>
      </c>
      <c r="F4683" s="1" t="s">
        <v>16290</v>
      </c>
      <c r="G4683" s="1" t="s">
        <v>10</v>
      </c>
      <c r="H4683" s="1" t="s">
        <v>10</v>
      </c>
      <c r="I4683" s="1" t="s">
        <v>16243</v>
      </c>
      <c r="J4683" s="1" t="s">
        <v>5488</v>
      </c>
      <c r="K4683" s="1" t="s">
        <v>10</v>
      </c>
      <c r="L4683" s="1" t="s">
        <v>16287</v>
      </c>
      <c r="M4683" s="1" t="s">
        <v>5</v>
      </c>
      <c r="N4683" s="1" t="s">
        <v>25</v>
      </c>
      <c r="O4683" s="1" t="s">
        <v>8</v>
      </c>
      <c r="P4683" s="5" t="s">
        <v>31759</v>
      </c>
    </row>
    <row r="4684" spans="1:16" x14ac:dyDescent="0.2">
      <c r="A4684" s="1" t="s">
        <v>10</v>
      </c>
      <c r="B4684" s="1" t="s">
        <v>10</v>
      </c>
      <c r="C4684" s="1" t="s">
        <v>16288</v>
      </c>
      <c r="D4684" s="1" t="s">
        <v>10</v>
      </c>
      <c r="E4684" s="1" t="s">
        <v>13660</v>
      </c>
      <c r="F4684" s="1" t="s">
        <v>1544</v>
      </c>
      <c r="G4684" s="1" t="s">
        <v>10</v>
      </c>
      <c r="H4684" s="1" t="s">
        <v>10</v>
      </c>
      <c r="I4684" s="1" t="s">
        <v>16243</v>
      </c>
      <c r="J4684" s="1" t="s">
        <v>10</v>
      </c>
      <c r="K4684" s="1" t="s">
        <v>10</v>
      </c>
      <c r="L4684" s="1" t="s">
        <v>16292</v>
      </c>
      <c r="M4684" s="1" t="s">
        <v>10</v>
      </c>
      <c r="N4684" s="1" t="s">
        <v>10</v>
      </c>
      <c r="O4684" s="1" t="s">
        <v>8</v>
      </c>
      <c r="P4684" s="5"/>
    </row>
    <row r="4685" spans="1:16" x14ac:dyDescent="0.2">
      <c r="A4685" s="1" t="s">
        <v>487</v>
      </c>
      <c r="B4685" s="1" t="s">
        <v>765</v>
      </c>
      <c r="C4685" s="1" t="s">
        <v>1106</v>
      </c>
      <c r="D4685" s="1" t="s">
        <v>1107</v>
      </c>
      <c r="E4685" s="1" t="s">
        <v>16294</v>
      </c>
      <c r="F4685" s="1" t="s">
        <v>1108</v>
      </c>
      <c r="G4685" s="1" t="s">
        <v>10</v>
      </c>
      <c r="H4685" s="1" t="s">
        <v>10</v>
      </c>
      <c r="I4685" s="1" t="s">
        <v>16243</v>
      </c>
      <c r="J4685" s="1" t="s">
        <v>3899</v>
      </c>
      <c r="K4685" s="1" t="s">
        <v>64</v>
      </c>
      <c r="L4685" s="1" t="s">
        <v>16293</v>
      </c>
      <c r="M4685" s="1" t="s">
        <v>5</v>
      </c>
      <c r="N4685" s="1" t="s">
        <v>25</v>
      </c>
      <c r="O4685" s="1" t="s">
        <v>8</v>
      </c>
      <c r="P4685" s="5" t="s">
        <v>30398</v>
      </c>
    </row>
    <row r="4686" spans="1:16" x14ac:dyDescent="0.2">
      <c r="A4686" s="1" t="s">
        <v>20</v>
      </c>
      <c r="B4686" s="1" t="s">
        <v>93</v>
      </c>
      <c r="C4686" s="1" t="s">
        <v>16296</v>
      </c>
      <c r="D4686" s="1" t="s">
        <v>1863</v>
      </c>
      <c r="E4686" s="1" t="s">
        <v>16297</v>
      </c>
      <c r="F4686" s="1" t="s">
        <v>10</v>
      </c>
      <c r="G4686" s="1" t="s">
        <v>1863</v>
      </c>
      <c r="H4686" s="1" t="s">
        <v>10</v>
      </c>
      <c r="I4686" s="1" t="s">
        <v>16243</v>
      </c>
      <c r="J4686" s="1" t="s">
        <v>19</v>
      </c>
      <c r="K4686" s="1" t="s">
        <v>130</v>
      </c>
      <c r="L4686" s="1" t="s">
        <v>16295</v>
      </c>
      <c r="M4686" s="1" t="s">
        <v>5</v>
      </c>
      <c r="N4686" s="1" t="s">
        <v>25</v>
      </c>
      <c r="O4686" s="1" t="s">
        <v>8</v>
      </c>
      <c r="P4686" s="5" t="s">
        <v>30431</v>
      </c>
    </row>
    <row r="4687" spans="1:16" x14ac:dyDescent="0.2">
      <c r="A4687" s="1" t="s">
        <v>66</v>
      </c>
      <c r="B4687" s="1" t="s">
        <v>1127</v>
      </c>
      <c r="C4687" s="1" t="s">
        <v>16300</v>
      </c>
      <c r="D4687" s="1" t="s">
        <v>10</v>
      </c>
      <c r="E4687" s="1" t="s">
        <v>16302</v>
      </c>
      <c r="F4687" s="1" t="s">
        <v>10</v>
      </c>
      <c r="G4687" s="1" t="s">
        <v>10</v>
      </c>
      <c r="H4687" s="1" t="s">
        <v>10</v>
      </c>
      <c r="I4687" s="1" t="s">
        <v>16298</v>
      </c>
      <c r="J4687" s="1" t="s">
        <v>16301</v>
      </c>
      <c r="K4687" s="1" t="s">
        <v>7</v>
      </c>
      <c r="L4687" s="1" t="s">
        <v>16299</v>
      </c>
      <c r="M4687" s="1" t="s">
        <v>5</v>
      </c>
      <c r="N4687" s="1" t="s">
        <v>1009</v>
      </c>
      <c r="O4687" s="1" t="s">
        <v>38</v>
      </c>
      <c r="P4687" s="5" t="s">
        <v>31760</v>
      </c>
    </row>
    <row r="4688" spans="1:16" x14ac:dyDescent="0.2">
      <c r="A4688" s="1" t="s">
        <v>20</v>
      </c>
      <c r="B4688" s="1" t="s">
        <v>309</v>
      </c>
      <c r="C4688" s="1" t="s">
        <v>16304</v>
      </c>
      <c r="D4688" s="1" t="s">
        <v>16305</v>
      </c>
      <c r="E4688" s="1" t="s">
        <v>16307</v>
      </c>
      <c r="F4688" s="1" t="s">
        <v>105</v>
      </c>
      <c r="G4688" s="1" t="s">
        <v>108</v>
      </c>
      <c r="H4688" s="1" t="s">
        <v>16308</v>
      </c>
      <c r="I4688" s="1" t="s">
        <v>16298</v>
      </c>
      <c r="J4688" s="1" t="s">
        <v>16306</v>
      </c>
      <c r="K4688" s="1" t="s">
        <v>64</v>
      </c>
      <c r="L4688" s="1" t="s">
        <v>16303</v>
      </c>
      <c r="M4688" s="1" t="s">
        <v>5</v>
      </c>
      <c r="N4688" s="1" t="s">
        <v>25</v>
      </c>
      <c r="O4688" s="1" t="s">
        <v>8</v>
      </c>
      <c r="P4688" s="5" t="s">
        <v>31761</v>
      </c>
    </row>
    <row r="4689" spans="1:16" x14ac:dyDescent="0.2">
      <c r="A4689" s="1" t="s">
        <v>20</v>
      </c>
      <c r="B4689" s="1" t="s">
        <v>253</v>
      </c>
      <c r="C4689" s="1" t="s">
        <v>16311</v>
      </c>
      <c r="D4689" s="1" t="s">
        <v>16309</v>
      </c>
      <c r="E4689" s="1" t="s">
        <v>16313</v>
      </c>
      <c r="F4689" s="1" t="s">
        <v>10</v>
      </c>
      <c r="G4689" s="1" t="s">
        <v>10</v>
      </c>
      <c r="H4689" s="1" t="s">
        <v>10</v>
      </c>
      <c r="I4689" s="1" t="s">
        <v>16298</v>
      </c>
      <c r="J4689" s="1" t="s">
        <v>16312</v>
      </c>
      <c r="K4689" s="1" t="s">
        <v>27</v>
      </c>
      <c r="L4689" s="1" t="s">
        <v>16310</v>
      </c>
      <c r="M4689" s="1" t="s">
        <v>5</v>
      </c>
      <c r="N4689" s="1" t="s">
        <v>25</v>
      </c>
      <c r="O4689" s="1" t="s">
        <v>38</v>
      </c>
      <c r="P4689" s="5" t="s">
        <v>31762</v>
      </c>
    </row>
    <row r="4690" spans="1:16" x14ac:dyDescent="0.2">
      <c r="A4690" s="1" t="s">
        <v>1385</v>
      </c>
      <c r="B4690" s="1" t="s">
        <v>1490</v>
      </c>
      <c r="C4690" s="1" t="s">
        <v>16316</v>
      </c>
      <c r="D4690" s="1" t="s">
        <v>16314</v>
      </c>
      <c r="E4690" s="1" t="s">
        <v>16317</v>
      </c>
      <c r="F4690" s="1" t="s">
        <v>10</v>
      </c>
      <c r="G4690" s="1" t="s">
        <v>10</v>
      </c>
      <c r="H4690" s="1" t="s">
        <v>10</v>
      </c>
      <c r="I4690" s="1" t="s">
        <v>16298</v>
      </c>
      <c r="J4690" s="1" t="s">
        <v>16306</v>
      </c>
      <c r="K4690" s="1" t="s">
        <v>64</v>
      </c>
      <c r="L4690" s="1" t="s">
        <v>16315</v>
      </c>
      <c r="M4690" s="1" t="s">
        <v>5</v>
      </c>
      <c r="N4690" s="1" t="s">
        <v>25</v>
      </c>
      <c r="O4690" s="1" t="s">
        <v>38</v>
      </c>
      <c r="P4690" s="5" t="s">
        <v>30448</v>
      </c>
    </row>
    <row r="4691" spans="1:16" x14ac:dyDescent="0.2">
      <c r="A4691" s="1" t="s">
        <v>10</v>
      </c>
      <c r="B4691" s="1" t="s">
        <v>376</v>
      </c>
      <c r="C4691" s="1" t="s">
        <v>16319</v>
      </c>
      <c r="D4691" s="1" t="s">
        <v>16320</v>
      </c>
      <c r="E4691" s="1" t="s">
        <v>16322</v>
      </c>
      <c r="F4691" s="1" t="s">
        <v>27</v>
      </c>
      <c r="G4691" s="1" t="s">
        <v>1042</v>
      </c>
      <c r="H4691" s="1" t="s">
        <v>16323</v>
      </c>
      <c r="I4691" s="1" t="s">
        <v>16298</v>
      </c>
      <c r="J4691" s="1" t="s">
        <v>16321</v>
      </c>
      <c r="K4691" s="1" t="s">
        <v>9093</v>
      </c>
      <c r="L4691" s="1" t="s">
        <v>16318</v>
      </c>
      <c r="M4691" s="1" t="s">
        <v>5</v>
      </c>
      <c r="N4691" s="1" t="s">
        <v>10</v>
      </c>
      <c r="O4691" s="1" t="s">
        <v>8</v>
      </c>
      <c r="P4691" s="5" t="s">
        <v>31672</v>
      </c>
    </row>
    <row r="4692" spans="1:16" x14ac:dyDescent="0.2">
      <c r="A4692" s="1" t="s">
        <v>10</v>
      </c>
      <c r="B4692" s="1" t="s">
        <v>10</v>
      </c>
      <c r="C4692" s="1" t="s">
        <v>16325</v>
      </c>
      <c r="D4692" s="1" t="s">
        <v>10</v>
      </c>
      <c r="E4692" s="1" t="s">
        <v>16326</v>
      </c>
      <c r="F4692" s="1" t="s">
        <v>10</v>
      </c>
      <c r="G4692" s="1" t="s">
        <v>10</v>
      </c>
      <c r="H4692" s="1" t="s">
        <v>10</v>
      </c>
      <c r="I4692" s="1" t="s">
        <v>16298</v>
      </c>
      <c r="J4692" s="1" t="s">
        <v>10</v>
      </c>
      <c r="K4692" s="1" t="s">
        <v>10</v>
      </c>
      <c r="L4692" s="1" t="s">
        <v>16324</v>
      </c>
      <c r="M4692" s="1" t="s">
        <v>5</v>
      </c>
      <c r="N4692" s="1" t="s">
        <v>6</v>
      </c>
      <c r="O4692" s="1" t="s">
        <v>38</v>
      </c>
      <c r="P4692" s="5" t="s">
        <v>31763</v>
      </c>
    </row>
    <row r="4693" spans="1:16" x14ac:dyDescent="0.2">
      <c r="A4693" s="1" t="s">
        <v>20</v>
      </c>
      <c r="B4693" s="1" t="s">
        <v>99</v>
      </c>
      <c r="C4693" s="1" t="s">
        <v>16328</v>
      </c>
      <c r="D4693" s="1" t="s">
        <v>10</v>
      </c>
      <c r="E4693" s="1" t="s">
        <v>16329</v>
      </c>
      <c r="F4693" s="1" t="s">
        <v>10</v>
      </c>
      <c r="G4693" s="1" t="s">
        <v>10</v>
      </c>
      <c r="H4693" s="1" t="s">
        <v>10</v>
      </c>
      <c r="I4693" s="1" t="s">
        <v>16298</v>
      </c>
      <c r="J4693" s="1" t="s">
        <v>16301</v>
      </c>
      <c r="K4693" s="1" t="s">
        <v>7</v>
      </c>
      <c r="L4693" s="1" t="s">
        <v>16327</v>
      </c>
      <c r="M4693" s="1" t="s">
        <v>5</v>
      </c>
      <c r="N4693" s="1" t="s">
        <v>1009</v>
      </c>
      <c r="O4693" s="1" t="s">
        <v>38</v>
      </c>
      <c r="P4693" s="5" t="s">
        <v>31764</v>
      </c>
    </row>
    <row r="4694" spans="1:16" x14ac:dyDescent="0.2">
      <c r="A4694" s="1" t="s">
        <v>66</v>
      </c>
      <c r="B4694" s="1" t="s">
        <v>1127</v>
      </c>
      <c r="C4694" s="1" t="s">
        <v>16331</v>
      </c>
      <c r="D4694" s="1" t="s">
        <v>10</v>
      </c>
      <c r="E4694" s="1" t="s">
        <v>16332</v>
      </c>
      <c r="F4694" s="1" t="s">
        <v>10</v>
      </c>
      <c r="G4694" s="1" t="s">
        <v>10</v>
      </c>
      <c r="H4694" s="1" t="s">
        <v>10</v>
      </c>
      <c r="I4694" s="1" t="s">
        <v>16298</v>
      </c>
      <c r="J4694" s="1" t="s">
        <v>16301</v>
      </c>
      <c r="K4694" s="1" t="s">
        <v>64</v>
      </c>
      <c r="L4694" s="1" t="s">
        <v>16330</v>
      </c>
      <c r="M4694" s="1" t="s">
        <v>5</v>
      </c>
      <c r="N4694" s="1" t="s">
        <v>1009</v>
      </c>
      <c r="O4694" s="1" t="s">
        <v>38</v>
      </c>
      <c r="P4694" s="5" t="s">
        <v>31765</v>
      </c>
    </row>
    <row r="4695" spans="1:16" x14ac:dyDescent="0.2">
      <c r="A4695" s="1" t="s">
        <v>10</v>
      </c>
      <c r="B4695" s="1" t="s">
        <v>10</v>
      </c>
      <c r="C4695" s="1" t="s">
        <v>16334</v>
      </c>
      <c r="D4695" s="1" t="s">
        <v>10</v>
      </c>
      <c r="E4695" s="1" t="s">
        <v>16335</v>
      </c>
      <c r="F4695" s="1" t="s">
        <v>10</v>
      </c>
      <c r="G4695" s="1" t="s">
        <v>10</v>
      </c>
      <c r="H4695" s="1" t="s">
        <v>16336</v>
      </c>
      <c r="I4695" s="1" t="s">
        <v>16298</v>
      </c>
      <c r="J4695" s="1" t="s">
        <v>10</v>
      </c>
      <c r="K4695" s="1" t="s">
        <v>10</v>
      </c>
      <c r="L4695" s="1" t="s">
        <v>16333</v>
      </c>
      <c r="M4695" s="1" t="s">
        <v>5</v>
      </c>
      <c r="N4695" s="1" t="s">
        <v>6</v>
      </c>
      <c r="O4695" s="1" t="s">
        <v>8</v>
      </c>
      <c r="P4695" s="5"/>
    </row>
    <row r="4696" spans="1:16" x14ac:dyDescent="0.2">
      <c r="A4696" s="1" t="s">
        <v>20</v>
      </c>
      <c r="B4696" s="1" t="s">
        <v>445</v>
      </c>
      <c r="C4696" s="1" t="s">
        <v>16339</v>
      </c>
      <c r="D4696" s="1" t="s">
        <v>16340</v>
      </c>
      <c r="E4696" s="1" t="s">
        <v>16341</v>
      </c>
      <c r="F4696" s="1" t="s">
        <v>27</v>
      </c>
      <c r="G4696" s="1" t="s">
        <v>1042</v>
      </c>
      <c r="H4696" s="1" t="s">
        <v>16342</v>
      </c>
      <c r="I4696" s="1" t="s">
        <v>16298</v>
      </c>
      <c r="J4696" s="1" t="s">
        <v>16306</v>
      </c>
      <c r="K4696" s="1" t="s">
        <v>64</v>
      </c>
      <c r="L4696" s="1" t="s">
        <v>16338</v>
      </c>
      <c r="M4696" s="1" t="s">
        <v>5</v>
      </c>
      <c r="N4696" s="1" t="s">
        <v>10</v>
      </c>
      <c r="O4696" s="1" t="s">
        <v>8</v>
      </c>
      <c r="P4696" s="5" t="s">
        <v>31766</v>
      </c>
    </row>
    <row r="4697" spans="1:16" x14ac:dyDescent="0.2">
      <c r="A4697" s="1" t="s">
        <v>329</v>
      </c>
      <c r="B4697" s="1" t="s">
        <v>340</v>
      </c>
      <c r="C4697" s="1" t="s">
        <v>16344</v>
      </c>
      <c r="D4697" s="1" t="s">
        <v>16345</v>
      </c>
      <c r="E4697" s="1" t="s">
        <v>16346</v>
      </c>
      <c r="F4697" s="1" t="s">
        <v>10</v>
      </c>
      <c r="G4697" s="1" t="s">
        <v>10</v>
      </c>
      <c r="H4697" s="1" t="s">
        <v>10</v>
      </c>
      <c r="I4697" s="1" t="s">
        <v>16298</v>
      </c>
      <c r="J4697" s="1" t="s">
        <v>16306</v>
      </c>
      <c r="K4697" s="1" t="s">
        <v>8896</v>
      </c>
      <c r="L4697" s="1" t="s">
        <v>16343</v>
      </c>
      <c r="M4697" s="1" t="s">
        <v>5</v>
      </c>
      <c r="N4697" s="1" t="s">
        <v>25</v>
      </c>
      <c r="O4697" s="1" t="s">
        <v>38</v>
      </c>
      <c r="P4697" s="5" t="s">
        <v>31767</v>
      </c>
    </row>
    <row r="4698" spans="1:16" x14ac:dyDescent="0.2">
      <c r="A4698" s="1" t="s">
        <v>42</v>
      </c>
      <c r="B4698" s="1" t="s">
        <v>966</v>
      </c>
      <c r="C4698" s="1" t="s">
        <v>16348</v>
      </c>
      <c r="D4698" s="1" t="s">
        <v>16349</v>
      </c>
      <c r="E4698" s="1" t="s">
        <v>16350</v>
      </c>
      <c r="F4698" s="1" t="s">
        <v>27</v>
      </c>
      <c r="G4698" s="1" t="s">
        <v>1042</v>
      </c>
      <c r="H4698" s="1" t="s">
        <v>968</v>
      </c>
      <c r="I4698" s="1" t="s">
        <v>16298</v>
      </c>
      <c r="J4698" s="1" t="s">
        <v>16301</v>
      </c>
      <c r="K4698" s="1" t="s">
        <v>15315</v>
      </c>
      <c r="L4698" s="1" t="s">
        <v>16347</v>
      </c>
      <c r="M4698" s="1" t="s">
        <v>5</v>
      </c>
      <c r="N4698" s="1" t="s">
        <v>1009</v>
      </c>
      <c r="O4698" s="1" t="s">
        <v>8</v>
      </c>
      <c r="P4698" s="5" t="s">
        <v>31768</v>
      </c>
    </row>
    <row r="4699" spans="1:16" x14ac:dyDescent="0.2">
      <c r="A4699" s="1" t="s">
        <v>20</v>
      </c>
      <c r="B4699" s="1" t="s">
        <v>21</v>
      </c>
      <c r="C4699" s="1" t="s">
        <v>16352</v>
      </c>
      <c r="D4699" s="1" t="s">
        <v>16353</v>
      </c>
      <c r="E4699" s="1"/>
      <c r="F4699" s="1" t="s">
        <v>27</v>
      </c>
      <c r="G4699" s="1" t="s">
        <v>1042</v>
      </c>
      <c r="H4699" s="1" t="s">
        <v>16354</v>
      </c>
      <c r="I4699" s="1" t="s">
        <v>16298</v>
      </c>
      <c r="J4699" s="1" t="s">
        <v>16337</v>
      </c>
      <c r="K4699" s="1" t="s">
        <v>7</v>
      </c>
      <c r="L4699" s="1" t="s">
        <v>16351</v>
      </c>
      <c r="M4699" s="1" t="s">
        <v>5</v>
      </c>
      <c r="N4699" s="1" t="s">
        <v>25</v>
      </c>
      <c r="O4699" s="1" t="s">
        <v>8</v>
      </c>
      <c r="P4699" s="5" t="s">
        <v>30449</v>
      </c>
    </row>
    <row r="4700" spans="1:16" x14ac:dyDescent="0.2">
      <c r="A4700" s="1" t="s">
        <v>10</v>
      </c>
      <c r="B4700" s="1" t="s">
        <v>376</v>
      </c>
      <c r="C4700" s="1" t="s">
        <v>16357</v>
      </c>
      <c r="D4700" s="1" t="s">
        <v>16355</v>
      </c>
      <c r="E4700" s="1" t="s">
        <v>16358</v>
      </c>
      <c r="F4700" s="1" t="s">
        <v>27</v>
      </c>
      <c r="G4700" s="1" t="s">
        <v>1042</v>
      </c>
      <c r="H4700" s="1" t="s">
        <v>16359</v>
      </c>
      <c r="I4700" s="1" t="s">
        <v>16298</v>
      </c>
      <c r="J4700" s="1" t="s">
        <v>16321</v>
      </c>
      <c r="K4700" s="1" t="s">
        <v>9093</v>
      </c>
      <c r="L4700" s="1" t="s">
        <v>16356</v>
      </c>
      <c r="M4700" s="1" t="s">
        <v>5</v>
      </c>
      <c r="N4700" s="1" t="s">
        <v>10</v>
      </c>
      <c r="O4700" s="1" t="s">
        <v>8</v>
      </c>
      <c r="P4700" s="5"/>
    </row>
    <row r="4701" spans="1:16" x14ac:dyDescent="0.2">
      <c r="A4701" s="1" t="s">
        <v>20</v>
      </c>
      <c r="B4701" s="1" t="s">
        <v>172</v>
      </c>
      <c r="C4701" s="1" t="s">
        <v>16361</v>
      </c>
      <c r="D4701" s="1" t="s">
        <v>8457</v>
      </c>
      <c r="E4701" s="1" t="s">
        <v>16362</v>
      </c>
      <c r="F4701" s="1" t="s">
        <v>10</v>
      </c>
      <c r="G4701" s="1" t="s">
        <v>10</v>
      </c>
      <c r="H4701" s="1" t="s">
        <v>10</v>
      </c>
      <c r="I4701" s="1" t="s">
        <v>16298</v>
      </c>
      <c r="J4701" s="1" t="s">
        <v>16337</v>
      </c>
      <c r="K4701" s="1" t="s">
        <v>7</v>
      </c>
      <c r="L4701" s="1" t="s">
        <v>16360</v>
      </c>
      <c r="M4701" s="1" t="s">
        <v>5</v>
      </c>
      <c r="N4701" s="1" t="s">
        <v>25</v>
      </c>
      <c r="O4701" s="1" t="s">
        <v>38</v>
      </c>
      <c r="P4701" s="5" t="s">
        <v>30450</v>
      </c>
    </row>
    <row r="4702" spans="1:16" x14ac:dyDescent="0.2">
      <c r="A4702" s="1" t="s">
        <v>20</v>
      </c>
      <c r="B4702" s="1" t="s">
        <v>99</v>
      </c>
      <c r="C4702" s="1" t="s">
        <v>16365</v>
      </c>
      <c r="D4702" s="1" t="s">
        <v>16363</v>
      </c>
      <c r="E4702" s="1" t="s">
        <v>16367</v>
      </c>
      <c r="F4702" s="1" t="s">
        <v>27</v>
      </c>
      <c r="G4702" s="1" t="s">
        <v>1042</v>
      </c>
      <c r="H4702" s="1" t="s">
        <v>16368</v>
      </c>
      <c r="I4702" s="1" t="s">
        <v>16298</v>
      </c>
      <c r="J4702" s="1" t="s">
        <v>16366</v>
      </c>
      <c r="K4702" s="1" t="s">
        <v>27</v>
      </c>
      <c r="L4702" s="1" t="s">
        <v>16364</v>
      </c>
      <c r="M4702" s="1" t="s">
        <v>5</v>
      </c>
      <c r="N4702" s="1" t="s">
        <v>1597</v>
      </c>
      <c r="O4702" s="1" t="s">
        <v>8</v>
      </c>
      <c r="P4702" s="5"/>
    </row>
    <row r="4703" spans="1:16" x14ac:dyDescent="0.2">
      <c r="A4703" s="1" t="s">
        <v>20</v>
      </c>
      <c r="B4703" s="1" t="s">
        <v>309</v>
      </c>
      <c r="C4703" s="1" t="s">
        <v>16370</v>
      </c>
      <c r="D4703" s="1" t="s">
        <v>10</v>
      </c>
      <c r="E4703" s="1" t="s">
        <v>10</v>
      </c>
      <c r="F4703" s="1" t="s">
        <v>10</v>
      </c>
      <c r="G4703" s="1" t="s">
        <v>10</v>
      </c>
      <c r="H4703" s="1" t="s">
        <v>10</v>
      </c>
      <c r="I4703" s="1" t="s">
        <v>16298</v>
      </c>
      <c r="J4703" s="1" t="s">
        <v>16301</v>
      </c>
      <c r="K4703" s="1" t="s">
        <v>27</v>
      </c>
      <c r="L4703" s="1" t="s">
        <v>16369</v>
      </c>
      <c r="M4703" s="1" t="s">
        <v>5</v>
      </c>
      <c r="N4703" s="1" t="s">
        <v>25</v>
      </c>
      <c r="O4703" s="1" t="s">
        <v>38</v>
      </c>
      <c r="P4703" s="5" t="s">
        <v>31769</v>
      </c>
    </row>
    <row r="4704" spans="1:16" x14ac:dyDescent="0.2">
      <c r="A4704" s="1" t="s">
        <v>329</v>
      </c>
      <c r="B4704" s="1" t="s">
        <v>1659</v>
      </c>
      <c r="C4704" s="1" t="s">
        <v>16372</v>
      </c>
      <c r="D4704" s="1" t="s">
        <v>16373</v>
      </c>
      <c r="E4704" s="1" t="s">
        <v>16375</v>
      </c>
      <c r="F4704" s="1" t="s">
        <v>10</v>
      </c>
      <c r="G4704" s="1" t="s">
        <v>10</v>
      </c>
      <c r="H4704" s="1" t="s">
        <v>10</v>
      </c>
      <c r="I4704" s="1" t="s">
        <v>16298</v>
      </c>
      <c r="J4704" s="1" t="s">
        <v>16374</v>
      </c>
      <c r="K4704" s="1" t="s">
        <v>47</v>
      </c>
      <c r="L4704" s="1" t="s">
        <v>16371</v>
      </c>
      <c r="M4704" s="1" t="s">
        <v>5</v>
      </c>
      <c r="N4704" s="1" t="s">
        <v>25</v>
      </c>
      <c r="O4704" s="1" t="s">
        <v>38</v>
      </c>
      <c r="P4704" s="5" t="s">
        <v>32795</v>
      </c>
    </row>
    <row r="4705" spans="1:16" x14ac:dyDescent="0.2">
      <c r="A4705" s="1" t="s">
        <v>10</v>
      </c>
      <c r="B4705" s="1" t="s">
        <v>10</v>
      </c>
      <c r="C4705" s="1" t="s">
        <v>16377</v>
      </c>
      <c r="D4705" s="1" t="s">
        <v>10</v>
      </c>
      <c r="E4705" s="1" t="s">
        <v>16378</v>
      </c>
      <c r="F4705" s="1" t="s">
        <v>10</v>
      </c>
      <c r="G4705" s="1" t="s">
        <v>10</v>
      </c>
      <c r="H4705" s="1" t="s">
        <v>10</v>
      </c>
      <c r="I4705" s="1" t="s">
        <v>16298</v>
      </c>
      <c r="J4705" s="1" t="s">
        <v>16306</v>
      </c>
      <c r="K4705" s="1" t="s">
        <v>7</v>
      </c>
      <c r="L4705" s="1" t="s">
        <v>16376</v>
      </c>
      <c r="M4705" s="1" t="s">
        <v>5</v>
      </c>
      <c r="N4705" s="1" t="s">
        <v>25</v>
      </c>
      <c r="O4705" s="1" t="s">
        <v>38</v>
      </c>
      <c r="P4705" s="5" t="s">
        <v>30451</v>
      </c>
    </row>
    <row r="4706" spans="1:16" x14ac:dyDescent="0.2">
      <c r="A4706" s="1" t="s">
        <v>20</v>
      </c>
      <c r="B4706" s="1" t="s">
        <v>21</v>
      </c>
      <c r="C4706" s="1" t="s">
        <v>16380</v>
      </c>
      <c r="D4706" s="1" t="s">
        <v>16381</v>
      </c>
      <c r="E4706" s="1" t="s">
        <v>16383</v>
      </c>
      <c r="F4706" s="1" t="s">
        <v>10</v>
      </c>
      <c r="G4706" s="1" t="s">
        <v>10</v>
      </c>
      <c r="H4706" s="1" t="s">
        <v>10</v>
      </c>
      <c r="I4706" s="1" t="s">
        <v>16298</v>
      </c>
      <c r="J4706" s="1" t="s">
        <v>16382</v>
      </c>
      <c r="K4706" s="1" t="s">
        <v>37</v>
      </c>
      <c r="L4706" s="1" t="s">
        <v>16379</v>
      </c>
      <c r="M4706" s="1" t="s">
        <v>5</v>
      </c>
      <c r="N4706" s="1" t="s">
        <v>25</v>
      </c>
      <c r="O4706" s="1" t="s">
        <v>38</v>
      </c>
      <c r="P4706" s="5" t="s">
        <v>32795</v>
      </c>
    </row>
    <row r="4707" spans="1:16" x14ac:dyDescent="0.2">
      <c r="A4707" s="1" t="s">
        <v>20</v>
      </c>
      <c r="B4707" s="1" t="s">
        <v>253</v>
      </c>
      <c r="C4707" s="1" t="s">
        <v>16385</v>
      </c>
      <c r="D4707" s="1" t="s">
        <v>6515</v>
      </c>
      <c r="E4707" s="1"/>
      <c r="F4707" s="1" t="s">
        <v>10</v>
      </c>
      <c r="G4707" s="1" t="s">
        <v>10</v>
      </c>
      <c r="H4707" s="1" t="s">
        <v>10</v>
      </c>
      <c r="I4707" s="1" t="s">
        <v>16298</v>
      </c>
      <c r="J4707" s="1" t="s">
        <v>16386</v>
      </c>
      <c r="K4707" s="1" t="s">
        <v>7</v>
      </c>
      <c r="L4707" s="1" t="s">
        <v>16384</v>
      </c>
      <c r="M4707" s="1" t="s">
        <v>5</v>
      </c>
      <c r="N4707" s="1" t="s">
        <v>25</v>
      </c>
      <c r="O4707" s="1" t="s">
        <v>38</v>
      </c>
      <c r="P4707" s="5" t="s">
        <v>31079</v>
      </c>
    </row>
    <row r="4708" spans="1:16" x14ac:dyDescent="0.2">
      <c r="A4708" s="1" t="s">
        <v>20</v>
      </c>
      <c r="B4708" s="1" t="s">
        <v>253</v>
      </c>
      <c r="C4708" s="1" t="s">
        <v>16388</v>
      </c>
      <c r="D4708" s="1" t="s">
        <v>16389</v>
      </c>
      <c r="E4708" s="1" t="s">
        <v>16390</v>
      </c>
      <c r="F4708" s="1" t="s">
        <v>10</v>
      </c>
      <c r="G4708" s="1" t="s">
        <v>10</v>
      </c>
      <c r="H4708" s="1" t="s">
        <v>10</v>
      </c>
      <c r="I4708" s="1" t="s">
        <v>16298</v>
      </c>
      <c r="J4708" s="1" t="s">
        <v>16386</v>
      </c>
      <c r="K4708" s="1" t="s">
        <v>7</v>
      </c>
      <c r="L4708" s="1" t="s">
        <v>16387</v>
      </c>
      <c r="M4708" s="1" t="s">
        <v>5</v>
      </c>
      <c r="N4708" s="1" t="s">
        <v>25</v>
      </c>
      <c r="O4708" s="1" t="s">
        <v>38</v>
      </c>
      <c r="P4708" s="5" t="s">
        <v>30452</v>
      </c>
    </row>
    <row r="4709" spans="1:16" x14ac:dyDescent="0.2">
      <c r="A4709" s="1" t="s">
        <v>20</v>
      </c>
      <c r="B4709" s="1" t="s">
        <v>445</v>
      </c>
      <c r="C4709" s="1" t="s">
        <v>16392</v>
      </c>
      <c r="D4709" s="1" t="s">
        <v>15231</v>
      </c>
      <c r="E4709" s="1"/>
      <c r="F4709" s="1" t="s">
        <v>10</v>
      </c>
      <c r="G4709" s="1" t="s">
        <v>10</v>
      </c>
      <c r="H4709" s="1" t="s">
        <v>10</v>
      </c>
      <c r="I4709" s="1" t="s">
        <v>16298</v>
      </c>
      <c r="J4709" s="1" t="s">
        <v>16386</v>
      </c>
      <c r="K4709" s="1" t="s">
        <v>7</v>
      </c>
      <c r="L4709" s="1" t="s">
        <v>16391</v>
      </c>
      <c r="M4709" s="1" t="s">
        <v>5</v>
      </c>
      <c r="N4709" s="1" t="s">
        <v>25</v>
      </c>
      <c r="O4709" s="1" t="s">
        <v>38</v>
      </c>
      <c r="P4709" s="5" t="s">
        <v>29821</v>
      </c>
    </row>
    <row r="4710" spans="1:16" x14ac:dyDescent="0.2">
      <c r="A4710" s="1" t="s">
        <v>20</v>
      </c>
      <c r="B4710" s="1" t="s">
        <v>253</v>
      </c>
      <c r="C4710" s="1" t="s">
        <v>16394</v>
      </c>
      <c r="D4710" s="1" t="s">
        <v>16395</v>
      </c>
      <c r="E4710" s="1"/>
      <c r="F4710" s="1" t="s">
        <v>27</v>
      </c>
      <c r="G4710" s="1" t="s">
        <v>10</v>
      </c>
      <c r="H4710" s="1" t="s">
        <v>1813</v>
      </c>
      <c r="I4710" s="1" t="s">
        <v>16298</v>
      </c>
      <c r="J4710" s="1" t="s">
        <v>16386</v>
      </c>
      <c r="K4710" s="1" t="s">
        <v>27</v>
      </c>
      <c r="L4710" s="1" t="s">
        <v>16393</v>
      </c>
      <c r="M4710" s="1" t="s">
        <v>5</v>
      </c>
      <c r="N4710" s="1" t="s">
        <v>6</v>
      </c>
      <c r="O4710" s="1" t="s">
        <v>8</v>
      </c>
      <c r="P4710" s="5"/>
    </row>
    <row r="4711" spans="1:16" x14ac:dyDescent="0.2">
      <c r="A4711" s="1" t="s">
        <v>20</v>
      </c>
      <c r="B4711" s="1" t="s">
        <v>99</v>
      </c>
      <c r="C4711" s="1" t="s">
        <v>16397</v>
      </c>
      <c r="D4711" s="1" t="s">
        <v>16398</v>
      </c>
      <c r="E4711" s="1" t="s">
        <v>16399</v>
      </c>
      <c r="F4711" s="1" t="s">
        <v>27</v>
      </c>
      <c r="G4711" s="1" t="s">
        <v>1042</v>
      </c>
      <c r="H4711" s="1" t="s">
        <v>16400</v>
      </c>
      <c r="I4711" s="1" t="s">
        <v>16298</v>
      </c>
      <c r="J4711" s="1" t="s">
        <v>16366</v>
      </c>
      <c r="K4711" s="1" t="s">
        <v>27</v>
      </c>
      <c r="L4711" s="1" t="s">
        <v>16396</v>
      </c>
      <c r="M4711" s="1" t="s">
        <v>5</v>
      </c>
      <c r="N4711" s="1" t="s">
        <v>1597</v>
      </c>
      <c r="O4711" s="1" t="s">
        <v>8</v>
      </c>
      <c r="P4711" s="5" t="s">
        <v>32796</v>
      </c>
    </row>
    <row r="4712" spans="1:16" x14ac:dyDescent="0.2">
      <c r="A4712" s="1" t="s">
        <v>10</v>
      </c>
      <c r="B4712" s="1" t="s">
        <v>10</v>
      </c>
      <c r="C4712" s="1" t="s">
        <v>16402</v>
      </c>
      <c r="D4712" s="1" t="s">
        <v>10</v>
      </c>
      <c r="E4712" s="1" t="s">
        <v>10</v>
      </c>
      <c r="F4712" s="1" t="s">
        <v>10</v>
      </c>
      <c r="G4712" s="1" t="s">
        <v>10</v>
      </c>
      <c r="H4712" s="1" t="s">
        <v>10</v>
      </c>
      <c r="I4712" s="1" t="s">
        <v>16298</v>
      </c>
      <c r="J4712" s="1" t="s">
        <v>10</v>
      </c>
      <c r="K4712" s="1" t="s">
        <v>10</v>
      </c>
      <c r="L4712" s="1" t="s">
        <v>16401</v>
      </c>
      <c r="M4712" s="1" t="s">
        <v>5</v>
      </c>
      <c r="N4712" s="1" t="s">
        <v>10</v>
      </c>
      <c r="O4712" s="1" t="s">
        <v>8</v>
      </c>
      <c r="P4712" s="5"/>
    </row>
    <row r="4713" spans="1:16" x14ac:dyDescent="0.2">
      <c r="A4713" s="1" t="s">
        <v>20</v>
      </c>
      <c r="B4713" s="1" t="s">
        <v>253</v>
      </c>
      <c r="C4713" s="1" t="s">
        <v>16404</v>
      </c>
      <c r="D4713" s="1" t="s">
        <v>16405</v>
      </c>
      <c r="E4713" s="1"/>
      <c r="F4713" s="1" t="s">
        <v>27</v>
      </c>
      <c r="G4713" s="1" t="s">
        <v>1042</v>
      </c>
      <c r="H4713" s="1" t="s">
        <v>16406</v>
      </c>
      <c r="I4713" s="1" t="s">
        <v>16298</v>
      </c>
      <c r="J4713" s="1" t="s">
        <v>16386</v>
      </c>
      <c r="K4713" s="1" t="s">
        <v>7</v>
      </c>
      <c r="L4713" s="1" t="s">
        <v>16403</v>
      </c>
      <c r="M4713" s="1" t="s">
        <v>5</v>
      </c>
      <c r="N4713" s="1" t="s">
        <v>25</v>
      </c>
      <c r="O4713" s="1" t="s">
        <v>8</v>
      </c>
      <c r="P4713" s="5" t="s">
        <v>30453</v>
      </c>
    </row>
    <row r="4714" spans="1:16" x14ac:dyDescent="0.2">
      <c r="A4714" s="1" t="s">
        <v>42</v>
      </c>
      <c r="B4714" s="1" t="s">
        <v>1377</v>
      </c>
      <c r="C4714" s="1" t="s">
        <v>16408</v>
      </c>
      <c r="D4714" s="1" t="s">
        <v>16409</v>
      </c>
      <c r="E4714" s="1" t="s">
        <v>16410</v>
      </c>
      <c r="F4714" s="1" t="s">
        <v>10</v>
      </c>
      <c r="G4714" s="1" t="s">
        <v>10</v>
      </c>
      <c r="H4714" s="1" t="s">
        <v>10</v>
      </c>
      <c r="I4714" s="1" t="s">
        <v>16298</v>
      </c>
      <c r="J4714" s="1" t="s">
        <v>16366</v>
      </c>
      <c r="K4714" s="1" t="s">
        <v>7</v>
      </c>
      <c r="L4714" s="1" t="s">
        <v>16407</v>
      </c>
      <c r="M4714" s="1" t="s">
        <v>5</v>
      </c>
      <c r="N4714" s="1" t="s">
        <v>25</v>
      </c>
      <c r="O4714" s="1" t="s">
        <v>38</v>
      </c>
      <c r="P4714" s="5" t="s">
        <v>32797</v>
      </c>
    </row>
    <row r="4715" spans="1:16" x14ac:dyDescent="0.2">
      <c r="A4715" s="1" t="s">
        <v>20</v>
      </c>
      <c r="B4715" s="1" t="s">
        <v>253</v>
      </c>
      <c r="C4715" s="1" t="s">
        <v>16413</v>
      </c>
      <c r="D4715" s="1" t="s">
        <v>16411</v>
      </c>
      <c r="E4715" s="1" t="s">
        <v>16415</v>
      </c>
      <c r="F4715" s="1" t="s">
        <v>10</v>
      </c>
      <c r="G4715" s="1" t="s">
        <v>10</v>
      </c>
      <c r="H4715" s="1" t="s">
        <v>10</v>
      </c>
      <c r="I4715" s="1" t="s">
        <v>16298</v>
      </c>
      <c r="J4715" s="1" t="s">
        <v>16414</v>
      </c>
      <c r="K4715" s="1" t="s">
        <v>27</v>
      </c>
      <c r="L4715" s="1" t="s">
        <v>16412</v>
      </c>
      <c r="M4715" s="1" t="s">
        <v>5</v>
      </c>
      <c r="N4715" s="1" t="s">
        <v>25</v>
      </c>
      <c r="O4715" s="1" t="s">
        <v>38</v>
      </c>
      <c r="P4715" s="5" t="s">
        <v>30454</v>
      </c>
    </row>
    <row r="4716" spans="1:16" x14ac:dyDescent="0.2">
      <c r="A4716" s="1" t="s">
        <v>20</v>
      </c>
      <c r="B4716" s="1" t="s">
        <v>253</v>
      </c>
      <c r="C4716" s="1" t="s">
        <v>16418</v>
      </c>
      <c r="D4716" s="1" t="s">
        <v>16416</v>
      </c>
      <c r="E4716" s="1" t="s">
        <v>16419</v>
      </c>
      <c r="F4716" s="1" t="s">
        <v>10</v>
      </c>
      <c r="G4716" s="1" t="s">
        <v>10</v>
      </c>
      <c r="H4716" s="1" t="s">
        <v>10</v>
      </c>
      <c r="I4716" s="1" t="s">
        <v>16298</v>
      </c>
      <c r="J4716" s="1" t="s">
        <v>16301</v>
      </c>
      <c r="K4716" s="1" t="s">
        <v>27</v>
      </c>
      <c r="L4716" s="1" t="s">
        <v>16417</v>
      </c>
      <c r="M4716" s="1" t="s">
        <v>5</v>
      </c>
      <c r="N4716" s="1" t="s">
        <v>6</v>
      </c>
      <c r="O4716" s="1" t="s">
        <v>38</v>
      </c>
      <c r="P4716" s="5" t="s">
        <v>31770</v>
      </c>
    </row>
    <row r="4717" spans="1:16" x14ac:dyDescent="0.2">
      <c r="A4717" s="1" t="s">
        <v>10</v>
      </c>
      <c r="B4717" s="1" t="s">
        <v>376</v>
      </c>
      <c r="C4717" s="1" t="s">
        <v>16421</v>
      </c>
      <c r="D4717" s="1" t="s">
        <v>16422</v>
      </c>
      <c r="E4717" s="1" t="s">
        <v>16424</v>
      </c>
      <c r="F4717" s="1" t="s">
        <v>10</v>
      </c>
      <c r="G4717" s="1" t="s">
        <v>10</v>
      </c>
      <c r="H4717" s="1" t="s">
        <v>10</v>
      </c>
      <c r="I4717" s="1" t="s">
        <v>16298</v>
      </c>
      <c r="J4717" s="1" t="s">
        <v>16423</v>
      </c>
      <c r="K4717" s="1" t="s">
        <v>27</v>
      </c>
      <c r="L4717" s="1" t="s">
        <v>16420</v>
      </c>
      <c r="M4717" s="1" t="s">
        <v>5</v>
      </c>
      <c r="N4717" s="1" t="s">
        <v>6</v>
      </c>
      <c r="O4717" s="1" t="s">
        <v>38</v>
      </c>
      <c r="P4717" s="5" t="s">
        <v>31771</v>
      </c>
    </row>
    <row r="4718" spans="1:16" x14ac:dyDescent="0.2">
      <c r="A4718" s="1" t="s">
        <v>20</v>
      </c>
      <c r="B4718" s="1" t="s">
        <v>21</v>
      </c>
      <c r="C4718" s="1" t="s">
        <v>16426</v>
      </c>
      <c r="D4718" s="1" t="s">
        <v>2585</v>
      </c>
      <c r="E4718" s="1" t="s">
        <v>16428</v>
      </c>
      <c r="F4718" s="1" t="s">
        <v>9</v>
      </c>
      <c r="G4718" s="1" t="s">
        <v>18</v>
      </c>
      <c r="H4718" s="1" t="s">
        <v>10</v>
      </c>
      <c r="I4718" s="1" t="s">
        <v>16298</v>
      </c>
      <c r="J4718" s="1" t="s">
        <v>16427</v>
      </c>
      <c r="K4718" s="1" t="s">
        <v>130</v>
      </c>
      <c r="L4718" s="1" t="s">
        <v>16425</v>
      </c>
      <c r="M4718" s="1" t="s">
        <v>5</v>
      </c>
      <c r="N4718" s="1" t="s">
        <v>1009</v>
      </c>
      <c r="O4718" s="1" t="s">
        <v>8</v>
      </c>
      <c r="P4718" s="5" t="s">
        <v>31772</v>
      </c>
    </row>
    <row r="4719" spans="1:16" x14ac:dyDescent="0.2">
      <c r="A4719" s="1" t="s">
        <v>20</v>
      </c>
      <c r="B4719" s="1" t="s">
        <v>445</v>
      </c>
      <c r="C4719" s="1" t="s">
        <v>16431</v>
      </c>
      <c r="D4719" s="1" t="s">
        <v>10</v>
      </c>
      <c r="E4719" s="1" t="s">
        <v>16432</v>
      </c>
      <c r="F4719" s="1" t="s">
        <v>10</v>
      </c>
      <c r="G4719" s="1" t="s">
        <v>10</v>
      </c>
      <c r="H4719" s="1" t="s">
        <v>10</v>
      </c>
      <c r="I4719" s="1" t="s">
        <v>16298</v>
      </c>
      <c r="J4719" s="1" t="s">
        <v>16301</v>
      </c>
      <c r="K4719" s="1" t="s">
        <v>27</v>
      </c>
      <c r="L4719" s="1" t="s">
        <v>16430</v>
      </c>
      <c r="M4719" s="1" t="s">
        <v>5</v>
      </c>
      <c r="N4719" s="1" t="s">
        <v>25</v>
      </c>
      <c r="O4719" s="1" t="s">
        <v>38</v>
      </c>
      <c r="P4719" s="5" t="s">
        <v>30455</v>
      </c>
    </row>
    <row r="4720" spans="1:16" x14ac:dyDescent="0.2">
      <c r="A4720" s="1" t="s">
        <v>10</v>
      </c>
      <c r="B4720" s="1" t="s">
        <v>376</v>
      </c>
      <c r="C4720" s="1" t="s">
        <v>16434</v>
      </c>
      <c r="D4720" s="1" t="s">
        <v>4820</v>
      </c>
      <c r="E4720" s="1" t="s">
        <v>16435</v>
      </c>
      <c r="F4720" s="1" t="s">
        <v>10</v>
      </c>
      <c r="G4720" s="1" t="s">
        <v>10</v>
      </c>
      <c r="H4720" s="1" t="s">
        <v>10</v>
      </c>
      <c r="I4720" s="1" t="s">
        <v>16298</v>
      </c>
      <c r="J4720" s="1" t="s">
        <v>16366</v>
      </c>
      <c r="K4720" s="1" t="s">
        <v>27</v>
      </c>
      <c r="L4720" s="1" t="s">
        <v>16433</v>
      </c>
      <c r="M4720" s="1" t="s">
        <v>5</v>
      </c>
      <c r="N4720" s="1" t="s">
        <v>25</v>
      </c>
      <c r="O4720" s="1" t="s">
        <v>38</v>
      </c>
      <c r="P4720" s="5" t="s">
        <v>30454</v>
      </c>
    </row>
    <row r="4721" spans="1:16" x14ac:dyDescent="0.2">
      <c r="A4721" s="1" t="s">
        <v>10</v>
      </c>
      <c r="B4721" s="1" t="s">
        <v>376</v>
      </c>
      <c r="C4721" s="1" t="s">
        <v>16437</v>
      </c>
      <c r="D4721" s="1" t="s">
        <v>16438</v>
      </c>
      <c r="E4721" s="1" t="s">
        <v>16439</v>
      </c>
      <c r="F4721" s="1" t="s">
        <v>27</v>
      </c>
      <c r="G4721" s="1" t="s">
        <v>1042</v>
      </c>
      <c r="H4721" s="1" t="s">
        <v>16440</v>
      </c>
      <c r="I4721" s="1" t="s">
        <v>16298</v>
      </c>
      <c r="J4721" s="1" t="s">
        <v>16321</v>
      </c>
      <c r="K4721" s="1" t="s">
        <v>9093</v>
      </c>
      <c r="L4721" s="1" t="s">
        <v>16436</v>
      </c>
      <c r="M4721" s="1" t="s">
        <v>5</v>
      </c>
      <c r="N4721" s="1" t="s">
        <v>10</v>
      </c>
      <c r="O4721" s="1" t="s">
        <v>8</v>
      </c>
      <c r="P4721" s="5" t="s">
        <v>29821</v>
      </c>
    </row>
    <row r="4722" spans="1:16" x14ac:dyDescent="0.2">
      <c r="A4722" s="1" t="s">
        <v>20</v>
      </c>
      <c r="B4722" s="1" t="s">
        <v>309</v>
      </c>
      <c r="C4722" s="1" t="s">
        <v>16443</v>
      </c>
      <c r="D4722" s="1" t="s">
        <v>16441</v>
      </c>
      <c r="E4722" s="1" t="s">
        <v>16444</v>
      </c>
      <c r="F4722" s="1" t="s">
        <v>10</v>
      </c>
      <c r="G4722" s="1" t="s">
        <v>10</v>
      </c>
      <c r="H4722" s="1" t="s">
        <v>10</v>
      </c>
      <c r="I4722" s="1" t="s">
        <v>16298</v>
      </c>
      <c r="J4722" s="1" t="s">
        <v>16301</v>
      </c>
      <c r="K4722" s="1" t="s">
        <v>27</v>
      </c>
      <c r="L4722" s="1" t="s">
        <v>16442</v>
      </c>
      <c r="M4722" s="1" t="s">
        <v>5</v>
      </c>
      <c r="N4722" s="1" t="s">
        <v>25</v>
      </c>
      <c r="O4722" s="1" t="s">
        <v>38</v>
      </c>
      <c r="P4722" s="5" t="s">
        <v>31769</v>
      </c>
    </row>
    <row r="4723" spans="1:16" x14ac:dyDescent="0.2">
      <c r="A4723" s="1" t="s">
        <v>10</v>
      </c>
      <c r="B4723" s="1" t="s">
        <v>376</v>
      </c>
      <c r="C4723" s="1" t="s">
        <v>16446</v>
      </c>
      <c r="D4723" s="1" t="s">
        <v>16447</v>
      </c>
      <c r="E4723" s="1" t="s">
        <v>16448</v>
      </c>
      <c r="F4723" s="1" t="s">
        <v>27</v>
      </c>
      <c r="G4723" s="1" t="s">
        <v>1042</v>
      </c>
      <c r="H4723" s="1" t="s">
        <v>16449</v>
      </c>
      <c r="I4723" s="1" t="s">
        <v>16298</v>
      </c>
      <c r="J4723" s="1" t="s">
        <v>16321</v>
      </c>
      <c r="K4723" s="1" t="s">
        <v>9093</v>
      </c>
      <c r="L4723" s="1" t="s">
        <v>16445</v>
      </c>
      <c r="M4723" s="1" t="s">
        <v>5</v>
      </c>
      <c r="N4723" s="1" t="s">
        <v>10</v>
      </c>
      <c r="O4723" s="1" t="s">
        <v>8</v>
      </c>
      <c r="P4723" s="5" t="s">
        <v>31773</v>
      </c>
    </row>
    <row r="4724" spans="1:16" x14ac:dyDescent="0.2">
      <c r="A4724" s="1" t="s">
        <v>20</v>
      </c>
      <c r="B4724" s="1" t="s">
        <v>253</v>
      </c>
      <c r="C4724" s="1" t="s">
        <v>16451</v>
      </c>
      <c r="D4724" s="1" t="s">
        <v>10</v>
      </c>
      <c r="E4724" s="1" t="s">
        <v>16452</v>
      </c>
      <c r="F4724" s="1" t="s">
        <v>10</v>
      </c>
      <c r="G4724" s="1" t="s">
        <v>10</v>
      </c>
      <c r="H4724" s="1" t="s">
        <v>10</v>
      </c>
      <c r="I4724" s="1" t="s">
        <v>16298</v>
      </c>
      <c r="J4724" s="1" t="s">
        <v>16301</v>
      </c>
      <c r="K4724" s="1" t="s">
        <v>27</v>
      </c>
      <c r="L4724" s="1" t="s">
        <v>16450</v>
      </c>
      <c r="M4724" s="1" t="s">
        <v>5</v>
      </c>
      <c r="N4724" s="1" t="s">
        <v>25</v>
      </c>
      <c r="O4724" s="1" t="s">
        <v>38</v>
      </c>
      <c r="P4724" s="5" t="s">
        <v>30907</v>
      </c>
    </row>
    <row r="4725" spans="1:16" x14ac:dyDescent="0.2">
      <c r="A4725" s="1" t="s">
        <v>66</v>
      </c>
      <c r="B4725" s="1" t="s">
        <v>574</v>
      </c>
      <c r="C4725" s="1" t="s">
        <v>16455</v>
      </c>
      <c r="D4725" s="1" t="s">
        <v>16453</v>
      </c>
      <c r="E4725" s="1" t="s">
        <v>16456</v>
      </c>
      <c r="F4725" s="1" t="s">
        <v>27</v>
      </c>
      <c r="G4725" s="1" t="s">
        <v>1042</v>
      </c>
      <c r="H4725" s="1" t="s">
        <v>16458</v>
      </c>
      <c r="I4725" s="1" t="s">
        <v>16298</v>
      </c>
      <c r="J4725" s="1" t="s">
        <v>16301</v>
      </c>
      <c r="K4725" s="1" t="s">
        <v>27</v>
      </c>
      <c r="L4725" s="1" t="s">
        <v>16454</v>
      </c>
      <c r="M4725" s="1" t="s">
        <v>5</v>
      </c>
      <c r="N4725" s="1" t="s">
        <v>25</v>
      </c>
      <c r="O4725" s="1" t="s">
        <v>8</v>
      </c>
      <c r="P4725" s="5" t="s">
        <v>31774</v>
      </c>
    </row>
    <row r="4726" spans="1:16" x14ac:dyDescent="0.2">
      <c r="A4726" s="1" t="s">
        <v>20</v>
      </c>
      <c r="B4726" s="1" t="s">
        <v>445</v>
      </c>
      <c r="C4726" s="1" t="s">
        <v>16460</v>
      </c>
      <c r="D4726" s="1" t="s">
        <v>16461</v>
      </c>
      <c r="E4726" s="1" t="s">
        <v>16462</v>
      </c>
      <c r="F4726" s="1" t="s">
        <v>10</v>
      </c>
      <c r="G4726" s="1" t="s">
        <v>10</v>
      </c>
      <c r="H4726" s="1" t="s">
        <v>10</v>
      </c>
      <c r="I4726" s="1" t="s">
        <v>16298</v>
      </c>
      <c r="J4726" s="1" t="s">
        <v>16301</v>
      </c>
      <c r="K4726" s="1" t="s">
        <v>27</v>
      </c>
      <c r="L4726" s="1" t="s">
        <v>16459</v>
      </c>
      <c r="M4726" s="1" t="s">
        <v>5</v>
      </c>
      <c r="N4726" s="1" t="s">
        <v>25</v>
      </c>
      <c r="O4726" s="1" t="s">
        <v>38</v>
      </c>
      <c r="P4726" s="5" t="s">
        <v>30456</v>
      </c>
    </row>
    <row r="4727" spans="1:16" x14ac:dyDescent="0.2">
      <c r="A4727" s="1" t="s">
        <v>20</v>
      </c>
      <c r="B4727" s="1" t="s">
        <v>445</v>
      </c>
      <c r="C4727" s="1" t="s">
        <v>16464</v>
      </c>
      <c r="D4727" s="1" t="s">
        <v>10</v>
      </c>
      <c r="E4727" s="1" t="s">
        <v>16465</v>
      </c>
      <c r="F4727" s="1" t="s">
        <v>10</v>
      </c>
      <c r="G4727" s="1" t="s">
        <v>10</v>
      </c>
      <c r="H4727" s="1" t="s">
        <v>10</v>
      </c>
      <c r="I4727" s="1" t="s">
        <v>16298</v>
      </c>
      <c r="J4727" s="1" t="s">
        <v>16301</v>
      </c>
      <c r="K4727" s="1" t="s">
        <v>7</v>
      </c>
      <c r="L4727" s="1" t="s">
        <v>16463</v>
      </c>
      <c r="M4727" s="1" t="s">
        <v>5</v>
      </c>
      <c r="N4727" s="1" t="s">
        <v>25</v>
      </c>
      <c r="O4727" s="1" t="s">
        <v>38</v>
      </c>
      <c r="P4727" s="5" t="s">
        <v>30455</v>
      </c>
    </row>
    <row r="4728" spans="1:16" x14ac:dyDescent="0.2">
      <c r="A4728" s="1" t="s">
        <v>1385</v>
      </c>
      <c r="B4728" s="1" t="s">
        <v>2028</v>
      </c>
      <c r="C4728" s="1" t="s">
        <v>16467</v>
      </c>
      <c r="D4728" s="1" t="s">
        <v>10</v>
      </c>
      <c r="E4728" s="1"/>
      <c r="F4728" s="1" t="s">
        <v>10</v>
      </c>
      <c r="G4728" s="1" t="s">
        <v>10</v>
      </c>
      <c r="H4728" s="1" t="s">
        <v>10</v>
      </c>
      <c r="I4728" s="1" t="s">
        <v>16298</v>
      </c>
      <c r="J4728" s="1" t="s">
        <v>16301</v>
      </c>
      <c r="K4728" s="1" t="s">
        <v>7</v>
      </c>
      <c r="L4728" s="1" t="s">
        <v>16466</v>
      </c>
      <c r="M4728" s="1" t="s">
        <v>5</v>
      </c>
      <c r="N4728" s="1" t="s">
        <v>25</v>
      </c>
      <c r="O4728" s="1" t="s">
        <v>38</v>
      </c>
      <c r="P4728" s="5" t="s">
        <v>30457</v>
      </c>
    </row>
    <row r="4729" spans="1:16" x14ac:dyDescent="0.2">
      <c r="A4729" s="1" t="s">
        <v>20</v>
      </c>
      <c r="B4729" s="1" t="s">
        <v>93</v>
      </c>
      <c r="C4729" s="1" t="s">
        <v>16469</v>
      </c>
      <c r="D4729" s="1" t="s">
        <v>10</v>
      </c>
      <c r="E4729" s="1" t="s">
        <v>16469</v>
      </c>
      <c r="F4729" s="1" t="s">
        <v>10</v>
      </c>
      <c r="G4729" s="1" t="s">
        <v>10</v>
      </c>
      <c r="H4729" s="1" t="s">
        <v>10</v>
      </c>
      <c r="I4729" s="1" t="s">
        <v>16298</v>
      </c>
      <c r="J4729" s="1" t="s">
        <v>16301</v>
      </c>
      <c r="K4729" s="1" t="s">
        <v>7</v>
      </c>
      <c r="L4729" s="1" t="s">
        <v>16468</v>
      </c>
      <c r="M4729" s="1" t="s">
        <v>5</v>
      </c>
      <c r="N4729" s="1" t="s">
        <v>25</v>
      </c>
      <c r="O4729" s="1" t="s">
        <v>38</v>
      </c>
      <c r="P4729" s="5" t="s">
        <v>31769</v>
      </c>
    </row>
    <row r="4730" spans="1:16" x14ac:dyDescent="0.2">
      <c r="A4730" s="1" t="s">
        <v>20</v>
      </c>
      <c r="B4730" s="1" t="s">
        <v>445</v>
      </c>
      <c r="C4730" s="1" t="s">
        <v>16471</v>
      </c>
      <c r="D4730" s="1" t="s">
        <v>10</v>
      </c>
      <c r="E4730" s="1" t="s">
        <v>16472</v>
      </c>
      <c r="F4730" s="1" t="s">
        <v>10</v>
      </c>
      <c r="G4730" s="1" t="s">
        <v>10</v>
      </c>
      <c r="H4730" s="1" t="s">
        <v>10</v>
      </c>
      <c r="I4730" s="1" t="s">
        <v>16298</v>
      </c>
      <c r="J4730" s="1" t="s">
        <v>16301</v>
      </c>
      <c r="K4730" s="1" t="s">
        <v>27</v>
      </c>
      <c r="L4730" s="1" t="s">
        <v>16470</v>
      </c>
      <c r="M4730" s="1" t="s">
        <v>5</v>
      </c>
      <c r="N4730" s="1" t="s">
        <v>25</v>
      </c>
      <c r="O4730" s="1" t="s">
        <v>38</v>
      </c>
      <c r="P4730" s="5" t="s">
        <v>30455</v>
      </c>
    </row>
    <row r="4731" spans="1:16" x14ac:dyDescent="0.2">
      <c r="A4731" s="1" t="s">
        <v>10</v>
      </c>
      <c r="B4731" s="1" t="s">
        <v>10</v>
      </c>
      <c r="C4731" s="1" t="s">
        <v>15238</v>
      </c>
      <c r="D4731" s="1" t="s">
        <v>10</v>
      </c>
      <c r="E4731" s="1" t="s">
        <v>16474</v>
      </c>
      <c r="F4731" s="1" t="s">
        <v>10</v>
      </c>
      <c r="G4731" s="1" t="s">
        <v>10</v>
      </c>
      <c r="H4731" s="1" t="s">
        <v>16475</v>
      </c>
      <c r="I4731" s="1" t="s">
        <v>16298</v>
      </c>
      <c r="J4731" s="1" t="s">
        <v>16337</v>
      </c>
      <c r="K4731" s="1" t="s">
        <v>64</v>
      </c>
      <c r="L4731" s="1" t="s">
        <v>16473</v>
      </c>
      <c r="M4731" s="1" t="s">
        <v>5</v>
      </c>
      <c r="N4731" s="1" t="s">
        <v>1009</v>
      </c>
      <c r="O4731" s="1" t="s">
        <v>8</v>
      </c>
      <c r="P4731" s="5" t="s">
        <v>30458</v>
      </c>
    </row>
    <row r="4732" spans="1:16" x14ac:dyDescent="0.2">
      <c r="A4732" s="1" t="s">
        <v>20</v>
      </c>
      <c r="B4732" s="1" t="s">
        <v>253</v>
      </c>
      <c r="C4732" s="1" t="s">
        <v>16477</v>
      </c>
      <c r="D4732" s="1" t="s">
        <v>16478</v>
      </c>
      <c r="E4732" s="1" t="s">
        <v>16479</v>
      </c>
      <c r="F4732" s="1" t="s">
        <v>10</v>
      </c>
      <c r="G4732" s="1" t="s">
        <v>10</v>
      </c>
      <c r="H4732" s="1" t="s">
        <v>10</v>
      </c>
      <c r="I4732" s="1" t="s">
        <v>16298</v>
      </c>
      <c r="J4732" s="1" t="s">
        <v>16301</v>
      </c>
      <c r="K4732" s="1" t="s">
        <v>7</v>
      </c>
      <c r="L4732" s="1" t="s">
        <v>16476</v>
      </c>
      <c r="M4732" s="1" t="s">
        <v>5</v>
      </c>
      <c r="N4732" s="1" t="s">
        <v>25</v>
      </c>
      <c r="O4732" s="1" t="s">
        <v>38</v>
      </c>
      <c r="P4732" s="5" t="s">
        <v>30456</v>
      </c>
    </row>
    <row r="4733" spans="1:16" x14ac:dyDescent="0.2">
      <c r="A4733" s="1" t="s">
        <v>10</v>
      </c>
      <c r="B4733" s="1" t="s">
        <v>376</v>
      </c>
      <c r="C4733" s="1" t="s">
        <v>16481</v>
      </c>
      <c r="D4733" s="1" t="s">
        <v>16482</v>
      </c>
      <c r="E4733" s="1" t="s">
        <v>16483</v>
      </c>
      <c r="F4733" s="1" t="s">
        <v>10</v>
      </c>
      <c r="G4733" s="1" t="s">
        <v>10</v>
      </c>
      <c r="H4733" s="1" t="s">
        <v>10</v>
      </c>
      <c r="I4733" s="1" t="s">
        <v>16298</v>
      </c>
      <c r="J4733" s="1" t="s">
        <v>16366</v>
      </c>
      <c r="K4733" s="1" t="s">
        <v>27</v>
      </c>
      <c r="L4733" s="1" t="s">
        <v>16480</v>
      </c>
      <c r="M4733" s="1" t="s">
        <v>5</v>
      </c>
      <c r="N4733" s="1" t="s">
        <v>25</v>
      </c>
      <c r="O4733" s="1" t="s">
        <v>38</v>
      </c>
      <c r="P4733" s="5" t="s">
        <v>30454</v>
      </c>
    </row>
    <row r="4734" spans="1:16" x14ac:dyDescent="0.2">
      <c r="A4734" s="1" t="s">
        <v>66</v>
      </c>
      <c r="B4734" s="1" t="s">
        <v>574</v>
      </c>
      <c r="C4734" s="1" t="s">
        <v>16485</v>
      </c>
      <c r="D4734" s="1" t="s">
        <v>16486</v>
      </c>
      <c r="E4734" s="1" t="s">
        <v>16488</v>
      </c>
      <c r="F4734" s="1" t="s">
        <v>27</v>
      </c>
      <c r="G4734" s="1" t="s">
        <v>10</v>
      </c>
      <c r="H4734" s="1" t="s">
        <v>905</v>
      </c>
      <c r="I4734" s="1" t="s">
        <v>16298</v>
      </c>
      <c r="J4734" s="1" t="s">
        <v>16487</v>
      </c>
      <c r="K4734" s="1" t="s">
        <v>100</v>
      </c>
      <c r="L4734" s="1" t="s">
        <v>16484</v>
      </c>
      <c r="M4734" s="1" t="s">
        <v>5</v>
      </c>
      <c r="N4734" s="1" t="s">
        <v>25</v>
      </c>
      <c r="O4734" s="1" t="s">
        <v>8</v>
      </c>
      <c r="P4734" s="5" t="s">
        <v>31774</v>
      </c>
    </row>
    <row r="4735" spans="1:16" x14ac:dyDescent="0.2">
      <c r="A4735" s="1" t="s">
        <v>20</v>
      </c>
      <c r="B4735" s="1" t="s">
        <v>253</v>
      </c>
      <c r="C4735" s="1" t="s">
        <v>16490</v>
      </c>
      <c r="D4735" s="1" t="s">
        <v>16491</v>
      </c>
      <c r="E4735" s="1"/>
      <c r="F4735" s="1" t="s">
        <v>27</v>
      </c>
      <c r="G4735" s="1" t="s">
        <v>10</v>
      </c>
      <c r="H4735" s="1" t="s">
        <v>16492</v>
      </c>
      <c r="I4735" s="1" t="s">
        <v>16298</v>
      </c>
      <c r="J4735" s="1" t="s">
        <v>16382</v>
      </c>
      <c r="K4735" s="1" t="s">
        <v>37</v>
      </c>
      <c r="L4735" s="1" t="s">
        <v>16489</v>
      </c>
      <c r="M4735" s="1" t="s">
        <v>5</v>
      </c>
      <c r="N4735" s="1" t="s">
        <v>1009</v>
      </c>
      <c r="O4735" s="1" t="s">
        <v>38</v>
      </c>
      <c r="P4735" s="5" t="s">
        <v>32798</v>
      </c>
    </row>
    <row r="4736" spans="1:16" x14ac:dyDescent="0.2">
      <c r="A4736" s="1" t="s">
        <v>66</v>
      </c>
      <c r="B4736" s="1" t="s">
        <v>574</v>
      </c>
      <c r="C4736" s="1" t="s">
        <v>3862</v>
      </c>
      <c r="D4736" s="1" t="s">
        <v>10</v>
      </c>
      <c r="E4736" s="1" t="s">
        <v>10</v>
      </c>
      <c r="F4736" s="1" t="s">
        <v>10</v>
      </c>
      <c r="G4736" s="1" t="s">
        <v>10</v>
      </c>
      <c r="H4736" s="1" t="s">
        <v>905</v>
      </c>
      <c r="I4736" s="1" t="s">
        <v>16298</v>
      </c>
      <c r="J4736" s="1" t="s">
        <v>16306</v>
      </c>
      <c r="K4736" s="1" t="s">
        <v>7</v>
      </c>
      <c r="L4736" s="1" t="s">
        <v>16493</v>
      </c>
      <c r="M4736" s="1" t="s">
        <v>5</v>
      </c>
      <c r="N4736" s="1" t="s">
        <v>25</v>
      </c>
      <c r="O4736" s="1" t="s">
        <v>8</v>
      </c>
      <c r="P4736" s="5" t="s">
        <v>31775</v>
      </c>
    </row>
    <row r="4737" spans="1:16" x14ac:dyDescent="0.2">
      <c r="A4737" s="1" t="s">
        <v>20</v>
      </c>
      <c r="B4737" s="1" t="s">
        <v>1047</v>
      </c>
      <c r="C4737" s="1" t="s">
        <v>16496</v>
      </c>
      <c r="D4737" s="1" t="s">
        <v>16494</v>
      </c>
      <c r="E4737" s="1" t="s">
        <v>16497</v>
      </c>
      <c r="F4737" s="1" t="s">
        <v>10</v>
      </c>
      <c r="G4737" s="1" t="s">
        <v>10</v>
      </c>
      <c r="H4737" s="1" t="s">
        <v>10</v>
      </c>
      <c r="I4737" s="1" t="s">
        <v>16298</v>
      </c>
      <c r="J4737" s="1" t="s">
        <v>16301</v>
      </c>
      <c r="K4737" s="1" t="s">
        <v>27</v>
      </c>
      <c r="L4737" s="1" t="s">
        <v>16495</v>
      </c>
      <c r="M4737" s="1" t="s">
        <v>5</v>
      </c>
      <c r="N4737" s="1" t="s">
        <v>1009</v>
      </c>
      <c r="O4737" s="1" t="s">
        <v>38</v>
      </c>
      <c r="P4737" s="5" t="s">
        <v>31764</v>
      </c>
    </row>
    <row r="4738" spans="1:16" x14ac:dyDescent="0.2">
      <c r="A4738" s="1" t="s">
        <v>10</v>
      </c>
      <c r="B4738" s="1" t="s">
        <v>376</v>
      </c>
      <c r="C4738" s="1" t="s">
        <v>16501</v>
      </c>
      <c r="D4738" s="1" t="s">
        <v>16499</v>
      </c>
      <c r="E4738" s="1" t="s">
        <v>16502</v>
      </c>
      <c r="F4738" s="1" t="s">
        <v>10</v>
      </c>
      <c r="G4738" s="1" t="s">
        <v>10</v>
      </c>
      <c r="H4738" s="1" t="s">
        <v>10</v>
      </c>
      <c r="I4738" s="1" t="s">
        <v>16298</v>
      </c>
      <c r="J4738" s="1" t="s">
        <v>16423</v>
      </c>
      <c r="K4738" s="1" t="s">
        <v>27</v>
      </c>
      <c r="L4738" s="1" t="s">
        <v>16500</v>
      </c>
      <c r="M4738" s="1" t="s">
        <v>5</v>
      </c>
      <c r="N4738" s="1" t="s">
        <v>25</v>
      </c>
      <c r="O4738" s="1" t="s">
        <v>38</v>
      </c>
      <c r="P4738" s="5" t="s">
        <v>30459</v>
      </c>
    </row>
    <row r="4739" spans="1:16" x14ac:dyDescent="0.2">
      <c r="A4739" s="1" t="s">
        <v>10</v>
      </c>
      <c r="B4739" s="1" t="s">
        <v>10</v>
      </c>
      <c r="C4739" s="1" t="s">
        <v>16504</v>
      </c>
      <c r="D4739" s="1" t="s">
        <v>10</v>
      </c>
      <c r="E4739" s="1" t="s">
        <v>16505</v>
      </c>
      <c r="F4739" s="1" t="s">
        <v>10</v>
      </c>
      <c r="G4739" s="1" t="s">
        <v>10</v>
      </c>
      <c r="H4739" s="1" t="s">
        <v>10</v>
      </c>
      <c r="I4739" s="1" t="s">
        <v>16298</v>
      </c>
      <c r="J4739" s="1" t="s">
        <v>16423</v>
      </c>
      <c r="K4739" s="1" t="s">
        <v>27</v>
      </c>
      <c r="L4739" s="1" t="s">
        <v>16503</v>
      </c>
      <c r="M4739" s="1" t="s">
        <v>5</v>
      </c>
      <c r="N4739" s="1" t="s">
        <v>25</v>
      </c>
      <c r="O4739" s="1" t="s">
        <v>38</v>
      </c>
      <c r="P4739" s="5" t="s">
        <v>30460</v>
      </c>
    </row>
    <row r="4740" spans="1:16" x14ac:dyDescent="0.2">
      <c r="A4740" s="1" t="s">
        <v>20</v>
      </c>
      <c r="B4740" s="1" t="s">
        <v>253</v>
      </c>
      <c r="C4740" s="1" t="s">
        <v>16507</v>
      </c>
      <c r="D4740" s="1" t="s">
        <v>10</v>
      </c>
      <c r="E4740" s="1" t="s">
        <v>16508</v>
      </c>
      <c r="F4740" s="1" t="s">
        <v>10</v>
      </c>
      <c r="G4740" s="1" t="s">
        <v>10</v>
      </c>
      <c r="H4740" s="1" t="s">
        <v>10</v>
      </c>
      <c r="I4740" s="1" t="s">
        <v>16298</v>
      </c>
      <c r="J4740" s="1" t="s">
        <v>16301</v>
      </c>
      <c r="K4740" s="1" t="s">
        <v>27</v>
      </c>
      <c r="L4740" s="1" t="s">
        <v>16506</v>
      </c>
      <c r="M4740" s="1" t="s">
        <v>5</v>
      </c>
      <c r="N4740" s="1" t="s">
        <v>1009</v>
      </c>
      <c r="O4740" s="1" t="s">
        <v>38</v>
      </c>
      <c r="P4740" s="5" t="s">
        <v>31765</v>
      </c>
    </row>
    <row r="4741" spans="1:16" x14ac:dyDescent="0.2">
      <c r="A4741" s="1" t="s">
        <v>20</v>
      </c>
      <c r="B4741" s="1" t="s">
        <v>445</v>
      </c>
      <c r="C4741" s="1" t="s">
        <v>16510</v>
      </c>
      <c r="D4741" s="1" t="s">
        <v>10</v>
      </c>
      <c r="E4741" s="1" t="s">
        <v>16511</v>
      </c>
      <c r="F4741" s="1" t="s">
        <v>10</v>
      </c>
      <c r="G4741" s="1" t="s">
        <v>10</v>
      </c>
      <c r="H4741" s="1" t="s">
        <v>10</v>
      </c>
      <c r="I4741" s="1" t="s">
        <v>16298</v>
      </c>
      <c r="J4741" s="1" t="s">
        <v>16301</v>
      </c>
      <c r="K4741" s="1" t="s">
        <v>7</v>
      </c>
      <c r="L4741" s="1" t="s">
        <v>16509</v>
      </c>
      <c r="M4741" s="1" t="s">
        <v>5</v>
      </c>
      <c r="N4741" s="1" t="s">
        <v>25</v>
      </c>
      <c r="O4741" s="1" t="s">
        <v>38</v>
      </c>
      <c r="P4741" s="5" t="s">
        <v>30461</v>
      </c>
    </row>
    <row r="4742" spans="1:16" x14ac:dyDescent="0.2">
      <c r="A4742" s="1" t="s">
        <v>20</v>
      </c>
      <c r="B4742" s="1" t="s">
        <v>172</v>
      </c>
      <c r="C4742" s="1" t="s">
        <v>16513</v>
      </c>
      <c r="D4742" s="1" t="s">
        <v>10</v>
      </c>
      <c r="E4742" s="1" t="s">
        <v>16514</v>
      </c>
      <c r="F4742" s="1" t="s">
        <v>10</v>
      </c>
      <c r="G4742" s="1" t="s">
        <v>10</v>
      </c>
      <c r="H4742" s="1" t="s">
        <v>10</v>
      </c>
      <c r="I4742" s="1" t="s">
        <v>16298</v>
      </c>
      <c r="J4742" s="1" t="s">
        <v>16301</v>
      </c>
      <c r="K4742" s="1" t="s">
        <v>64</v>
      </c>
      <c r="L4742" s="1" t="s">
        <v>16512</v>
      </c>
      <c r="M4742" s="1" t="s">
        <v>5</v>
      </c>
      <c r="N4742" s="1" t="s">
        <v>25</v>
      </c>
      <c r="O4742" s="1" t="s">
        <v>38</v>
      </c>
      <c r="P4742" s="5" t="s">
        <v>10</v>
      </c>
    </row>
    <row r="4743" spans="1:16" x14ac:dyDescent="0.2">
      <c r="A4743" s="1" t="s">
        <v>20</v>
      </c>
      <c r="B4743" s="1" t="s">
        <v>101</v>
      </c>
      <c r="C4743" s="1" t="s">
        <v>16516</v>
      </c>
      <c r="D4743" s="1" t="s">
        <v>16517</v>
      </c>
      <c r="E4743" s="1" t="s">
        <v>16518</v>
      </c>
      <c r="F4743" s="1" t="s">
        <v>522</v>
      </c>
      <c r="G4743" s="1" t="s">
        <v>1049</v>
      </c>
      <c r="H4743" s="1" t="s">
        <v>10</v>
      </c>
      <c r="I4743" s="1" t="s">
        <v>16298</v>
      </c>
      <c r="J4743" s="1" t="s">
        <v>16321</v>
      </c>
      <c r="K4743" s="1" t="s">
        <v>7367</v>
      </c>
      <c r="L4743" s="1" t="s">
        <v>16515</v>
      </c>
      <c r="M4743" s="1" t="s">
        <v>5</v>
      </c>
      <c r="N4743" s="1" t="s">
        <v>25</v>
      </c>
      <c r="O4743" s="1" t="s">
        <v>8</v>
      </c>
      <c r="P4743" s="5" t="s">
        <v>30481</v>
      </c>
    </row>
    <row r="4744" spans="1:16" x14ac:dyDescent="0.2">
      <c r="A4744" s="1" t="s">
        <v>42</v>
      </c>
      <c r="B4744" s="1" t="s">
        <v>1377</v>
      </c>
      <c r="C4744" s="1" t="s">
        <v>16520</v>
      </c>
      <c r="D4744" s="1" t="s">
        <v>16521</v>
      </c>
      <c r="E4744" s="1" t="s">
        <v>16522</v>
      </c>
      <c r="F4744" s="1" t="s">
        <v>10</v>
      </c>
      <c r="G4744" s="1" t="s">
        <v>10</v>
      </c>
      <c r="H4744" s="1" t="s">
        <v>14929</v>
      </c>
      <c r="I4744" s="1" t="s">
        <v>16298</v>
      </c>
      <c r="J4744" s="1" t="s">
        <v>16487</v>
      </c>
      <c r="K4744" s="1" t="s">
        <v>3857</v>
      </c>
      <c r="L4744" s="1" t="s">
        <v>16519</v>
      </c>
      <c r="M4744" s="1" t="s">
        <v>5</v>
      </c>
      <c r="N4744" s="1" t="s">
        <v>1009</v>
      </c>
      <c r="O4744" s="1" t="s">
        <v>38</v>
      </c>
      <c r="P4744" s="5" t="s">
        <v>31776</v>
      </c>
    </row>
    <row r="4745" spans="1:16" x14ac:dyDescent="0.2">
      <c r="A4745" s="1" t="s">
        <v>1086</v>
      </c>
      <c r="B4745" s="1" t="s">
        <v>1400</v>
      </c>
      <c r="C4745" s="1" t="s">
        <v>16524</v>
      </c>
      <c r="D4745" s="1" t="s">
        <v>16525</v>
      </c>
      <c r="E4745" s="1" t="s">
        <v>16526</v>
      </c>
      <c r="F4745" s="1" t="s">
        <v>27</v>
      </c>
      <c r="G4745" s="1" t="s">
        <v>1042</v>
      </c>
      <c r="H4745" s="1" t="s">
        <v>16527</v>
      </c>
      <c r="I4745" s="1" t="s">
        <v>16298</v>
      </c>
      <c r="J4745" s="1" t="s">
        <v>16306</v>
      </c>
      <c r="K4745" s="1" t="s">
        <v>64</v>
      </c>
      <c r="L4745" s="1" t="s">
        <v>16523</v>
      </c>
      <c r="M4745" s="1" t="s">
        <v>5</v>
      </c>
      <c r="N4745" s="1" t="s">
        <v>25</v>
      </c>
      <c r="O4745" s="1" t="s">
        <v>8</v>
      </c>
      <c r="P4745" s="5" t="s">
        <v>30462</v>
      </c>
    </row>
    <row r="4746" spans="1:16" x14ac:dyDescent="0.2">
      <c r="A4746" s="1" t="s">
        <v>20</v>
      </c>
      <c r="B4746" s="1" t="s">
        <v>253</v>
      </c>
      <c r="C4746" s="1" t="s">
        <v>16529</v>
      </c>
      <c r="D4746" s="1" t="s">
        <v>16530</v>
      </c>
      <c r="E4746" s="1" t="s">
        <v>16532</v>
      </c>
      <c r="F4746" s="1" t="s">
        <v>10</v>
      </c>
      <c r="G4746" s="1" t="s">
        <v>10</v>
      </c>
      <c r="H4746" s="1" t="s">
        <v>10</v>
      </c>
      <c r="I4746" s="1" t="s">
        <v>16298</v>
      </c>
      <c r="J4746" s="1" t="s">
        <v>16531</v>
      </c>
      <c r="K4746" s="1" t="s">
        <v>27</v>
      </c>
      <c r="L4746" s="1" t="s">
        <v>16528</v>
      </c>
      <c r="M4746" s="1" t="s">
        <v>5</v>
      </c>
      <c r="N4746" s="1" t="s">
        <v>25</v>
      </c>
      <c r="O4746" s="1" t="s">
        <v>38</v>
      </c>
      <c r="P4746" s="5" t="s">
        <v>32799</v>
      </c>
    </row>
    <row r="4747" spans="1:16" x14ac:dyDescent="0.2">
      <c r="A4747" s="1" t="s">
        <v>10</v>
      </c>
      <c r="B4747" s="1" t="s">
        <v>376</v>
      </c>
      <c r="C4747" s="1" t="s">
        <v>16535</v>
      </c>
      <c r="D4747" s="1" t="s">
        <v>16533</v>
      </c>
      <c r="E4747" s="1" t="s">
        <v>16536</v>
      </c>
      <c r="F4747" s="1" t="s">
        <v>10</v>
      </c>
      <c r="G4747" s="1" t="s">
        <v>10</v>
      </c>
      <c r="H4747" s="1" t="s">
        <v>10</v>
      </c>
      <c r="I4747" s="1" t="s">
        <v>16298</v>
      </c>
      <c r="J4747" s="1" t="s">
        <v>16301</v>
      </c>
      <c r="K4747" s="1" t="s">
        <v>27</v>
      </c>
      <c r="L4747" s="1" t="s">
        <v>16534</v>
      </c>
      <c r="M4747" s="1" t="s">
        <v>5</v>
      </c>
      <c r="N4747" s="1" t="s">
        <v>10</v>
      </c>
      <c r="O4747" s="1" t="s">
        <v>38</v>
      </c>
      <c r="P4747" s="5" t="s">
        <v>32800</v>
      </c>
    </row>
    <row r="4748" spans="1:16" x14ac:dyDescent="0.2">
      <c r="A4748" s="1" t="s">
        <v>42</v>
      </c>
      <c r="B4748" s="1" t="s">
        <v>966</v>
      </c>
      <c r="C4748" s="1" t="s">
        <v>16539</v>
      </c>
      <c r="D4748" s="1" t="s">
        <v>16537</v>
      </c>
      <c r="E4748" s="1" t="s">
        <v>16540</v>
      </c>
      <c r="F4748" s="1" t="s">
        <v>1306</v>
      </c>
      <c r="G4748" s="1" t="s">
        <v>1623</v>
      </c>
      <c r="H4748" s="1" t="s">
        <v>16541</v>
      </c>
      <c r="I4748" s="1" t="s">
        <v>16298</v>
      </c>
      <c r="J4748" s="1" t="s">
        <v>16306</v>
      </c>
      <c r="K4748" s="1" t="s">
        <v>64</v>
      </c>
      <c r="L4748" s="1" t="s">
        <v>16538</v>
      </c>
      <c r="M4748" s="1" t="s">
        <v>5</v>
      </c>
      <c r="N4748" s="1" t="s">
        <v>25</v>
      </c>
      <c r="O4748" s="1" t="s">
        <v>8</v>
      </c>
      <c r="P4748" s="5" t="s">
        <v>30908</v>
      </c>
    </row>
    <row r="4749" spans="1:16" x14ac:dyDescent="0.2">
      <c r="A4749" s="1" t="s">
        <v>1385</v>
      </c>
      <c r="B4749" s="1" t="s">
        <v>1386</v>
      </c>
      <c r="C4749" s="1" t="s">
        <v>16543</v>
      </c>
      <c r="D4749" s="1" t="s">
        <v>16544</v>
      </c>
      <c r="E4749" s="1"/>
      <c r="F4749" s="1" t="s">
        <v>10</v>
      </c>
      <c r="G4749" s="1" t="s">
        <v>10</v>
      </c>
      <c r="H4749" s="1" t="s">
        <v>10</v>
      </c>
      <c r="I4749" s="1" t="s">
        <v>16298</v>
      </c>
      <c r="J4749" s="1" t="s">
        <v>16306</v>
      </c>
      <c r="K4749" s="1" t="s">
        <v>8896</v>
      </c>
      <c r="L4749" s="1" t="s">
        <v>16542</v>
      </c>
      <c r="M4749" s="1" t="s">
        <v>5</v>
      </c>
      <c r="N4749" s="1" t="s">
        <v>25</v>
      </c>
      <c r="O4749" s="1" t="s">
        <v>38</v>
      </c>
      <c r="P4749" s="5" t="s">
        <v>30909</v>
      </c>
    </row>
    <row r="4750" spans="1:16" x14ac:dyDescent="0.2">
      <c r="A4750" s="1" t="s">
        <v>1385</v>
      </c>
      <c r="B4750" s="1" t="s">
        <v>1386</v>
      </c>
      <c r="C4750" s="1" t="s">
        <v>16546</v>
      </c>
      <c r="D4750" s="1" t="s">
        <v>16547</v>
      </c>
      <c r="E4750" s="1"/>
      <c r="F4750" s="1" t="s">
        <v>10</v>
      </c>
      <c r="G4750" s="1" t="s">
        <v>10</v>
      </c>
      <c r="H4750" s="1" t="s">
        <v>10</v>
      </c>
      <c r="I4750" s="1" t="s">
        <v>16298</v>
      </c>
      <c r="J4750" s="1" t="s">
        <v>16301</v>
      </c>
      <c r="K4750" s="1" t="s">
        <v>27</v>
      </c>
      <c r="L4750" s="1" t="s">
        <v>16545</v>
      </c>
      <c r="M4750" s="1" t="s">
        <v>5</v>
      </c>
      <c r="N4750" s="1" t="s">
        <v>25</v>
      </c>
      <c r="O4750" s="1" t="s">
        <v>38</v>
      </c>
      <c r="P4750" s="5" t="s">
        <v>30456</v>
      </c>
    </row>
    <row r="4751" spans="1:16" x14ac:dyDescent="0.2">
      <c r="A4751" s="1" t="s">
        <v>66</v>
      </c>
      <c r="B4751" s="1" t="s">
        <v>574</v>
      </c>
      <c r="C4751" s="1" t="s">
        <v>16549</v>
      </c>
      <c r="D4751" s="1" t="s">
        <v>16009</v>
      </c>
      <c r="E4751" s="1" t="s">
        <v>16456</v>
      </c>
      <c r="F4751" s="1" t="s">
        <v>27</v>
      </c>
      <c r="G4751" s="1" t="s">
        <v>1042</v>
      </c>
      <c r="H4751" s="1" t="s">
        <v>16458</v>
      </c>
      <c r="I4751" s="1" t="s">
        <v>16298</v>
      </c>
      <c r="J4751" s="1" t="s">
        <v>16301</v>
      </c>
      <c r="K4751" s="1" t="s">
        <v>27</v>
      </c>
      <c r="L4751" s="1" t="s">
        <v>16548</v>
      </c>
      <c r="M4751" s="1" t="s">
        <v>5</v>
      </c>
      <c r="N4751" s="1" t="s">
        <v>25</v>
      </c>
      <c r="O4751" s="1" t="s">
        <v>8</v>
      </c>
      <c r="P4751" s="5" t="s">
        <v>31774</v>
      </c>
    </row>
    <row r="4752" spans="1:16" x14ac:dyDescent="0.2">
      <c r="A4752" s="1" t="s">
        <v>329</v>
      </c>
      <c r="B4752" s="1" t="s">
        <v>2120</v>
      </c>
      <c r="C4752" s="1" t="s">
        <v>11874</v>
      </c>
      <c r="D4752" s="1" t="s">
        <v>11874</v>
      </c>
      <c r="E4752" s="1" t="s">
        <v>16551</v>
      </c>
      <c r="F4752" s="1" t="s">
        <v>10</v>
      </c>
      <c r="G4752" s="1" t="s">
        <v>10</v>
      </c>
      <c r="H4752" s="1" t="s">
        <v>14929</v>
      </c>
      <c r="I4752" s="1" t="s">
        <v>16298</v>
      </c>
      <c r="J4752" s="1" t="s">
        <v>16487</v>
      </c>
      <c r="K4752" s="1" t="s">
        <v>100</v>
      </c>
      <c r="L4752" s="1" t="s">
        <v>16550</v>
      </c>
      <c r="M4752" s="1" t="s">
        <v>5</v>
      </c>
      <c r="N4752" s="1" t="s">
        <v>1009</v>
      </c>
      <c r="O4752" s="1" t="s">
        <v>38</v>
      </c>
      <c r="P4752" s="5" t="s">
        <v>31777</v>
      </c>
    </row>
    <row r="4753" spans="1:16" x14ac:dyDescent="0.2">
      <c r="A4753" s="1" t="s">
        <v>10</v>
      </c>
      <c r="B4753" s="1" t="s">
        <v>10</v>
      </c>
      <c r="C4753" s="1" t="s">
        <v>16553</v>
      </c>
      <c r="D4753" s="1" t="s">
        <v>10</v>
      </c>
      <c r="E4753" s="1" t="s">
        <v>16554</v>
      </c>
      <c r="F4753" s="1" t="s">
        <v>10</v>
      </c>
      <c r="G4753" s="1" t="s">
        <v>10</v>
      </c>
      <c r="H4753" s="1" t="s">
        <v>10</v>
      </c>
      <c r="I4753" s="1" t="s">
        <v>16298</v>
      </c>
      <c r="J4753" s="1" t="s">
        <v>16301</v>
      </c>
      <c r="K4753" s="1" t="s">
        <v>27</v>
      </c>
      <c r="L4753" s="1" t="s">
        <v>16552</v>
      </c>
      <c r="M4753" s="1" t="s">
        <v>5</v>
      </c>
      <c r="N4753" s="1" t="s">
        <v>6</v>
      </c>
      <c r="O4753" s="1" t="s">
        <v>8</v>
      </c>
      <c r="P4753" s="5" t="s">
        <v>161</v>
      </c>
    </row>
    <row r="4754" spans="1:16" x14ac:dyDescent="0.2">
      <c r="A4754" s="1" t="s">
        <v>10</v>
      </c>
      <c r="B4754" s="1" t="s">
        <v>376</v>
      </c>
      <c r="C4754" s="1" t="s">
        <v>16557</v>
      </c>
      <c r="D4754" s="1" t="s">
        <v>16555</v>
      </c>
      <c r="E4754" s="1"/>
      <c r="F4754" s="1" t="s">
        <v>10</v>
      </c>
      <c r="G4754" s="1" t="s">
        <v>10</v>
      </c>
      <c r="H4754" s="1" t="s">
        <v>10</v>
      </c>
      <c r="I4754" s="1" t="s">
        <v>16298</v>
      </c>
      <c r="J4754" s="1" t="s">
        <v>16321</v>
      </c>
      <c r="K4754" s="1" t="s">
        <v>27</v>
      </c>
      <c r="L4754" s="1" t="s">
        <v>16556</v>
      </c>
      <c r="M4754" s="1" t="s">
        <v>5</v>
      </c>
      <c r="N4754" s="1" t="s">
        <v>25</v>
      </c>
      <c r="O4754" s="1" t="s">
        <v>38</v>
      </c>
      <c r="P4754" s="5" t="s">
        <v>30454</v>
      </c>
    </row>
    <row r="4755" spans="1:16" x14ac:dyDescent="0.2">
      <c r="A4755" s="1" t="s">
        <v>42</v>
      </c>
      <c r="B4755" s="1" t="s">
        <v>43</v>
      </c>
      <c r="C4755" s="1" t="s">
        <v>16559</v>
      </c>
      <c r="D4755" s="1" t="s">
        <v>16560</v>
      </c>
      <c r="E4755" s="1" t="s">
        <v>16561</v>
      </c>
      <c r="F4755" s="1" t="s">
        <v>10</v>
      </c>
      <c r="G4755" s="1" t="s">
        <v>10</v>
      </c>
      <c r="H4755" s="1" t="s">
        <v>10</v>
      </c>
      <c r="I4755" s="1" t="s">
        <v>16298</v>
      </c>
      <c r="J4755" s="1" t="s">
        <v>16301</v>
      </c>
      <c r="K4755" s="1" t="s">
        <v>3748</v>
      </c>
      <c r="L4755" s="1" t="s">
        <v>16558</v>
      </c>
      <c r="M4755" s="1" t="s">
        <v>5</v>
      </c>
      <c r="N4755" s="1" t="s">
        <v>25</v>
      </c>
      <c r="O4755" s="1" t="s">
        <v>38</v>
      </c>
      <c r="P4755" s="5" t="s">
        <v>30463</v>
      </c>
    </row>
    <row r="4756" spans="1:16" x14ac:dyDescent="0.2">
      <c r="A4756" s="1" t="s">
        <v>20</v>
      </c>
      <c r="B4756" s="1" t="s">
        <v>93</v>
      </c>
      <c r="C4756" s="1" t="s">
        <v>16563</v>
      </c>
      <c r="D4756" s="1" t="s">
        <v>10</v>
      </c>
      <c r="E4756" s="1"/>
      <c r="F4756" s="1" t="s">
        <v>27</v>
      </c>
      <c r="G4756" s="1" t="s">
        <v>10</v>
      </c>
      <c r="H4756" s="1" t="s">
        <v>16564</v>
      </c>
      <c r="I4756" s="1" t="s">
        <v>16298</v>
      </c>
      <c r="J4756" s="1" t="s">
        <v>16306</v>
      </c>
      <c r="K4756" s="1" t="s">
        <v>7</v>
      </c>
      <c r="L4756" s="1" t="s">
        <v>16562</v>
      </c>
      <c r="M4756" s="1" t="s">
        <v>5</v>
      </c>
      <c r="N4756" s="1" t="s">
        <v>25</v>
      </c>
      <c r="O4756" s="1" t="s">
        <v>8</v>
      </c>
      <c r="P4756" s="5" t="s">
        <v>30464</v>
      </c>
    </row>
    <row r="4757" spans="1:16" x14ac:dyDescent="0.2">
      <c r="A4757" s="1" t="s">
        <v>20</v>
      </c>
      <c r="B4757" s="1" t="s">
        <v>309</v>
      </c>
      <c r="C4757" s="1" t="s">
        <v>16566</v>
      </c>
      <c r="D4757" s="1" t="s">
        <v>16567</v>
      </c>
      <c r="E4757" s="1" t="s">
        <v>16568</v>
      </c>
      <c r="F4757" s="1" t="s">
        <v>10</v>
      </c>
      <c r="G4757" s="1" t="s">
        <v>10</v>
      </c>
      <c r="H4757" s="1" t="s">
        <v>10</v>
      </c>
      <c r="I4757" s="1" t="s">
        <v>16298</v>
      </c>
      <c r="J4757" s="1" t="s">
        <v>16382</v>
      </c>
      <c r="K4757" s="1" t="s">
        <v>37</v>
      </c>
      <c r="L4757" s="1" t="s">
        <v>16565</v>
      </c>
      <c r="M4757" s="1" t="s">
        <v>5</v>
      </c>
      <c r="N4757" s="1" t="s">
        <v>25</v>
      </c>
      <c r="O4757" s="1" t="s">
        <v>38</v>
      </c>
      <c r="P4757" s="5" t="s">
        <v>32801</v>
      </c>
    </row>
    <row r="4758" spans="1:16" x14ac:dyDescent="0.2">
      <c r="A4758" s="1" t="s">
        <v>10</v>
      </c>
      <c r="B4758" s="1" t="s">
        <v>10</v>
      </c>
      <c r="C4758" s="1" t="s">
        <v>16570</v>
      </c>
      <c r="D4758" s="1" t="s">
        <v>10</v>
      </c>
      <c r="E4758" s="1" t="s">
        <v>16571</v>
      </c>
      <c r="F4758" s="1" t="s">
        <v>10</v>
      </c>
      <c r="G4758" s="1" t="s">
        <v>10</v>
      </c>
      <c r="H4758" s="1" t="s">
        <v>10</v>
      </c>
      <c r="I4758" s="1" t="s">
        <v>16298</v>
      </c>
      <c r="J4758" s="1" t="s">
        <v>10</v>
      </c>
      <c r="K4758" s="1" t="s">
        <v>10</v>
      </c>
      <c r="L4758" s="1" t="s">
        <v>16569</v>
      </c>
      <c r="M4758" s="1" t="s">
        <v>5</v>
      </c>
      <c r="N4758" s="1" t="s">
        <v>25</v>
      </c>
      <c r="O4758" s="1" t="s">
        <v>38</v>
      </c>
      <c r="P4758" s="5" t="s">
        <v>31778</v>
      </c>
    </row>
    <row r="4759" spans="1:16" x14ac:dyDescent="0.2">
      <c r="A4759" s="1" t="s">
        <v>20</v>
      </c>
      <c r="B4759" s="1" t="s">
        <v>445</v>
      </c>
      <c r="C4759" s="1" t="s">
        <v>16573</v>
      </c>
      <c r="D4759" s="1" t="s">
        <v>16574</v>
      </c>
      <c r="E4759" s="1" t="s">
        <v>16575</v>
      </c>
      <c r="F4759" s="1" t="s">
        <v>10</v>
      </c>
      <c r="G4759" s="1" t="s">
        <v>10</v>
      </c>
      <c r="H4759" s="1" t="s">
        <v>10</v>
      </c>
      <c r="I4759" s="1" t="s">
        <v>16298</v>
      </c>
      <c r="J4759" s="1" t="s">
        <v>16306</v>
      </c>
      <c r="K4759" s="1" t="s">
        <v>64</v>
      </c>
      <c r="L4759" s="1" t="s">
        <v>16572</v>
      </c>
      <c r="M4759" s="1" t="s">
        <v>5</v>
      </c>
      <c r="N4759" s="1" t="s">
        <v>25</v>
      </c>
      <c r="O4759" s="1" t="s">
        <v>38</v>
      </c>
      <c r="P4759" s="5" t="s">
        <v>30448</v>
      </c>
    </row>
    <row r="4760" spans="1:16" x14ac:dyDescent="0.2">
      <c r="A4760" s="1" t="s">
        <v>10</v>
      </c>
      <c r="B4760" s="1" t="s">
        <v>10</v>
      </c>
      <c r="C4760" s="1" t="s">
        <v>16577</v>
      </c>
      <c r="D4760" s="1" t="s">
        <v>10</v>
      </c>
      <c r="E4760" s="1" t="s">
        <v>10</v>
      </c>
      <c r="F4760" s="1" t="s">
        <v>10</v>
      </c>
      <c r="G4760" s="1" t="s">
        <v>10</v>
      </c>
      <c r="H4760" s="1" t="s">
        <v>10</v>
      </c>
      <c r="I4760" s="1" t="s">
        <v>16298</v>
      </c>
      <c r="J4760" s="1" t="s">
        <v>10</v>
      </c>
      <c r="K4760" s="1" t="s">
        <v>10</v>
      </c>
      <c r="L4760" s="1" t="s">
        <v>16576</v>
      </c>
      <c r="M4760" s="1" t="s">
        <v>5</v>
      </c>
      <c r="N4760" s="1" t="s">
        <v>10</v>
      </c>
      <c r="O4760" s="1" t="s">
        <v>8</v>
      </c>
      <c r="P4760" s="5"/>
    </row>
    <row r="4761" spans="1:16" x14ac:dyDescent="0.2">
      <c r="A4761" s="1" t="s">
        <v>42</v>
      </c>
      <c r="B4761" s="1" t="s">
        <v>50</v>
      </c>
      <c r="C4761" s="1" t="s">
        <v>16579</v>
      </c>
      <c r="D4761" s="1" t="s">
        <v>11356</v>
      </c>
      <c r="E4761" s="1"/>
      <c r="F4761" s="1" t="s">
        <v>414</v>
      </c>
      <c r="G4761" s="1" t="s">
        <v>991</v>
      </c>
      <c r="H4761" s="1" t="s">
        <v>10</v>
      </c>
      <c r="I4761" s="1" t="s">
        <v>16298</v>
      </c>
      <c r="J4761" s="1" t="s">
        <v>16374</v>
      </c>
      <c r="K4761" s="1" t="s">
        <v>47</v>
      </c>
      <c r="L4761" s="1" t="s">
        <v>16578</v>
      </c>
      <c r="M4761" s="1" t="s">
        <v>5</v>
      </c>
      <c r="N4761" s="1" t="s">
        <v>10</v>
      </c>
      <c r="O4761" s="1" t="s">
        <v>8</v>
      </c>
      <c r="P4761" s="5" t="s">
        <v>31798</v>
      </c>
    </row>
    <row r="4762" spans="1:16" x14ac:dyDescent="0.2">
      <c r="A4762" s="1" t="s">
        <v>20</v>
      </c>
      <c r="B4762" s="1" t="s">
        <v>1047</v>
      </c>
      <c r="C4762" s="1" t="s">
        <v>16581</v>
      </c>
      <c r="D4762" s="1" t="s">
        <v>16582</v>
      </c>
      <c r="E4762" s="1" t="s">
        <v>16583</v>
      </c>
      <c r="F4762" s="1" t="s">
        <v>10</v>
      </c>
      <c r="G4762" s="1" t="s">
        <v>10</v>
      </c>
      <c r="H4762" s="1" t="s">
        <v>10</v>
      </c>
      <c r="I4762" s="1" t="s">
        <v>16298</v>
      </c>
      <c r="J4762" s="1" t="s">
        <v>16374</v>
      </c>
      <c r="K4762" s="1" t="s">
        <v>47</v>
      </c>
      <c r="L4762" s="1" t="s">
        <v>16580</v>
      </c>
      <c r="M4762" s="1" t="s">
        <v>5</v>
      </c>
      <c r="N4762" s="1" t="s">
        <v>25</v>
      </c>
      <c r="O4762" s="1" t="s">
        <v>38</v>
      </c>
      <c r="P4762" s="5" t="s">
        <v>32795</v>
      </c>
    </row>
    <row r="4763" spans="1:16" x14ac:dyDescent="0.2">
      <c r="A4763" s="1" t="s">
        <v>42</v>
      </c>
      <c r="B4763" s="1" t="s">
        <v>356</v>
      </c>
      <c r="C4763" s="1" t="s">
        <v>16585</v>
      </c>
      <c r="D4763" s="1" t="s">
        <v>10</v>
      </c>
      <c r="E4763" s="1"/>
      <c r="F4763" s="1" t="s">
        <v>10</v>
      </c>
      <c r="G4763" s="1" t="s">
        <v>10</v>
      </c>
      <c r="H4763" s="1" t="s">
        <v>10</v>
      </c>
      <c r="I4763" s="1" t="s">
        <v>16298</v>
      </c>
      <c r="J4763" s="1" t="s">
        <v>16301</v>
      </c>
      <c r="K4763" s="1" t="s">
        <v>47</v>
      </c>
      <c r="L4763" s="1" t="s">
        <v>16584</v>
      </c>
      <c r="M4763" s="1" t="s">
        <v>5</v>
      </c>
      <c r="N4763" s="1" t="s">
        <v>1009</v>
      </c>
      <c r="O4763" s="1" t="s">
        <v>38</v>
      </c>
      <c r="P4763" s="5" t="s">
        <v>31779</v>
      </c>
    </row>
    <row r="4764" spans="1:16" x14ac:dyDescent="0.2">
      <c r="A4764" s="1" t="s">
        <v>20</v>
      </c>
      <c r="B4764" s="1" t="s">
        <v>21</v>
      </c>
      <c r="C4764" s="1" t="s">
        <v>16587</v>
      </c>
      <c r="D4764" s="1" t="s">
        <v>16588</v>
      </c>
      <c r="E4764" s="1"/>
      <c r="F4764" s="1" t="s">
        <v>10</v>
      </c>
      <c r="G4764" s="1" t="s">
        <v>10</v>
      </c>
      <c r="H4764" s="1" t="s">
        <v>10</v>
      </c>
      <c r="I4764" s="1" t="s">
        <v>16298</v>
      </c>
      <c r="J4764" s="1" t="s">
        <v>16382</v>
      </c>
      <c r="K4764" s="1" t="s">
        <v>37</v>
      </c>
      <c r="L4764" s="1" t="s">
        <v>16586</v>
      </c>
      <c r="M4764" s="1" t="s">
        <v>5</v>
      </c>
      <c r="N4764" s="1" t="s">
        <v>25</v>
      </c>
      <c r="O4764" s="1" t="s">
        <v>38</v>
      </c>
      <c r="P4764" s="5" t="s">
        <v>32802</v>
      </c>
    </row>
    <row r="4765" spans="1:16" x14ac:dyDescent="0.2">
      <c r="A4765" s="1" t="s">
        <v>20</v>
      </c>
      <c r="B4765" s="1" t="s">
        <v>21</v>
      </c>
      <c r="C4765" s="1" t="s">
        <v>16590</v>
      </c>
      <c r="D4765" s="1" t="s">
        <v>16591</v>
      </c>
      <c r="E4765" s="1" t="s">
        <v>16592</v>
      </c>
      <c r="F4765" s="1" t="s">
        <v>10</v>
      </c>
      <c r="G4765" s="1" t="s">
        <v>10</v>
      </c>
      <c r="H4765" s="1" t="s">
        <v>10</v>
      </c>
      <c r="I4765" s="1" t="s">
        <v>16298</v>
      </c>
      <c r="J4765" s="1" t="s">
        <v>16382</v>
      </c>
      <c r="K4765" s="1" t="s">
        <v>37</v>
      </c>
      <c r="L4765" s="1" t="s">
        <v>16589</v>
      </c>
      <c r="M4765" s="1" t="s">
        <v>5</v>
      </c>
      <c r="N4765" s="1" t="s">
        <v>25</v>
      </c>
      <c r="O4765" s="1" t="s">
        <v>38</v>
      </c>
      <c r="P4765" s="5" t="s">
        <v>32795</v>
      </c>
    </row>
    <row r="4766" spans="1:16" x14ac:dyDescent="0.2">
      <c r="A4766" s="1" t="s">
        <v>20</v>
      </c>
      <c r="B4766" s="1" t="s">
        <v>310</v>
      </c>
      <c r="C4766" s="1" t="s">
        <v>16595</v>
      </c>
      <c r="D4766" s="1" t="s">
        <v>16593</v>
      </c>
      <c r="E4766" s="1" t="s">
        <v>16596</v>
      </c>
      <c r="F4766" s="1" t="s">
        <v>27</v>
      </c>
      <c r="G4766" s="1" t="s">
        <v>1042</v>
      </c>
      <c r="H4766" s="1" t="s">
        <v>16597</v>
      </c>
      <c r="I4766" s="1" t="s">
        <v>16298</v>
      </c>
      <c r="J4766" s="1" t="s">
        <v>16306</v>
      </c>
      <c r="K4766" s="1" t="s">
        <v>64</v>
      </c>
      <c r="L4766" s="1" t="s">
        <v>16594</v>
      </c>
      <c r="M4766" s="1" t="s">
        <v>5</v>
      </c>
      <c r="N4766" s="1" t="s">
        <v>25</v>
      </c>
      <c r="O4766" s="1" t="s">
        <v>8</v>
      </c>
      <c r="P4766" s="5" t="s">
        <v>30465</v>
      </c>
    </row>
    <row r="4767" spans="1:16" x14ac:dyDescent="0.2">
      <c r="A4767" s="1" t="s">
        <v>1385</v>
      </c>
      <c r="B4767" s="1" t="s">
        <v>1386</v>
      </c>
      <c r="C4767" s="1" t="s">
        <v>16599</v>
      </c>
      <c r="D4767" s="1" t="s">
        <v>16600</v>
      </c>
      <c r="E4767" s="1"/>
      <c r="F4767" s="1" t="s">
        <v>10</v>
      </c>
      <c r="G4767" s="1" t="s">
        <v>10</v>
      </c>
      <c r="H4767" s="1" t="s">
        <v>10</v>
      </c>
      <c r="I4767" s="1" t="s">
        <v>16298</v>
      </c>
      <c r="J4767" s="1" t="s">
        <v>16301</v>
      </c>
      <c r="K4767" s="1" t="s">
        <v>27</v>
      </c>
      <c r="L4767" s="1" t="s">
        <v>16598</v>
      </c>
      <c r="M4767" s="1" t="s">
        <v>5</v>
      </c>
      <c r="N4767" s="1" t="s">
        <v>25</v>
      </c>
      <c r="O4767" s="1" t="s">
        <v>38</v>
      </c>
      <c r="P4767" s="5" t="s">
        <v>30456</v>
      </c>
    </row>
    <row r="4768" spans="1:16" x14ac:dyDescent="0.2">
      <c r="A4768" s="1" t="s">
        <v>42</v>
      </c>
      <c r="B4768" s="1" t="s">
        <v>87</v>
      </c>
      <c r="C4768" s="1" t="s">
        <v>16602</v>
      </c>
      <c r="D4768" s="1" t="s">
        <v>16601</v>
      </c>
      <c r="E4768" s="1" t="s">
        <v>16603</v>
      </c>
      <c r="F4768" s="1" t="s">
        <v>10</v>
      </c>
      <c r="G4768" s="1" t="s">
        <v>10</v>
      </c>
      <c r="H4768" s="1" t="s">
        <v>10</v>
      </c>
      <c r="I4768" s="1" t="s">
        <v>16298</v>
      </c>
      <c r="J4768" s="1" t="s">
        <v>16337</v>
      </c>
      <c r="K4768" s="1" t="s">
        <v>7</v>
      </c>
      <c r="L4768" s="1" t="s">
        <v>16601</v>
      </c>
      <c r="M4768" s="1" t="s">
        <v>5</v>
      </c>
      <c r="N4768" s="1" t="s">
        <v>25</v>
      </c>
      <c r="O4768" s="1" t="s">
        <v>38</v>
      </c>
      <c r="P4768" s="5" t="s">
        <v>30464</v>
      </c>
    </row>
    <row r="4769" spans="1:16" x14ac:dyDescent="0.2">
      <c r="A4769" s="1" t="s">
        <v>42</v>
      </c>
      <c r="B4769" s="1" t="s">
        <v>43</v>
      </c>
      <c r="C4769" s="1" t="s">
        <v>16605</v>
      </c>
      <c r="D4769" s="1" t="s">
        <v>11843</v>
      </c>
      <c r="E4769" s="1"/>
      <c r="F4769" s="1" t="s">
        <v>27</v>
      </c>
      <c r="G4769" s="1" t="s">
        <v>1042</v>
      </c>
      <c r="H4769" s="1" t="s">
        <v>16606</v>
      </c>
      <c r="I4769" s="1" t="s">
        <v>16298</v>
      </c>
      <c r="J4769" s="1" t="s">
        <v>16382</v>
      </c>
      <c r="K4769" s="1" t="s">
        <v>37</v>
      </c>
      <c r="L4769" s="1" t="s">
        <v>16604</v>
      </c>
      <c r="M4769" s="1" t="s">
        <v>5</v>
      </c>
      <c r="N4769" s="1" t="s">
        <v>25</v>
      </c>
      <c r="O4769" s="1" t="s">
        <v>8</v>
      </c>
      <c r="P4769" s="5" t="s">
        <v>32803</v>
      </c>
    </row>
    <row r="4770" spans="1:16" x14ac:dyDescent="0.2">
      <c r="A4770" s="1" t="s">
        <v>20</v>
      </c>
      <c r="B4770" s="1" t="s">
        <v>93</v>
      </c>
      <c r="C4770" s="1" t="s">
        <v>16608</v>
      </c>
      <c r="D4770" s="1" t="s">
        <v>16609</v>
      </c>
      <c r="E4770" s="1" t="s">
        <v>16610</v>
      </c>
      <c r="F4770" s="1" t="s">
        <v>27</v>
      </c>
      <c r="G4770" s="1" t="s">
        <v>1042</v>
      </c>
      <c r="H4770" s="1" t="s">
        <v>16611</v>
      </c>
      <c r="I4770" s="1" t="s">
        <v>16298</v>
      </c>
      <c r="J4770" s="1" t="s">
        <v>16306</v>
      </c>
      <c r="K4770" s="1" t="s">
        <v>7</v>
      </c>
      <c r="L4770" s="1" t="s">
        <v>16607</v>
      </c>
      <c r="M4770" s="1" t="s">
        <v>5</v>
      </c>
      <c r="N4770" s="1" t="s">
        <v>6</v>
      </c>
      <c r="O4770" s="1" t="s">
        <v>8</v>
      </c>
      <c r="P4770" s="5" t="s">
        <v>31780</v>
      </c>
    </row>
    <row r="4771" spans="1:16" x14ac:dyDescent="0.2">
      <c r="A4771" s="1" t="s">
        <v>20</v>
      </c>
      <c r="B4771" s="1" t="s">
        <v>132</v>
      </c>
      <c r="C4771" s="1" t="s">
        <v>16613</v>
      </c>
      <c r="D4771" s="1" t="s">
        <v>16614</v>
      </c>
      <c r="E4771" s="1" t="s">
        <v>16615</v>
      </c>
      <c r="F4771" s="1" t="s">
        <v>10</v>
      </c>
      <c r="G4771" s="1" t="s">
        <v>10</v>
      </c>
      <c r="H4771" s="1" t="s">
        <v>14929</v>
      </c>
      <c r="I4771" s="1" t="s">
        <v>16298</v>
      </c>
      <c r="J4771" s="1" t="s">
        <v>16487</v>
      </c>
      <c r="K4771" s="1" t="s">
        <v>3857</v>
      </c>
      <c r="L4771" s="1" t="s">
        <v>16612</v>
      </c>
      <c r="M4771" s="1" t="s">
        <v>5</v>
      </c>
      <c r="N4771" s="1" t="s">
        <v>1009</v>
      </c>
      <c r="O4771" s="1" t="s">
        <v>38</v>
      </c>
      <c r="P4771" s="5" t="s">
        <v>31781</v>
      </c>
    </row>
    <row r="4772" spans="1:16" x14ac:dyDescent="0.2">
      <c r="A4772" s="1" t="s">
        <v>10</v>
      </c>
      <c r="B4772" s="1" t="s">
        <v>376</v>
      </c>
      <c r="C4772" s="1" t="s">
        <v>16617</v>
      </c>
      <c r="D4772" s="1" t="s">
        <v>16618</v>
      </c>
      <c r="E4772" s="1" t="s">
        <v>16619</v>
      </c>
      <c r="F4772" s="1" t="s">
        <v>10</v>
      </c>
      <c r="G4772" s="1" t="s">
        <v>10</v>
      </c>
      <c r="H4772" s="1" t="s">
        <v>10</v>
      </c>
      <c r="I4772" s="1" t="s">
        <v>16298</v>
      </c>
      <c r="J4772" s="1" t="s">
        <v>16366</v>
      </c>
      <c r="K4772" s="1" t="s">
        <v>27</v>
      </c>
      <c r="L4772" s="1" t="s">
        <v>16616</v>
      </c>
      <c r="M4772" s="1" t="s">
        <v>5</v>
      </c>
      <c r="N4772" s="1" t="s">
        <v>25</v>
      </c>
      <c r="O4772" s="1" t="s">
        <v>38</v>
      </c>
      <c r="P4772" s="5" t="s">
        <v>32804</v>
      </c>
    </row>
    <row r="4773" spans="1:16" x14ac:dyDescent="0.2">
      <c r="A4773" s="1" t="s">
        <v>10</v>
      </c>
      <c r="B4773" s="1" t="s">
        <v>376</v>
      </c>
      <c r="C4773" s="1" t="s">
        <v>16621</v>
      </c>
      <c r="D4773" s="1" t="s">
        <v>16622</v>
      </c>
      <c r="E4773" s="1" t="s">
        <v>16623</v>
      </c>
      <c r="F4773" s="1" t="s">
        <v>10</v>
      </c>
      <c r="G4773" s="1" t="s">
        <v>10</v>
      </c>
      <c r="H4773" s="1" t="s">
        <v>10</v>
      </c>
      <c r="I4773" s="1" t="s">
        <v>16298</v>
      </c>
      <c r="J4773" s="1" t="s">
        <v>16366</v>
      </c>
      <c r="K4773" s="1" t="s">
        <v>27</v>
      </c>
      <c r="L4773" s="1" t="s">
        <v>16620</v>
      </c>
      <c r="M4773" s="1" t="s">
        <v>5</v>
      </c>
      <c r="N4773" s="1" t="s">
        <v>25</v>
      </c>
      <c r="O4773" s="1" t="s">
        <v>38</v>
      </c>
      <c r="P4773" s="5" t="s">
        <v>32805</v>
      </c>
    </row>
    <row r="4774" spans="1:16" x14ac:dyDescent="0.2">
      <c r="A4774" s="1" t="s">
        <v>20</v>
      </c>
      <c r="B4774" s="1" t="s">
        <v>445</v>
      </c>
      <c r="C4774" s="1" t="s">
        <v>16625</v>
      </c>
      <c r="D4774" s="1" t="s">
        <v>16626</v>
      </c>
      <c r="E4774" s="1" t="s">
        <v>16627</v>
      </c>
      <c r="F4774" s="1" t="s">
        <v>10</v>
      </c>
      <c r="G4774" s="1" t="s">
        <v>10</v>
      </c>
      <c r="H4774" s="1" t="s">
        <v>10</v>
      </c>
      <c r="I4774" s="1" t="s">
        <v>16298</v>
      </c>
      <c r="J4774" s="1" t="s">
        <v>16301</v>
      </c>
      <c r="K4774" s="1" t="s">
        <v>64</v>
      </c>
      <c r="L4774" s="1" t="s">
        <v>16624</v>
      </c>
      <c r="M4774" s="1" t="s">
        <v>5</v>
      </c>
      <c r="N4774" s="1" t="s">
        <v>25</v>
      </c>
      <c r="O4774" s="1" t="s">
        <v>38</v>
      </c>
      <c r="P4774" s="5" t="s">
        <v>30455</v>
      </c>
    </row>
    <row r="4775" spans="1:16" x14ac:dyDescent="0.2">
      <c r="A4775" s="1" t="s">
        <v>20</v>
      </c>
      <c r="B4775" s="1" t="s">
        <v>93</v>
      </c>
      <c r="C4775" s="1" t="s">
        <v>16629</v>
      </c>
      <c r="D4775" s="1" t="s">
        <v>16630</v>
      </c>
      <c r="E4775" s="1"/>
      <c r="F4775" s="1" t="s">
        <v>10</v>
      </c>
      <c r="G4775" s="1" t="s">
        <v>10</v>
      </c>
      <c r="H4775" s="1" t="s">
        <v>10</v>
      </c>
      <c r="I4775" s="1" t="s">
        <v>16298</v>
      </c>
      <c r="J4775" s="1" t="s">
        <v>16301</v>
      </c>
      <c r="K4775" s="1" t="s">
        <v>1548</v>
      </c>
      <c r="L4775" s="1" t="s">
        <v>16628</v>
      </c>
      <c r="M4775" s="1" t="s">
        <v>5</v>
      </c>
      <c r="N4775" s="1" t="s">
        <v>1009</v>
      </c>
      <c r="O4775" s="1" t="s">
        <v>38</v>
      </c>
      <c r="P4775" s="5" t="s">
        <v>31764</v>
      </c>
    </row>
    <row r="4776" spans="1:16" x14ac:dyDescent="0.2">
      <c r="A4776" s="1" t="s">
        <v>20</v>
      </c>
      <c r="B4776" s="1" t="s">
        <v>253</v>
      </c>
      <c r="C4776" s="1" t="s">
        <v>16633</v>
      </c>
      <c r="D4776" s="1" t="s">
        <v>16631</v>
      </c>
      <c r="E4776" s="1" t="s">
        <v>16634</v>
      </c>
      <c r="F4776" s="1" t="s">
        <v>10</v>
      </c>
      <c r="G4776" s="1" t="s">
        <v>10</v>
      </c>
      <c r="H4776" s="1" t="s">
        <v>10</v>
      </c>
      <c r="I4776" s="1" t="s">
        <v>16298</v>
      </c>
      <c r="J4776" s="1" t="s">
        <v>16301</v>
      </c>
      <c r="K4776" s="1" t="s">
        <v>7</v>
      </c>
      <c r="L4776" s="1" t="s">
        <v>16632</v>
      </c>
      <c r="M4776" s="1" t="s">
        <v>5</v>
      </c>
      <c r="N4776" s="1" t="s">
        <v>1009</v>
      </c>
      <c r="O4776" s="1" t="s">
        <v>38</v>
      </c>
      <c r="P4776" s="5" t="s">
        <v>31782</v>
      </c>
    </row>
    <row r="4777" spans="1:16" x14ac:dyDescent="0.2">
      <c r="A4777" s="1" t="s">
        <v>10</v>
      </c>
      <c r="B4777" s="1" t="s">
        <v>376</v>
      </c>
      <c r="C4777" s="1" t="s">
        <v>16636</v>
      </c>
      <c r="D4777" s="1" t="s">
        <v>16637</v>
      </c>
      <c r="E4777" s="1" t="s">
        <v>16638</v>
      </c>
      <c r="F4777" s="1" t="s">
        <v>27</v>
      </c>
      <c r="G4777" s="1" t="s">
        <v>1042</v>
      </c>
      <c r="H4777" s="1" t="s">
        <v>16639</v>
      </c>
      <c r="I4777" s="1" t="s">
        <v>16298</v>
      </c>
      <c r="J4777" s="1" t="s">
        <v>16321</v>
      </c>
      <c r="K4777" s="1" t="s">
        <v>27</v>
      </c>
      <c r="L4777" s="1" t="s">
        <v>16635</v>
      </c>
      <c r="M4777" s="1" t="s">
        <v>5</v>
      </c>
      <c r="N4777" s="1" t="s">
        <v>10</v>
      </c>
      <c r="O4777" s="1" t="s">
        <v>8</v>
      </c>
      <c r="P4777" s="5" t="s">
        <v>29821</v>
      </c>
    </row>
    <row r="4778" spans="1:16" x14ac:dyDescent="0.2">
      <c r="A4778" s="1" t="s">
        <v>42</v>
      </c>
      <c r="B4778" s="1" t="s">
        <v>1341</v>
      </c>
      <c r="C4778" s="1" t="s">
        <v>16641</v>
      </c>
      <c r="D4778" s="1" t="s">
        <v>16642</v>
      </c>
      <c r="E4778" s="1"/>
      <c r="F4778" s="1" t="s">
        <v>27</v>
      </c>
      <c r="G4778" s="1" t="s">
        <v>1042</v>
      </c>
      <c r="H4778" s="1" t="s">
        <v>16644</v>
      </c>
      <c r="I4778" s="1" t="s">
        <v>16298</v>
      </c>
      <c r="J4778" s="1" t="s">
        <v>16643</v>
      </c>
      <c r="K4778" s="1" t="s">
        <v>27</v>
      </c>
      <c r="L4778" s="1" t="s">
        <v>16640</v>
      </c>
      <c r="M4778" s="1" t="s">
        <v>5</v>
      </c>
      <c r="N4778" s="1" t="s">
        <v>25</v>
      </c>
      <c r="O4778" s="1" t="s">
        <v>8</v>
      </c>
      <c r="P4778" s="5" t="s">
        <v>30466</v>
      </c>
    </row>
    <row r="4779" spans="1:16" x14ac:dyDescent="0.2">
      <c r="A4779" s="1" t="s">
        <v>10</v>
      </c>
      <c r="B4779" s="1" t="s">
        <v>376</v>
      </c>
      <c r="C4779" s="1" t="s">
        <v>16646</v>
      </c>
      <c r="D4779" s="1" t="s">
        <v>16647</v>
      </c>
      <c r="E4779" s="1" t="s">
        <v>16648</v>
      </c>
      <c r="F4779" s="1" t="s">
        <v>10</v>
      </c>
      <c r="G4779" s="1" t="s">
        <v>10</v>
      </c>
      <c r="H4779" s="1" t="s">
        <v>10</v>
      </c>
      <c r="I4779" s="1" t="s">
        <v>16298</v>
      </c>
      <c r="J4779" s="1" t="s">
        <v>16321</v>
      </c>
      <c r="K4779" s="1" t="s">
        <v>27</v>
      </c>
      <c r="L4779" s="1" t="s">
        <v>16645</v>
      </c>
      <c r="M4779" s="1" t="s">
        <v>5</v>
      </c>
      <c r="N4779" s="1" t="s">
        <v>6</v>
      </c>
      <c r="O4779" s="1" t="s">
        <v>38</v>
      </c>
      <c r="P4779" s="5" t="s">
        <v>32806</v>
      </c>
    </row>
    <row r="4780" spans="1:16" x14ac:dyDescent="0.2">
      <c r="A4780" s="1" t="s">
        <v>20</v>
      </c>
      <c r="B4780" s="1" t="s">
        <v>253</v>
      </c>
      <c r="C4780" s="1" t="s">
        <v>16651</v>
      </c>
      <c r="D4780" s="1" t="s">
        <v>16652</v>
      </c>
      <c r="E4780" s="1"/>
      <c r="F4780" s="1" t="s">
        <v>10</v>
      </c>
      <c r="G4780" s="1" t="s">
        <v>10</v>
      </c>
      <c r="H4780" s="1" t="s">
        <v>10</v>
      </c>
      <c r="I4780" s="1" t="s">
        <v>16298</v>
      </c>
      <c r="J4780" s="1" t="s">
        <v>16654</v>
      </c>
      <c r="K4780" s="1" t="s">
        <v>27</v>
      </c>
      <c r="L4780" s="1" t="s">
        <v>16650</v>
      </c>
      <c r="M4780" s="1" t="s">
        <v>5</v>
      </c>
      <c r="N4780" s="1" t="s">
        <v>25</v>
      </c>
      <c r="O4780" s="1" t="s">
        <v>38</v>
      </c>
      <c r="P4780" s="5" t="s">
        <v>31783</v>
      </c>
    </row>
    <row r="4781" spans="1:16" x14ac:dyDescent="0.2">
      <c r="A4781" s="1" t="s">
        <v>10</v>
      </c>
      <c r="B4781" s="1" t="s">
        <v>10</v>
      </c>
      <c r="C4781" s="1" t="s">
        <v>16657</v>
      </c>
      <c r="D4781" s="1" t="s">
        <v>10</v>
      </c>
      <c r="E4781" s="1" t="s">
        <v>16655</v>
      </c>
      <c r="F4781" s="1" t="s">
        <v>16658</v>
      </c>
      <c r="G4781" s="1" t="s">
        <v>1042</v>
      </c>
      <c r="H4781" s="1" t="s">
        <v>16659</v>
      </c>
      <c r="I4781" s="1" t="s">
        <v>16298</v>
      </c>
      <c r="J4781" s="1" t="s">
        <v>10</v>
      </c>
      <c r="K4781" s="1" t="s">
        <v>10</v>
      </c>
      <c r="L4781" s="1" t="s">
        <v>16656</v>
      </c>
      <c r="M4781" s="1" t="s">
        <v>5</v>
      </c>
      <c r="N4781" s="1" t="s">
        <v>6</v>
      </c>
      <c r="O4781" s="1" t="s">
        <v>8</v>
      </c>
      <c r="P4781" s="5"/>
    </row>
    <row r="4782" spans="1:16" x14ac:dyDescent="0.2">
      <c r="A4782" s="1" t="s">
        <v>20</v>
      </c>
      <c r="B4782" s="1" t="s">
        <v>253</v>
      </c>
      <c r="C4782" s="1" t="s">
        <v>16661</v>
      </c>
      <c r="D4782" s="1" t="s">
        <v>10</v>
      </c>
      <c r="E4782" s="1"/>
      <c r="F4782" s="1" t="s">
        <v>27</v>
      </c>
      <c r="G4782" s="1" t="s">
        <v>10</v>
      </c>
      <c r="H4782" s="1" t="s">
        <v>1813</v>
      </c>
      <c r="I4782" s="1" t="s">
        <v>16298</v>
      </c>
      <c r="J4782" s="1" t="s">
        <v>16386</v>
      </c>
      <c r="K4782" s="1" t="s">
        <v>27</v>
      </c>
      <c r="L4782" s="1" t="s">
        <v>16660</v>
      </c>
      <c r="M4782" s="1" t="s">
        <v>5</v>
      </c>
      <c r="N4782" s="1" t="s">
        <v>6</v>
      </c>
      <c r="O4782" s="1" t="s">
        <v>8</v>
      </c>
      <c r="P4782" s="5"/>
    </row>
    <row r="4783" spans="1:16" x14ac:dyDescent="0.2">
      <c r="A4783" s="1" t="s">
        <v>66</v>
      </c>
      <c r="B4783" s="1" t="s">
        <v>674</v>
      </c>
      <c r="C4783" s="1" t="s">
        <v>16663</v>
      </c>
      <c r="D4783" s="1" t="s">
        <v>10</v>
      </c>
      <c r="E4783" s="1" t="s">
        <v>16664</v>
      </c>
      <c r="F4783" s="1" t="s">
        <v>27</v>
      </c>
      <c r="G4783" s="1" t="s">
        <v>10</v>
      </c>
      <c r="H4783" s="1" t="s">
        <v>1813</v>
      </c>
      <c r="I4783" s="1" t="s">
        <v>16298</v>
      </c>
      <c r="J4783" s="1" t="s">
        <v>16386</v>
      </c>
      <c r="K4783" s="1" t="s">
        <v>27</v>
      </c>
      <c r="L4783" s="1" t="s">
        <v>16662</v>
      </c>
      <c r="M4783" s="1" t="s">
        <v>5</v>
      </c>
      <c r="N4783" s="1" t="s">
        <v>6</v>
      </c>
      <c r="O4783" s="1" t="s">
        <v>8</v>
      </c>
      <c r="P4783" s="5" t="s">
        <v>14</v>
      </c>
    </row>
    <row r="4784" spans="1:16" x14ac:dyDescent="0.2">
      <c r="A4784" s="1" t="s">
        <v>20</v>
      </c>
      <c r="B4784" s="1" t="s">
        <v>253</v>
      </c>
      <c r="C4784" s="1" t="s">
        <v>16666</v>
      </c>
      <c r="D4784" s="1" t="s">
        <v>10</v>
      </c>
      <c r="E4784" s="1"/>
      <c r="F4784" s="1" t="s">
        <v>27</v>
      </c>
      <c r="G4784" s="1" t="s">
        <v>10</v>
      </c>
      <c r="H4784" s="1" t="s">
        <v>1813</v>
      </c>
      <c r="I4784" s="1" t="s">
        <v>16298</v>
      </c>
      <c r="J4784" s="1" t="s">
        <v>16386</v>
      </c>
      <c r="K4784" s="1" t="s">
        <v>27</v>
      </c>
      <c r="L4784" s="1" t="s">
        <v>16665</v>
      </c>
      <c r="M4784" s="1" t="s">
        <v>5</v>
      </c>
      <c r="N4784" s="1" t="s">
        <v>1009</v>
      </c>
      <c r="O4784" s="1" t="s">
        <v>8</v>
      </c>
      <c r="P4784" s="5" t="s">
        <v>29846</v>
      </c>
    </row>
    <row r="4785" spans="1:16" x14ac:dyDescent="0.2">
      <c r="A4785" s="1" t="s">
        <v>32</v>
      </c>
      <c r="B4785" s="1" t="s">
        <v>1163</v>
      </c>
      <c r="C4785" s="1" t="s">
        <v>16668</v>
      </c>
      <c r="D4785" s="1" t="s">
        <v>762</v>
      </c>
      <c r="E4785" s="1" t="s">
        <v>16669</v>
      </c>
      <c r="F4785" s="1" t="s">
        <v>27</v>
      </c>
      <c r="G4785" s="1" t="s">
        <v>1042</v>
      </c>
      <c r="H4785" s="1" t="s">
        <v>16670</v>
      </c>
      <c r="I4785" s="1" t="s">
        <v>16298</v>
      </c>
      <c r="J4785" s="1" t="s">
        <v>16306</v>
      </c>
      <c r="K4785" s="1" t="s">
        <v>64</v>
      </c>
      <c r="L4785" s="1" t="s">
        <v>16667</v>
      </c>
      <c r="M4785" s="1" t="s">
        <v>5</v>
      </c>
      <c r="N4785" s="1" t="s">
        <v>25</v>
      </c>
      <c r="O4785" s="1" t="s">
        <v>8</v>
      </c>
      <c r="P4785" s="5" t="s">
        <v>30467</v>
      </c>
    </row>
    <row r="4786" spans="1:16" x14ac:dyDescent="0.2">
      <c r="A4786" s="1" t="s">
        <v>66</v>
      </c>
      <c r="B4786" s="1" t="s">
        <v>574</v>
      </c>
      <c r="C4786" s="1" t="s">
        <v>16673</v>
      </c>
      <c r="D4786" s="1" t="s">
        <v>16671</v>
      </c>
      <c r="E4786" s="1" t="s">
        <v>16674</v>
      </c>
      <c r="F4786" s="1" t="s">
        <v>27</v>
      </c>
      <c r="G4786" s="1" t="s">
        <v>1042</v>
      </c>
      <c r="H4786" s="1" t="s">
        <v>16675</v>
      </c>
      <c r="I4786" s="1" t="s">
        <v>16298</v>
      </c>
      <c r="J4786" s="1" t="s">
        <v>16306</v>
      </c>
      <c r="K4786" s="1" t="s">
        <v>64</v>
      </c>
      <c r="L4786" s="1" t="s">
        <v>16672</v>
      </c>
      <c r="M4786" s="1" t="s">
        <v>5</v>
      </c>
      <c r="N4786" s="1" t="s">
        <v>25</v>
      </c>
      <c r="O4786" s="1" t="s">
        <v>8</v>
      </c>
      <c r="P4786" s="5" t="s">
        <v>30448</v>
      </c>
    </row>
    <row r="4787" spans="1:16" x14ac:dyDescent="0.2">
      <c r="A4787" s="1" t="s">
        <v>10</v>
      </c>
      <c r="B4787" s="1" t="s">
        <v>376</v>
      </c>
      <c r="C4787" s="1" t="s">
        <v>16677</v>
      </c>
      <c r="D4787" s="1" t="s">
        <v>16678</v>
      </c>
      <c r="E4787" s="1"/>
      <c r="F4787" s="1" t="s">
        <v>27</v>
      </c>
      <c r="G4787" s="1" t="s">
        <v>1042</v>
      </c>
      <c r="H4787" s="1" t="s">
        <v>16680</v>
      </c>
      <c r="I4787" s="1" t="s">
        <v>16298</v>
      </c>
      <c r="J4787" s="1" t="s">
        <v>16679</v>
      </c>
      <c r="K4787" s="1" t="s">
        <v>6533</v>
      </c>
      <c r="L4787" s="1" t="s">
        <v>16676</v>
      </c>
      <c r="M4787" s="1" t="s">
        <v>5</v>
      </c>
      <c r="N4787" s="1" t="s">
        <v>6</v>
      </c>
      <c r="O4787" s="1" t="s">
        <v>8</v>
      </c>
      <c r="P4787" s="5" t="s">
        <v>32807</v>
      </c>
    </row>
    <row r="4788" spans="1:16" x14ac:dyDescent="0.2">
      <c r="A4788" s="1" t="s">
        <v>20</v>
      </c>
      <c r="B4788" s="1" t="s">
        <v>253</v>
      </c>
      <c r="C4788" s="1" t="s">
        <v>16682</v>
      </c>
      <c r="D4788" s="1" t="s">
        <v>16683</v>
      </c>
      <c r="E4788" s="1"/>
      <c r="F4788" s="1" t="s">
        <v>10</v>
      </c>
      <c r="G4788" s="1" t="s">
        <v>10</v>
      </c>
      <c r="H4788" s="1" t="s">
        <v>10</v>
      </c>
      <c r="I4788" s="1" t="s">
        <v>16298</v>
      </c>
      <c r="J4788" s="1" t="s">
        <v>16301</v>
      </c>
      <c r="K4788" s="1" t="s">
        <v>7</v>
      </c>
      <c r="L4788" s="1" t="s">
        <v>16681</v>
      </c>
      <c r="M4788" s="1" t="s">
        <v>5</v>
      </c>
      <c r="N4788" s="1" t="s">
        <v>960</v>
      </c>
      <c r="O4788" s="1" t="s">
        <v>38</v>
      </c>
      <c r="P4788" s="5" t="s">
        <v>31784</v>
      </c>
    </row>
    <row r="4789" spans="1:16" x14ac:dyDescent="0.2">
      <c r="A4789" s="1" t="s">
        <v>20</v>
      </c>
      <c r="B4789" s="1" t="s">
        <v>10</v>
      </c>
      <c r="C4789" s="1" t="s">
        <v>16685</v>
      </c>
      <c r="D4789" s="1" t="s">
        <v>10</v>
      </c>
      <c r="E4789" s="1"/>
      <c r="F4789" s="1" t="s">
        <v>10</v>
      </c>
      <c r="G4789" s="1" t="s">
        <v>10</v>
      </c>
      <c r="H4789" s="1" t="s">
        <v>10</v>
      </c>
      <c r="I4789" s="1" t="s">
        <v>16298</v>
      </c>
      <c r="J4789" s="1" t="s">
        <v>16312</v>
      </c>
      <c r="K4789" s="1" t="s">
        <v>27</v>
      </c>
      <c r="L4789" s="1" t="s">
        <v>16684</v>
      </c>
      <c r="M4789" s="1" t="s">
        <v>5</v>
      </c>
      <c r="N4789" s="1" t="s">
        <v>6</v>
      </c>
      <c r="O4789" s="1" t="s">
        <v>38</v>
      </c>
      <c r="P4789" s="5"/>
    </row>
    <row r="4790" spans="1:16" x14ac:dyDescent="0.2">
      <c r="A4790" s="1" t="s">
        <v>194</v>
      </c>
      <c r="B4790" s="1" t="s">
        <v>4492</v>
      </c>
      <c r="C4790" s="1" t="s">
        <v>11493</v>
      </c>
      <c r="D4790" s="1" t="s">
        <v>16688</v>
      </c>
      <c r="E4790" s="1" t="s">
        <v>16689</v>
      </c>
      <c r="F4790" s="1" t="s">
        <v>27</v>
      </c>
      <c r="G4790" s="1" t="s">
        <v>1042</v>
      </c>
      <c r="H4790" s="1" t="s">
        <v>9980</v>
      </c>
      <c r="I4790" s="1" t="s">
        <v>16298</v>
      </c>
      <c r="J4790" s="1" t="s">
        <v>16321</v>
      </c>
      <c r="K4790" s="1" t="s">
        <v>27</v>
      </c>
      <c r="L4790" s="1" t="s">
        <v>16687</v>
      </c>
      <c r="M4790" s="1" t="s">
        <v>5</v>
      </c>
      <c r="N4790" s="1" t="s">
        <v>6</v>
      </c>
      <c r="O4790" s="1" t="s">
        <v>8</v>
      </c>
      <c r="P4790" s="5" t="s">
        <v>114</v>
      </c>
    </row>
    <row r="4791" spans="1:16" x14ac:dyDescent="0.2">
      <c r="A4791" s="1" t="s">
        <v>20</v>
      </c>
      <c r="B4791" s="1" t="s">
        <v>253</v>
      </c>
      <c r="C4791" s="1" t="s">
        <v>16691</v>
      </c>
      <c r="D4791" s="1" t="s">
        <v>16692</v>
      </c>
      <c r="E4791" s="1"/>
      <c r="F4791" s="1" t="s">
        <v>10</v>
      </c>
      <c r="G4791" s="1" t="s">
        <v>10</v>
      </c>
      <c r="H4791" s="1" t="s">
        <v>10</v>
      </c>
      <c r="I4791" s="1" t="s">
        <v>16298</v>
      </c>
      <c r="J4791" s="1" t="s">
        <v>16312</v>
      </c>
      <c r="K4791" s="1" t="s">
        <v>27</v>
      </c>
      <c r="L4791" s="1" t="s">
        <v>16690</v>
      </c>
      <c r="M4791" s="1" t="s">
        <v>5</v>
      </c>
      <c r="N4791" s="1" t="s">
        <v>1009</v>
      </c>
      <c r="O4791" s="1" t="s">
        <v>38</v>
      </c>
      <c r="P4791" s="5" t="s">
        <v>31785</v>
      </c>
    </row>
    <row r="4792" spans="1:16" x14ac:dyDescent="0.2">
      <c r="A4792" s="1" t="s">
        <v>20</v>
      </c>
      <c r="B4792" s="1" t="s">
        <v>445</v>
      </c>
      <c r="C4792" s="1" t="s">
        <v>16694</v>
      </c>
      <c r="D4792" s="1" t="s">
        <v>10</v>
      </c>
      <c r="E4792" s="1" t="s">
        <v>16695</v>
      </c>
      <c r="F4792" s="1" t="s">
        <v>10</v>
      </c>
      <c r="G4792" s="1" t="s">
        <v>10</v>
      </c>
      <c r="H4792" s="1" t="s">
        <v>10</v>
      </c>
      <c r="I4792" s="1" t="s">
        <v>16298</v>
      </c>
      <c r="J4792" s="1" t="s">
        <v>16312</v>
      </c>
      <c r="K4792" s="1" t="s">
        <v>27</v>
      </c>
      <c r="L4792" s="1" t="s">
        <v>16693</v>
      </c>
      <c r="M4792" s="1" t="s">
        <v>5</v>
      </c>
      <c r="N4792" s="1" t="s">
        <v>25</v>
      </c>
      <c r="O4792" s="1" t="s">
        <v>38</v>
      </c>
      <c r="P4792" s="5" t="s">
        <v>31786</v>
      </c>
    </row>
    <row r="4793" spans="1:16" x14ac:dyDescent="0.2">
      <c r="A4793" s="1" t="s">
        <v>20</v>
      </c>
      <c r="B4793" s="1" t="s">
        <v>253</v>
      </c>
      <c r="C4793" s="1" t="s">
        <v>16697</v>
      </c>
      <c r="D4793" s="1" t="s">
        <v>12894</v>
      </c>
      <c r="E4793" s="1"/>
      <c r="F4793" s="1" t="s">
        <v>10</v>
      </c>
      <c r="G4793" s="1" t="s">
        <v>10</v>
      </c>
      <c r="H4793" s="1" t="s">
        <v>10</v>
      </c>
      <c r="I4793" s="1" t="s">
        <v>16298</v>
      </c>
      <c r="J4793" s="1" t="s">
        <v>16312</v>
      </c>
      <c r="K4793" s="1" t="s">
        <v>27</v>
      </c>
      <c r="L4793" s="1" t="s">
        <v>16696</v>
      </c>
      <c r="M4793" s="1" t="s">
        <v>5</v>
      </c>
      <c r="N4793" s="1" t="s">
        <v>1009</v>
      </c>
      <c r="O4793" s="1" t="s">
        <v>38</v>
      </c>
      <c r="P4793" s="5" t="s">
        <v>31787</v>
      </c>
    </row>
    <row r="4794" spans="1:16" x14ac:dyDescent="0.2">
      <c r="A4794" s="1" t="s">
        <v>20</v>
      </c>
      <c r="B4794" s="1" t="s">
        <v>10</v>
      </c>
      <c r="C4794" s="1" t="s">
        <v>16699</v>
      </c>
      <c r="D4794" s="1" t="s">
        <v>10</v>
      </c>
      <c r="E4794" s="1" t="s">
        <v>10</v>
      </c>
      <c r="F4794" s="1" t="s">
        <v>10</v>
      </c>
      <c r="G4794" s="1" t="s">
        <v>10</v>
      </c>
      <c r="H4794" s="1" t="s">
        <v>10</v>
      </c>
      <c r="I4794" s="1" t="s">
        <v>16298</v>
      </c>
      <c r="J4794" s="1" t="s">
        <v>16312</v>
      </c>
      <c r="K4794" s="1" t="s">
        <v>27</v>
      </c>
      <c r="L4794" s="1" t="s">
        <v>16698</v>
      </c>
      <c r="M4794" s="1" t="s">
        <v>5</v>
      </c>
      <c r="N4794" s="1" t="s">
        <v>25</v>
      </c>
      <c r="O4794" s="1" t="s">
        <v>38</v>
      </c>
      <c r="P4794" s="5" t="s">
        <v>31786</v>
      </c>
    </row>
    <row r="4795" spans="1:16" x14ac:dyDescent="0.2">
      <c r="A4795" s="1" t="s">
        <v>20</v>
      </c>
      <c r="B4795" s="1" t="s">
        <v>253</v>
      </c>
      <c r="C4795" s="1" t="s">
        <v>16701</v>
      </c>
      <c r="D4795" s="1" t="s">
        <v>16702</v>
      </c>
      <c r="E4795" s="1" t="s">
        <v>16703</v>
      </c>
      <c r="F4795" s="1" t="s">
        <v>10</v>
      </c>
      <c r="G4795" s="1" t="s">
        <v>10</v>
      </c>
      <c r="H4795" s="1" t="s">
        <v>10</v>
      </c>
      <c r="I4795" s="1" t="s">
        <v>16298</v>
      </c>
      <c r="J4795" s="1" t="s">
        <v>16312</v>
      </c>
      <c r="K4795" s="1" t="s">
        <v>27</v>
      </c>
      <c r="L4795" s="1" t="s">
        <v>16700</v>
      </c>
      <c r="M4795" s="1" t="s">
        <v>5</v>
      </c>
      <c r="N4795" s="1" t="s">
        <v>1009</v>
      </c>
      <c r="O4795" s="1" t="s">
        <v>38</v>
      </c>
      <c r="P4795" s="5" t="s">
        <v>31788</v>
      </c>
    </row>
    <row r="4796" spans="1:16" x14ac:dyDescent="0.2">
      <c r="A4796" s="1" t="s">
        <v>10</v>
      </c>
      <c r="B4796" s="1" t="s">
        <v>376</v>
      </c>
      <c r="C4796" s="1" t="s">
        <v>16705</v>
      </c>
      <c r="D4796" s="1" t="s">
        <v>16706</v>
      </c>
      <c r="E4796" s="1" t="s">
        <v>16707</v>
      </c>
      <c r="F4796" s="1" t="s">
        <v>10</v>
      </c>
      <c r="G4796" s="1" t="s">
        <v>10</v>
      </c>
      <c r="H4796" s="1" t="s">
        <v>10</v>
      </c>
      <c r="I4796" s="1" t="s">
        <v>16298</v>
      </c>
      <c r="J4796" s="1" t="s">
        <v>16312</v>
      </c>
      <c r="K4796" s="1" t="s">
        <v>27</v>
      </c>
      <c r="L4796" s="1" t="s">
        <v>16704</v>
      </c>
      <c r="M4796" s="1" t="s">
        <v>5</v>
      </c>
      <c r="N4796" s="1" t="s">
        <v>25</v>
      </c>
      <c r="O4796" s="1" t="s">
        <v>38</v>
      </c>
      <c r="P4796" s="5" t="s">
        <v>30468</v>
      </c>
    </row>
    <row r="4797" spans="1:16" x14ac:dyDescent="0.2">
      <c r="A4797" s="1" t="s">
        <v>20</v>
      </c>
      <c r="B4797" s="1" t="s">
        <v>10</v>
      </c>
      <c r="C4797" s="1" t="s">
        <v>16709</v>
      </c>
      <c r="D4797" s="1" t="s">
        <v>10</v>
      </c>
      <c r="E4797" s="1" t="s">
        <v>10</v>
      </c>
      <c r="F4797" s="1" t="s">
        <v>10</v>
      </c>
      <c r="G4797" s="1" t="s">
        <v>10</v>
      </c>
      <c r="H4797" s="1" t="s">
        <v>10</v>
      </c>
      <c r="I4797" s="1" t="s">
        <v>16298</v>
      </c>
      <c r="J4797" s="1" t="s">
        <v>16312</v>
      </c>
      <c r="K4797" s="1" t="s">
        <v>27</v>
      </c>
      <c r="L4797" s="1" t="s">
        <v>16708</v>
      </c>
      <c r="M4797" s="1" t="s">
        <v>5</v>
      </c>
      <c r="N4797" s="1" t="s">
        <v>6</v>
      </c>
      <c r="O4797" s="1" t="s">
        <v>38</v>
      </c>
      <c r="P4797" s="5" t="s">
        <v>31789</v>
      </c>
    </row>
    <row r="4798" spans="1:16" x14ac:dyDescent="0.2">
      <c r="A4798" s="1" t="s">
        <v>329</v>
      </c>
      <c r="B4798" s="1" t="s">
        <v>8417</v>
      </c>
      <c r="C4798" s="1" t="s">
        <v>16711</v>
      </c>
      <c r="D4798" s="1" t="s">
        <v>16712</v>
      </c>
      <c r="E4798" s="1" t="s">
        <v>16713</v>
      </c>
      <c r="F4798" s="1" t="s">
        <v>10</v>
      </c>
      <c r="G4798" s="1" t="s">
        <v>10</v>
      </c>
      <c r="H4798" s="1" t="s">
        <v>10</v>
      </c>
      <c r="I4798" s="1" t="s">
        <v>16298</v>
      </c>
      <c r="J4798" s="1" t="s">
        <v>16312</v>
      </c>
      <c r="K4798" s="1" t="s">
        <v>27</v>
      </c>
      <c r="L4798" s="1" t="s">
        <v>16710</v>
      </c>
      <c r="M4798" s="1" t="s">
        <v>5</v>
      </c>
      <c r="N4798" s="1" t="s">
        <v>6</v>
      </c>
      <c r="O4798" s="1" t="s">
        <v>38</v>
      </c>
      <c r="P4798" s="5"/>
    </row>
    <row r="4799" spans="1:16" x14ac:dyDescent="0.2">
      <c r="A4799" s="1" t="s">
        <v>20</v>
      </c>
      <c r="B4799" s="1" t="s">
        <v>10</v>
      </c>
      <c r="C4799" s="1" t="s">
        <v>16715</v>
      </c>
      <c r="D4799" s="1" t="s">
        <v>10</v>
      </c>
      <c r="E4799" s="1" t="s">
        <v>16716</v>
      </c>
      <c r="F4799" s="1" t="s">
        <v>10</v>
      </c>
      <c r="G4799" s="1" t="s">
        <v>10</v>
      </c>
      <c r="H4799" s="1" t="s">
        <v>10</v>
      </c>
      <c r="I4799" s="1" t="s">
        <v>16298</v>
      </c>
      <c r="J4799" s="1" t="s">
        <v>16312</v>
      </c>
      <c r="K4799" s="1" t="s">
        <v>27</v>
      </c>
      <c r="L4799" s="1" t="s">
        <v>16714</v>
      </c>
      <c r="M4799" s="1" t="s">
        <v>5</v>
      </c>
      <c r="N4799" s="1" t="s">
        <v>25</v>
      </c>
      <c r="O4799" s="1" t="s">
        <v>38</v>
      </c>
      <c r="P4799" s="5" t="s">
        <v>705</v>
      </c>
    </row>
    <row r="4800" spans="1:16" x14ac:dyDescent="0.2">
      <c r="A4800" s="1" t="s">
        <v>194</v>
      </c>
      <c r="B4800" s="1" t="s">
        <v>396</v>
      </c>
      <c r="C4800" s="1" t="s">
        <v>16718</v>
      </c>
      <c r="D4800" s="1" t="s">
        <v>16719</v>
      </c>
      <c r="E4800" s="1" t="s">
        <v>16720</v>
      </c>
      <c r="F4800" s="1" t="s">
        <v>10</v>
      </c>
      <c r="G4800" s="1" t="s">
        <v>10</v>
      </c>
      <c r="H4800" s="1" t="s">
        <v>10</v>
      </c>
      <c r="I4800" s="1" t="s">
        <v>16298</v>
      </c>
      <c r="J4800" s="1" t="s">
        <v>16312</v>
      </c>
      <c r="K4800" s="1" t="s">
        <v>27</v>
      </c>
      <c r="L4800" s="1" t="s">
        <v>16717</v>
      </c>
      <c r="M4800" s="1" t="s">
        <v>5</v>
      </c>
      <c r="N4800" s="1" t="s">
        <v>25</v>
      </c>
      <c r="O4800" s="1" t="s">
        <v>38</v>
      </c>
      <c r="P4800" s="5" t="s">
        <v>30469</v>
      </c>
    </row>
    <row r="4801" spans="1:16" x14ac:dyDescent="0.2">
      <c r="A4801" s="1" t="s">
        <v>20</v>
      </c>
      <c r="B4801" s="1" t="s">
        <v>253</v>
      </c>
      <c r="C4801" s="1" t="s">
        <v>16722</v>
      </c>
      <c r="D4801" s="1" t="s">
        <v>16723</v>
      </c>
      <c r="E4801" s="1" t="s">
        <v>16724</v>
      </c>
      <c r="F4801" s="1" t="s">
        <v>10</v>
      </c>
      <c r="G4801" s="1" t="s">
        <v>10</v>
      </c>
      <c r="H4801" s="1" t="s">
        <v>10</v>
      </c>
      <c r="I4801" s="1" t="s">
        <v>16298</v>
      </c>
      <c r="J4801" s="1" t="s">
        <v>16312</v>
      </c>
      <c r="K4801" s="1" t="s">
        <v>27</v>
      </c>
      <c r="L4801" s="1" t="s">
        <v>16721</v>
      </c>
      <c r="M4801" s="1" t="s">
        <v>5</v>
      </c>
      <c r="N4801" s="1" t="s">
        <v>1009</v>
      </c>
      <c r="O4801" s="1" t="s">
        <v>38</v>
      </c>
      <c r="P4801" s="5" t="s">
        <v>31785</v>
      </c>
    </row>
    <row r="4802" spans="1:16" x14ac:dyDescent="0.2">
      <c r="A4802" s="1" t="s">
        <v>42</v>
      </c>
      <c r="B4802" s="1" t="s">
        <v>87</v>
      </c>
      <c r="C4802" s="1" t="s">
        <v>16726</v>
      </c>
      <c r="D4802" s="1" t="s">
        <v>16727</v>
      </c>
      <c r="E4802" s="1" t="s">
        <v>16728</v>
      </c>
      <c r="F4802" s="1" t="s">
        <v>27</v>
      </c>
      <c r="G4802" s="1" t="s">
        <v>1042</v>
      </c>
      <c r="H4802" s="1" t="s">
        <v>16729</v>
      </c>
      <c r="I4802" s="1" t="s">
        <v>16298</v>
      </c>
      <c r="J4802" s="1" t="s">
        <v>16306</v>
      </c>
      <c r="K4802" s="1" t="s">
        <v>64</v>
      </c>
      <c r="L4802" s="1" t="s">
        <v>16725</v>
      </c>
      <c r="M4802" s="1" t="s">
        <v>5</v>
      </c>
      <c r="N4802" s="1" t="s">
        <v>10</v>
      </c>
      <c r="O4802" s="1" t="s">
        <v>8</v>
      </c>
      <c r="P4802" s="5" t="s">
        <v>31790</v>
      </c>
    </row>
    <row r="4803" spans="1:16" x14ac:dyDescent="0.2">
      <c r="A4803" s="1" t="s">
        <v>66</v>
      </c>
      <c r="B4803" s="1" t="s">
        <v>1127</v>
      </c>
      <c r="C4803" s="1" t="s">
        <v>16731</v>
      </c>
      <c r="D4803" s="1" t="s">
        <v>16732</v>
      </c>
      <c r="E4803" s="1" t="s">
        <v>16733</v>
      </c>
      <c r="F4803" s="1" t="s">
        <v>10</v>
      </c>
      <c r="G4803" s="1" t="s">
        <v>10</v>
      </c>
      <c r="H4803" s="1" t="s">
        <v>10</v>
      </c>
      <c r="I4803" s="1" t="s">
        <v>16298</v>
      </c>
      <c r="J4803" s="1" t="s">
        <v>16301</v>
      </c>
      <c r="K4803" s="1" t="s">
        <v>1548</v>
      </c>
      <c r="L4803" s="1" t="s">
        <v>16730</v>
      </c>
      <c r="M4803" s="1" t="s">
        <v>5</v>
      </c>
      <c r="N4803" s="1" t="s">
        <v>960</v>
      </c>
      <c r="O4803" s="1" t="s">
        <v>38</v>
      </c>
      <c r="P4803" s="5" t="s">
        <v>31791</v>
      </c>
    </row>
    <row r="4804" spans="1:16" x14ac:dyDescent="0.2">
      <c r="A4804" s="1" t="s">
        <v>329</v>
      </c>
      <c r="B4804" s="1" t="s">
        <v>439</v>
      </c>
      <c r="C4804" s="1" t="s">
        <v>16735</v>
      </c>
      <c r="D4804" s="1" t="s">
        <v>16736</v>
      </c>
      <c r="E4804" s="1" t="s">
        <v>16737</v>
      </c>
      <c r="F4804" s="1" t="s">
        <v>437</v>
      </c>
      <c r="G4804" s="1" t="s">
        <v>16738</v>
      </c>
      <c r="H4804" s="1" t="s">
        <v>16739</v>
      </c>
      <c r="I4804" s="1" t="s">
        <v>16298</v>
      </c>
      <c r="J4804" s="1" t="s">
        <v>16487</v>
      </c>
      <c r="K4804" s="1" t="s">
        <v>3857</v>
      </c>
      <c r="L4804" s="1" t="s">
        <v>16734</v>
      </c>
      <c r="M4804" s="1" t="s">
        <v>5</v>
      </c>
      <c r="N4804" s="1" t="s">
        <v>25</v>
      </c>
      <c r="O4804" s="1" t="s">
        <v>8</v>
      </c>
      <c r="P4804" s="5" t="s">
        <v>31792</v>
      </c>
    </row>
    <row r="4805" spans="1:16" x14ac:dyDescent="0.2">
      <c r="A4805" s="1" t="s">
        <v>10</v>
      </c>
      <c r="B4805" s="1" t="s">
        <v>376</v>
      </c>
      <c r="C4805" s="1" t="s">
        <v>16741</v>
      </c>
      <c r="D4805" s="1" t="s">
        <v>14920</v>
      </c>
      <c r="E4805" s="1" t="s">
        <v>16742</v>
      </c>
      <c r="F4805" s="1" t="s">
        <v>27</v>
      </c>
      <c r="G4805" s="1" t="s">
        <v>1042</v>
      </c>
      <c r="H4805" s="1" t="s">
        <v>16743</v>
      </c>
      <c r="I4805" s="1" t="s">
        <v>16298</v>
      </c>
      <c r="J4805" s="1" t="s">
        <v>16427</v>
      </c>
      <c r="K4805" s="1" t="s">
        <v>130</v>
      </c>
      <c r="L4805" s="1" t="s">
        <v>16740</v>
      </c>
      <c r="M4805" s="1" t="s">
        <v>5</v>
      </c>
      <c r="N4805" s="1" t="s">
        <v>25</v>
      </c>
      <c r="O4805" s="1" t="s">
        <v>8</v>
      </c>
      <c r="P4805" s="5" t="s">
        <v>30470</v>
      </c>
    </row>
    <row r="4806" spans="1:16" x14ac:dyDescent="0.2">
      <c r="A4806" s="1" t="s">
        <v>66</v>
      </c>
      <c r="B4806" s="1" t="s">
        <v>574</v>
      </c>
      <c r="C4806" s="1" t="s">
        <v>16745</v>
      </c>
      <c r="D4806" s="1" t="s">
        <v>363</v>
      </c>
      <c r="E4806" s="1"/>
      <c r="F4806" s="1" t="s">
        <v>27</v>
      </c>
      <c r="G4806" s="1" t="s">
        <v>1042</v>
      </c>
      <c r="H4806" s="1" t="s">
        <v>905</v>
      </c>
      <c r="I4806" s="1" t="s">
        <v>16298</v>
      </c>
      <c r="J4806" s="1" t="s">
        <v>16382</v>
      </c>
      <c r="K4806" s="1" t="s">
        <v>37</v>
      </c>
      <c r="L4806" s="1" t="s">
        <v>16744</v>
      </c>
      <c r="M4806" s="1" t="s">
        <v>5</v>
      </c>
      <c r="N4806" s="1" t="s">
        <v>25</v>
      </c>
      <c r="O4806" s="1" t="s">
        <v>8</v>
      </c>
      <c r="P4806" s="5" t="s">
        <v>31774</v>
      </c>
    </row>
    <row r="4807" spans="1:16" x14ac:dyDescent="0.2">
      <c r="A4807" s="1" t="s">
        <v>1086</v>
      </c>
      <c r="B4807" s="1" t="s">
        <v>1400</v>
      </c>
      <c r="C4807" s="1" t="s">
        <v>16747</v>
      </c>
      <c r="D4807" s="1" t="s">
        <v>16748</v>
      </c>
      <c r="E4807" s="1" t="s">
        <v>16749</v>
      </c>
      <c r="F4807" s="1" t="s">
        <v>522</v>
      </c>
      <c r="G4807" s="1" t="s">
        <v>10220</v>
      </c>
      <c r="H4807" s="1" t="s">
        <v>10</v>
      </c>
      <c r="I4807" s="1" t="s">
        <v>16298</v>
      </c>
      <c r="J4807" s="1" t="s">
        <v>16306</v>
      </c>
      <c r="K4807" s="1" t="s">
        <v>64</v>
      </c>
      <c r="L4807" s="1" t="s">
        <v>16746</v>
      </c>
      <c r="M4807" s="1" t="s">
        <v>5</v>
      </c>
      <c r="N4807" s="1" t="s">
        <v>25</v>
      </c>
      <c r="O4807" s="1" t="s">
        <v>8</v>
      </c>
      <c r="P4807" s="5" t="s">
        <v>30458</v>
      </c>
    </row>
    <row r="4808" spans="1:16" x14ac:dyDescent="0.2">
      <c r="A4808" s="1" t="s">
        <v>20</v>
      </c>
      <c r="B4808" s="1" t="s">
        <v>253</v>
      </c>
      <c r="C4808" s="1" t="s">
        <v>16752</v>
      </c>
      <c r="D4808" s="1" t="s">
        <v>16750</v>
      </c>
      <c r="E4808" s="1"/>
      <c r="F4808" s="1" t="s">
        <v>10</v>
      </c>
      <c r="G4808" s="1" t="s">
        <v>10</v>
      </c>
      <c r="H4808" s="1" t="s">
        <v>14929</v>
      </c>
      <c r="I4808" s="1" t="s">
        <v>16298</v>
      </c>
      <c r="J4808" s="1" t="s">
        <v>16753</v>
      </c>
      <c r="K4808" s="1" t="s">
        <v>27</v>
      </c>
      <c r="L4808" s="1" t="s">
        <v>16751</v>
      </c>
      <c r="M4808" s="1" t="s">
        <v>5</v>
      </c>
      <c r="N4808" s="1" t="s">
        <v>1009</v>
      </c>
      <c r="O4808" s="1" t="s">
        <v>38</v>
      </c>
      <c r="P4808" s="5" t="s">
        <v>31793</v>
      </c>
    </row>
    <row r="4809" spans="1:16" x14ac:dyDescent="0.2">
      <c r="A4809" s="1" t="s">
        <v>10</v>
      </c>
      <c r="B4809" s="1" t="s">
        <v>10</v>
      </c>
      <c r="C4809" s="1" t="s">
        <v>16755</v>
      </c>
      <c r="D4809" s="1" t="s">
        <v>16756</v>
      </c>
      <c r="E4809" s="1" t="s">
        <v>10</v>
      </c>
      <c r="F4809" s="1" t="s">
        <v>10</v>
      </c>
      <c r="G4809" s="1" t="s">
        <v>10</v>
      </c>
      <c r="H4809" s="1" t="s">
        <v>10</v>
      </c>
      <c r="I4809" s="1" t="s">
        <v>16298</v>
      </c>
      <c r="J4809" s="1" t="s">
        <v>10</v>
      </c>
      <c r="K4809" s="1" t="s">
        <v>27</v>
      </c>
      <c r="L4809" s="1" t="s">
        <v>16754</v>
      </c>
      <c r="M4809" s="1" t="s">
        <v>5</v>
      </c>
      <c r="N4809" s="1" t="s">
        <v>6</v>
      </c>
      <c r="O4809" s="1" t="s">
        <v>38</v>
      </c>
      <c r="P4809" s="5" t="s">
        <v>31794</v>
      </c>
    </row>
    <row r="4810" spans="1:16" x14ac:dyDescent="0.2">
      <c r="A4810" s="1" t="s">
        <v>20</v>
      </c>
      <c r="B4810" s="1" t="s">
        <v>99</v>
      </c>
      <c r="C4810" s="1" t="s">
        <v>16758</v>
      </c>
      <c r="D4810" s="1" t="s">
        <v>16759</v>
      </c>
      <c r="E4810" s="1" t="s">
        <v>16761</v>
      </c>
      <c r="F4810" s="1" t="s">
        <v>10</v>
      </c>
      <c r="G4810" s="1" t="s">
        <v>10</v>
      </c>
      <c r="H4810" s="1" t="s">
        <v>10</v>
      </c>
      <c r="I4810" s="1" t="s">
        <v>16298</v>
      </c>
      <c r="J4810" s="1" t="s">
        <v>16760</v>
      </c>
      <c r="K4810" s="1" t="s">
        <v>7</v>
      </c>
      <c r="L4810" s="1" t="s">
        <v>16757</v>
      </c>
      <c r="M4810" s="1" t="s">
        <v>5</v>
      </c>
      <c r="N4810" s="1" t="s">
        <v>25</v>
      </c>
      <c r="O4810" s="1" t="s">
        <v>38</v>
      </c>
      <c r="P4810" s="5" t="s">
        <v>30454</v>
      </c>
    </row>
    <row r="4811" spans="1:16" x14ac:dyDescent="0.2">
      <c r="A4811" s="1" t="s">
        <v>20</v>
      </c>
      <c r="B4811" s="1" t="s">
        <v>445</v>
      </c>
      <c r="C4811" s="1" t="s">
        <v>16763</v>
      </c>
      <c r="D4811" s="1" t="s">
        <v>16764</v>
      </c>
      <c r="E4811" s="1" t="s">
        <v>16765</v>
      </c>
      <c r="F4811" s="1" t="s">
        <v>10</v>
      </c>
      <c r="G4811" s="1" t="s">
        <v>10</v>
      </c>
      <c r="H4811" s="1" t="s">
        <v>10</v>
      </c>
      <c r="I4811" s="1" t="s">
        <v>16298</v>
      </c>
      <c r="J4811" s="1" t="s">
        <v>16760</v>
      </c>
      <c r="K4811" s="1" t="s">
        <v>7</v>
      </c>
      <c r="L4811" s="1" t="s">
        <v>16762</v>
      </c>
      <c r="M4811" s="1" t="s">
        <v>5</v>
      </c>
      <c r="N4811" s="1" t="s">
        <v>25</v>
      </c>
      <c r="O4811" s="1" t="s">
        <v>38</v>
      </c>
      <c r="P4811" s="5" t="s">
        <v>30454</v>
      </c>
    </row>
    <row r="4812" spans="1:16" x14ac:dyDescent="0.2">
      <c r="A4812" s="1" t="s">
        <v>20</v>
      </c>
      <c r="B4812" s="1" t="s">
        <v>93</v>
      </c>
      <c r="C4812" s="1" t="s">
        <v>16768</v>
      </c>
      <c r="D4812" s="1" t="s">
        <v>16766</v>
      </c>
      <c r="E4812" s="1"/>
      <c r="F4812" s="1" t="s">
        <v>10</v>
      </c>
      <c r="G4812" s="1" t="s">
        <v>10</v>
      </c>
      <c r="H4812" s="1" t="s">
        <v>10</v>
      </c>
      <c r="I4812" s="1" t="s">
        <v>16298</v>
      </c>
      <c r="J4812" s="1" t="s">
        <v>16654</v>
      </c>
      <c r="K4812" s="1" t="s">
        <v>27</v>
      </c>
      <c r="L4812" s="1" t="s">
        <v>16767</v>
      </c>
      <c r="M4812" s="1" t="s">
        <v>5</v>
      </c>
      <c r="N4812" s="1" t="s">
        <v>25</v>
      </c>
      <c r="O4812" s="1" t="s">
        <v>38</v>
      </c>
      <c r="P4812" s="5" t="s">
        <v>30471</v>
      </c>
    </row>
    <row r="4813" spans="1:16" x14ac:dyDescent="0.2">
      <c r="A4813" s="1" t="s">
        <v>20</v>
      </c>
      <c r="B4813" s="1" t="s">
        <v>253</v>
      </c>
      <c r="C4813" s="1" t="s">
        <v>16770</v>
      </c>
      <c r="D4813" s="1" t="s">
        <v>16771</v>
      </c>
      <c r="E4813" s="1" t="s">
        <v>16772</v>
      </c>
      <c r="F4813" s="1" t="s">
        <v>10</v>
      </c>
      <c r="G4813" s="1" t="s">
        <v>10</v>
      </c>
      <c r="H4813" s="1" t="s">
        <v>10</v>
      </c>
      <c r="I4813" s="1" t="s">
        <v>16298</v>
      </c>
      <c r="J4813" s="1" t="s">
        <v>16414</v>
      </c>
      <c r="K4813" s="1" t="s">
        <v>27</v>
      </c>
      <c r="L4813" s="1" t="s">
        <v>16769</v>
      </c>
      <c r="M4813" s="1" t="s">
        <v>5</v>
      </c>
      <c r="N4813" s="1" t="s">
        <v>25</v>
      </c>
      <c r="O4813" s="1" t="s">
        <v>38</v>
      </c>
      <c r="P4813" s="5" t="s">
        <v>31795</v>
      </c>
    </row>
    <row r="4814" spans="1:16" x14ac:dyDescent="0.2">
      <c r="A4814" s="1" t="s">
        <v>66</v>
      </c>
      <c r="B4814" s="1" t="s">
        <v>574</v>
      </c>
      <c r="C4814" s="1" t="s">
        <v>16774</v>
      </c>
      <c r="D4814" s="1" t="s">
        <v>10</v>
      </c>
      <c r="E4814" s="1"/>
      <c r="F4814" s="1" t="s">
        <v>27</v>
      </c>
      <c r="G4814" s="1" t="s">
        <v>10</v>
      </c>
      <c r="H4814" s="1" t="s">
        <v>905</v>
      </c>
      <c r="I4814" s="1" t="s">
        <v>16298</v>
      </c>
      <c r="J4814" s="1" t="s">
        <v>16414</v>
      </c>
      <c r="K4814" s="1" t="s">
        <v>27</v>
      </c>
      <c r="L4814" s="1" t="s">
        <v>16773</v>
      </c>
      <c r="M4814" s="1" t="s">
        <v>5</v>
      </c>
      <c r="N4814" s="1" t="s">
        <v>25</v>
      </c>
      <c r="O4814" s="1" t="s">
        <v>8</v>
      </c>
      <c r="P4814" s="5" t="s">
        <v>31774</v>
      </c>
    </row>
    <row r="4815" spans="1:16" x14ac:dyDescent="0.2">
      <c r="A4815" s="1" t="s">
        <v>20</v>
      </c>
      <c r="B4815" s="1" t="s">
        <v>253</v>
      </c>
      <c r="C4815" s="1" t="s">
        <v>16776</v>
      </c>
      <c r="D4815" s="1" t="s">
        <v>16777</v>
      </c>
      <c r="E4815" s="1"/>
      <c r="F4815" s="1" t="s">
        <v>10</v>
      </c>
      <c r="G4815" s="1" t="s">
        <v>10</v>
      </c>
      <c r="H4815" s="1" t="s">
        <v>10</v>
      </c>
      <c r="I4815" s="1" t="s">
        <v>16298</v>
      </c>
      <c r="J4815" s="1" t="s">
        <v>16414</v>
      </c>
      <c r="K4815" s="1" t="s">
        <v>27</v>
      </c>
      <c r="L4815" s="1" t="s">
        <v>16775</v>
      </c>
      <c r="M4815" s="1" t="s">
        <v>5</v>
      </c>
      <c r="N4815" s="1" t="s">
        <v>1009</v>
      </c>
      <c r="O4815" s="1" t="s">
        <v>38</v>
      </c>
      <c r="P4815" s="5" t="s">
        <v>31796</v>
      </c>
    </row>
    <row r="4816" spans="1:16" x14ac:dyDescent="0.2">
      <c r="A4816" s="1" t="s">
        <v>20</v>
      </c>
      <c r="B4816" s="1" t="s">
        <v>445</v>
      </c>
      <c r="C4816" s="1" t="s">
        <v>16779</v>
      </c>
      <c r="D4816" s="1" t="s">
        <v>16780</v>
      </c>
      <c r="E4816" s="1" t="s">
        <v>16781</v>
      </c>
      <c r="F4816" s="1" t="s">
        <v>10</v>
      </c>
      <c r="G4816" s="1" t="s">
        <v>10</v>
      </c>
      <c r="H4816" s="1" t="s">
        <v>10</v>
      </c>
      <c r="I4816" s="1" t="s">
        <v>16298</v>
      </c>
      <c r="J4816" s="1" t="s">
        <v>16414</v>
      </c>
      <c r="K4816" s="1" t="s">
        <v>27</v>
      </c>
      <c r="L4816" s="1" t="s">
        <v>16778</v>
      </c>
      <c r="M4816" s="1" t="s">
        <v>5</v>
      </c>
      <c r="N4816" s="1" t="s">
        <v>1009</v>
      </c>
      <c r="O4816" s="1" t="s">
        <v>38</v>
      </c>
      <c r="P4816" s="5" t="s">
        <v>31797</v>
      </c>
    </row>
    <row r="4817" spans="1:16" x14ac:dyDescent="0.2">
      <c r="A4817" s="1" t="s">
        <v>20</v>
      </c>
      <c r="B4817" s="1" t="s">
        <v>445</v>
      </c>
      <c r="C4817" s="1" t="s">
        <v>16783</v>
      </c>
      <c r="D4817" s="1" t="s">
        <v>16784</v>
      </c>
      <c r="E4817" s="1" t="s">
        <v>16785</v>
      </c>
      <c r="F4817" s="1" t="s">
        <v>10</v>
      </c>
      <c r="G4817" s="1" t="s">
        <v>10</v>
      </c>
      <c r="H4817" s="1" t="s">
        <v>10</v>
      </c>
      <c r="I4817" s="1" t="s">
        <v>16298</v>
      </c>
      <c r="J4817" s="1" t="s">
        <v>16414</v>
      </c>
      <c r="K4817" s="1" t="s">
        <v>27</v>
      </c>
      <c r="L4817" s="1" t="s">
        <v>16782</v>
      </c>
      <c r="M4817" s="1" t="s">
        <v>5</v>
      </c>
      <c r="N4817" s="1" t="s">
        <v>25</v>
      </c>
      <c r="O4817" s="1" t="s">
        <v>38</v>
      </c>
      <c r="P4817" s="5" t="s">
        <v>30472</v>
      </c>
    </row>
    <row r="4818" spans="1:16" x14ac:dyDescent="0.2">
      <c r="A4818" s="1" t="s">
        <v>20</v>
      </c>
      <c r="B4818" s="1" t="s">
        <v>1047</v>
      </c>
      <c r="C4818" s="1" t="s">
        <v>16787</v>
      </c>
      <c r="D4818" s="1" t="s">
        <v>10</v>
      </c>
      <c r="E4818" s="1" t="s">
        <v>16788</v>
      </c>
      <c r="F4818" s="1" t="s">
        <v>10</v>
      </c>
      <c r="G4818" s="1" t="s">
        <v>10</v>
      </c>
      <c r="H4818" s="1" t="s">
        <v>10</v>
      </c>
      <c r="I4818" s="1" t="s">
        <v>16298</v>
      </c>
      <c r="J4818" s="1" t="s">
        <v>16414</v>
      </c>
      <c r="K4818" s="1" t="s">
        <v>27</v>
      </c>
      <c r="L4818" s="1" t="s">
        <v>16786</v>
      </c>
      <c r="M4818" s="1" t="s">
        <v>5</v>
      </c>
      <c r="N4818" s="1" t="s">
        <v>25</v>
      </c>
      <c r="O4818" s="1" t="s">
        <v>38</v>
      </c>
      <c r="P4818" s="5" t="s">
        <v>30454</v>
      </c>
    </row>
    <row r="4819" spans="1:16" x14ac:dyDescent="0.2">
      <c r="A4819" s="1" t="s">
        <v>10</v>
      </c>
      <c r="B4819" s="1" t="s">
        <v>376</v>
      </c>
      <c r="C4819" s="1" t="s">
        <v>16790</v>
      </c>
      <c r="D4819" s="1" t="s">
        <v>16791</v>
      </c>
      <c r="E4819" s="1" t="s">
        <v>16792</v>
      </c>
      <c r="F4819" s="1" t="s">
        <v>10</v>
      </c>
      <c r="G4819" s="1" t="s">
        <v>10</v>
      </c>
      <c r="H4819" s="1" t="s">
        <v>10</v>
      </c>
      <c r="I4819" s="1" t="s">
        <v>16298</v>
      </c>
      <c r="J4819" s="1" t="s">
        <v>16414</v>
      </c>
      <c r="K4819" s="1" t="s">
        <v>27</v>
      </c>
      <c r="L4819" s="1" t="s">
        <v>16789</v>
      </c>
      <c r="M4819" s="1" t="s">
        <v>5</v>
      </c>
      <c r="N4819" s="1" t="s">
        <v>25</v>
      </c>
      <c r="O4819" s="1" t="s">
        <v>38</v>
      </c>
      <c r="P4819" s="5" t="s">
        <v>30472</v>
      </c>
    </row>
    <row r="4820" spans="1:16" x14ac:dyDescent="0.2">
      <c r="A4820" s="1" t="s">
        <v>20</v>
      </c>
      <c r="B4820" s="1" t="s">
        <v>1047</v>
      </c>
      <c r="C4820" s="1" t="s">
        <v>16794</v>
      </c>
      <c r="D4820" s="1" t="s">
        <v>10</v>
      </c>
      <c r="E4820" s="1" t="s">
        <v>16795</v>
      </c>
      <c r="F4820" s="1" t="s">
        <v>10</v>
      </c>
      <c r="G4820" s="1" t="s">
        <v>10</v>
      </c>
      <c r="H4820" s="1" t="s">
        <v>10</v>
      </c>
      <c r="I4820" s="1" t="s">
        <v>16298</v>
      </c>
      <c r="J4820" s="1" t="s">
        <v>16414</v>
      </c>
      <c r="K4820" s="1" t="s">
        <v>27</v>
      </c>
      <c r="L4820" s="1" t="s">
        <v>16793</v>
      </c>
      <c r="M4820" s="1" t="s">
        <v>5</v>
      </c>
      <c r="N4820" s="1" t="s">
        <v>25</v>
      </c>
      <c r="O4820" s="1" t="s">
        <v>38</v>
      </c>
      <c r="P4820" s="5" t="s">
        <v>30454</v>
      </c>
    </row>
    <row r="4821" spans="1:16" x14ac:dyDescent="0.2">
      <c r="A4821" s="1" t="s">
        <v>20</v>
      </c>
      <c r="B4821" s="1" t="s">
        <v>445</v>
      </c>
      <c r="C4821" s="1" t="s">
        <v>16797</v>
      </c>
      <c r="D4821" s="1" t="s">
        <v>16798</v>
      </c>
      <c r="E4821" s="1" t="s">
        <v>16799</v>
      </c>
      <c r="F4821" s="1" t="s">
        <v>10</v>
      </c>
      <c r="G4821" s="1" t="s">
        <v>10</v>
      </c>
      <c r="H4821" s="1" t="s">
        <v>10</v>
      </c>
      <c r="I4821" s="1" t="s">
        <v>16298</v>
      </c>
      <c r="J4821" s="1" t="s">
        <v>16414</v>
      </c>
      <c r="K4821" s="1" t="s">
        <v>27</v>
      </c>
      <c r="L4821" s="1" t="s">
        <v>16796</v>
      </c>
      <c r="M4821" s="1" t="s">
        <v>5</v>
      </c>
      <c r="N4821" s="1" t="s">
        <v>25</v>
      </c>
      <c r="O4821" s="1" t="s">
        <v>38</v>
      </c>
      <c r="P4821" s="5" t="s">
        <v>30454</v>
      </c>
    </row>
    <row r="4822" spans="1:16" x14ac:dyDescent="0.2">
      <c r="A4822" s="1" t="s">
        <v>1385</v>
      </c>
      <c r="B4822" s="1" t="s">
        <v>1386</v>
      </c>
      <c r="C4822" s="1" t="s">
        <v>16801</v>
      </c>
      <c r="D4822" s="1" t="s">
        <v>16802</v>
      </c>
      <c r="E4822" s="1"/>
      <c r="F4822" s="1" t="s">
        <v>10</v>
      </c>
      <c r="G4822" s="1" t="s">
        <v>10</v>
      </c>
      <c r="H4822" s="1" t="s">
        <v>10</v>
      </c>
      <c r="I4822" s="1" t="s">
        <v>16298</v>
      </c>
      <c r="J4822" s="1" t="s">
        <v>16301</v>
      </c>
      <c r="K4822" s="1" t="s">
        <v>1563</v>
      </c>
      <c r="L4822" s="1" t="s">
        <v>16800</v>
      </c>
      <c r="M4822" s="1" t="s">
        <v>5</v>
      </c>
      <c r="N4822" s="1" t="s">
        <v>25</v>
      </c>
      <c r="O4822" s="1" t="s">
        <v>38</v>
      </c>
      <c r="P4822" s="5" t="s">
        <v>30456</v>
      </c>
    </row>
    <row r="4823" spans="1:16" x14ac:dyDescent="0.2">
      <c r="A4823" s="1" t="s">
        <v>20</v>
      </c>
      <c r="B4823" s="1" t="s">
        <v>309</v>
      </c>
      <c r="C4823" s="1" t="s">
        <v>16804</v>
      </c>
      <c r="D4823" s="1" t="s">
        <v>16805</v>
      </c>
      <c r="E4823" s="1"/>
      <c r="F4823" s="1" t="s">
        <v>10</v>
      </c>
      <c r="G4823" s="1" t="s">
        <v>10</v>
      </c>
      <c r="H4823" s="1" t="s">
        <v>10</v>
      </c>
      <c r="I4823" s="1" t="s">
        <v>16298</v>
      </c>
      <c r="J4823" s="1" t="s">
        <v>16301</v>
      </c>
      <c r="K4823" s="1" t="s">
        <v>1563</v>
      </c>
      <c r="L4823" s="1" t="s">
        <v>16803</v>
      </c>
      <c r="M4823" s="1" t="s">
        <v>5</v>
      </c>
      <c r="N4823" s="1" t="s">
        <v>25</v>
      </c>
      <c r="O4823" s="1" t="s">
        <v>38</v>
      </c>
      <c r="P4823" s="5" t="s">
        <v>30456</v>
      </c>
    </row>
    <row r="4824" spans="1:16" x14ac:dyDescent="0.2">
      <c r="A4824" s="1" t="s">
        <v>66</v>
      </c>
      <c r="B4824" s="1" t="s">
        <v>574</v>
      </c>
      <c r="C4824" s="1" t="s">
        <v>16808</v>
      </c>
      <c r="D4824" s="1" t="s">
        <v>16806</v>
      </c>
      <c r="E4824" s="1" t="s">
        <v>16809</v>
      </c>
      <c r="F4824" s="1" t="s">
        <v>27</v>
      </c>
      <c r="G4824" s="1" t="s">
        <v>1042</v>
      </c>
      <c r="H4824" s="1" t="s">
        <v>16458</v>
      </c>
      <c r="I4824" s="1" t="s">
        <v>16298</v>
      </c>
      <c r="J4824" s="1" t="s">
        <v>16301</v>
      </c>
      <c r="K4824" s="1" t="s">
        <v>27</v>
      </c>
      <c r="L4824" s="1" t="s">
        <v>16807</v>
      </c>
      <c r="M4824" s="1" t="s">
        <v>5</v>
      </c>
      <c r="N4824" s="1" t="s">
        <v>10</v>
      </c>
      <c r="O4824" s="1" t="s">
        <v>8</v>
      </c>
      <c r="P4824" s="5" t="s">
        <v>32808</v>
      </c>
    </row>
    <row r="4825" spans="1:16" x14ac:dyDescent="0.2">
      <c r="A4825" s="1" t="s">
        <v>10</v>
      </c>
      <c r="B4825" s="1" t="s">
        <v>376</v>
      </c>
      <c r="C4825" s="1" t="s">
        <v>16811</v>
      </c>
      <c r="D4825" s="1" t="s">
        <v>16812</v>
      </c>
      <c r="E4825" s="1"/>
      <c r="F4825" s="1" t="s">
        <v>10</v>
      </c>
      <c r="G4825" s="1" t="s">
        <v>10</v>
      </c>
      <c r="H4825" s="1" t="s">
        <v>10</v>
      </c>
      <c r="I4825" s="1" t="s">
        <v>16298</v>
      </c>
      <c r="J4825" s="1" t="s">
        <v>16301</v>
      </c>
      <c r="K4825" s="1" t="s">
        <v>27</v>
      </c>
      <c r="L4825" s="1" t="s">
        <v>16810</v>
      </c>
      <c r="M4825" s="1" t="s">
        <v>5</v>
      </c>
      <c r="N4825" s="1" t="s">
        <v>10</v>
      </c>
      <c r="O4825" s="1" t="s">
        <v>38</v>
      </c>
      <c r="P4825" s="5" t="s">
        <v>32809</v>
      </c>
    </row>
    <row r="4826" spans="1:16" x14ac:dyDescent="0.2">
      <c r="A4826" s="1" t="s">
        <v>20</v>
      </c>
      <c r="B4826" s="1" t="s">
        <v>309</v>
      </c>
      <c r="C4826" s="1" t="s">
        <v>16814</v>
      </c>
      <c r="D4826" s="1" t="s">
        <v>16815</v>
      </c>
      <c r="E4826" s="1"/>
      <c r="F4826" s="1" t="s">
        <v>27</v>
      </c>
      <c r="G4826" s="1" t="s">
        <v>1042</v>
      </c>
      <c r="H4826" s="1" t="s">
        <v>16816</v>
      </c>
      <c r="I4826" s="1" t="s">
        <v>16298</v>
      </c>
      <c r="J4826" s="1" t="s">
        <v>16301</v>
      </c>
      <c r="K4826" s="1" t="s">
        <v>64</v>
      </c>
      <c r="L4826" s="1" t="s">
        <v>16813</v>
      </c>
      <c r="M4826" s="1" t="s">
        <v>5</v>
      </c>
      <c r="N4826" s="1" t="s">
        <v>25</v>
      </c>
      <c r="O4826" s="1" t="s">
        <v>8</v>
      </c>
      <c r="P4826" s="5" t="s">
        <v>30473</v>
      </c>
    </row>
    <row r="4827" spans="1:16" x14ac:dyDescent="0.2">
      <c r="A4827" s="1" t="s">
        <v>20</v>
      </c>
      <c r="B4827" s="1" t="s">
        <v>309</v>
      </c>
      <c r="C4827" s="1" t="s">
        <v>16817</v>
      </c>
      <c r="D4827" s="1" t="s">
        <v>10</v>
      </c>
      <c r="E4827" s="1" t="s">
        <v>10</v>
      </c>
      <c r="F4827" s="1" t="s">
        <v>27</v>
      </c>
      <c r="G4827" s="1" t="s">
        <v>10</v>
      </c>
      <c r="H4827" s="1" t="s">
        <v>16819</v>
      </c>
      <c r="I4827" s="1" t="s">
        <v>16298</v>
      </c>
      <c r="J4827" s="1" t="s">
        <v>16414</v>
      </c>
      <c r="K4827" s="1" t="s">
        <v>27</v>
      </c>
      <c r="L4827" s="1" t="s">
        <v>16818</v>
      </c>
      <c r="M4827" s="1" t="s">
        <v>5</v>
      </c>
      <c r="N4827" s="1" t="s">
        <v>25</v>
      </c>
      <c r="O4827" s="1" t="s">
        <v>8</v>
      </c>
      <c r="P4827" s="5" t="s">
        <v>30474</v>
      </c>
    </row>
    <row r="4828" spans="1:16" x14ac:dyDescent="0.2">
      <c r="A4828" s="1" t="s">
        <v>194</v>
      </c>
      <c r="B4828" s="1" t="s">
        <v>7145</v>
      </c>
      <c r="C4828" s="1" t="s">
        <v>16821</v>
      </c>
      <c r="D4828" s="1" t="s">
        <v>16822</v>
      </c>
      <c r="E4828" s="1" t="s">
        <v>16823</v>
      </c>
      <c r="F4828" s="1" t="s">
        <v>10</v>
      </c>
      <c r="G4828" s="1" t="s">
        <v>10</v>
      </c>
      <c r="H4828" s="1" t="s">
        <v>10</v>
      </c>
      <c r="I4828" s="1" t="s">
        <v>16298</v>
      </c>
      <c r="J4828" s="1" t="s">
        <v>16487</v>
      </c>
      <c r="K4828" s="1" t="s">
        <v>3857</v>
      </c>
      <c r="L4828" s="1" t="s">
        <v>16820</v>
      </c>
      <c r="M4828" s="1" t="s">
        <v>5</v>
      </c>
      <c r="N4828" s="1" t="s">
        <v>25</v>
      </c>
      <c r="O4828" s="1" t="s">
        <v>38</v>
      </c>
      <c r="P4828" s="5" t="s">
        <v>30475</v>
      </c>
    </row>
    <row r="4829" spans="1:16" x14ac:dyDescent="0.2">
      <c r="A4829" s="1" t="s">
        <v>329</v>
      </c>
      <c r="B4829" s="1" t="s">
        <v>1659</v>
      </c>
      <c r="C4829" s="1" t="s">
        <v>16825</v>
      </c>
      <c r="D4829" s="1" t="s">
        <v>16826</v>
      </c>
      <c r="E4829" s="1" t="s">
        <v>16827</v>
      </c>
      <c r="F4829" s="1" t="s">
        <v>414</v>
      </c>
      <c r="G4829" s="1" t="s">
        <v>12192</v>
      </c>
      <c r="H4829" s="1" t="s">
        <v>10</v>
      </c>
      <c r="I4829" s="1" t="s">
        <v>16298</v>
      </c>
      <c r="J4829" s="1" t="s">
        <v>16306</v>
      </c>
      <c r="K4829" s="1" t="s">
        <v>64</v>
      </c>
      <c r="L4829" s="1" t="s">
        <v>16824</v>
      </c>
      <c r="M4829" s="1" t="s">
        <v>5</v>
      </c>
      <c r="N4829" s="1" t="s">
        <v>10</v>
      </c>
      <c r="O4829" s="1" t="s">
        <v>8</v>
      </c>
      <c r="P4829" s="5" t="s">
        <v>31798</v>
      </c>
    </row>
    <row r="4830" spans="1:16" x14ac:dyDescent="0.2">
      <c r="A4830" s="1" t="s">
        <v>2187</v>
      </c>
      <c r="B4830" s="1" t="s">
        <v>16831</v>
      </c>
      <c r="C4830" s="1" t="s">
        <v>16829</v>
      </c>
      <c r="D4830" s="1" t="s">
        <v>10</v>
      </c>
      <c r="E4830" s="1" t="s">
        <v>16830</v>
      </c>
      <c r="F4830" s="1" t="s">
        <v>27</v>
      </c>
      <c r="G4830" s="1" t="s">
        <v>10</v>
      </c>
      <c r="H4830" s="1" t="s">
        <v>16829</v>
      </c>
      <c r="I4830" s="1" t="s">
        <v>16298</v>
      </c>
      <c r="J4830" s="1" t="s">
        <v>16306</v>
      </c>
      <c r="K4830" s="1" t="s">
        <v>64</v>
      </c>
      <c r="L4830" s="1" t="s">
        <v>16828</v>
      </c>
      <c r="M4830" s="1" t="s">
        <v>5</v>
      </c>
      <c r="N4830" s="1" t="s">
        <v>25</v>
      </c>
      <c r="O4830" s="1" t="s">
        <v>8</v>
      </c>
      <c r="P4830" s="5" t="s">
        <v>30458</v>
      </c>
    </row>
    <row r="4831" spans="1:16" x14ac:dyDescent="0.2">
      <c r="A4831" s="1" t="s">
        <v>1385</v>
      </c>
      <c r="B4831" s="1" t="s">
        <v>1386</v>
      </c>
      <c r="C4831" s="1" t="s">
        <v>16833</v>
      </c>
      <c r="D4831" s="1" t="s">
        <v>16834</v>
      </c>
      <c r="E4831" s="1"/>
      <c r="F4831" s="1" t="s">
        <v>10</v>
      </c>
      <c r="G4831" s="1" t="s">
        <v>10</v>
      </c>
      <c r="H4831" s="1" t="s">
        <v>10</v>
      </c>
      <c r="I4831" s="1" t="s">
        <v>16298</v>
      </c>
      <c r="J4831" s="1" t="s">
        <v>16301</v>
      </c>
      <c r="K4831" s="1" t="s">
        <v>1468</v>
      </c>
      <c r="L4831" s="1" t="s">
        <v>16832</v>
      </c>
      <c r="M4831" s="1" t="s">
        <v>5</v>
      </c>
      <c r="N4831" s="1" t="s">
        <v>25</v>
      </c>
      <c r="O4831" s="1" t="s">
        <v>38</v>
      </c>
      <c r="P4831" s="5" t="s">
        <v>30456</v>
      </c>
    </row>
    <row r="4832" spans="1:16" x14ac:dyDescent="0.2">
      <c r="A4832" s="1" t="s">
        <v>10</v>
      </c>
      <c r="B4832" s="1" t="s">
        <v>10</v>
      </c>
      <c r="C4832" s="1" t="s">
        <v>16836</v>
      </c>
      <c r="D4832" s="1" t="s">
        <v>10</v>
      </c>
      <c r="E4832" s="1" t="s">
        <v>10</v>
      </c>
      <c r="F4832" s="1" t="s">
        <v>10</v>
      </c>
      <c r="G4832" s="1" t="s">
        <v>10</v>
      </c>
      <c r="H4832" s="1" t="s">
        <v>10</v>
      </c>
      <c r="I4832" s="1" t="s">
        <v>16298</v>
      </c>
      <c r="J4832" s="1" t="s">
        <v>10</v>
      </c>
      <c r="K4832" s="1" t="s">
        <v>10</v>
      </c>
      <c r="L4832" s="1" t="s">
        <v>16835</v>
      </c>
      <c r="M4832" s="1" t="s">
        <v>5</v>
      </c>
      <c r="N4832" s="1" t="s">
        <v>10</v>
      </c>
      <c r="O4832" s="1" t="s">
        <v>10</v>
      </c>
      <c r="P4832" s="5"/>
    </row>
    <row r="4833" spans="1:16" x14ac:dyDescent="0.2">
      <c r="A4833" s="1" t="s">
        <v>10</v>
      </c>
      <c r="B4833" s="1" t="s">
        <v>10</v>
      </c>
      <c r="C4833" s="1" t="s">
        <v>16838</v>
      </c>
      <c r="D4833" s="1" t="s">
        <v>10</v>
      </c>
      <c r="E4833" s="1" t="s">
        <v>10</v>
      </c>
      <c r="F4833" s="1" t="s">
        <v>10</v>
      </c>
      <c r="G4833" s="1" t="s">
        <v>10</v>
      </c>
      <c r="H4833" s="1" t="s">
        <v>10</v>
      </c>
      <c r="I4833" s="1" t="s">
        <v>16298</v>
      </c>
      <c r="J4833" s="1" t="s">
        <v>10</v>
      </c>
      <c r="K4833" s="1" t="s">
        <v>10</v>
      </c>
      <c r="L4833" s="1" t="s">
        <v>16837</v>
      </c>
      <c r="M4833" s="1" t="s">
        <v>5</v>
      </c>
      <c r="N4833" s="1" t="s">
        <v>6</v>
      </c>
      <c r="O4833" s="1" t="s">
        <v>8</v>
      </c>
      <c r="P4833" s="5"/>
    </row>
    <row r="4834" spans="1:16" x14ac:dyDescent="0.2">
      <c r="A4834" s="1" t="s">
        <v>487</v>
      </c>
      <c r="B4834" s="1" t="s">
        <v>759</v>
      </c>
      <c r="C4834" s="1" t="s">
        <v>16841</v>
      </c>
      <c r="D4834" s="1" t="s">
        <v>16839</v>
      </c>
      <c r="E4834" s="1" t="s">
        <v>16842</v>
      </c>
      <c r="F4834" s="1" t="s">
        <v>27</v>
      </c>
      <c r="G4834" s="1" t="s">
        <v>1042</v>
      </c>
      <c r="H4834" s="1" t="s">
        <v>16843</v>
      </c>
      <c r="I4834" s="1" t="s">
        <v>16298</v>
      </c>
      <c r="J4834" s="1" t="s">
        <v>16487</v>
      </c>
      <c r="K4834" s="1" t="s">
        <v>27</v>
      </c>
      <c r="L4834" s="1" t="s">
        <v>16840</v>
      </c>
      <c r="M4834" s="1" t="s">
        <v>5</v>
      </c>
      <c r="N4834" s="1" t="s">
        <v>25</v>
      </c>
      <c r="O4834" s="1" t="s">
        <v>8</v>
      </c>
      <c r="P4834" s="5" t="s">
        <v>30398</v>
      </c>
    </row>
    <row r="4835" spans="1:16" x14ac:dyDescent="0.2">
      <c r="A4835" s="1" t="s">
        <v>20</v>
      </c>
      <c r="B4835" s="1" t="s">
        <v>172</v>
      </c>
      <c r="C4835" s="1" t="s">
        <v>16845</v>
      </c>
      <c r="D4835" s="1" t="s">
        <v>16846</v>
      </c>
      <c r="E4835" s="1"/>
      <c r="F4835" s="1" t="s">
        <v>27</v>
      </c>
      <c r="G4835" s="1" t="s">
        <v>1042</v>
      </c>
      <c r="H4835" s="1" t="s">
        <v>16847</v>
      </c>
      <c r="I4835" s="1" t="s">
        <v>16298</v>
      </c>
      <c r="J4835" s="1" t="s">
        <v>16321</v>
      </c>
      <c r="K4835" s="1" t="s">
        <v>27</v>
      </c>
      <c r="L4835" s="1" t="s">
        <v>16844</v>
      </c>
      <c r="M4835" s="1" t="s">
        <v>5</v>
      </c>
      <c r="N4835" s="1" t="s">
        <v>10</v>
      </c>
      <c r="O4835" s="1" t="s">
        <v>8</v>
      </c>
      <c r="P4835" s="5" t="s">
        <v>31799</v>
      </c>
    </row>
    <row r="4836" spans="1:16" x14ac:dyDescent="0.2">
      <c r="A4836" s="1" t="s">
        <v>10</v>
      </c>
      <c r="B4836" s="1" t="s">
        <v>376</v>
      </c>
      <c r="C4836" s="1" t="s">
        <v>16849</v>
      </c>
      <c r="D4836" s="1" t="s">
        <v>16850</v>
      </c>
      <c r="E4836" s="1"/>
      <c r="F4836" s="1" t="s">
        <v>10</v>
      </c>
      <c r="G4836" s="1" t="s">
        <v>10</v>
      </c>
      <c r="H4836" s="1" t="s">
        <v>10</v>
      </c>
      <c r="I4836" s="1" t="s">
        <v>16298</v>
      </c>
      <c r="J4836" s="1" t="s">
        <v>16306</v>
      </c>
      <c r="K4836" s="1" t="s">
        <v>64</v>
      </c>
      <c r="L4836" s="1" t="s">
        <v>16848</v>
      </c>
      <c r="M4836" s="1" t="s">
        <v>5</v>
      </c>
      <c r="N4836" s="1" t="s">
        <v>25</v>
      </c>
      <c r="O4836" s="1" t="s">
        <v>38</v>
      </c>
      <c r="P4836" s="5" t="s">
        <v>30454</v>
      </c>
    </row>
    <row r="4837" spans="1:16" x14ac:dyDescent="0.2">
      <c r="A4837" s="1" t="s">
        <v>10</v>
      </c>
      <c r="B4837" s="1" t="s">
        <v>376</v>
      </c>
      <c r="C4837" s="1" t="s">
        <v>16852</v>
      </c>
      <c r="D4837" s="1" t="s">
        <v>16853</v>
      </c>
      <c r="E4837" s="1" t="s">
        <v>16854</v>
      </c>
      <c r="F4837" s="1" t="s">
        <v>10</v>
      </c>
      <c r="G4837" s="1" t="s">
        <v>10</v>
      </c>
      <c r="H4837" s="1" t="s">
        <v>10</v>
      </c>
      <c r="I4837" s="1" t="s">
        <v>16298</v>
      </c>
      <c r="J4837" s="1" t="s">
        <v>16423</v>
      </c>
      <c r="K4837" s="1" t="s">
        <v>27</v>
      </c>
      <c r="L4837" s="1" t="s">
        <v>16851</v>
      </c>
      <c r="M4837" s="1" t="s">
        <v>5</v>
      </c>
      <c r="N4837" s="1" t="s">
        <v>25</v>
      </c>
      <c r="O4837" s="1" t="s">
        <v>38</v>
      </c>
      <c r="P4837" s="5" t="s">
        <v>30476</v>
      </c>
    </row>
    <row r="4838" spans="1:16" x14ac:dyDescent="0.2">
      <c r="A4838" s="1" t="s">
        <v>1086</v>
      </c>
      <c r="B4838" s="1" t="s">
        <v>1400</v>
      </c>
      <c r="C4838" s="1" t="s">
        <v>16857</v>
      </c>
      <c r="D4838" s="1" t="s">
        <v>16855</v>
      </c>
      <c r="E4838" s="1" t="s">
        <v>16858</v>
      </c>
      <c r="F4838" s="1" t="s">
        <v>10</v>
      </c>
      <c r="G4838" s="1" t="s">
        <v>10</v>
      </c>
      <c r="H4838" s="1" t="s">
        <v>10</v>
      </c>
      <c r="I4838" s="1" t="s">
        <v>16298</v>
      </c>
      <c r="J4838" s="1" t="s">
        <v>16337</v>
      </c>
      <c r="K4838" s="1" t="s">
        <v>1468</v>
      </c>
      <c r="L4838" s="1" t="s">
        <v>16856</v>
      </c>
      <c r="M4838" s="1" t="s">
        <v>5</v>
      </c>
      <c r="N4838" s="1" t="s">
        <v>25</v>
      </c>
      <c r="O4838" s="1" t="s">
        <v>38</v>
      </c>
      <c r="P4838" s="5" t="s">
        <v>30477</v>
      </c>
    </row>
    <row r="4839" spans="1:16" x14ac:dyDescent="0.2">
      <c r="A4839" s="1" t="s">
        <v>2187</v>
      </c>
      <c r="B4839" s="1" t="s">
        <v>15476</v>
      </c>
      <c r="C4839" s="1" t="s">
        <v>16861</v>
      </c>
      <c r="D4839" s="1" t="s">
        <v>16859</v>
      </c>
      <c r="E4839" s="1"/>
      <c r="F4839" s="1" t="s">
        <v>27</v>
      </c>
      <c r="G4839" s="1" t="s">
        <v>10</v>
      </c>
      <c r="H4839" s="1" t="s">
        <v>16862</v>
      </c>
      <c r="I4839" s="1" t="s">
        <v>16298</v>
      </c>
      <c r="J4839" s="1" t="s">
        <v>16306</v>
      </c>
      <c r="K4839" s="1" t="s">
        <v>64</v>
      </c>
      <c r="L4839" s="1" t="s">
        <v>16860</v>
      </c>
      <c r="M4839" s="1" t="s">
        <v>5</v>
      </c>
      <c r="N4839" s="1" t="s">
        <v>25</v>
      </c>
      <c r="O4839" s="1" t="s">
        <v>8</v>
      </c>
      <c r="P4839" s="5" t="s">
        <v>1189</v>
      </c>
    </row>
    <row r="4840" spans="1:16" x14ac:dyDescent="0.2">
      <c r="A4840" s="1" t="s">
        <v>66</v>
      </c>
      <c r="B4840" s="1" t="s">
        <v>574</v>
      </c>
      <c r="C4840" s="1" t="s">
        <v>12080</v>
      </c>
      <c r="D4840" s="1" t="s">
        <v>16864</v>
      </c>
      <c r="E4840" s="1" t="s">
        <v>16865</v>
      </c>
      <c r="F4840" s="1" t="s">
        <v>10</v>
      </c>
      <c r="G4840" s="1" t="s">
        <v>10</v>
      </c>
      <c r="H4840" s="1" t="s">
        <v>10</v>
      </c>
      <c r="I4840" s="1" t="s">
        <v>16298</v>
      </c>
      <c r="J4840" s="1" t="s">
        <v>16306</v>
      </c>
      <c r="K4840" s="1" t="s">
        <v>64</v>
      </c>
      <c r="L4840" s="1" t="s">
        <v>16863</v>
      </c>
      <c r="M4840" s="1" t="s">
        <v>5</v>
      </c>
      <c r="N4840" s="1" t="s">
        <v>25</v>
      </c>
      <c r="O4840" s="1" t="s">
        <v>38</v>
      </c>
      <c r="P4840" s="5" t="s">
        <v>30478</v>
      </c>
    </row>
    <row r="4841" spans="1:16" x14ac:dyDescent="0.2">
      <c r="A4841" s="1" t="s">
        <v>10</v>
      </c>
      <c r="B4841" s="1" t="s">
        <v>10</v>
      </c>
      <c r="C4841" s="1" t="s">
        <v>6812</v>
      </c>
      <c r="D4841" s="1" t="s">
        <v>10</v>
      </c>
      <c r="E4841" s="1" t="s">
        <v>16867</v>
      </c>
      <c r="F4841" s="1" t="s">
        <v>393</v>
      </c>
      <c r="G4841" s="1" t="s">
        <v>10</v>
      </c>
      <c r="H4841" s="1" t="s">
        <v>10</v>
      </c>
      <c r="I4841" s="1" t="s">
        <v>16298</v>
      </c>
      <c r="J4841" s="1" t="s">
        <v>16414</v>
      </c>
      <c r="K4841" s="1" t="s">
        <v>27</v>
      </c>
      <c r="L4841" s="1" t="s">
        <v>16866</v>
      </c>
      <c r="M4841" s="1" t="s">
        <v>5</v>
      </c>
      <c r="N4841" s="1" t="s">
        <v>6</v>
      </c>
      <c r="O4841" s="1" t="s">
        <v>8</v>
      </c>
      <c r="P4841" s="5" t="s">
        <v>10</v>
      </c>
    </row>
    <row r="4842" spans="1:16" x14ac:dyDescent="0.2">
      <c r="A4842" s="1" t="s">
        <v>42</v>
      </c>
      <c r="B4842" s="1" t="s">
        <v>43</v>
      </c>
      <c r="C4842" s="1" t="s">
        <v>16869</v>
      </c>
      <c r="D4842" s="1" t="s">
        <v>16870</v>
      </c>
      <c r="E4842" s="1" t="s">
        <v>16871</v>
      </c>
      <c r="F4842" s="1" t="s">
        <v>393</v>
      </c>
      <c r="G4842" s="1" t="s">
        <v>10</v>
      </c>
      <c r="H4842" s="1" t="s">
        <v>16872</v>
      </c>
      <c r="I4842" s="1" t="s">
        <v>16298</v>
      </c>
      <c r="J4842" s="1" t="s">
        <v>10</v>
      </c>
      <c r="K4842" s="1" t="s">
        <v>37</v>
      </c>
      <c r="L4842" s="1" t="s">
        <v>16868</v>
      </c>
      <c r="M4842" s="1" t="s">
        <v>5</v>
      </c>
      <c r="N4842" s="1" t="s">
        <v>1009</v>
      </c>
      <c r="O4842" s="1" t="s">
        <v>8</v>
      </c>
      <c r="P4842" s="5" t="s">
        <v>29846</v>
      </c>
    </row>
    <row r="4843" spans="1:16" x14ac:dyDescent="0.2">
      <c r="A4843" s="1" t="s">
        <v>20</v>
      </c>
      <c r="B4843" s="1" t="s">
        <v>99</v>
      </c>
      <c r="C4843" s="1" t="s">
        <v>16874</v>
      </c>
      <c r="D4843" s="1" t="s">
        <v>16875</v>
      </c>
      <c r="E4843" s="1" t="s">
        <v>16876</v>
      </c>
      <c r="F4843" s="1" t="s">
        <v>10</v>
      </c>
      <c r="G4843" s="1" t="s">
        <v>10</v>
      </c>
      <c r="H4843" s="1" t="s">
        <v>10</v>
      </c>
      <c r="I4843" s="1" t="s">
        <v>16298</v>
      </c>
      <c r="J4843" s="1" t="s">
        <v>16366</v>
      </c>
      <c r="K4843" s="1" t="s">
        <v>27</v>
      </c>
      <c r="L4843" s="1" t="s">
        <v>16873</v>
      </c>
      <c r="M4843" s="1" t="s">
        <v>5</v>
      </c>
      <c r="N4843" s="1" t="s">
        <v>25</v>
      </c>
      <c r="O4843" s="1" t="s">
        <v>38</v>
      </c>
      <c r="P4843" s="5" t="s">
        <v>32810</v>
      </c>
    </row>
    <row r="4844" spans="1:16" x14ac:dyDescent="0.2">
      <c r="A4844" s="1" t="s">
        <v>10</v>
      </c>
      <c r="B4844" s="1" t="s">
        <v>10</v>
      </c>
      <c r="C4844" s="1" t="s">
        <v>16878</v>
      </c>
      <c r="D4844" s="1" t="s">
        <v>10</v>
      </c>
      <c r="E4844" s="1" t="s">
        <v>16879</v>
      </c>
      <c r="F4844" s="1" t="s">
        <v>10</v>
      </c>
      <c r="G4844" s="1" t="s">
        <v>10</v>
      </c>
      <c r="H4844" s="1" t="s">
        <v>10</v>
      </c>
      <c r="I4844" s="1" t="s">
        <v>16298</v>
      </c>
      <c r="J4844" s="1" t="s">
        <v>16306</v>
      </c>
      <c r="K4844" s="1" t="s">
        <v>64</v>
      </c>
      <c r="L4844" s="1" t="s">
        <v>16877</v>
      </c>
      <c r="M4844" s="1" t="s">
        <v>5</v>
      </c>
      <c r="N4844" s="1" t="s">
        <v>25</v>
      </c>
      <c r="O4844" s="1" t="s">
        <v>38</v>
      </c>
      <c r="P4844" s="5" t="s">
        <v>30479</v>
      </c>
    </row>
    <row r="4845" spans="1:16" x14ac:dyDescent="0.2">
      <c r="A4845" s="1" t="s">
        <v>20</v>
      </c>
      <c r="B4845" s="1" t="s">
        <v>172</v>
      </c>
      <c r="C4845" s="1" t="s">
        <v>16881</v>
      </c>
      <c r="D4845" s="1" t="s">
        <v>16882</v>
      </c>
      <c r="E4845" s="1"/>
      <c r="F4845" s="1" t="s">
        <v>27</v>
      </c>
      <c r="G4845" s="1" t="s">
        <v>1042</v>
      </c>
      <c r="H4845" s="1" t="s">
        <v>16847</v>
      </c>
      <c r="I4845" s="1" t="s">
        <v>16298</v>
      </c>
      <c r="J4845" s="1" t="s">
        <v>16321</v>
      </c>
      <c r="K4845" s="1" t="s">
        <v>27</v>
      </c>
      <c r="L4845" s="1" t="s">
        <v>16880</v>
      </c>
      <c r="M4845" s="1" t="s">
        <v>5</v>
      </c>
      <c r="N4845" s="1" t="s">
        <v>1009</v>
      </c>
      <c r="O4845" s="1" t="s">
        <v>8</v>
      </c>
      <c r="P4845" s="5" t="s">
        <v>31799</v>
      </c>
    </row>
    <row r="4846" spans="1:16" x14ac:dyDescent="0.2">
      <c r="A4846" s="1" t="s">
        <v>194</v>
      </c>
      <c r="B4846" s="1" t="s">
        <v>4492</v>
      </c>
      <c r="C4846" s="1" t="s">
        <v>16884</v>
      </c>
      <c r="D4846" s="1" t="s">
        <v>4488</v>
      </c>
      <c r="E4846" s="1" t="s">
        <v>16689</v>
      </c>
      <c r="F4846" s="1" t="s">
        <v>10</v>
      </c>
      <c r="G4846" s="1" t="s">
        <v>10</v>
      </c>
      <c r="H4846" s="1" t="s">
        <v>10</v>
      </c>
      <c r="I4846" s="1" t="s">
        <v>16298</v>
      </c>
      <c r="J4846" s="1" t="s">
        <v>16321</v>
      </c>
      <c r="K4846" s="1" t="s">
        <v>27</v>
      </c>
      <c r="L4846" s="1" t="s">
        <v>16883</v>
      </c>
      <c r="M4846" s="1" t="s">
        <v>5</v>
      </c>
      <c r="N4846" s="1" t="s">
        <v>25</v>
      </c>
      <c r="O4846" s="1" t="s">
        <v>38</v>
      </c>
      <c r="P4846" s="5" t="s">
        <v>114</v>
      </c>
    </row>
    <row r="4847" spans="1:16" x14ac:dyDescent="0.2">
      <c r="A4847" s="1" t="s">
        <v>10</v>
      </c>
      <c r="B4847" s="1" t="s">
        <v>10</v>
      </c>
      <c r="C4847" s="1" t="s">
        <v>16886</v>
      </c>
      <c r="D4847" s="1" t="s">
        <v>16887</v>
      </c>
      <c r="E4847" s="1" t="s">
        <v>16889</v>
      </c>
      <c r="F4847" s="1" t="s">
        <v>27</v>
      </c>
      <c r="G4847" s="1" t="s">
        <v>10</v>
      </c>
      <c r="H4847" s="1" t="s">
        <v>16890</v>
      </c>
      <c r="I4847" s="1" t="s">
        <v>16298</v>
      </c>
      <c r="J4847" s="1" t="s">
        <v>16888</v>
      </c>
      <c r="K4847" s="1" t="s">
        <v>130</v>
      </c>
      <c r="L4847" s="1" t="s">
        <v>16885</v>
      </c>
      <c r="M4847" s="1" t="s">
        <v>5</v>
      </c>
      <c r="N4847" s="1" t="s">
        <v>1009</v>
      </c>
      <c r="O4847" s="1" t="s">
        <v>8</v>
      </c>
      <c r="P4847" s="5" t="s">
        <v>31800</v>
      </c>
    </row>
    <row r="4848" spans="1:16" x14ac:dyDescent="0.2">
      <c r="A4848" s="1" t="s">
        <v>42</v>
      </c>
      <c r="B4848" s="1" t="s">
        <v>2091</v>
      </c>
      <c r="C4848" s="1" t="s">
        <v>16892</v>
      </c>
      <c r="D4848" s="1" t="s">
        <v>10</v>
      </c>
      <c r="E4848" s="1" t="s">
        <v>16893</v>
      </c>
      <c r="F4848" s="1" t="s">
        <v>27</v>
      </c>
      <c r="G4848" s="1" t="s">
        <v>10</v>
      </c>
      <c r="H4848" s="1" t="s">
        <v>16894</v>
      </c>
      <c r="I4848" s="1" t="s">
        <v>16298</v>
      </c>
      <c r="J4848" s="1" t="s">
        <v>16306</v>
      </c>
      <c r="K4848" s="1" t="s">
        <v>64</v>
      </c>
      <c r="L4848" s="1" t="s">
        <v>16891</v>
      </c>
      <c r="M4848" s="1" t="s">
        <v>5</v>
      </c>
      <c r="N4848" s="1" t="s">
        <v>25</v>
      </c>
      <c r="O4848" s="1" t="s">
        <v>8</v>
      </c>
      <c r="P4848" s="5" t="s">
        <v>30480</v>
      </c>
    </row>
    <row r="4849" spans="1:16" x14ac:dyDescent="0.2">
      <c r="A4849" s="1" t="s">
        <v>10</v>
      </c>
      <c r="B4849" s="1" t="s">
        <v>10</v>
      </c>
      <c r="C4849" s="1" t="s">
        <v>16896</v>
      </c>
      <c r="D4849" s="1" t="s">
        <v>10</v>
      </c>
      <c r="E4849" s="1"/>
      <c r="F4849" s="1" t="s">
        <v>27</v>
      </c>
      <c r="G4849" s="1" t="s">
        <v>10</v>
      </c>
      <c r="H4849" s="1" t="s">
        <v>16897</v>
      </c>
      <c r="I4849" s="1" t="s">
        <v>16298</v>
      </c>
      <c r="J4849" s="1" t="s">
        <v>16306</v>
      </c>
      <c r="K4849" s="1" t="s">
        <v>64</v>
      </c>
      <c r="L4849" s="1" t="s">
        <v>16895</v>
      </c>
      <c r="M4849" s="1" t="s">
        <v>5</v>
      </c>
      <c r="N4849" s="1" t="s">
        <v>25</v>
      </c>
      <c r="O4849" s="1" t="s">
        <v>8</v>
      </c>
      <c r="P4849" s="5" t="s">
        <v>30478</v>
      </c>
    </row>
    <row r="4850" spans="1:16" x14ac:dyDescent="0.2">
      <c r="A4850" s="1" t="s">
        <v>42</v>
      </c>
      <c r="B4850" s="1" t="s">
        <v>1377</v>
      </c>
      <c r="C4850" s="1" t="s">
        <v>16899</v>
      </c>
      <c r="D4850" s="1" t="s">
        <v>10</v>
      </c>
      <c r="E4850" s="1" t="s">
        <v>16900</v>
      </c>
      <c r="F4850" s="1" t="s">
        <v>10</v>
      </c>
      <c r="G4850" s="1" t="s">
        <v>10</v>
      </c>
      <c r="H4850" s="1" t="s">
        <v>10</v>
      </c>
      <c r="I4850" s="1" t="s">
        <v>16298</v>
      </c>
      <c r="J4850" s="1" t="s">
        <v>16306</v>
      </c>
      <c r="K4850" s="1" t="s">
        <v>443</v>
      </c>
      <c r="L4850" s="1" t="s">
        <v>16898</v>
      </c>
      <c r="M4850" s="1" t="s">
        <v>5</v>
      </c>
      <c r="N4850" s="1" t="s">
        <v>25</v>
      </c>
      <c r="O4850" s="1" t="s">
        <v>38</v>
      </c>
      <c r="P4850" s="5" t="s">
        <v>30458</v>
      </c>
    </row>
    <row r="4851" spans="1:16" x14ac:dyDescent="0.2">
      <c r="A4851" s="1" t="s">
        <v>10</v>
      </c>
      <c r="B4851" s="1" t="s">
        <v>10</v>
      </c>
      <c r="C4851" s="1" t="s">
        <v>16902</v>
      </c>
      <c r="D4851" s="1" t="s">
        <v>16903</v>
      </c>
      <c r="E4851" s="1"/>
      <c r="F4851" s="1" t="s">
        <v>27</v>
      </c>
      <c r="G4851" s="1" t="s">
        <v>10</v>
      </c>
      <c r="H4851" s="1" t="s">
        <v>16904</v>
      </c>
      <c r="I4851" s="1" t="s">
        <v>16298</v>
      </c>
      <c r="J4851" s="1" t="s">
        <v>16306</v>
      </c>
      <c r="K4851" s="1" t="s">
        <v>64</v>
      </c>
      <c r="L4851" s="1" t="s">
        <v>16901</v>
      </c>
      <c r="M4851" s="1" t="s">
        <v>5</v>
      </c>
      <c r="N4851" s="1" t="s">
        <v>25</v>
      </c>
      <c r="O4851" s="1" t="s">
        <v>8</v>
      </c>
      <c r="P4851" s="5" t="s">
        <v>30478</v>
      </c>
    </row>
    <row r="4852" spans="1:16" x14ac:dyDescent="0.2">
      <c r="A4852" s="1" t="s">
        <v>42</v>
      </c>
      <c r="B4852" s="1" t="s">
        <v>351</v>
      </c>
      <c r="C4852" s="1" t="s">
        <v>16906</v>
      </c>
      <c r="D4852" s="1" t="s">
        <v>16907</v>
      </c>
      <c r="E4852" s="1" t="s">
        <v>16908</v>
      </c>
      <c r="F4852" s="1" t="s">
        <v>27</v>
      </c>
      <c r="G4852" s="1" t="s">
        <v>10</v>
      </c>
      <c r="H4852" s="1" t="s">
        <v>16909</v>
      </c>
      <c r="I4852" s="1" t="s">
        <v>16298</v>
      </c>
      <c r="J4852" s="1" t="s">
        <v>16427</v>
      </c>
      <c r="K4852" s="1" t="s">
        <v>130</v>
      </c>
      <c r="L4852" s="1" t="s">
        <v>16905</v>
      </c>
      <c r="M4852" s="1" t="s">
        <v>5</v>
      </c>
      <c r="N4852" s="1" t="s">
        <v>1009</v>
      </c>
      <c r="O4852" s="1" t="s">
        <v>8</v>
      </c>
      <c r="P4852" s="5" t="s">
        <v>30481</v>
      </c>
    </row>
    <row r="4853" spans="1:16" x14ac:dyDescent="0.2">
      <c r="A4853" s="1" t="s">
        <v>20</v>
      </c>
      <c r="B4853" s="1" t="s">
        <v>253</v>
      </c>
      <c r="C4853" s="1" t="s">
        <v>16911</v>
      </c>
      <c r="D4853" s="1" t="s">
        <v>10</v>
      </c>
      <c r="E4853" s="1" t="s">
        <v>16912</v>
      </c>
      <c r="F4853" s="1" t="s">
        <v>27</v>
      </c>
      <c r="G4853" s="1" t="s">
        <v>10</v>
      </c>
      <c r="H4853" s="1" t="s">
        <v>16913</v>
      </c>
      <c r="I4853" s="1" t="s">
        <v>16298</v>
      </c>
      <c r="J4853" s="1" t="s">
        <v>16423</v>
      </c>
      <c r="K4853" s="1" t="s">
        <v>130</v>
      </c>
      <c r="L4853" s="1" t="s">
        <v>16910</v>
      </c>
      <c r="M4853" s="1" t="s">
        <v>5</v>
      </c>
      <c r="N4853" s="1" t="s">
        <v>1009</v>
      </c>
      <c r="O4853" s="1" t="s">
        <v>8</v>
      </c>
      <c r="P4853" s="5" t="s">
        <v>30482</v>
      </c>
    </row>
    <row r="4854" spans="1:16" x14ac:dyDescent="0.2">
      <c r="A4854" s="1" t="s">
        <v>42</v>
      </c>
      <c r="B4854" s="1" t="s">
        <v>351</v>
      </c>
      <c r="C4854" s="1" t="s">
        <v>16915</v>
      </c>
      <c r="D4854" s="1" t="s">
        <v>16916</v>
      </c>
      <c r="E4854" s="1"/>
      <c r="F4854" s="1" t="s">
        <v>27</v>
      </c>
      <c r="G4854" s="1" t="s">
        <v>1042</v>
      </c>
      <c r="H4854" s="1" t="s">
        <v>16909</v>
      </c>
      <c r="I4854" s="1" t="s">
        <v>16298</v>
      </c>
      <c r="J4854" s="1" t="s">
        <v>16654</v>
      </c>
      <c r="K4854" s="1" t="s">
        <v>130</v>
      </c>
      <c r="L4854" s="1" t="s">
        <v>16914</v>
      </c>
      <c r="M4854" s="1" t="s">
        <v>5</v>
      </c>
      <c r="N4854" s="1" t="s">
        <v>1009</v>
      </c>
      <c r="O4854" s="1" t="s">
        <v>8</v>
      </c>
      <c r="P4854" s="5" t="s">
        <v>30483</v>
      </c>
    </row>
    <row r="4855" spans="1:16" x14ac:dyDescent="0.2">
      <c r="A4855" s="1" t="s">
        <v>20</v>
      </c>
      <c r="B4855" s="1" t="s">
        <v>253</v>
      </c>
      <c r="C4855" s="1" t="s">
        <v>16918</v>
      </c>
      <c r="D4855" s="1" t="s">
        <v>10</v>
      </c>
      <c r="E4855" s="1" t="s">
        <v>16919</v>
      </c>
      <c r="F4855" s="1" t="s">
        <v>10</v>
      </c>
      <c r="G4855" s="1" t="s">
        <v>10</v>
      </c>
      <c r="H4855" s="1" t="s">
        <v>10</v>
      </c>
      <c r="I4855" s="1" t="s">
        <v>16298</v>
      </c>
      <c r="J4855" s="1" t="s">
        <v>16301</v>
      </c>
      <c r="K4855" s="1" t="s">
        <v>7</v>
      </c>
      <c r="L4855" s="1" t="s">
        <v>16917</v>
      </c>
      <c r="M4855" s="1" t="s">
        <v>5</v>
      </c>
      <c r="N4855" s="1" t="s">
        <v>25</v>
      </c>
      <c r="O4855" s="1" t="s">
        <v>38</v>
      </c>
      <c r="P4855" s="5" t="s">
        <v>31769</v>
      </c>
    </row>
    <row r="4856" spans="1:16" x14ac:dyDescent="0.2">
      <c r="A4856" s="1" t="s">
        <v>10</v>
      </c>
      <c r="B4856" s="1" t="s">
        <v>376</v>
      </c>
      <c r="C4856" s="1" t="s">
        <v>16921</v>
      </c>
      <c r="D4856" s="1" t="s">
        <v>16922</v>
      </c>
      <c r="E4856" s="1" t="s">
        <v>16923</v>
      </c>
      <c r="F4856" s="1" t="s">
        <v>27</v>
      </c>
      <c r="G4856" s="1" t="s">
        <v>1042</v>
      </c>
      <c r="H4856" s="1" t="s">
        <v>16924</v>
      </c>
      <c r="I4856" s="1" t="s">
        <v>16298</v>
      </c>
      <c r="J4856" s="1" t="s">
        <v>16321</v>
      </c>
      <c r="K4856" s="1" t="s">
        <v>9093</v>
      </c>
      <c r="L4856" s="1" t="s">
        <v>16920</v>
      </c>
      <c r="M4856" s="1" t="s">
        <v>5</v>
      </c>
      <c r="N4856" s="1" t="s">
        <v>10</v>
      </c>
      <c r="O4856" s="1" t="s">
        <v>8</v>
      </c>
      <c r="P4856" s="5" t="s">
        <v>29821</v>
      </c>
    </row>
    <row r="4857" spans="1:16" x14ac:dyDescent="0.2">
      <c r="A4857" s="1" t="s">
        <v>66</v>
      </c>
      <c r="B4857" s="1" t="s">
        <v>574</v>
      </c>
      <c r="C4857" s="1" t="s">
        <v>16927</v>
      </c>
      <c r="D4857" s="1" t="s">
        <v>16925</v>
      </c>
      <c r="E4857" s="1" t="s">
        <v>16456</v>
      </c>
      <c r="F4857" s="1" t="s">
        <v>27</v>
      </c>
      <c r="G4857" s="1" t="s">
        <v>1042</v>
      </c>
      <c r="H4857" s="1" t="s">
        <v>16458</v>
      </c>
      <c r="I4857" s="1" t="s">
        <v>16298</v>
      </c>
      <c r="J4857" s="1" t="s">
        <v>16301</v>
      </c>
      <c r="K4857" s="1" t="s">
        <v>7</v>
      </c>
      <c r="L4857" s="1" t="s">
        <v>16926</v>
      </c>
      <c r="M4857" s="1" t="s">
        <v>5</v>
      </c>
      <c r="N4857" s="1" t="s">
        <v>25</v>
      </c>
      <c r="O4857" s="1" t="s">
        <v>8</v>
      </c>
      <c r="P4857" s="5" t="s">
        <v>31774</v>
      </c>
    </row>
    <row r="4858" spans="1:16" x14ac:dyDescent="0.2">
      <c r="A4858" s="1" t="s">
        <v>10</v>
      </c>
      <c r="B4858" s="1" t="s">
        <v>10</v>
      </c>
      <c r="C4858" s="1" t="s">
        <v>16929</v>
      </c>
      <c r="D4858" s="1" t="s">
        <v>10</v>
      </c>
      <c r="E4858" s="1" t="s">
        <v>10</v>
      </c>
      <c r="F4858" s="1" t="s">
        <v>10</v>
      </c>
      <c r="G4858" s="1" t="s">
        <v>10</v>
      </c>
      <c r="H4858" s="1" t="s">
        <v>10</v>
      </c>
      <c r="I4858" s="1" t="s">
        <v>16298</v>
      </c>
      <c r="J4858" s="1" t="s">
        <v>10</v>
      </c>
      <c r="K4858" s="1" t="s">
        <v>10</v>
      </c>
      <c r="L4858" s="1" t="s">
        <v>16928</v>
      </c>
      <c r="M4858" s="1" t="s">
        <v>5</v>
      </c>
      <c r="N4858" s="1" t="s">
        <v>10</v>
      </c>
      <c r="O4858" s="1" t="s">
        <v>10</v>
      </c>
      <c r="P4858" s="5" t="s">
        <v>30484</v>
      </c>
    </row>
    <row r="4859" spans="1:16" x14ac:dyDescent="0.2">
      <c r="A4859" s="1" t="s">
        <v>20</v>
      </c>
      <c r="B4859" s="1" t="s">
        <v>93</v>
      </c>
      <c r="C4859" s="1" t="s">
        <v>16931</v>
      </c>
      <c r="D4859" s="1" t="s">
        <v>10</v>
      </c>
      <c r="E4859" s="1" t="s">
        <v>16931</v>
      </c>
      <c r="F4859" s="1" t="s">
        <v>10</v>
      </c>
      <c r="G4859" s="1" t="s">
        <v>10</v>
      </c>
      <c r="H4859" s="1" t="s">
        <v>10</v>
      </c>
      <c r="I4859" s="1" t="s">
        <v>16298</v>
      </c>
      <c r="J4859" s="1" t="s">
        <v>16301</v>
      </c>
      <c r="K4859" s="1" t="s">
        <v>7</v>
      </c>
      <c r="L4859" s="1" t="s">
        <v>16930</v>
      </c>
      <c r="M4859" s="1" t="s">
        <v>5</v>
      </c>
      <c r="N4859" s="1" t="s">
        <v>25</v>
      </c>
      <c r="O4859" s="1" t="s">
        <v>38</v>
      </c>
      <c r="P4859" s="5" t="s">
        <v>31801</v>
      </c>
    </row>
    <row r="4860" spans="1:16" x14ac:dyDescent="0.2">
      <c r="A4860" s="1" t="s">
        <v>10</v>
      </c>
      <c r="B4860" s="1" t="s">
        <v>376</v>
      </c>
      <c r="C4860" s="1" t="s">
        <v>16933</v>
      </c>
      <c r="D4860" s="1" t="s">
        <v>16934</v>
      </c>
      <c r="E4860" s="1" t="s">
        <v>16935</v>
      </c>
      <c r="F4860" s="1" t="s">
        <v>10</v>
      </c>
      <c r="G4860" s="1" t="s">
        <v>10</v>
      </c>
      <c r="H4860" s="1" t="s">
        <v>10</v>
      </c>
      <c r="I4860" s="1" t="s">
        <v>16298</v>
      </c>
      <c r="J4860" s="1" t="s">
        <v>16321</v>
      </c>
      <c r="K4860" s="1" t="s">
        <v>27</v>
      </c>
      <c r="L4860" s="1" t="s">
        <v>16932</v>
      </c>
      <c r="M4860" s="1" t="s">
        <v>5</v>
      </c>
      <c r="N4860" s="1" t="s">
        <v>10</v>
      </c>
      <c r="O4860" s="1" t="s">
        <v>38</v>
      </c>
      <c r="P4860" s="5" t="s">
        <v>31802</v>
      </c>
    </row>
    <row r="4861" spans="1:16" x14ac:dyDescent="0.2">
      <c r="A4861" s="1" t="s">
        <v>10</v>
      </c>
      <c r="B4861" s="1" t="s">
        <v>376</v>
      </c>
      <c r="C4861" s="1" t="s">
        <v>16937</v>
      </c>
      <c r="D4861" s="1" t="s">
        <v>16938</v>
      </c>
      <c r="E4861" s="1" t="s">
        <v>16939</v>
      </c>
      <c r="F4861" s="1" t="s">
        <v>10</v>
      </c>
      <c r="G4861" s="1" t="s">
        <v>10</v>
      </c>
      <c r="H4861" s="1" t="s">
        <v>10</v>
      </c>
      <c r="I4861" s="1" t="s">
        <v>16298</v>
      </c>
      <c r="J4861" s="1" t="s">
        <v>16306</v>
      </c>
      <c r="K4861" s="1" t="s">
        <v>64</v>
      </c>
      <c r="L4861" s="1" t="s">
        <v>16936</v>
      </c>
      <c r="M4861" s="1" t="s">
        <v>5</v>
      </c>
      <c r="N4861" s="1" t="s">
        <v>25</v>
      </c>
      <c r="O4861" s="1" t="s">
        <v>38</v>
      </c>
      <c r="P4861" s="5" t="s">
        <v>32811</v>
      </c>
    </row>
    <row r="4862" spans="1:16" x14ac:dyDescent="0.2">
      <c r="A4862" s="1" t="s">
        <v>20</v>
      </c>
      <c r="B4862" s="1" t="s">
        <v>101</v>
      </c>
      <c r="C4862" s="1" t="s">
        <v>16941</v>
      </c>
      <c r="D4862" s="1" t="s">
        <v>16942</v>
      </c>
      <c r="E4862" s="1" t="s">
        <v>16943</v>
      </c>
      <c r="F4862" s="1" t="s">
        <v>10</v>
      </c>
      <c r="G4862" s="1" t="s">
        <v>10</v>
      </c>
      <c r="H4862" s="1" t="s">
        <v>10</v>
      </c>
      <c r="I4862" s="1" t="s">
        <v>16298</v>
      </c>
      <c r="J4862" s="1" t="s">
        <v>16301</v>
      </c>
      <c r="K4862" s="1" t="s">
        <v>27</v>
      </c>
      <c r="L4862" s="1" t="s">
        <v>16940</v>
      </c>
      <c r="M4862" s="1" t="s">
        <v>5</v>
      </c>
      <c r="N4862" s="1" t="s">
        <v>1009</v>
      </c>
      <c r="O4862" s="1" t="s">
        <v>38</v>
      </c>
      <c r="P4862" s="5" t="s">
        <v>31765</v>
      </c>
    </row>
    <row r="4863" spans="1:16" x14ac:dyDescent="0.2">
      <c r="A4863" s="1" t="s">
        <v>329</v>
      </c>
      <c r="B4863" s="1" t="s">
        <v>1659</v>
      </c>
      <c r="C4863" s="1" t="s">
        <v>16946</v>
      </c>
      <c r="D4863" s="1" t="s">
        <v>16944</v>
      </c>
      <c r="E4863" s="1" t="s">
        <v>16947</v>
      </c>
      <c r="F4863" s="1" t="s">
        <v>27</v>
      </c>
      <c r="G4863" s="1" t="s">
        <v>1042</v>
      </c>
      <c r="H4863" s="1" t="s">
        <v>16948</v>
      </c>
      <c r="I4863" s="1" t="s">
        <v>16298</v>
      </c>
      <c r="J4863" s="1" t="s">
        <v>16382</v>
      </c>
      <c r="K4863" s="1" t="s">
        <v>37</v>
      </c>
      <c r="L4863" s="1" t="s">
        <v>16945</v>
      </c>
      <c r="M4863" s="1" t="s">
        <v>5</v>
      </c>
      <c r="N4863" s="1" t="s">
        <v>25</v>
      </c>
      <c r="O4863" s="1" t="s">
        <v>8</v>
      </c>
      <c r="P4863" s="5" t="s">
        <v>32812</v>
      </c>
    </row>
    <row r="4864" spans="1:16" x14ac:dyDescent="0.2">
      <c r="A4864" s="1" t="s">
        <v>20</v>
      </c>
      <c r="B4864" s="1" t="s">
        <v>21</v>
      </c>
      <c r="C4864" s="1" t="s">
        <v>12192</v>
      </c>
      <c r="D4864" s="1" t="s">
        <v>12193</v>
      </c>
      <c r="E4864" s="1" t="s">
        <v>16950</v>
      </c>
      <c r="F4864" s="1" t="s">
        <v>414</v>
      </c>
      <c r="G4864" s="1" t="s">
        <v>12192</v>
      </c>
      <c r="H4864" s="1" t="s">
        <v>10</v>
      </c>
      <c r="I4864" s="1" t="s">
        <v>16298</v>
      </c>
      <c r="J4864" s="1" t="s">
        <v>16374</v>
      </c>
      <c r="K4864" s="1" t="s">
        <v>47</v>
      </c>
      <c r="L4864" s="1" t="s">
        <v>16949</v>
      </c>
      <c r="M4864" s="1" t="s">
        <v>5</v>
      </c>
      <c r="N4864" s="1" t="s">
        <v>10</v>
      </c>
      <c r="O4864" s="1" t="s">
        <v>8</v>
      </c>
      <c r="P4864" s="5" t="s">
        <v>31798</v>
      </c>
    </row>
    <row r="4865" spans="1:16" x14ac:dyDescent="0.2">
      <c r="A4865" s="1" t="s">
        <v>10</v>
      </c>
      <c r="B4865" s="1" t="s">
        <v>10</v>
      </c>
      <c r="C4865" s="1" t="s">
        <v>16952</v>
      </c>
      <c r="D4865" s="1" t="s">
        <v>10</v>
      </c>
      <c r="E4865" s="1" t="s">
        <v>10</v>
      </c>
      <c r="F4865" s="1" t="s">
        <v>10</v>
      </c>
      <c r="G4865" s="1" t="s">
        <v>10</v>
      </c>
      <c r="H4865" s="1" t="s">
        <v>10</v>
      </c>
      <c r="I4865" s="1" t="s">
        <v>16298</v>
      </c>
      <c r="J4865" s="1" t="s">
        <v>10</v>
      </c>
      <c r="K4865" s="1" t="s">
        <v>10</v>
      </c>
      <c r="L4865" s="1" t="s">
        <v>16951</v>
      </c>
      <c r="M4865" s="1" t="s">
        <v>5</v>
      </c>
      <c r="N4865" s="1" t="s">
        <v>10</v>
      </c>
      <c r="O4865" s="1" t="s">
        <v>8</v>
      </c>
      <c r="P4865" s="5"/>
    </row>
    <row r="4866" spans="1:16" x14ac:dyDescent="0.2">
      <c r="A4866" s="1" t="s">
        <v>10</v>
      </c>
      <c r="B4866" s="1" t="s">
        <v>10</v>
      </c>
      <c r="C4866" s="1" t="s">
        <v>16954</v>
      </c>
      <c r="D4866" s="1" t="s">
        <v>10</v>
      </c>
      <c r="E4866" s="1" t="s">
        <v>7427</v>
      </c>
      <c r="F4866" s="1" t="s">
        <v>10</v>
      </c>
      <c r="G4866" s="1" t="s">
        <v>10</v>
      </c>
      <c r="H4866" s="1" t="s">
        <v>10</v>
      </c>
      <c r="I4866" s="1" t="s">
        <v>16298</v>
      </c>
      <c r="J4866" s="1" t="s">
        <v>10</v>
      </c>
      <c r="K4866" s="1" t="s">
        <v>10</v>
      </c>
      <c r="L4866" s="1" t="s">
        <v>16953</v>
      </c>
      <c r="M4866" s="1" t="s">
        <v>5</v>
      </c>
      <c r="N4866" s="1" t="s">
        <v>10</v>
      </c>
      <c r="O4866" s="1" t="s">
        <v>8</v>
      </c>
      <c r="P4866" s="5"/>
    </row>
    <row r="4867" spans="1:16" x14ac:dyDescent="0.2">
      <c r="A4867" s="1" t="s">
        <v>66</v>
      </c>
      <c r="B4867" s="1" t="s">
        <v>276</v>
      </c>
      <c r="C4867" s="1" t="s">
        <v>16956</v>
      </c>
      <c r="D4867" s="1" t="s">
        <v>7060</v>
      </c>
      <c r="E4867" s="1" t="s">
        <v>16957</v>
      </c>
      <c r="F4867" s="1" t="s">
        <v>27</v>
      </c>
      <c r="G4867" s="1" t="s">
        <v>1042</v>
      </c>
      <c r="H4867" s="1" t="s">
        <v>16958</v>
      </c>
      <c r="I4867" s="1" t="s">
        <v>16298</v>
      </c>
      <c r="J4867" s="1" t="s">
        <v>16487</v>
      </c>
      <c r="K4867" s="1" t="s">
        <v>3857</v>
      </c>
      <c r="L4867" s="1" t="s">
        <v>16955</v>
      </c>
      <c r="M4867" s="1" t="s">
        <v>5</v>
      </c>
      <c r="N4867" s="1" t="s">
        <v>25</v>
      </c>
      <c r="O4867" s="1" t="s">
        <v>8</v>
      </c>
      <c r="P4867" s="5" t="s">
        <v>29821</v>
      </c>
    </row>
    <row r="4868" spans="1:16" x14ac:dyDescent="0.2">
      <c r="A4868" s="1" t="s">
        <v>66</v>
      </c>
      <c r="B4868" s="1" t="s">
        <v>1127</v>
      </c>
      <c r="C4868" s="1" t="s">
        <v>16960</v>
      </c>
      <c r="D4868" s="1" t="s">
        <v>16961</v>
      </c>
      <c r="E4868" s="1" t="s">
        <v>16962</v>
      </c>
      <c r="F4868" s="1" t="s">
        <v>10</v>
      </c>
      <c r="G4868" s="1" t="s">
        <v>10</v>
      </c>
      <c r="H4868" s="1" t="s">
        <v>10</v>
      </c>
      <c r="I4868" s="1" t="s">
        <v>16298</v>
      </c>
      <c r="J4868" s="1" t="s">
        <v>16301</v>
      </c>
      <c r="K4868" s="1" t="s">
        <v>27</v>
      </c>
      <c r="L4868" s="1" t="s">
        <v>16959</v>
      </c>
      <c r="M4868" s="1" t="s">
        <v>5</v>
      </c>
      <c r="N4868" s="1" t="s">
        <v>1009</v>
      </c>
      <c r="O4868" s="1" t="s">
        <v>38</v>
      </c>
      <c r="P4868" s="5" t="s">
        <v>31765</v>
      </c>
    </row>
    <row r="4869" spans="1:16" x14ac:dyDescent="0.2">
      <c r="A4869" s="1" t="s">
        <v>20</v>
      </c>
      <c r="B4869" s="1" t="s">
        <v>21</v>
      </c>
      <c r="C4869" s="1" t="s">
        <v>16965</v>
      </c>
      <c r="D4869" s="1" t="s">
        <v>16963</v>
      </c>
      <c r="E4869" s="1"/>
      <c r="F4869" s="1" t="s">
        <v>27</v>
      </c>
      <c r="G4869" s="1" t="s">
        <v>10</v>
      </c>
      <c r="H4869" s="1" t="s">
        <v>16966</v>
      </c>
      <c r="I4869" s="1" t="s">
        <v>16298</v>
      </c>
      <c r="J4869" s="1" t="s">
        <v>16301</v>
      </c>
      <c r="K4869" s="1" t="s">
        <v>10</v>
      </c>
      <c r="L4869" s="1" t="s">
        <v>16964</v>
      </c>
      <c r="M4869" s="1" t="s">
        <v>5</v>
      </c>
      <c r="N4869" s="1" t="s">
        <v>1009</v>
      </c>
      <c r="O4869" s="1" t="s">
        <v>8</v>
      </c>
      <c r="P4869" s="5" t="s">
        <v>31765</v>
      </c>
    </row>
    <row r="4870" spans="1:16" x14ac:dyDescent="0.2">
      <c r="A4870" s="1" t="s">
        <v>20</v>
      </c>
      <c r="B4870" s="1" t="s">
        <v>99</v>
      </c>
      <c r="C4870" s="1" t="s">
        <v>16969</v>
      </c>
      <c r="D4870" s="1" t="s">
        <v>16970</v>
      </c>
      <c r="E4870" s="1" t="s">
        <v>16972</v>
      </c>
      <c r="F4870" s="1" t="s">
        <v>10</v>
      </c>
      <c r="G4870" s="1" t="s">
        <v>10</v>
      </c>
      <c r="H4870" s="1" t="s">
        <v>10</v>
      </c>
      <c r="I4870" s="1" t="s">
        <v>16967</v>
      </c>
      <c r="J4870" s="1" t="s">
        <v>16971</v>
      </c>
      <c r="K4870" s="1" t="s">
        <v>7</v>
      </c>
      <c r="L4870" s="1" t="s">
        <v>16968</v>
      </c>
      <c r="M4870" s="1" t="s">
        <v>5</v>
      </c>
      <c r="N4870" s="1" t="s">
        <v>25</v>
      </c>
      <c r="O4870" s="1" t="s">
        <v>38</v>
      </c>
      <c r="P4870" s="5" t="s">
        <v>31803</v>
      </c>
    </row>
    <row r="4871" spans="1:16" x14ac:dyDescent="0.2">
      <c r="A4871" s="1" t="s">
        <v>20</v>
      </c>
      <c r="B4871" s="1" t="s">
        <v>99</v>
      </c>
      <c r="C4871" s="1" t="s">
        <v>16974</v>
      </c>
      <c r="D4871" s="1" t="s">
        <v>16974</v>
      </c>
      <c r="E4871" s="1" t="s">
        <v>16976</v>
      </c>
      <c r="F4871" s="1" t="s">
        <v>10</v>
      </c>
      <c r="G4871" s="1" t="s">
        <v>10</v>
      </c>
      <c r="H4871" s="1" t="s">
        <v>10</v>
      </c>
      <c r="I4871" s="1" t="s">
        <v>16967</v>
      </c>
      <c r="J4871" s="1" t="s">
        <v>16975</v>
      </c>
      <c r="K4871" s="1" t="s">
        <v>7</v>
      </c>
      <c r="L4871" s="1" t="s">
        <v>16973</v>
      </c>
      <c r="M4871" s="1" t="s">
        <v>5</v>
      </c>
      <c r="N4871" s="1" t="s">
        <v>25</v>
      </c>
      <c r="O4871" s="1" t="s">
        <v>38</v>
      </c>
      <c r="P4871" s="5" t="s">
        <v>30485</v>
      </c>
    </row>
    <row r="4872" spans="1:16" x14ac:dyDescent="0.2">
      <c r="A4872" s="1" t="s">
        <v>20</v>
      </c>
      <c r="B4872" s="1" t="s">
        <v>99</v>
      </c>
      <c r="C4872" s="1" t="s">
        <v>16978</v>
      </c>
      <c r="D4872" s="1" t="s">
        <v>16979</v>
      </c>
      <c r="E4872" s="1" t="s">
        <v>16980</v>
      </c>
      <c r="F4872" s="1" t="s">
        <v>10</v>
      </c>
      <c r="G4872" s="1" t="s">
        <v>10</v>
      </c>
      <c r="H4872" s="1" t="s">
        <v>10</v>
      </c>
      <c r="I4872" s="1" t="s">
        <v>16967</v>
      </c>
      <c r="J4872" s="1" t="s">
        <v>16975</v>
      </c>
      <c r="K4872" s="1" t="s">
        <v>7</v>
      </c>
      <c r="L4872" s="1" t="s">
        <v>16977</v>
      </c>
      <c r="M4872" s="1" t="s">
        <v>5</v>
      </c>
      <c r="N4872" s="1" t="s">
        <v>1009</v>
      </c>
      <c r="O4872" s="1" t="s">
        <v>38</v>
      </c>
      <c r="P4872" s="5" t="s">
        <v>31804</v>
      </c>
    </row>
    <row r="4873" spans="1:16" x14ac:dyDescent="0.2">
      <c r="A4873" s="1" t="s">
        <v>20</v>
      </c>
      <c r="B4873" s="1" t="s">
        <v>99</v>
      </c>
      <c r="C4873" s="1" t="s">
        <v>16982</v>
      </c>
      <c r="D4873" s="1" t="s">
        <v>7428</v>
      </c>
      <c r="E4873" s="1" t="s">
        <v>16983</v>
      </c>
      <c r="F4873" s="1" t="s">
        <v>27</v>
      </c>
      <c r="G4873" s="1" t="s">
        <v>1042</v>
      </c>
      <c r="H4873" s="1" t="s">
        <v>16984</v>
      </c>
      <c r="I4873" s="1" t="s">
        <v>16967</v>
      </c>
      <c r="J4873" s="1" t="s">
        <v>7</v>
      </c>
      <c r="K4873" s="1" t="s">
        <v>7</v>
      </c>
      <c r="L4873" s="1" t="s">
        <v>16981</v>
      </c>
      <c r="M4873" s="1" t="s">
        <v>5</v>
      </c>
      <c r="N4873" s="1" t="s">
        <v>1009</v>
      </c>
      <c r="O4873" s="1" t="s">
        <v>8</v>
      </c>
      <c r="P4873" s="5" t="s">
        <v>31805</v>
      </c>
    </row>
    <row r="4874" spans="1:16" x14ac:dyDescent="0.2">
      <c r="A4874" s="1" t="s">
        <v>20</v>
      </c>
      <c r="B4874" s="1" t="s">
        <v>253</v>
      </c>
      <c r="C4874" s="1" t="s">
        <v>16986</v>
      </c>
      <c r="D4874" s="1" t="s">
        <v>427</v>
      </c>
      <c r="E4874" s="1"/>
      <c r="F4874" s="1" t="s">
        <v>27</v>
      </c>
      <c r="G4874" s="1" t="s">
        <v>1042</v>
      </c>
      <c r="H4874" s="1" t="s">
        <v>16987</v>
      </c>
      <c r="I4874" s="1" t="s">
        <v>16967</v>
      </c>
      <c r="J4874" s="1" t="s">
        <v>7</v>
      </c>
      <c r="K4874" s="1" t="s">
        <v>7</v>
      </c>
      <c r="L4874" s="1" t="s">
        <v>16985</v>
      </c>
      <c r="M4874" s="1" t="s">
        <v>5</v>
      </c>
      <c r="N4874" s="1" t="s">
        <v>25</v>
      </c>
      <c r="O4874" s="1" t="s">
        <v>8</v>
      </c>
      <c r="P4874" s="5" t="s">
        <v>31806</v>
      </c>
    </row>
    <row r="4875" spans="1:16" x14ac:dyDescent="0.2">
      <c r="A4875" s="1" t="s">
        <v>20</v>
      </c>
      <c r="B4875" s="1" t="s">
        <v>253</v>
      </c>
      <c r="C4875" s="1" t="s">
        <v>16989</v>
      </c>
      <c r="D4875" s="1" t="s">
        <v>427</v>
      </c>
      <c r="E4875" s="1"/>
      <c r="F4875" s="1" t="s">
        <v>27</v>
      </c>
      <c r="G4875" s="1" t="s">
        <v>1042</v>
      </c>
      <c r="H4875" s="1" t="s">
        <v>16987</v>
      </c>
      <c r="I4875" s="1" t="s">
        <v>16967</v>
      </c>
      <c r="J4875" s="1" t="s">
        <v>7</v>
      </c>
      <c r="K4875" s="1" t="s">
        <v>7</v>
      </c>
      <c r="L4875" s="1" t="s">
        <v>16988</v>
      </c>
      <c r="M4875" s="1" t="s">
        <v>5</v>
      </c>
      <c r="N4875" s="1" t="s">
        <v>25</v>
      </c>
      <c r="O4875" s="1" t="s">
        <v>8</v>
      </c>
      <c r="P4875" s="5" t="s">
        <v>31806</v>
      </c>
    </row>
    <row r="4876" spans="1:16" x14ac:dyDescent="0.2">
      <c r="A4876" s="1" t="s">
        <v>20</v>
      </c>
      <c r="B4876" s="1" t="s">
        <v>445</v>
      </c>
      <c r="C4876" s="1" t="s">
        <v>16991</v>
      </c>
      <c r="D4876" s="1" t="s">
        <v>2171</v>
      </c>
      <c r="E4876" s="1"/>
      <c r="F4876" s="1" t="s">
        <v>10</v>
      </c>
      <c r="G4876" s="1" t="s">
        <v>10</v>
      </c>
      <c r="H4876" s="1" t="s">
        <v>10</v>
      </c>
      <c r="I4876" s="1" t="s">
        <v>16967</v>
      </c>
      <c r="J4876" s="1" t="s">
        <v>7</v>
      </c>
      <c r="K4876" s="1" t="s">
        <v>7</v>
      </c>
      <c r="L4876" s="1" t="s">
        <v>16990</v>
      </c>
      <c r="M4876" s="1" t="s">
        <v>5</v>
      </c>
      <c r="N4876" s="1" t="s">
        <v>25</v>
      </c>
      <c r="O4876" s="1" t="s">
        <v>38</v>
      </c>
      <c r="P4876" s="5" t="s">
        <v>31807</v>
      </c>
    </row>
    <row r="4877" spans="1:16" x14ac:dyDescent="0.2">
      <c r="A4877" s="1" t="s">
        <v>42</v>
      </c>
      <c r="B4877" s="1" t="s">
        <v>118</v>
      </c>
      <c r="C4877" s="1" t="s">
        <v>16993</v>
      </c>
      <c r="D4877" s="1" t="s">
        <v>16994</v>
      </c>
      <c r="E4877" s="1" t="s">
        <v>16995</v>
      </c>
      <c r="F4877" s="1" t="s">
        <v>10</v>
      </c>
      <c r="G4877" s="1" t="s">
        <v>10</v>
      </c>
      <c r="H4877" s="1" t="s">
        <v>10</v>
      </c>
      <c r="I4877" s="1" t="s">
        <v>16967</v>
      </c>
      <c r="J4877" s="1" t="s">
        <v>16975</v>
      </c>
      <c r="K4877" s="1" t="s">
        <v>7</v>
      </c>
      <c r="L4877" s="1" t="s">
        <v>16992</v>
      </c>
      <c r="M4877" s="1" t="s">
        <v>5</v>
      </c>
      <c r="N4877" s="1" t="s">
        <v>25</v>
      </c>
      <c r="O4877" s="1" t="s">
        <v>38</v>
      </c>
      <c r="P4877" s="5" t="s">
        <v>31808</v>
      </c>
    </row>
    <row r="4878" spans="1:16" x14ac:dyDescent="0.2">
      <c r="A4878" s="1" t="s">
        <v>42</v>
      </c>
      <c r="B4878" s="1" t="s">
        <v>320</v>
      </c>
      <c r="C4878" s="1" t="s">
        <v>16997</v>
      </c>
      <c r="D4878" s="1" t="s">
        <v>16998</v>
      </c>
      <c r="E4878" s="1" t="s">
        <v>17000</v>
      </c>
      <c r="F4878" s="1" t="s">
        <v>27</v>
      </c>
      <c r="G4878" s="1" t="s">
        <v>1042</v>
      </c>
      <c r="H4878" s="1" t="s">
        <v>17001</v>
      </c>
      <c r="I4878" s="1" t="s">
        <v>16967</v>
      </c>
      <c r="J4878" s="1" t="s">
        <v>16999</v>
      </c>
      <c r="K4878" s="1" t="s">
        <v>64</v>
      </c>
      <c r="L4878" s="1" t="s">
        <v>16996</v>
      </c>
      <c r="M4878" s="1" t="s">
        <v>5</v>
      </c>
      <c r="N4878" s="1" t="s">
        <v>25</v>
      </c>
      <c r="O4878" s="1" t="s">
        <v>8</v>
      </c>
      <c r="P4878" s="5" t="s">
        <v>31809</v>
      </c>
    </row>
    <row r="4879" spans="1:16" x14ac:dyDescent="0.2">
      <c r="A4879" s="1" t="s">
        <v>20</v>
      </c>
      <c r="B4879" s="1" t="s">
        <v>99</v>
      </c>
      <c r="C4879" s="1" t="s">
        <v>17003</v>
      </c>
      <c r="D4879" s="1" t="s">
        <v>17004</v>
      </c>
      <c r="E4879" s="1" t="s">
        <v>17005</v>
      </c>
      <c r="F4879" s="1" t="s">
        <v>10</v>
      </c>
      <c r="G4879" s="1" t="s">
        <v>10</v>
      </c>
      <c r="H4879" s="1" t="s">
        <v>10</v>
      </c>
      <c r="I4879" s="1" t="s">
        <v>16967</v>
      </c>
      <c r="J4879" s="1" t="s">
        <v>16971</v>
      </c>
      <c r="K4879" s="1" t="s">
        <v>7</v>
      </c>
      <c r="L4879" s="1" t="s">
        <v>17002</v>
      </c>
      <c r="M4879" s="1" t="s">
        <v>5</v>
      </c>
      <c r="N4879" s="1" t="s">
        <v>25</v>
      </c>
      <c r="O4879" s="1" t="s">
        <v>38</v>
      </c>
      <c r="P4879" s="5" t="s">
        <v>31810</v>
      </c>
    </row>
    <row r="4880" spans="1:16" x14ac:dyDescent="0.2">
      <c r="A4880" s="1" t="s">
        <v>20</v>
      </c>
      <c r="B4880" s="1" t="s">
        <v>99</v>
      </c>
      <c r="C4880" s="1" t="s">
        <v>17007</v>
      </c>
      <c r="D4880" s="1" t="s">
        <v>17008</v>
      </c>
      <c r="E4880" s="1" t="s">
        <v>17009</v>
      </c>
      <c r="F4880" s="1" t="s">
        <v>10</v>
      </c>
      <c r="G4880" s="1" t="s">
        <v>10</v>
      </c>
      <c r="H4880" s="1" t="s">
        <v>10</v>
      </c>
      <c r="I4880" s="1" t="s">
        <v>16967</v>
      </c>
      <c r="J4880" s="1" t="s">
        <v>16975</v>
      </c>
      <c r="K4880" s="1" t="s">
        <v>7</v>
      </c>
      <c r="L4880" s="1" t="s">
        <v>17006</v>
      </c>
      <c r="M4880" s="1" t="s">
        <v>5</v>
      </c>
      <c r="N4880" s="1" t="s">
        <v>25</v>
      </c>
      <c r="O4880" s="1" t="s">
        <v>38</v>
      </c>
      <c r="P4880" s="5" t="s">
        <v>31811</v>
      </c>
    </row>
    <row r="4881" spans="1:16" x14ac:dyDescent="0.2">
      <c r="A4881" s="1" t="s">
        <v>20</v>
      </c>
      <c r="B4881" s="1" t="s">
        <v>445</v>
      </c>
      <c r="C4881" s="1" t="s">
        <v>17011</v>
      </c>
      <c r="D4881" s="1" t="s">
        <v>17011</v>
      </c>
      <c r="E4881" s="1" t="s">
        <v>17012</v>
      </c>
      <c r="F4881" s="1" t="s">
        <v>10</v>
      </c>
      <c r="G4881" s="1" t="s">
        <v>10</v>
      </c>
      <c r="H4881" s="1" t="s">
        <v>10</v>
      </c>
      <c r="I4881" s="1" t="s">
        <v>16967</v>
      </c>
      <c r="J4881" s="1" t="s">
        <v>16971</v>
      </c>
      <c r="K4881" s="1" t="s">
        <v>7</v>
      </c>
      <c r="L4881" s="1" t="s">
        <v>17010</v>
      </c>
      <c r="M4881" s="1" t="s">
        <v>5</v>
      </c>
      <c r="N4881" s="1" t="s">
        <v>25</v>
      </c>
      <c r="O4881" s="1" t="s">
        <v>38</v>
      </c>
      <c r="P4881" s="5" t="s">
        <v>31812</v>
      </c>
    </row>
    <row r="4882" spans="1:16" x14ac:dyDescent="0.2">
      <c r="A4882" s="1" t="s">
        <v>42</v>
      </c>
      <c r="B4882" s="1" t="s">
        <v>43</v>
      </c>
      <c r="C4882" s="1" t="s">
        <v>7860</v>
      </c>
      <c r="D4882" s="1" t="s">
        <v>85</v>
      </c>
      <c r="E4882" s="1"/>
      <c r="F4882" s="1" t="s">
        <v>27</v>
      </c>
      <c r="G4882" s="1" t="s">
        <v>1042</v>
      </c>
      <c r="H4882" s="1" t="s">
        <v>17014</v>
      </c>
      <c r="I4882" s="1" t="s">
        <v>16967</v>
      </c>
      <c r="J4882" s="1" t="s">
        <v>37</v>
      </c>
      <c r="K4882" s="1" t="s">
        <v>37</v>
      </c>
      <c r="L4882" s="1" t="s">
        <v>17013</v>
      </c>
      <c r="M4882" s="1" t="s">
        <v>5</v>
      </c>
      <c r="N4882" s="1" t="s">
        <v>25</v>
      </c>
      <c r="O4882" s="1" t="s">
        <v>8</v>
      </c>
      <c r="P4882" s="5" t="s">
        <v>31813</v>
      </c>
    </row>
    <row r="4883" spans="1:16" x14ac:dyDescent="0.2">
      <c r="A4883" s="1" t="s">
        <v>20</v>
      </c>
      <c r="B4883" s="1" t="s">
        <v>99</v>
      </c>
      <c r="C4883" s="1" t="s">
        <v>17016</v>
      </c>
      <c r="D4883" s="1" t="s">
        <v>17017</v>
      </c>
      <c r="E4883" s="1" t="s">
        <v>17018</v>
      </c>
      <c r="F4883" s="1" t="s">
        <v>10</v>
      </c>
      <c r="G4883" s="1" t="s">
        <v>10</v>
      </c>
      <c r="H4883" s="1" t="s">
        <v>10</v>
      </c>
      <c r="I4883" s="1" t="s">
        <v>16967</v>
      </c>
      <c r="J4883" s="1" t="s">
        <v>16971</v>
      </c>
      <c r="K4883" s="1" t="s">
        <v>7</v>
      </c>
      <c r="L4883" s="1" t="s">
        <v>17015</v>
      </c>
      <c r="M4883" s="1" t="s">
        <v>5</v>
      </c>
      <c r="N4883" s="1" t="s">
        <v>25</v>
      </c>
      <c r="O4883" s="1" t="s">
        <v>38</v>
      </c>
      <c r="P4883" s="5" t="s">
        <v>31814</v>
      </c>
    </row>
    <row r="4884" spans="1:16" x14ac:dyDescent="0.2">
      <c r="A4884" s="1" t="s">
        <v>20</v>
      </c>
      <c r="B4884" s="1" t="s">
        <v>99</v>
      </c>
      <c r="C4884" s="1" t="s">
        <v>17020</v>
      </c>
      <c r="D4884" s="1" t="s">
        <v>17021</v>
      </c>
      <c r="E4884" s="1" t="s">
        <v>17022</v>
      </c>
      <c r="F4884" s="1" t="s">
        <v>10</v>
      </c>
      <c r="G4884" s="1" t="s">
        <v>10</v>
      </c>
      <c r="H4884" s="1" t="s">
        <v>10</v>
      </c>
      <c r="I4884" s="1" t="s">
        <v>16967</v>
      </c>
      <c r="J4884" s="1" t="s">
        <v>16975</v>
      </c>
      <c r="K4884" s="1" t="s">
        <v>7</v>
      </c>
      <c r="L4884" s="1" t="s">
        <v>17019</v>
      </c>
      <c r="M4884" s="1" t="s">
        <v>5</v>
      </c>
      <c r="N4884" s="1" t="s">
        <v>25</v>
      </c>
      <c r="O4884" s="1" t="s">
        <v>38</v>
      </c>
      <c r="P4884" s="5" t="s">
        <v>31815</v>
      </c>
    </row>
    <row r="4885" spans="1:16" x14ac:dyDescent="0.2">
      <c r="A4885" s="1" t="s">
        <v>42</v>
      </c>
      <c r="B4885" s="1" t="s">
        <v>118</v>
      </c>
      <c r="C4885" s="1" t="s">
        <v>17024</v>
      </c>
      <c r="D4885" s="1" t="s">
        <v>17025</v>
      </c>
      <c r="E4885" s="1" t="s">
        <v>17027</v>
      </c>
      <c r="F4885" s="1" t="s">
        <v>10</v>
      </c>
      <c r="G4885" s="1" t="s">
        <v>10</v>
      </c>
      <c r="H4885" s="1" t="s">
        <v>10</v>
      </c>
      <c r="I4885" s="1" t="s">
        <v>16967</v>
      </c>
      <c r="J4885" s="1" t="s">
        <v>17026</v>
      </c>
      <c r="K4885" s="1" t="s">
        <v>7</v>
      </c>
      <c r="L4885" s="1" t="s">
        <v>17023</v>
      </c>
      <c r="M4885" s="1" t="s">
        <v>5</v>
      </c>
      <c r="N4885" s="1" t="s">
        <v>25</v>
      </c>
      <c r="O4885" s="1" t="s">
        <v>38</v>
      </c>
      <c r="P4885" s="5" t="s">
        <v>31816</v>
      </c>
    </row>
    <row r="4886" spans="1:16" x14ac:dyDescent="0.2">
      <c r="A4886" s="1" t="s">
        <v>20</v>
      </c>
      <c r="B4886" s="1" t="s">
        <v>99</v>
      </c>
      <c r="C4886" s="1" t="s">
        <v>17029</v>
      </c>
      <c r="D4886" s="1" t="s">
        <v>17030</v>
      </c>
      <c r="E4886" s="1"/>
      <c r="F4886" s="1" t="s">
        <v>10</v>
      </c>
      <c r="G4886" s="1" t="s">
        <v>10</v>
      </c>
      <c r="H4886" s="1" t="s">
        <v>10</v>
      </c>
      <c r="I4886" s="1" t="s">
        <v>16967</v>
      </c>
      <c r="J4886" s="1" t="s">
        <v>16975</v>
      </c>
      <c r="K4886" s="1" t="s">
        <v>7</v>
      </c>
      <c r="L4886" s="1" t="s">
        <v>17028</v>
      </c>
      <c r="M4886" s="1" t="s">
        <v>5</v>
      </c>
      <c r="N4886" s="1" t="s">
        <v>25</v>
      </c>
      <c r="O4886" s="1" t="s">
        <v>38</v>
      </c>
      <c r="P4886" s="5" t="s">
        <v>31817</v>
      </c>
    </row>
    <row r="4887" spans="1:16" x14ac:dyDescent="0.2">
      <c r="A4887" s="1" t="s">
        <v>32</v>
      </c>
      <c r="B4887" s="1" t="s">
        <v>140</v>
      </c>
      <c r="C4887" s="1" t="s">
        <v>17032</v>
      </c>
      <c r="D4887" s="1" t="s">
        <v>17033</v>
      </c>
      <c r="E4887" s="1" t="s">
        <v>17034</v>
      </c>
      <c r="F4887" s="1" t="s">
        <v>522</v>
      </c>
      <c r="G4887" s="1" t="s">
        <v>10</v>
      </c>
      <c r="H4887" s="1" t="s">
        <v>10</v>
      </c>
      <c r="I4887" s="1" t="s">
        <v>16967</v>
      </c>
      <c r="J4887" s="1" t="s">
        <v>64</v>
      </c>
      <c r="K4887" s="1" t="s">
        <v>130</v>
      </c>
      <c r="L4887" s="1" t="s">
        <v>17031</v>
      </c>
      <c r="M4887" s="1" t="s">
        <v>5</v>
      </c>
      <c r="N4887" s="1" t="s">
        <v>25</v>
      </c>
      <c r="O4887" s="1" t="s">
        <v>8</v>
      </c>
      <c r="P4887" s="5" t="s">
        <v>30486</v>
      </c>
    </row>
    <row r="4888" spans="1:16" x14ac:dyDescent="0.2">
      <c r="A4888" s="1" t="s">
        <v>20</v>
      </c>
      <c r="B4888" s="1" t="s">
        <v>99</v>
      </c>
      <c r="C4888" s="1" t="s">
        <v>17036</v>
      </c>
      <c r="D4888" s="1" t="s">
        <v>17037</v>
      </c>
      <c r="E4888" s="1" t="s">
        <v>17038</v>
      </c>
      <c r="F4888" s="1" t="s">
        <v>10</v>
      </c>
      <c r="G4888" s="1" t="s">
        <v>10</v>
      </c>
      <c r="H4888" s="1" t="s">
        <v>10</v>
      </c>
      <c r="I4888" s="1" t="s">
        <v>16967</v>
      </c>
      <c r="J4888" s="1" t="s">
        <v>16975</v>
      </c>
      <c r="K4888" s="1" t="s">
        <v>7</v>
      </c>
      <c r="L4888" s="1" t="s">
        <v>17035</v>
      </c>
      <c r="M4888" s="1" t="s">
        <v>5</v>
      </c>
      <c r="N4888" s="1" t="s">
        <v>25</v>
      </c>
      <c r="O4888" s="1" t="s">
        <v>38</v>
      </c>
      <c r="P4888" s="5" t="s">
        <v>31818</v>
      </c>
    </row>
    <row r="4889" spans="1:16" x14ac:dyDescent="0.2">
      <c r="A4889" s="1" t="s">
        <v>20</v>
      </c>
      <c r="B4889" s="1" t="s">
        <v>445</v>
      </c>
      <c r="C4889" s="1" t="s">
        <v>17040</v>
      </c>
      <c r="D4889" s="1" t="s">
        <v>17041</v>
      </c>
      <c r="E4889" s="1" t="s">
        <v>17042</v>
      </c>
      <c r="F4889" s="1" t="s">
        <v>10</v>
      </c>
      <c r="G4889" s="1" t="s">
        <v>10</v>
      </c>
      <c r="H4889" s="1" t="s">
        <v>10</v>
      </c>
      <c r="I4889" s="1" t="s">
        <v>16967</v>
      </c>
      <c r="J4889" s="1" t="s">
        <v>16971</v>
      </c>
      <c r="K4889" s="1" t="s">
        <v>7</v>
      </c>
      <c r="L4889" s="1" t="s">
        <v>17039</v>
      </c>
      <c r="M4889" s="1" t="s">
        <v>5</v>
      </c>
      <c r="N4889" s="1" t="s">
        <v>25</v>
      </c>
      <c r="O4889" s="1" t="s">
        <v>38</v>
      </c>
      <c r="P4889" s="5" t="s">
        <v>31819</v>
      </c>
    </row>
    <row r="4890" spans="1:16" x14ac:dyDescent="0.2">
      <c r="A4890" s="1" t="s">
        <v>20</v>
      </c>
      <c r="B4890" s="1" t="s">
        <v>99</v>
      </c>
      <c r="C4890" s="1" t="s">
        <v>17044</v>
      </c>
      <c r="D4890" s="1" t="s">
        <v>7428</v>
      </c>
      <c r="E4890" s="1" t="s">
        <v>17045</v>
      </c>
      <c r="F4890" s="1" t="s">
        <v>27</v>
      </c>
      <c r="G4890" s="1" t="s">
        <v>1042</v>
      </c>
      <c r="H4890" s="1" t="s">
        <v>1813</v>
      </c>
      <c r="I4890" s="1" t="s">
        <v>16967</v>
      </c>
      <c r="J4890" s="1" t="s">
        <v>7</v>
      </c>
      <c r="K4890" s="1" t="s">
        <v>7</v>
      </c>
      <c r="L4890" s="1" t="s">
        <v>17043</v>
      </c>
      <c r="M4890" s="1" t="s">
        <v>5</v>
      </c>
      <c r="N4890" s="1" t="s">
        <v>25</v>
      </c>
      <c r="O4890" s="1" t="s">
        <v>8</v>
      </c>
      <c r="P4890" s="5" t="s">
        <v>30487</v>
      </c>
    </row>
    <row r="4891" spans="1:16" x14ac:dyDescent="0.2">
      <c r="A4891" s="1" t="s">
        <v>66</v>
      </c>
      <c r="B4891" s="1" t="s">
        <v>498</v>
      </c>
      <c r="C4891" s="1" t="s">
        <v>17047</v>
      </c>
      <c r="D4891" s="1" t="s">
        <v>17048</v>
      </c>
      <c r="E4891" s="1" t="s">
        <v>17049</v>
      </c>
      <c r="F4891" s="1" t="s">
        <v>27</v>
      </c>
      <c r="G4891" s="1" t="s">
        <v>1042</v>
      </c>
      <c r="H4891" s="1" t="s">
        <v>17050</v>
      </c>
      <c r="I4891" s="1" t="s">
        <v>16967</v>
      </c>
      <c r="J4891" s="1" t="s">
        <v>16975</v>
      </c>
      <c r="K4891" s="1" t="s">
        <v>7</v>
      </c>
      <c r="L4891" s="1" t="s">
        <v>17046</v>
      </c>
      <c r="M4891" s="1" t="s">
        <v>5</v>
      </c>
      <c r="N4891" s="1" t="s">
        <v>25</v>
      </c>
      <c r="O4891" s="1" t="s">
        <v>8</v>
      </c>
      <c r="P4891" s="5" t="s">
        <v>31820</v>
      </c>
    </row>
    <row r="4892" spans="1:16" x14ac:dyDescent="0.2">
      <c r="A4892" s="1" t="s">
        <v>42</v>
      </c>
      <c r="B4892" s="1" t="s">
        <v>1890</v>
      </c>
      <c r="C4892" s="1" t="s">
        <v>1854</v>
      </c>
      <c r="D4892" s="1" t="s">
        <v>1855</v>
      </c>
      <c r="E4892" s="1"/>
      <c r="F4892" s="1" t="s">
        <v>27</v>
      </c>
      <c r="G4892" s="1" t="s">
        <v>1042</v>
      </c>
      <c r="H4892" s="1" t="s">
        <v>7860</v>
      </c>
      <c r="I4892" s="1" t="s">
        <v>16967</v>
      </c>
      <c r="J4892" s="1" t="s">
        <v>37</v>
      </c>
      <c r="K4892" s="1" t="s">
        <v>47</v>
      </c>
      <c r="L4892" s="1" t="s">
        <v>17051</v>
      </c>
      <c r="M4892" s="1" t="s">
        <v>5</v>
      </c>
      <c r="N4892" s="1" t="s">
        <v>25</v>
      </c>
      <c r="O4892" s="1" t="s">
        <v>8</v>
      </c>
      <c r="P4892" s="5" t="s">
        <v>31821</v>
      </c>
    </row>
    <row r="4893" spans="1:16" x14ac:dyDescent="0.2">
      <c r="A4893" s="1" t="s">
        <v>20</v>
      </c>
      <c r="B4893" s="1" t="s">
        <v>99</v>
      </c>
      <c r="C4893" s="1" t="s">
        <v>17053</v>
      </c>
      <c r="D4893" s="1" t="s">
        <v>17054</v>
      </c>
      <c r="E4893" s="1"/>
      <c r="F4893" s="1" t="s">
        <v>10</v>
      </c>
      <c r="G4893" s="1" t="s">
        <v>10</v>
      </c>
      <c r="H4893" s="1" t="s">
        <v>10</v>
      </c>
      <c r="I4893" s="1" t="s">
        <v>16967</v>
      </c>
      <c r="J4893" s="1" t="s">
        <v>16975</v>
      </c>
      <c r="K4893" s="1" t="s">
        <v>7</v>
      </c>
      <c r="L4893" s="1" t="s">
        <v>17052</v>
      </c>
      <c r="M4893" s="1" t="s">
        <v>5</v>
      </c>
      <c r="N4893" s="1" t="s">
        <v>25</v>
      </c>
      <c r="O4893" s="1" t="s">
        <v>38</v>
      </c>
      <c r="P4893" s="5" t="s">
        <v>31822</v>
      </c>
    </row>
    <row r="4894" spans="1:16" x14ac:dyDescent="0.2">
      <c r="A4894" s="1" t="s">
        <v>20</v>
      </c>
      <c r="B4894" s="1" t="s">
        <v>99</v>
      </c>
      <c r="C4894" s="1" t="s">
        <v>17058</v>
      </c>
      <c r="D4894" s="1" t="s">
        <v>17059</v>
      </c>
      <c r="E4894" s="1" t="s">
        <v>17060</v>
      </c>
      <c r="F4894" s="1" t="s">
        <v>10</v>
      </c>
      <c r="G4894" s="1" t="s">
        <v>10</v>
      </c>
      <c r="H4894" s="1" t="s">
        <v>10</v>
      </c>
      <c r="I4894" s="1" t="s">
        <v>16967</v>
      </c>
      <c r="J4894" s="1" t="s">
        <v>17026</v>
      </c>
      <c r="K4894" s="1" t="s">
        <v>7</v>
      </c>
      <c r="L4894" s="1" t="s">
        <v>17057</v>
      </c>
      <c r="M4894" s="1" t="s">
        <v>5</v>
      </c>
      <c r="N4894" s="1" t="s">
        <v>25</v>
      </c>
      <c r="O4894" s="1" t="s">
        <v>38</v>
      </c>
      <c r="P4894" s="5" t="s">
        <v>31823</v>
      </c>
    </row>
    <row r="4895" spans="1:16" x14ac:dyDescent="0.2">
      <c r="A4895" s="1" t="s">
        <v>20</v>
      </c>
      <c r="B4895" s="1" t="s">
        <v>445</v>
      </c>
      <c r="C4895" s="1" t="s">
        <v>17062</v>
      </c>
      <c r="D4895" s="1" t="s">
        <v>1870</v>
      </c>
      <c r="E4895" s="1" t="s">
        <v>17063</v>
      </c>
      <c r="F4895" s="1" t="s">
        <v>27</v>
      </c>
      <c r="G4895" s="1" t="s">
        <v>1042</v>
      </c>
      <c r="H4895" s="1" t="s">
        <v>17064</v>
      </c>
      <c r="I4895" s="1" t="s">
        <v>16967</v>
      </c>
      <c r="J4895" s="1" t="s">
        <v>7</v>
      </c>
      <c r="K4895" s="1" t="s">
        <v>7</v>
      </c>
      <c r="L4895" s="1" t="s">
        <v>17061</v>
      </c>
      <c r="M4895" s="1" t="s">
        <v>5</v>
      </c>
      <c r="N4895" s="1" t="s">
        <v>25</v>
      </c>
      <c r="O4895" s="1" t="s">
        <v>8</v>
      </c>
      <c r="P4895" s="5" t="s">
        <v>31824</v>
      </c>
    </row>
    <row r="4896" spans="1:16" x14ac:dyDescent="0.2">
      <c r="A4896" s="1" t="s">
        <v>20</v>
      </c>
      <c r="B4896" s="1" t="s">
        <v>4373</v>
      </c>
      <c r="C4896" s="1" t="s">
        <v>17066</v>
      </c>
      <c r="D4896" s="1" t="s">
        <v>7428</v>
      </c>
      <c r="E4896" s="1"/>
      <c r="F4896" s="1" t="s">
        <v>27</v>
      </c>
      <c r="G4896" s="1" t="s">
        <v>1042</v>
      </c>
      <c r="H4896" s="1" t="s">
        <v>17067</v>
      </c>
      <c r="I4896" s="1" t="s">
        <v>16967</v>
      </c>
      <c r="J4896" s="1" t="s">
        <v>7</v>
      </c>
      <c r="K4896" s="1" t="s">
        <v>64</v>
      </c>
      <c r="L4896" s="1" t="s">
        <v>17065</v>
      </c>
      <c r="M4896" s="1" t="s">
        <v>5</v>
      </c>
      <c r="N4896" s="1" t="s">
        <v>6</v>
      </c>
      <c r="O4896" s="1" t="s">
        <v>8</v>
      </c>
      <c r="P4896" s="5" t="s">
        <v>31825</v>
      </c>
    </row>
    <row r="4897" spans="1:16" x14ac:dyDescent="0.2">
      <c r="A4897" s="1" t="s">
        <v>20</v>
      </c>
      <c r="B4897" s="1" t="s">
        <v>99</v>
      </c>
      <c r="C4897" s="1" t="s">
        <v>17069</v>
      </c>
      <c r="D4897" s="1" t="s">
        <v>17070</v>
      </c>
      <c r="E4897" s="1" t="s">
        <v>17071</v>
      </c>
      <c r="F4897" s="1" t="s">
        <v>27</v>
      </c>
      <c r="G4897" s="1" t="s">
        <v>1042</v>
      </c>
      <c r="H4897" s="1" t="s">
        <v>17072</v>
      </c>
      <c r="I4897" s="1" t="s">
        <v>16967</v>
      </c>
      <c r="J4897" s="1" t="s">
        <v>7</v>
      </c>
      <c r="K4897" s="1" t="s">
        <v>64</v>
      </c>
      <c r="L4897" s="1" t="s">
        <v>17068</v>
      </c>
      <c r="M4897" s="1" t="s">
        <v>5</v>
      </c>
      <c r="N4897" s="1" t="s">
        <v>25</v>
      </c>
      <c r="O4897" s="1" t="s">
        <v>8</v>
      </c>
      <c r="P4897" s="5" t="s">
        <v>30488</v>
      </c>
    </row>
    <row r="4898" spans="1:16" x14ac:dyDescent="0.2">
      <c r="A4898" s="1" t="s">
        <v>20</v>
      </c>
      <c r="B4898" s="1" t="s">
        <v>99</v>
      </c>
      <c r="C4898" s="1" t="s">
        <v>17074</v>
      </c>
      <c r="D4898" s="1" t="s">
        <v>17075</v>
      </c>
      <c r="E4898" s="1"/>
      <c r="F4898" s="1" t="s">
        <v>10</v>
      </c>
      <c r="G4898" s="1" t="s">
        <v>10</v>
      </c>
      <c r="H4898" s="1" t="s">
        <v>10</v>
      </c>
      <c r="I4898" s="1" t="s">
        <v>16967</v>
      </c>
      <c r="J4898" s="1" t="s">
        <v>16971</v>
      </c>
      <c r="K4898" s="1" t="s">
        <v>7</v>
      </c>
      <c r="L4898" s="1" t="s">
        <v>17073</v>
      </c>
      <c r="M4898" s="1" t="s">
        <v>5</v>
      </c>
      <c r="N4898" s="1" t="s">
        <v>25</v>
      </c>
      <c r="O4898" s="1" t="s">
        <v>38</v>
      </c>
      <c r="P4898" s="5" t="s">
        <v>31826</v>
      </c>
    </row>
    <row r="4899" spans="1:16" x14ac:dyDescent="0.2">
      <c r="A4899" s="1" t="s">
        <v>66</v>
      </c>
      <c r="B4899" s="1" t="s">
        <v>276</v>
      </c>
      <c r="C4899" s="1" t="s">
        <v>17077</v>
      </c>
      <c r="D4899" s="1" t="s">
        <v>7243</v>
      </c>
      <c r="E4899" s="1" t="s">
        <v>17078</v>
      </c>
      <c r="F4899" s="1" t="s">
        <v>27</v>
      </c>
      <c r="G4899" s="1" t="s">
        <v>1042</v>
      </c>
      <c r="H4899" s="1" t="s">
        <v>17079</v>
      </c>
      <c r="I4899" s="1" t="s">
        <v>16967</v>
      </c>
      <c r="J4899" s="1" t="s">
        <v>7</v>
      </c>
      <c r="K4899" s="1" t="s">
        <v>130</v>
      </c>
      <c r="L4899" s="1" t="s">
        <v>17076</v>
      </c>
      <c r="M4899" s="1" t="s">
        <v>5</v>
      </c>
      <c r="N4899" s="1" t="s">
        <v>25</v>
      </c>
      <c r="O4899" s="1" t="s">
        <v>8</v>
      </c>
      <c r="P4899" s="5" t="s">
        <v>30489</v>
      </c>
    </row>
    <row r="4900" spans="1:16" x14ac:dyDescent="0.2">
      <c r="A4900" s="1" t="s">
        <v>20</v>
      </c>
      <c r="B4900" s="1" t="s">
        <v>99</v>
      </c>
      <c r="C4900" s="1" t="s">
        <v>17081</v>
      </c>
      <c r="D4900" s="1" t="s">
        <v>85</v>
      </c>
      <c r="E4900" s="1" t="s">
        <v>17082</v>
      </c>
      <c r="F4900" s="1" t="s">
        <v>10</v>
      </c>
      <c r="G4900" s="1" t="s">
        <v>10</v>
      </c>
      <c r="H4900" s="1" t="s">
        <v>10</v>
      </c>
      <c r="I4900" s="1" t="s">
        <v>16967</v>
      </c>
      <c r="J4900" s="1" t="s">
        <v>16975</v>
      </c>
      <c r="K4900" s="1" t="s">
        <v>7</v>
      </c>
      <c r="L4900" s="1" t="s">
        <v>17080</v>
      </c>
      <c r="M4900" s="1" t="s">
        <v>5</v>
      </c>
      <c r="N4900" s="1" t="s">
        <v>25</v>
      </c>
      <c r="O4900" s="1" t="s">
        <v>38</v>
      </c>
      <c r="P4900" s="5" t="s">
        <v>31827</v>
      </c>
    </row>
    <row r="4901" spans="1:16" x14ac:dyDescent="0.2">
      <c r="A4901" s="1" t="s">
        <v>20</v>
      </c>
      <c r="B4901" s="1" t="s">
        <v>253</v>
      </c>
      <c r="C4901" s="1" t="s">
        <v>17085</v>
      </c>
      <c r="D4901" s="1" t="s">
        <v>17086</v>
      </c>
      <c r="E4901" s="1"/>
      <c r="F4901" s="1" t="s">
        <v>10</v>
      </c>
      <c r="G4901" s="1" t="s">
        <v>10</v>
      </c>
      <c r="H4901" s="1" t="s">
        <v>10</v>
      </c>
      <c r="I4901" s="1" t="s">
        <v>16967</v>
      </c>
      <c r="J4901" s="1" t="s">
        <v>16971</v>
      </c>
      <c r="K4901" s="1" t="s">
        <v>7</v>
      </c>
      <c r="L4901" s="1" t="s">
        <v>17084</v>
      </c>
      <c r="M4901" s="1" t="s">
        <v>5</v>
      </c>
      <c r="N4901" s="1" t="s">
        <v>25</v>
      </c>
      <c r="O4901" s="1" t="s">
        <v>38</v>
      </c>
      <c r="P4901" s="5" t="s">
        <v>31828</v>
      </c>
    </row>
    <row r="4902" spans="1:16" x14ac:dyDescent="0.2">
      <c r="A4902" s="1" t="s">
        <v>20</v>
      </c>
      <c r="B4902" s="1" t="s">
        <v>253</v>
      </c>
      <c r="C4902" s="1" t="s">
        <v>17088</v>
      </c>
      <c r="D4902" s="1" t="s">
        <v>17088</v>
      </c>
      <c r="E4902" s="1"/>
      <c r="F4902" s="1" t="s">
        <v>10</v>
      </c>
      <c r="G4902" s="1" t="s">
        <v>10</v>
      </c>
      <c r="H4902" s="1" t="s">
        <v>10</v>
      </c>
      <c r="I4902" s="1" t="s">
        <v>16967</v>
      </c>
      <c r="J4902" s="1" t="s">
        <v>16971</v>
      </c>
      <c r="K4902" s="1" t="s">
        <v>7</v>
      </c>
      <c r="L4902" s="1" t="s">
        <v>17087</v>
      </c>
      <c r="M4902" s="1" t="s">
        <v>5</v>
      </c>
      <c r="N4902" s="1" t="s">
        <v>25</v>
      </c>
      <c r="O4902" s="1" t="s">
        <v>38</v>
      </c>
      <c r="P4902" s="5" t="s">
        <v>30490</v>
      </c>
    </row>
    <row r="4903" spans="1:16" x14ac:dyDescent="0.2">
      <c r="A4903" s="1" t="s">
        <v>20</v>
      </c>
      <c r="B4903" s="1" t="s">
        <v>253</v>
      </c>
      <c r="C4903" s="1" t="s">
        <v>17090</v>
      </c>
      <c r="D4903" s="1" t="s">
        <v>17090</v>
      </c>
      <c r="E4903" s="1"/>
      <c r="F4903" s="1" t="s">
        <v>10</v>
      </c>
      <c r="G4903" s="1" t="s">
        <v>10</v>
      </c>
      <c r="H4903" s="1" t="s">
        <v>10</v>
      </c>
      <c r="I4903" s="1" t="s">
        <v>16967</v>
      </c>
      <c r="J4903" s="1" t="s">
        <v>16971</v>
      </c>
      <c r="K4903" s="1" t="s">
        <v>7</v>
      </c>
      <c r="L4903" s="1" t="s">
        <v>17089</v>
      </c>
      <c r="M4903" s="1" t="s">
        <v>5</v>
      </c>
      <c r="N4903" s="1" t="s">
        <v>25</v>
      </c>
      <c r="O4903" s="1" t="s">
        <v>38</v>
      </c>
      <c r="P4903" s="5" t="s">
        <v>30491</v>
      </c>
    </row>
    <row r="4904" spans="1:16" x14ac:dyDescent="0.2">
      <c r="A4904" s="1" t="s">
        <v>20</v>
      </c>
      <c r="B4904" s="1" t="s">
        <v>253</v>
      </c>
      <c r="C4904" s="1" t="s">
        <v>17092</v>
      </c>
      <c r="D4904" s="1" t="s">
        <v>17092</v>
      </c>
      <c r="E4904" s="1"/>
      <c r="F4904" s="1" t="s">
        <v>10</v>
      </c>
      <c r="G4904" s="1" t="s">
        <v>10</v>
      </c>
      <c r="H4904" s="1" t="s">
        <v>10</v>
      </c>
      <c r="I4904" s="1" t="s">
        <v>16967</v>
      </c>
      <c r="J4904" s="1" t="s">
        <v>16971</v>
      </c>
      <c r="K4904" s="1" t="s">
        <v>7</v>
      </c>
      <c r="L4904" s="1" t="s">
        <v>17091</v>
      </c>
      <c r="M4904" s="1" t="s">
        <v>5</v>
      </c>
      <c r="N4904" s="1" t="s">
        <v>25</v>
      </c>
      <c r="O4904" s="1" t="s">
        <v>38</v>
      </c>
      <c r="P4904" s="5" t="s">
        <v>30492</v>
      </c>
    </row>
    <row r="4905" spans="1:16" x14ac:dyDescent="0.2">
      <c r="A4905" s="1" t="s">
        <v>20</v>
      </c>
      <c r="B4905" s="1" t="s">
        <v>253</v>
      </c>
      <c r="C4905" s="1" t="s">
        <v>17094</v>
      </c>
      <c r="D4905" s="1" t="s">
        <v>259</v>
      </c>
      <c r="E4905" s="1"/>
      <c r="F4905" s="1" t="s">
        <v>10</v>
      </c>
      <c r="G4905" s="1" t="s">
        <v>10</v>
      </c>
      <c r="H4905" s="1" t="s">
        <v>10</v>
      </c>
      <c r="I4905" s="1" t="s">
        <v>16967</v>
      </c>
      <c r="J4905" s="1" t="s">
        <v>16971</v>
      </c>
      <c r="K4905" s="1" t="s">
        <v>7</v>
      </c>
      <c r="L4905" s="1" t="s">
        <v>17093</v>
      </c>
      <c r="M4905" s="1" t="s">
        <v>5</v>
      </c>
      <c r="N4905" s="1" t="s">
        <v>25</v>
      </c>
      <c r="O4905" s="1" t="s">
        <v>38</v>
      </c>
      <c r="P4905" s="5" t="s">
        <v>30493</v>
      </c>
    </row>
    <row r="4906" spans="1:16" x14ac:dyDescent="0.2">
      <c r="A4906" s="1" t="s">
        <v>42</v>
      </c>
      <c r="B4906" s="1" t="s">
        <v>50</v>
      </c>
      <c r="C4906" s="1" t="s">
        <v>17096</v>
      </c>
      <c r="D4906" s="1" t="s">
        <v>9806</v>
      </c>
      <c r="E4906" s="1"/>
      <c r="F4906" s="1" t="s">
        <v>27</v>
      </c>
      <c r="G4906" s="1" t="s">
        <v>10</v>
      </c>
      <c r="H4906" s="1" t="s">
        <v>17098</v>
      </c>
      <c r="I4906" s="1" t="s">
        <v>16967</v>
      </c>
      <c r="J4906" s="1" t="s">
        <v>17097</v>
      </c>
      <c r="K4906" s="1" t="s">
        <v>47</v>
      </c>
      <c r="L4906" s="1" t="s">
        <v>17095</v>
      </c>
      <c r="M4906" s="1" t="s">
        <v>5</v>
      </c>
      <c r="N4906" s="1" t="s">
        <v>25</v>
      </c>
      <c r="O4906" s="1" t="s">
        <v>8</v>
      </c>
      <c r="P4906" s="5" t="s">
        <v>31829</v>
      </c>
    </row>
    <row r="4907" spans="1:16" x14ac:dyDescent="0.2">
      <c r="A4907" s="1" t="s">
        <v>42</v>
      </c>
      <c r="B4907" s="1" t="s">
        <v>50</v>
      </c>
      <c r="C4907" s="1" t="s">
        <v>17100</v>
      </c>
      <c r="D4907" s="1" t="s">
        <v>2997</v>
      </c>
      <c r="E4907" s="1"/>
      <c r="F4907" s="1" t="s">
        <v>27</v>
      </c>
      <c r="G4907" s="1" t="s">
        <v>10</v>
      </c>
      <c r="H4907" s="1" t="s">
        <v>17101</v>
      </c>
      <c r="I4907" s="1" t="s">
        <v>16967</v>
      </c>
      <c r="J4907" s="1" t="s">
        <v>17097</v>
      </c>
      <c r="K4907" s="1" t="s">
        <v>47</v>
      </c>
      <c r="L4907" s="1" t="s">
        <v>17099</v>
      </c>
      <c r="M4907" s="1" t="s">
        <v>5</v>
      </c>
      <c r="N4907" s="1" t="s">
        <v>25</v>
      </c>
      <c r="O4907" s="1" t="s">
        <v>8</v>
      </c>
      <c r="P4907" s="5" t="s">
        <v>31829</v>
      </c>
    </row>
    <row r="4908" spans="1:16" x14ac:dyDescent="0.2">
      <c r="A4908" s="1" t="s">
        <v>42</v>
      </c>
      <c r="B4908" s="1" t="s">
        <v>50</v>
      </c>
      <c r="C4908" s="1" t="s">
        <v>17103</v>
      </c>
      <c r="D4908" s="1" t="s">
        <v>17104</v>
      </c>
      <c r="E4908" s="1"/>
      <c r="F4908" s="1" t="s">
        <v>27</v>
      </c>
      <c r="G4908" s="1" t="s">
        <v>10</v>
      </c>
      <c r="H4908" s="1" t="s">
        <v>17105</v>
      </c>
      <c r="I4908" s="1" t="s">
        <v>16967</v>
      </c>
      <c r="J4908" s="1" t="s">
        <v>17097</v>
      </c>
      <c r="K4908" s="1" t="s">
        <v>47</v>
      </c>
      <c r="L4908" s="1" t="s">
        <v>17102</v>
      </c>
      <c r="M4908" s="1" t="s">
        <v>5</v>
      </c>
      <c r="N4908" s="1" t="s">
        <v>25</v>
      </c>
      <c r="O4908" s="1" t="s">
        <v>8</v>
      </c>
      <c r="P4908" s="5" t="s">
        <v>31829</v>
      </c>
    </row>
    <row r="4909" spans="1:16" x14ac:dyDescent="0.2">
      <c r="A4909" s="1" t="s">
        <v>32</v>
      </c>
      <c r="B4909" s="1" t="s">
        <v>33</v>
      </c>
      <c r="C4909" s="1" t="s">
        <v>17107</v>
      </c>
      <c r="D4909" s="1" t="s">
        <v>532</v>
      </c>
      <c r="E4909" s="1"/>
      <c r="F4909" s="1" t="s">
        <v>27</v>
      </c>
      <c r="G4909" s="1" t="s">
        <v>10</v>
      </c>
      <c r="H4909" s="1" t="s">
        <v>10</v>
      </c>
      <c r="I4909" s="1" t="s">
        <v>16967</v>
      </c>
      <c r="J4909" s="1" t="s">
        <v>64</v>
      </c>
      <c r="K4909" s="1" t="s">
        <v>130</v>
      </c>
      <c r="L4909" s="1" t="s">
        <v>17106</v>
      </c>
      <c r="M4909" s="1" t="s">
        <v>5</v>
      </c>
      <c r="N4909" s="1" t="s">
        <v>25</v>
      </c>
      <c r="O4909" s="1" t="s">
        <v>8</v>
      </c>
      <c r="P4909" s="5" t="s">
        <v>31830</v>
      </c>
    </row>
    <row r="4910" spans="1:16" x14ac:dyDescent="0.2">
      <c r="A4910" s="1" t="s">
        <v>32</v>
      </c>
      <c r="B4910" s="1" t="s">
        <v>1163</v>
      </c>
      <c r="C4910" s="1" t="s">
        <v>17109</v>
      </c>
      <c r="D4910" s="1" t="s">
        <v>17109</v>
      </c>
      <c r="E4910" s="1" t="s">
        <v>17110</v>
      </c>
      <c r="F4910" s="1" t="s">
        <v>522</v>
      </c>
      <c r="G4910" s="1" t="s">
        <v>2156</v>
      </c>
      <c r="H4910" s="1" t="s">
        <v>10</v>
      </c>
      <c r="I4910" s="1" t="s">
        <v>16967</v>
      </c>
      <c r="J4910" s="1" t="s">
        <v>64</v>
      </c>
      <c r="K4910" s="1" t="s">
        <v>64</v>
      </c>
      <c r="L4910" s="1" t="s">
        <v>17108</v>
      </c>
      <c r="M4910" s="1" t="s">
        <v>5</v>
      </c>
      <c r="N4910" s="1" t="s">
        <v>25</v>
      </c>
      <c r="O4910" s="1" t="s">
        <v>8</v>
      </c>
      <c r="P4910" s="5" t="s">
        <v>30032</v>
      </c>
    </row>
    <row r="4911" spans="1:16" x14ac:dyDescent="0.2">
      <c r="A4911" s="1" t="s">
        <v>32</v>
      </c>
      <c r="B4911" s="1" t="s">
        <v>1163</v>
      </c>
      <c r="C4911" s="1" t="s">
        <v>17112</v>
      </c>
      <c r="D4911" s="1" t="s">
        <v>17113</v>
      </c>
      <c r="E4911" s="1" t="s">
        <v>17114</v>
      </c>
      <c r="F4911" s="1" t="s">
        <v>522</v>
      </c>
      <c r="G4911" s="1" t="s">
        <v>2156</v>
      </c>
      <c r="H4911" s="1" t="s">
        <v>10</v>
      </c>
      <c r="I4911" s="1" t="s">
        <v>16967</v>
      </c>
      <c r="J4911" s="1" t="s">
        <v>64</v>
      </c>
      <c r="K4911" s="1" t="s">
        <v>64</v>
      </c>
      <c r="L4911" s="1" t="s">
        <v>17111</v>
      </c>
      <c r="M4911" s="1" t="s">
        <v>5</v>
      </c>
      <c r="N4911" s="1" t="s">
        <v>25</v>
      </c>
      <c r="O4911" s="1" t="s">
        <v>8</v>
      </c>
      <c r="P4911" s="5" t="s">
        <v>30032</v>
      </c>
    </row>
    <row r="4912" spans="1:16" x14ac:dyDescent="0.2">
      <c r="A4912" s="1" t="s">
        <v>20</v>
      </c>
      <c r="B4912" s="1" t="s">
        <v>253</v>
      </c>
      <c r="C4912" s="1" t="s">
        <v>17055</v>
      </c>
      <c r="D4912" s="1" t="s">
        <v>4134</v>
      </c>
      <c r="E4912" s="1"/>
      <c r="F4912" s="1" t="s">
        <v>10</v>
      </c>
      <c r="G4912" s="1" t="s">
        <v>10</v>
      </c>
      <c r="H4912" s="1" t="s">
        <v>10</v>
      </c>
      <c r="I4912" s="1" t="s">
        <v>16967</v>
      </c>
      <c r="J4912" s="1" t="s">
        <v>16971</v>
      </c>
      <c r="K4912" s="1" t="s">
        <v>7</v>
      </c>
      <c r="L4912" s="1" t="s">
        <v>17115</v>
      </c>
      <c r="M4912" s="1" t="s">
        <v>5</v>
      </c>
      <c r="N4912" s="1" t="s">
        <v>25</v>
      </c>
      <c r="O4912" s="1" t="s">
        <v>38</v>
      </c>
      <c r="P4912" s="5" t="s">
        <v>30494</v>
      </c>
    </row>
    <row r="4913" spans="1:16" x14ac:dyDescent="0.2">
      <c r="A4913" s="1" t="s">
        <v>32</v>
      </c>
      <c r="B4913" s="1" t="s">
        <v>33</v>
      </c>
      <c r="C4913" s="1" t="s">
        <v>17117</v>
      </c>
      <c r="D4913" s="1" t="s">
        <v>1107</v>
      </c>
      <c r="E4913" s="1"/>
      <c r="F4913" s="1" t="s">
        <v>522</v>
      </c>
      <c r="G4913" s="1" t="s">
        <v>10</v>
      </c>
      <c r="H4913" s="1" t="s">
        <v>1107</v>
      </c>
      <c r="I4913" s="1" t="s">
        <v>16967</v>
      </c>
      <c r="J4913" s="1" t="s">
        <v>64</v>
      </c>
      <c r="K4913" s="1" t="s">
        <v>130</v>
      </c>
      <c r="L4913" s="1" t="s">
        <v>17116</v>
      </c>
      <c r="M4913" s="1" t="s">
        <v>5</v>
      </c>
      <c r="N4913" s="1" t="s">
        <v>25</v>
      </c>
      <c r="O4913" s="1" t="s">
        <v>8</v>
      </c>
      <c r="P4913" s="5" t="s">
        <v>30032</v>
      </c>
    </row>
    <row r="4914" spans="1:16" x14ac:dyDescent="0.2">
      <c r="A4914" s="1" t="s">
        <v>20</v>
      </c>
      <c r="B4914" s="1" t="s">
        <v>253</v>
      </c>
      <c r="C4914" s="1" t="s">
        <v>49</v>
      </c>
      <c r="D4914" s="1" t="s">
        <v>49</v>
      </c>
      <c r="E4914" s="1"/>
      <c r="F4914" s="1" t="s">
        <v>10</v>
      </c>
      <c r="G4914" s="1" t="s">
        <v>10</v>
      </c>
      <c r="H4914" s="1" t="s">
        <v>10</v>
      </c>
      <c r="I4914" s="1" t="s">
        <v>16967</v>
      </c>
      <c r="J4914" s="1" t="s">
        <v>16971</v>
      </c>
      <c r="K4914" s="1" t="s">
        <v>7</v>
      </c>
      <c r="L4914" s="1" t="s">
        <v>17119</v>
      </c>
      <c r="M4914" s="1" t="s">
        <v>5</v>
      </c>
      <c r="N4914" s="1" t="s">
        <v>25</v>
      </c>
      <c r="O4914" s="1" t="s">
        <v>38</v>
      </c>
      <c r="P4914" s="5" t="s">
        <v>30495</v>
      </c>
    </row>
    <row r="4915" spans="1:16" x14ac:dyDescent="0.2">
      <c r="A4915" s="1" t="s">
        <v>32</v>
      </c>
      <c r="B4915" s="1" t="s">
        <v>1163</v>
      </c>
      <c r="C4915" s="1" t="s">
        <v>17121</v>
      </c>
      <c r="D4915" s="1" t="s">
        <v>17122</v>
      </c>
      <c r="E4915" s="1" t="s">
        <v>17123</v>
      </c>
      <c r="F4915" s="1" t="s">
        <v>522</v>
      </c>
      <c r="G4915" s="1" t="s">
        <v>2156</v>
      </c>
      <c r="H4915" s="1" t="s">
        <v>10</v>
      </c>
      <c r="I4915" s="1" t="s">
        <v>16967</v>
      </c>
      <c r="J4915" s="1" t="s">
        <v>64</v>
      </c>
      <c r="K4915" s="1" t="s">
        <v>64</v>
      </c>
      <c r="L4915" s="1" t="s">
        <v>17120</v>
      </c>
      <c r="M4915" s="1" t="s">
        <v>5</v>
      </c>
      <c r="N4915" s="1" t="s">
        <v>25</v>
      </c>
      <c r="O4915" s="1" t="s">
        <v>8</v>
      </c>
      <c r="P4915" s="5" t="s">
        <v>30032</v>
      </c>
    </row>
    <row r="4916" spans="1:16" x14ac:dyDescent="0.2">
      <c r="A4916" s="1" t="s">
        <v>32</v>
      </c>
      <c r="B4916" s="1" t="s">
        <v>1163</v>
      </c>
      <c r="C4916" s="1" t="s">
        <v>17125</v>
      </c>
      <c r="D4916" s="1" t="s">
        <v>17125</v>
      </c>
      <c r="E4916" s="1" t="s">
        <v>17126</v>
      </c>
      <c r="F4916" s="1" t="s">
        <v>522</v>
      </c>
      <c r="G4916" s="1" t="s">
        <v>10</v>
      </c>
      <c r="H4916" s="1" t="s">
        <v>10</v>
      </c>
      <c r="I4916" s="1" t="s">
        <v>16967</v>
      </c>
      <c r="J4916" s="1" t="s">
        <v>64</v>
      </c>
      <c r="K4916" s="1" t="s">
        <v>64</v>
      </c>
      <c r="L4916" s="1" t="s">
        <v>17124</v>
      </c>
      <c r="M4916" s="1" t="s">
        <v>5</v>
      </c>
      <c r="N4916" s="1" t="s">
        <v>25</v>
      </c>
      <c r="O4916" s="1" t="s">
        <v>8</v>
      </c>
      <c r="P4916" s="5" t="s">
        <v>30032</v>
      </c>
    </row>
    <row r="4917" spans="1:16" x14ac:dyDescent="0.2">
      <c r="A4917" s="1" t="s">
        <v>20</v>
      </c>
      <c r="B4917" s="1" t="s">
        <v>253</v>
      </c>
      <c r="C4917" s="1" t="s">
        <v>17128</v>
      </c>
      <c r="D4917" s="1" t="s">
        <v>17128</v>
      </c>
      <c r="E4917" s="1" t="s">
        <v>17129</v>
      </c>
      <c r="F4917" s="1" t="s">
        <v>10</v>
      </c>
      <c r="G4917" s="1" t="s">
        <v>10</v>
      </c>
      <c r="H4917" s="1" t="s">
        <v>10</v>
      </c>
      <c r="I4917" s="1" t="s">
        <v>16967</v>
      </c>
      <c r="J4917" s="1" t="s">
        <v>16971</v>
      </c>
      <c r="K4917" s="1" t="s">
        <v>7</v>
      </c>
      <c r="L4917" s="1" t="s">
        <v>17127</v>
      </c>
      <c r="M4917" s="1" t="s">
        <v>5</v>
      </c>
      <c r="N4917" s="1" t="s">
        <v>25</v>
      </c>
      <c r="O4917" s="1" t="s">
        <v>38</v>
      </c>
      <c r="P4917" s="5" t="s">
        <v>31831</v>
      </c>
    </row>
    <row r="4918" spans="1:16" x14ac:dyDescent="0.2">
      <c r="A4918" s="1" t="s">
        <v>32</v>
      </c>
      <c r="B4918" s="1" t="s">
        <v>1163</v>
      </c>
      <c r="C4918" s="1" t="s">
        <v>17131</v>
      </c>
      <c r="D4918" s="1" t="s">
        <v>17131</v>
      </c>
      <c r="E4918" s="1" t="s">
        <v>17132</v>
      </c>
      <c r="F4918" s="1" t="s">
        <v>17131</v>
      </c>
      <c r="G4918" s="1" t="s">
        <v>10</v>
      </c>
      <c r="H4918" s="1" t="s">
        <v>10</v>
      </c>
      <c r="I4918" s="1" t="s">
        <v>16967</v>
      </c>
      <c r="J4918" s="1" t="s">
        <v>64</v>
      </c>
      <c r="K4918" s="1" t="s">
        <v>64</v>
      </c>
      <c r="L4918" s="1" t="s">
        <v>17130</v>
      </c>
      <c r="M4918" s="1" t="s">
        <v>5</v>
      </c>
      <c r="N4918" s="1" t="s">
        <v>25</v>
      </c>
      <c r="O4918" s="1" t="s">
        <v>8</v>
      </c>
      <c r="P4918" s="5" t="s">
        <v>30496</v>
      </c>
    </row>
    <row r="4919" spans="1:16" x14ac:dyDescent="0.2">
      <c r="A4919" s="1" t="s">
        <v>32</v>
      </c>
      <c r="B4919" s="1" t="s">
        <v>2216</v>
      </c>
      <c r="C4919" s="1" t="s">
        <v>17134</v>
      </c>
      <c r="D4919" s="1" t="s">
        <v>17135</v>
      </c>
      <c r="E4919" s="1" t="s">
        <v>17136</v>
      </c>
      <c r="F4919" s="1" t="s">
        <v>522</v>
      </c>
      <c r="G4919" s="1" t="s">
        <v>10</v>
      </c>
      <c r="H4919" s="1" t="s">
        <v>10</v>
      </c>
      <c r="I4919" s="1" t="s">
        <v>16967</v>
      </c>
      <c r="J4919" s="1" t="s">
        <v>64</v>
      </c>
      <c r="K4919" s="1" t="s">
        <v>64</v>
      </c>
      <c r="L4919" s="1" t="s">
        <v>17133</v>
      </c>
      <c r="M4919" s="1" t="s">
        <v>5</v>
      </c>
      <c r="N4919" s="1" t="s">
        <v>25</v>
      </c>
      <c r="O4919" s="1" t="s">
        <v>8</v>
      </c>
      <c r="P4919" s="5" t="s">
        <v>30032</v>
      </c>
    </row>
    <row r="4920" spans="1:16" x14ac:dyDescent="0.2">
      <c r="A4920" s="1" t="s">
        <v>10</v>
      </c>
      <c r="B4920" s="1" t="s">
        <v>10</v>
      </c>
      <c r="C4920" s="1" t="s">
        <v>17138</v>
      </c>
      <c r="D4920" s="1" t="s">
        <v>17138</v>
      </c>
      <c r="E4920" s="1" t="s">
        <v>17140</v>
      </c>
      <c r="F4920" s="1" t="s">
        <v>17139</v>
      </c>
      <c r="G4920" s="1" t="s">
        <v>10</v>
      </c>
      <c r="H4920" s="1" t="s">
        <v>17141</v>
      </c>
      <c r="I4920" s="1" t="s">
        <v>16967</v>
      </c>
      <c r="J4920" s="1" t="s">
        <v>10</v>
      </c>
      <c r="K4920" s="1" t="s">
        <v>10</v>
      </c>
      <c r="L4920" s="1" t="s">
        <v>17137</v>
      </c>
      <c r="M4920" s="1" t="s">
        <v>5</v>
      </c>
      <c r="N4920" s="1" t="s">
        <v>1597</v>
      </c>
      <c r="O4920" s="1" t="s">
        <v>8</v>
      </c>
      <c r="P4920" s="5" t="s">
        <v>31832</v>
      </c>
    </row>
    <row r="4921" spans="1:16" x14ac:dyDescent="0.2">
      <c r="A4921" s="1" t="s">
        <v>10</v>
      </c>
      <c r="B4921" s="1" t="s">
        <v>10</v>
      </c>
      <c r="C4921" s="1" t="s">
        <v>17143</v>
      </c>
      <c r="D4921" s="1" t="s">
        <v>17143</v>
      </c>
      <c r="E4921" s="1" t="s">
        <v>17144</v>
      </c>
      <c r="F4921" s="1" t="s">
        <v>10</v>
      </c>
      <c r="G4921" s="1" t="s">
        <v>10</v>
      </c>
      <c r="H4921" s="1" t="s">
        <v>10</v>
      </c>
      <c r="I4921" s="1" t="s">
        <v>16967</v>
      </c>
      <c r="J4921" s="1" t="s">
        <v>10</v>
      </c>
      <c r="K4921" s="1" t="s">
        <v>10</v>
      </c>
      <c r="L4921" s="1" t="s">
        <v>17142</v>
      </c>
      <c r="M4921" s="1" t="s">
        <v>5</v>
      </c>
      <c r="N4921" s="1" t="s">
        <v>25</v>
      </c>
      <c r="O4921" s="1" t="s">
        <v>38</v>
      </c>
      <c r="P4921" s="5" t="s">
        <v>30497</v>
      </c>
    </row>
    <row r="4922" spans="1:16" x14ac:dyDescent="0.2">
      <c r="A4922" s="1" t="s">
        <v>20</v>
      </c>
      <c r="B4922" s="1" t="s">
        <v>253</v>
      </c>
      <c r="C4922" s="1" t="s">
        <v>17146</v>
      </c>
      <c r="D4922" s="1" t="s">
        <v>17146</v>
      </c>
      <c r="E4922" s="1" t="s">
        <v>17147</v>
      </c>
      <c r="F4922" s="1" t="s">
        <v>10</v>
      </c>
      <c r="G4922" s="1" t="s">
        <v>10</v>
      </c>
      <c r="H4922" s="1" t="s">
        <v>10</v>
      </c>
      <c r="I4922" s="1" t="s">
        <v>16967</v>
      </c>
      <c r="J4922" s="1" t="s">
        <v>10</v>
      </c>
      <c r="K4922" s="1" t="s">
        <v>10</v>
      </c>
      <c r="L4922" s="1" t="s">
        <v>17145</v>
      </c>
      <c r="M4922" s="1" t="s">
        <v>5</v>
      </c>
      <c r="N4922" s="1" t="s">
        <v>25</v>
      </c>
      <c r="O4922" s="1" t="s">
        <v>38</v>
      </c>
      <c r="P4922" s="5" t="s">
        <v>30498</v>
      </c>
    </row>
    <row r="4923" spans="1:16" x14ac:dyDescent="0.2">
      <c r="A4923" s="1" t="s">
        <v>10</v>
      </c>
      <c r="B4923" s="1" t="s">
        <v>10</v>
      </c>
      <c r="C4923" s="1" t="s">
        <v>17149</v>
      </c>
      <c r="D4923" s="1" t="s">
        <v>17149</v>
      </c>
      <c r="E4923" s="1" t="s">
        <v>17150</v>
      </c>
      <c r="F4923" s="1" t="s">
        <v>10</v>
      </c>
      <c r="G4923" s="1" t="s">
        <v>10</v>
      </c>
      <c r="H4923" s="1" t="s">
        <v>10</v>
      </c>
      <c r="I4923" s="1" t="s">
        <v>16967</v>
      </c>
      <c r="J4923" s="1" t="s">
        <v>10</v>
      </c>
      <c r="K4923" s="1" t="s">
        <v>10</v>
      </c>
      <c r="L4923" s="1" t="s">
        <v>17148</v>
      </c>
      <c r="M4923" s="1" t="s">
        <v>5</v>
      </c>
      <c r="N4923" s="1" t="s">
        <v>25</v>
      </c>
      <c r="O4923" s="1" t="s">
        <v>38</v>
      </c>
      <c r="P4923" s="5" t="s">
        <v>30497</v>
      </c>
    </row>
    <row r="4924" spans="1:16" x14ac:dyDescent="0.2">
      <c r="A4924" s="1" t="s">
        <v>10</v>
      </c>
      <c r="B4924" s="1" t="s">
        <v>10</v>
      </c>
      <c r="C4924" s="1" t="s">
        <v>17152</v>
      </c>
      <c r="D4924" s="1" t="s">
        <v>17152</v>
      </c>
      <c r="E4924" s="1" t="s">
        <v>17153</v>
      </c>
      <c r="F4924" s="1" t="s">
        <v>10</v>
      </c>
      <c r="G4924" s="1" t="s">
        <v>10</v>
      </c>
      <c r="H4924" s="1" t="s">
        <v>10</v>
      </c>
      <c r="I4924" s="1" t="s">
        <v>16967</v>
      </c>
      <c r="J4924" s="1" t="s">
        <v>10</v>
      </c>
      <c r="K4924" s="1" t="s">
        <v>10</v>
      </c>
      <c r="L4924" s="1" t="s">
        <v>17151</v>
      </c>
      <c r="M4924" s="1" t="s">
        <v>5</v>
      </c>
      <c r="N4924" s="1" t="s">
        <v>25</v>
      </c>
      <c r="O4924" s="1" t="s">
        <v>38</v>
      </c>
      <c r="P4924" s="5" t="s">
        <v>30499</v>
      </c>
    </row>
    <row r="4925" spans="1:16" x14ac:dyDescent="0.2">
      <c r="A4925" s="1" t="s">
        <v>10</v>
      </c>
      <c r="B4925" s="1" t="s">
        <v>10</v>
      </c>
      <c r="C4925" s="1" t="s">
        <v>17155</v>
      </c>
      <c r="D4925" s="1" t="s">
        <v>17155</v>
      </c>
      <c r="E4925" s="1" t="s">
        <v>17156</v>
      </c>
      <c r="F4925" s="1" t="s">
        <v>10</v>
      </c>
      <c r="G4925" s="1" t="s">
        <v>10</v>
      </c>
      <c r="H4925" s="1" t="s">
        <v>10</v>
      </c>
      <c r="I4925" s="1" t="s">
        <v>16967</v>
      </c>
      <c r="J4925" s="1" t="s">
        <v>10</v>
      </c>
      <c r="K4925" s="1" t="s">
        <v>10</v>
      </c>
      <c r="L4925" s="1" t="s">
        <v>17154</v>
      </c>
      <c r="M4925" s="1" t="s">
        <v>5</v>
      </c>
      <c r="N4925" s="1" t="s">
        <v>25</v>
      </c>
      <c r="O4925" s="1" t="s">
        <v>38</v>
      </c>
      <c r="P4925" s="5" t="s">
        <v>30497</v>
      </c>
    </row>
    <row r="4926" spans="1:16" x14ac:dyDescent="0.2">
      <c r="A4926" s="1" t="s">
        <v>20</v>
      </c>
      <c r="B4926" s="1" t="s">
        <v>253</v>
      </c>
      <c r="C4926" s="1" t="s">
        <v>17158</v>
      </c>
      <c r="D4926" s="1" t="s">
        <v>17158</v>
      </c>
      <c r="E4926" s="1" t="s">
        <v>17159</v>
      </c>
      <c r="F4926" s="1" t="s">
        <v>10</v>
      </c>
      <c r="G4926" s="1" t="s">
        <v>10</v>
      </c>
      <c r="H4926" s="1" t="s">
        <v>10</v>
      </c>
      <c r="I4926" s="1" t="s">
        <v>16967</v>
      </c>
      <c r="J4926" s="1" t="s">
        <v>10</v>
      </c>
      <c r="K4926" s="1" t="s">
        <v>10</v>
      </c>
      <c r="L4926" s="1" t="s">
        <v>17157</v>
      </c>
      <c r="M4926" s="1" t="s">
        <v>5</v>
      </c>
      <c r="N4926" s="1" t="s">
        <v>25</v>
      </c>
      <c r="O4926" s="1" t="s">
        <v>38</v>
      </c>
      <c r="P4926" s="5" t="s">
        <v>29821</v>
      </c>
    </row>
    <row r="4927" spans="1:16" x14ac:dyDescent="0.2">
      <c r="A4927" s="1" t="s">
        <v>10</v>
      </c>
      <c r="B4927" s="1" t="s">
        <v>10</v>
      </c>
      <c r="C4927" s="1" t="s">
        <v>17161</v>
      </c>
      <c r="D4927" s="1" t="s">
        <v>17161</v>
      </c>
      <c r="E4927" s="1" t="s">
        <v>17162</v>
      </c>
      <c r="F4927" s="1" t="s">
        <v>10</v>
      </c>
      <c r="G4927" s="1" t="s">
        <v>10</v>
      </c>
      <c r="H4927" s="1" t="s">
        <v>10</v>
      </c>
      <c r="I4927" s="1" t="s">
        <v>16967</v>
      </c>
      <c r="J4927" s="1" t="s">
        <v>10</v>
      </c>
      <c r="K4927" s="1" t="s">
        <v>10</v>
      </c>
      <c r="L4927" s="1" t="s">
        <v>17160</v>
      </c>
      <c r="M4927" s="1" t="s">
        <v>5</v>
      </c>
      <c r="N4927" s="1" t="s">
        <v>1597</v>
      </c>
      <c r="O4927" s="1" t="s">
        <v>38</v>
      </c>
      <c r="P4927" s="5" t="s">
        <v>30491</v>
      </c>
    </row>
    <row r="4928" spans="1:16" x14ac:dyDescent="0.2">
      <c r="A4928" s="1" t="s">
        <v>20</v>
      </c>
      <c r="B4928" s="1" t="s">
        <v>253</v>
      </c>
      <c r="C4928" s="1" t="s">
        <v>17164</v>
      </c>
      <c r="D4928" s="1" t="s">
        <v>17165</v>
      </c>
      <c r="E4928" s="1" t="s">
        <v>17166</v>
      </c>
      <c r="F4928" s="1" t="s">
        <v>10</v>
      </c>
      <c r="G4928" s="1" t="s">
        <v>10</v>
      </c>
      <c r="H4928" s="1" t="s">
        <v>10</v>
      </c>
      <c r="I4928" s="1" t="s">
        <v>16967</v>
      </c>
      <c r="J4928" s="1" t="s">
        <v>10</v>
      </c>
      <c r="K4928" s="1" t="s">
        <v>10</v>
      </c>
      <c r="L4928" s="1" t="s">
        <v>17163</v>
      </c>
      <c r="M4928" s="1" t="s">
        <v>5</v>
      </c>
      <c r="N4928" s="1" t="s">
        <v>25</v>
      </c>
      <c r="O4928" s="1" t="s">
        <v>38</v>
      </c>
      <c r="P4928" s="5" t="s">
        <v>10</v>
      </c>
    </row>
    <row r="4929" spans="1:16" x14ac:dyDescent="0.2">
      <c r="A4929" s="1" t="s">
        <v>10</v>
      </c>
      <c r="B4929" s="1" t="s">
        <v>10</v>
      </c>
      <c r="C4929" s="1" t="s">
        <v>1904</v>
      </c>
      <c r="D4929" s="1" t="s">
        <v>1904</v>
      </c>
      <c r="E4929" s="1" t="s">
        <v>17168</v>
      </c>
      <c r="F4929" s="1" t="s">
        <v>10</v>
      </c>
      <c r="G4929" s="1" t="s">
        <v>10</v>
      </c>
      <c r="H4929" s="1" t="s">
        <v>10</v>
      </c>
      <c r="I4929" s="1" t="s">
        <v>16967</v>
      </c>
      <c r="J4929" s="1" t="s">
        <v>10</v>
      </c>
      <c r="K4929" s="1" t="s">
        <v>10</v>
      </c>
      <c r="L4929" s="1" t="s">
        <v>17167</v>
      </c>
      <c r="M4929" s="1" t="s">
        <v>5</v>
      </c>
      <c r="N4929" s="1" t="s">
        <v>1597</v>
      </c>
      <c r="O4929" s="1" t="s">
        <v>8</v>
      </c>
      <c r="P4929" s="5" t="s">
        <v>2383</v>
      </c>
    </row>
    <row r="4930" spans="1:16" x14ac:dyDescent="0.2">
      <c r="A4930" s="1" t="s">
        <v>10</v>
      </c>
      <c r="B4930" s="1" t="s">
        <v>10</v>
      </c>
      <c r="C4930" s="1" t="s">
        <v>7746</v>
      </c>
      <c r="D4930" s="1" t="s">
        <v>10</v>
      </c>
      <c r="E4930" s="1" t="s">
        <v>10</v>
      </c>
      <c r="F4930" s="1" t="s">
        <v>10</v>
      </c>
      <c r="G4930" s="1" t="s">
        <v>10</v>
      </c>
      <c r="H4930" s="1" t="s">
        <v>10</v>
      </c>
      <c r="I4930" s="1" t="s">
        <v>17169</v>
      </c>
      <c r="J4930" s="1" t="s">
        <v>10</v>
      </c>
      <c r="K4930" s="1" t="s">
        <v>10</v>
      </c>
      <c r="L4930" s="1" t="s">
        <v>17170</v>
      </c>
      <c r="M4930" s="1" t="s">
        <v>5</v>
      </c>
      <c r="N4930" s="1" t="s">
        <v>10</v>
      </c>
      <c r="O4930" s="1" t="s">
        <v>8</v>
      </c>
      <c r="P4930" s="5"/>
    </row>
    <row r="4931" spans="1:16" x14ac:dyDescent="0.2">
      <c r="A4931" s="1" t="s">
        <v>10</v>
      </c>
      <c r="B4931" s="1" t="s">
        <v>10</v>
      </c>
      <c r="C4931" s="1" t="s">
        <v>1018</v>
      </c>
      <c r="D4931" s="1" t="s">
        <v>1019</v>
      </c>
      <c r="E4931" s="1" t="s">
        <v>10</v>
      </c>
      <c r="F4931" s="1" t="s">
        <v>10</v>
      </c>
      <c r="G4931" s="1" t="s">
        <v>10</v>
      </c>
      <c r="H4931" s="1" t="s">
        <v>10</v>
      </c>
      <c r="I4931" s="1" t="s">
        <v>17169</v>
      </c>
      <c r="J4931" s="1" t="s">
        <v>10</v>
      </c>
      <c r="K4931" s="1" t="s">
        <v>10</v>
      </c>
      <c r="L4931" s="1" t="s">
        <v>17171</v>
      </c>
      <c r="M4931" s="1" t="s">
        <v>5</v>
      </c>
      <c r="N4931" s="1" t="s">
        <v>10</v>
      </c>
      <c r="O4931" s="1" t="s">
        <v>38</v>
      </c>
      <c r="P4931" s="5"/>
    </row>
    <row r="4932" spans="1:16" x14ac:dyDescent="0.2">
      <c r="A4932" s="1" t="s">
        <v>10</v>
      </c>
      <c r="B4932" s="1" t="s">
        <v>10</v>
      </c>
      <c r="C4932" s="1" t="s">
        <v>17174</v>
      </c>
      <c r="D4932" s="1" t="s">
        <v>17175</v>
      </c>
      <c r="E4932" s="1" t="s">
        <v>17177</v>
      </c>
      <c r="F4932" s="1" t="s">
        <v>10</v>
      </c>
      <c r="G4932" s="1" t="s">
        <v>10</v>
      </c>
      <c r="H4932" s="1" t="s">
        <v>10</v>
      </c>
      <c r="I4932" s="1" t="s">
        <v>17172</v>
      </c>
      <c r="J4932" s="1" t="s">
        <v>17176</v>
      </c>
      <c r="K4932" s="1" t="s">
        <v>47</v>
      </c>
      <c r="L4932" s="1" t="s">
        <v>17173</v>
      </c>
      <c r="M4932" s="1" t="s">
        <v>5</v>
      </c>
      <c r="N4932" s="1" t="s">
        <v>10</v>
      </c>
      <c r="O4932" s="1" t="s">
        <v>38</v>
      </c>
      <c r="P4932" s="5" t="s">
        <v>30500</v>
      </c>
    </row>
    <row r="4933" spans="1:16" x14ac:dyDescent="0.2">
      <c r="A4933" s="1" t="s">
        <v>10</v>
      </c>
      <c r="B4933" s="1" t="s">
        <v>10</v>
      </c>
      <c r="C4933" s="1" t="s">
        <v>17179</v>
      </c>
      <c r="D4933" s="1" t="s">
        <v>17180</v>
      </c>
      <c r="E4933" s="1"/>
      <c r="F4933" s="1" t="s">
        <v>10</v>
      </c>
      <c r="G4933" s="1" t="s">
        <v>10</v>
      </c>
      <c r="H4933" s="1" t="s">
        <v>10</v>
      </c>
      <c r="I4933" s="1" t="s">
        <v>17172</v>
      </c>
      <c r="J4933" s="1" t="s">
        <v>17176</v>
      </c>
      <c r="K4933" s="1" t="s">
        <v>47</v>
      </c>
      <c r="L4933" s="1" t="s">
        <v>17178</v>
      </c>
      <c r="M4933" s="1" t="s">
        <v>5</v>
      </c>
      <c r="N4933" s="1" t="s">
        <v>10</v>
      </c>
      <c r="O4933" s="1" t="s">
        <v>38</v>
      </c>
      <c r="P4933" s="5" t="s">
        <v>10</v>
      </c>
    </row>
    <row r="4934" spans="1:16" x14ac:dyDescent="0.2">
      <c r="A4934" s="1" t="s">
        <v>10</v>
      </c>
      <c r="B4934" s="1" t="s">
        <v>10</v>
      </c>
      <c r="C4934" s="1" t="s">
        <v>17182</v>
      </c>
      <c r="D4934" s="1" t="s">
        <v>17183</v>
      </c>
      <c r="E4934" s="1" t="s">
        <v>17184</v>
      </c>
      <c r="F4934" s="1" t="s">
        <v>10</v>
      </c>
      <c r="G4934" s="1" t="s">
        <v>10</v>
      </c>
      <c r="H4934" s="1" t="s">
        <v>10</v>
      </c>
      <c r="I4934" s="1" t="s">
        <v>17172</v>
      </c>
      <c r="J4934" s="1" t="s">
        <v>17176</v>
      </c>
      <c r="K4934" s="1" t="s">
        <v>7</v>
      </c>
      <c r="L4934" s="1" t="s">
        <v>17181</v>
      </c>
      <c r="M4934" s="1" t="s">
        <v>5</v>
      </c>
      <c r="N4934" s="1" t="s">
        <v>10</v>
      </c>
      <c r="O4934" s="1" t="s">
        <v>38</v>
      </c>
      <c r="P4934" s="5" t="s">
        <v>10</v>
      </c>
    </row>
    <row r="4935" spans="1:16" x14ac:dyDescent="0.2">
      <c r="A4935" s="1" t="s">
        <v>10</v>
      </c>
      <c r="B4935" s="1" t="s">
        <v>10</v>
      </c>
      <c r="C4935" s="1" t="s">
        <v>17186</v>
      </c>
      <c r="D4935" s="1" t="s">
        <v>17186</v>
      </c>
      <c r="E4935" s="1" t="s">
        <v>17187</v>
      </c>
      <c r="F4935" s="1" t="s">
        <v>10</v>
      </c>
      <c r="G4935" s="1" t="s">
        <v>10</v>
      </c>
      <c r="H4935" s="1" t="s">
        <v>10</v>
      </c>
      <c r="I4935" s="1" t="s">
        <v>17172</v>
      </c>
      <c r="J4935" s="1" t="s">
        <v>17176</v>
      </c>
      <c r="K4935" s="1" t="s">
        <v>586</v>
      </c>
      <c r="L4935" s="1" t="s">
        <v>17185</v>
      </c>
      <c r="M4935" s="1" t="s">
        <v>5</v>
      </c>
      <c r="N4935" s="1" t="s">
        <v>10</v>
      </c>
      <c r="O4935" s="1" t="s">
        <v>38</v>
      </c>
      <c r="P4935" s="5" t="s">
        <v>10</v>
      </c>
    </row>
    <row r="4936" spans="1:16" x14ac:dyDescent="0.2">
      <c r="A4936" s="1" t="s">
        <v>10</v>
      </c>
      <c r="B4936" s="1" t="s">
        <v>10</v>
      </c>
      <c r="C4936" s="1" t="s">
        <v>17189</v>
      </c>
      <c r="D4936" s="1" t="s">
        <v>17190</v>
      </c>
      <c r="E4936" s="1" t="s">
        <v>17191</v>
      </c>
      <c r="F4936" s="1" t="s">
        <v>10</v>
      </c>
      <c r="G4936" s="1" t="s">
        <v>10</v>
      </c>
      <c r="H4936" s="1" t="s">
        <v>10</v>
      </c>
      <c r="I4936" s="1" t="s">
        <v>17172</v>
      </c>
      <c r="J4936" s="1" t="s">
        <v>17176</v>
      </c>
      <c r="K4936" s="1" t="s">
        <v>47</v>
      </c>
      <c r="L4936" s="1" t="s">
        <v>17188</v>
      </c>
      <c r="M4936" s="1" t="s">
        <v>5</v>
      </c>
      <c r="N4936" s="1" t="s">
        <v>10</v>
      </c>
      <c r="O4936" s="1" t="s">
        <v>38</v>
      </c>
      <c r="P4936" s="5" t="s">
        <v>10</v>
      </c>
    </row>
    <row r="4937" spans="1:16" x14ac:dyDescent="0.2">
      <c r="A4937" s="1" t="s">
        <v>10</v>
      </c>
      <c r="B4937" s="1" t="s">
        <v>10</v>
      </c>
      <c r="C4937" s="1" t="s">
        <v>17193</v>
      </c>
      <c r="D4937" s="1" t="s">
        <v>17194</v>
      </c>
      <c r="E4937" s="1" t="s">
        <v>17195</v>
      </c>
      <c r="F4937" s="1" t="s">
        <v>10</v>
      </c>
      <c r="G4937" s="1" t="s">
        <v>10</v>
      </c>
      <c r="H4937" s="1" t="s">
        <v>10</v>
      </c>
      <c r="I4937" s="1" t="s">
        <v>17172</v>
      </c>
      <c r="J4937" s="1" t="s">
        <v>17176</v>
      </c>
      <c r="K4937" s="1" t="s">
        <v>47</v>
      </c>
      <c r="L4937" s="1" t="s">
        <v>17192</v>
      </c>
      <c r="M4937" s="1" t="s">
        <v>5</v>
      </c>
      <c r="N4937" s="1" t="s">
        <v>10</v>
      </c>
      <c r="O4937" s="1" t="s">
        <v>38</v>
      </c>
      <c r="P4937" s="5" t="s">
        <v>10</v>
      </c>
    </row>
    <row r="4938" spans="1:16" x14ac:dyDescent="0.2">
      <c r="A4938" s="1" t="s">
        <v>66</v>
      </c>
      <c r="B4938" s="1" t="s">
        <v>67</v>
      </c>
      <c r="C4938" s="1" t="s">
        <v>17197</v>
      </c>
      <c r="D4938" s="1" t="s">
        <v>17198</v>
      </c>
      <c r="E4938" s="1" t="s">
        <v>17199</v>
      </c>
      <c r="F4938" s="1" t="s">
        <v>10</v>
      </c>
      <c r="G4938" s="1" t="s">
        <v>10</v>
      </c>
      <c r="H4938" s="1" t="s">
        <v>10</v>
      </c>
      <c r="I4938" s="1" t="s">
        <v>17172</v>
      </c>
      <c r="J4938" s="1" t="s">
        <v>17176</v>
      </c>
      <c r="K4938" s="1" t="s">
        <v>47</v>
      </c>
      <c r="L4938" s="1" t="s">
        <v>17196</v>
      </c>
      <c r="M4938" s="1" t="s">
        <v>5</v>
      </c>
      <c r="N4938" s="1" t="s">
        <v>10</v>
      </c>
      <c r="O4938" s="1" t="s">
        <v>38</v>
      </c>
      <c r="P4938" s="5" t="s">
        <v>10</v>
      </c>
    </row>
    <row r="4939" spans="1:16" x14ac:dyDescent="0.2">
      <c r="A4939" s="1" t="s">
        <v>10</v>
      </c>
      <c r="B4939" s="1" t="s">
        <v>10</v>
      </c>
      <c r="C4939" s="1" t="s">
        <v>17201</v>
      </c>
      <c r="D4939" s="1" t="s">
        <v>17202</v>
      </c>
      <c r="E4939" s="1" t="s">
        <v>17203</v>
      </c>
      <c r="F4939" s="1" t="s">
        <v>10</v>
      </c>
      <c r="G4939" s="1" t="s">
        <v>10</v>
      </c>
      <c r="H4939" s="1" t="s">
        <v>10</v>
      </c>
      <c r="I4939" s="1" t="s">
        <v>17172</v>
      </c>
      <c r="J4939" s="1" t="s">
        <v>17176</v>
      </c>
      <c r="K4939" s="1" t="s">
        <v>113</v>
      </c>
      <c r="L4939" s="1" t="s">
        <v>17200</v>
      </c>
      <c r="M4939" s="1" t="s">
        <v>5</v>
      </c>
      <c r="N4939" s="1" t="s">
        <v>10</v>
      </c>
      <c r="O4939" s="1" t="s">
        <v>38</v>
      </c>
      <c r="P4939" s="5" t="s">
        <v>10</v>
      </c>
    </row>
    <row r="4940" spans="1:16" x14ac:dyDescent="0.2">
      <c r="A4940" s="1" t="s">
        <v>10</v>
      </c>
      <c r="B4940" s="1" t="s">
        <v>10</v>
      </c>
      <c r="C4940" s="1" t="s">
        <v>17205</v>
      </c>
      <c r="D4940" s="1" t="s">
        <v>17205</v>
      </c>
      <c r="E4940" s="1" t="s">
        <v>17206</v>
      </c>
      <c r="F4940" s="1" t="s">
        <v>10</v>
      </c>
      <c r="G4940" s="1" t="s">
        <v>10</v>
      </c>
      <c r="H4940" s="1" t="s">
        <v>10</v>
      </c>
      <c r="I4940" s="1" t="s">
        <v>17172</v>
      </c>
      <c r="J4940" s="1" t="s">
        <v>17176</v>
      </c>
      <c r="K4940" s="1" t="s">
        <v>7</v>
      </c>
      <c r="L4940" s="1" t="s">
        <v>17204</v>
      </c>
      <c r="M4940" s="1" t="s">
        <v>5</v>
      </c>
      <c r="N4940" s="1" t="s">
        <v>10</v>
      </c>
      <c r="O4940" s="1" t="s">
        <v>38</v>
      </c>
      <c r="P4940" s="5" t="s">
        <v>10</v>
      </c>
    </row>
    <row r="4941" spans="1:16" x14ac:dyDescent="0.2">
      <c r="A4941" s="1" t="s">
        <v>10</v>
      </c>
      <c r="B4941" s="1" t="s">
        <v>10</v>
      </c>
      <c r="C4941" s="1" t="s">
        <v>17208</v>
      </c>
      <c r="D4941" s="1" t="s">
        <v>17209</v>
      </c>
      <c r="E4941" s="1" t="s">
        <v>17210</v>
      </c>
      <c r="F4941" s="1" t="s">
        <v>10</v>
      </c>
      <c r="G4941" s="1" t="s">
        <v>10</v>
      </c>
      <c r="H4941" s="1" t="s">
        <v>10</v>
      </c>
      <c r="I4941" s="1" t="s">
        <v>17172</v>
      </c>
      <c r="J4941" s="1" t="s">
        <v>17176</v>
      </c>
      <c r="K4941" s="1" t="s">
        <v>37</v>
      </c>
      <c r="L4941" s="1" t="s">
        <v>17207</v>
      </c>
      <c r="M4941" s="1" t="s">
        <v>5</v>
      </c>
      <c r="N4941" s="1" t="s">
        <v>10</v>
      </c>
      <c r="O4941" s="1" t="s">
        <v>38</v>
      </c>
      <c r="P4941" s="5" t="s">
        <v>10</v>
      </c>
    </row>
    <row r="4942" spans="1:16" x14ac:dyDescent="0.2">
      <c r="A4942" s="1" t="s">
        <v>10</v>
      </c>
      <c r="B4942" s="1" t="s">
        <v>10</v>
      </c>
      <c r="C4942" s="1" t="s">
        <v>17212</v>
      </c>
      <c r="D4942" s="1" t="s">
        <v>17213</v>
      </c>
      <c r="E4942" s="1"/>
      <c r="F4942" s="1" t="s">
        <v>10</v>
      </c>
      <c r="G4942" s="1" t="s">
        <v>10</v>
      </c>
      <c r="H4942" s="1" t="s">
        <v>10</v>
      </c>
      <c r="I4942" s="1" t="s">
        <v>17172</v>
      </c>
      <c r="J4942" s="1" t="s">
        <v>17214</v>
      </c>
      <c r="K4942" s="1" t="s">
        <v>47</v>
      </c>
      <c r="L4942" s="1" t="s">
        <v>17211</v>
      </c>
      <c r="M4942" s="1" t="s">
        <v>5</v>
      </c>
      <c r="N4942" s="1" t="s">
        <v>10</v>
      </c>
      <c r="O4942" s="1" t="s">
        <v>38</v>
      </c>
      <c r="P4942" s="5" t="s">
        <v>30501</v>
      </c>
    </row>
    <row r="4943" spans="1:16" x14ac:dyDescent="0.2">
      <c r="A4943" s="1" t="s">
        <v>10</v>
      </c>
      <c r="B4943" s="1" t="s">
        <v>10</v>
      </c>
      <c r="C4943" s="1" t="s">
        <v>17216</v>
      </c>
      <c r="D4943" s="1" t="s">
        <v>17216</v>
      </c>
      <c r="E4943" s="1" t="s">
        <v>17217</v>
      </c>
      <c r="F4943" s="1" t="s">
        <v>10</v>
      </c>
      <c r="G4943" s="1" t="s">
        <v>10</v>
      </c>
      <c r="H4943" s="1" t="s">
        <v>10</v>
      </c>
      <c r="I4943" s="1" t="s">
        <v>17172</v>
      </c>
      <c r="J4943" s="1" t="s">
        <v>17176</v>
      </c>
      <c r="K4943" s="1" t="s">
        <v>64</v>
      </c>
      <c r="L4943" s="1" t="s">
        <v>17215</v>
      </c>
      <c r="M4943" s="1" t="s">
        <v>5</v>
      </c>
      <c r="N4943" s="1" t="s">
        <v>10</v>
      </c>
      <c r="O4943" s="1" t="s">
        <v>38</v>
      </c>
      <c r="P4943" s="5" t="s">
        <v>10</v>
      </c>
    </row>
    <row r="4944" spans="1:16" x14ac:dyDescent="0.2">
      <c r="A4944" s="1" t="s">
        <v>10</v>
      </c>
      <c r="B4944" s="1" t="s">
        <v>10</v>
      </c>
      <c r="C4944" s="1" t="s">
        <v>17219</v>
      </c>
      <c r="D4944" s="1" t="s">
        <v>17219</v>
      </c>
      <c r="E4944" s="1" t="s">
        <v>17220</v>
      </c>
      <c r="F4944" s="1" t="s">
        <v>10</v>
      </c>
      <c r="G4944" s="1" t="s">
        <v>10</v>
      </c>
      <c r="H4944" s="1" t="s">
        <v>10</v>
      </c>
      <c r="I4944" s="1" t="s">
        <v>17172</v>
      </c>
      <c r="J4944" s="1" t="s">
        <v>17176</v>
      </c>
      <c r="K4944" s="1" t="s">
        <v>7</v>
      </c>
      <c r="L4944" s="1" t="s">
        <v>17218</v>
      </c>
      <c r="M4944" s="1" t="s">
        <v>5</v>
      </c>
      <c r="N4944" s="1" t="s">
        <v>10</v>
      </c>
      <c r="O4944" s="1" t="s">
        <v>8</v>
      </c>
      <c r="P4944" s="5" t="s">
        <v>10</v>
      </c>
    </row>
    <row r="4945" spans="1:16" ht="38.25" x14ac:dyDescent="0.2">
      <c r="A4945" s="1" t="s">
        <v>194</v>
      </c>
      <c r="B4945" s="1" t="s">
        <v>6479</v>
      </c>
      <c r="C4945" s="1" t="s">
        <v>17222</v>
      </c>
      <c r="D4945" s="1" t="s">
        <v>17223</v>
      </c>
      <c r="E4945" s="1" t="s">
        <v>17225</v>
      </c>
      <c r="F4945" s="1" t="s">
        <v>27</v>
      </c>
      <c r="G4945" s="1" t="s">
        <v>10</v>
      </c>
      <c r="H4945" s="1" t="s">
        <v>17226</v>
      </c>
      <c r="I4945" s="1" t="s">
        <v>17172</v>
      </c>
      <c r="J4945" s="1" t="s">
        <v>17224</v>
      </c>
      <c r="K4945" s="1" t="s">
        <v>113</v>
      </c>
      <c r="L4945" s="1" t="s">
        <v>17221</v>
      </c>
      <c r="M4945" s="1" t="s">
        <v>5</v>
      </c>
      <c r="N4945" s="1" t="s">
        <v>6</v>
      </c>
      <c r="O4945" s="1" t="s">
        <v>8</v>
      </c>
      <c r="P4945" s="9" t="s">
        <v>31833</v>
      </c>
    </row>
    <row r="4946" spans="1:16" x14ac:dyDescent="0.2">
      <c r="A4946" s="1" t="s">
        <v>20</v>
      </c>
      <c r="B4946" s="1" t="s">
        <v>172</v>
      </c>
      <c r="C4946" s="1" t="s">
        <v>17228</v>
      </c>
      <c r="D4946" s="1" t="s">
        <v>4187</v>
      </c>
      <c r="E4946" s="1" t="s">
        <v>17230</v>
      </c>
      <c r="F4946" s="1" t="s">
        <v>27</v>
      </c>
      <c r="G4946" s="1" t="s">
        <v>10</v>
      </c>
      <c r="H4946" s="1" t="s">
        <v>7846</v>
      </c>
      <c r="I4946" s="1" t="s">
        <v>17172</v>
      </c>
      <c r="J4946" s="1" t="s">
        <v>17229</v>
      </c>
      <c r="K4946" s="1" t="s">
        <v>7</v>
      </c>
      <c r="L4946" s="1" t="s">
        <v>17227</v>
      </c>
      <c r="M4946" s="1" t="s">
        <v>5</v>
      </c>
      <c r="N4946" s="1" t="s">
        <v>10</v>
      </c>
      <c r="O4946" s="1" t="s">
        <v>8</v>
      </c>
      <c r="P4946" s="5" t="s">
        <v>31834</v>
      </c>
    </row>
    <row r="4947" spans="1:16" x14ac:dyDescent="0.2">
      <c r="A4947" s="1" t="s">
        <v>20</v>
      </c>
      <c r="B4947" s="1" t="s">
        <v>93</v>
      </c>
      <c r="C4947" s="1" t="s">
        <v>17233</v>
      </c>
      <c r="D4947" s="1" t="s">
        <v>17233</v>
      </c>
      <c r="E4947" s="1" t="s">
        <v>17234</v>
      </c>
      <c r="F4947" s="1" t="s">
        <v>27</v>
      </c>
      <c r="G4947" s="1" t="s">
        <v>10</v>
      </c>
      <c r="H4947" s="1" t="s">
        <v>17235</v>
      </c>
      <c r="I4947" s="1" t="s">
        <v>17172</v>
      </c>
      <c r="J4947" s="1" t="s">
        <v>17224</v>
      </c>
      <c r="K4947" s="1" t="s">
        <v>7</v>
      </c>
      <c r="L4947" s="1" t="s">
        <v>17232</v>
      </c>
      <c r="M4947" s="1" t="s">
        <v>5</v>
      </c>
      <c r="N4947" s="1" t="s">
        <v>10</v>
      </c>
      <c r="O4947" s="1" t="s">
        <v>8</v>
      </c>
      <c r="P4947" s="5" t="s">
        <v>31835</v>
      </c>
    </row>
    <row r="4948" spans="1:16" x14ac:dyDescent="0.2">
      <c r="A4948" s="1" t="s">
        <v>329</v>
      </c>
      <c r="B4948" s="1" t="s">
        <v>691</v>
      </c>
      <c r="C4948" s="1" t="s">
        <v>17237</v>
      </c>
      <c r="D4948" s="1" t="s">
        <v>17238</v>
      </c>
      <c r="E4948" s="1" t="s">
        <v>17239</v>
      </c>
      <c r="F4948" s="1" t="s">
        <v>27</v>
      </c>
      <c r="G4948" s="1" t="s">
        <v>10</v>
      </c>
      <c r="H4948" s="1" t="s">
        <v>17240</v>
      </c>
      <c r="I4948" s="1" t="s">
        <v>17172</v>
      </c>
      <c r="J4948" s="1" t="s">
        <v>17224</v>
      </c>
      <c r="K4948" s="1" t="s">
        <v>7</v>
      </c>
      <c r="L4948" s="1" t="s">
        <v>17236</v>
      </c>
      <c r="M4948" s="1" t="s">
        <v>5</v>
      </c>
      <c r="N4948" s="1" t="s">
        <v>10</v>
      </c>
      <c r="O4948" s="1" t="s">
        <v>8</v>
      </c>
      <c r="P4948" s="5" t="s">
        <v>31836</v>
      </c>
    </row>
    <row r="4949" spans="1:16" x14ac:dyDescent="0.2">
      <c r="A4949" s="1" t="s">
        <v>10</v>
      </c>
      <c r="B4949" s="1" t="s">
        <v>10</v>
      </c>
      <c r="C4949" s="1" t="s">
        <v>17242</v>
      </c>
      <c r="D4949" s="1" t="s">
        <v>10</v>
      </c>
      <c r="E4949" s="1" t="s">
        <v>10</v>
      </c>
      <c r="F4949" s="1" t="s">
        <v>10</v>
      </c>
      <c r="G4949" s="1" t="s">
        <v>10</v>
      </c>
      <c r="H4949" s="1" t="s">
        <v>10</v>
      </c>
      <c r="I4949" s="1" t="s">
        <v>17172</v>
      </c>
      <c r="J4949" s="1" t="s">
        <v>17229</v>
      </c>
      <c r="K4949" s="1" t="s">
        <v>10</v>
      </c>
      <c r="L4949" s="1" t="s">
        <v>17241</v>
      </c>
      <c r="M4949" s="1" t="s">
        <v>5</v>
      </c>
      <c r="N4949" s="1" t="s">
        <v>10</v>
      </c>
      <c r="O4949" s="1" t="s">
        <v>38</v>
      </c>
      <c r="P4949" s="5" t="s">
        <v>10</v>
      </c>
    </row>
    <row r="4950" spans="1:16" x14ac:dyDescent="0.2">
      <c r="A4950" s="1" t="s">
        <v>10</v>
      </c>
      <c r="B4950" s="1" t="s">
        <v>10</v>
      </c>
      <c r="C4950" s="1" t="s">
        <v>17244</v>
      </c>
      <c r="D4950" s="1" t="s">
        <v>10</v>
      </c>
      <c r="E4950" s="1" t="s">
        <v>10</v>
      </c>
      <c r="F4950" s="1" t="s">
        <v>10</v>
      </c>
      <c r="G4950" s="1" t="s">
        <v>10</v>
      </c>
      <c r="H4950" s="1" t="s">
        <v>10</v>
      </c>
      <c r="I4950" s="1" t="s">
        <v>17172</v>
      </c>
      <c r="J4950" s="1" t="s">
        <v>17229</v>
      </c>
      <c r="K4950" s="1" t="s">
        <v>10</v>
      </c>
      <c r="L4950" s="1" t="s">
        <v>17243</v>
      </c>
      <c r="M4950" s="1" t="s">
        <v>5</v>
      </c>
      <c r="N4950" s="1" t="s">
        <v>10</v>
      </c>
      <c r="O4950" s="1" t="s">
        <v>38</v>
      </c>
      <c r="P4950" s="5" t="s">
        <v>10</v>
      </c>
    </row>
    <row r="4951" spans="1:16" x14ac:dyDescent="0.2">
      <c r="A4951" s="1" t="s">
        <v>10</v>
      </c>
      <c r="B4951" s="1" t="s">
        <v>10</v>
      </c>
      <c r="C4951" s="1" t="s">
        <v>17246</v>
      </c>
      <c r="D4951" s="1" t="s">
        <v>10</v>
      </c>
      <c r="E4951" s="1" t="s">
        <v>10</v>
      </c>
      <c r="F4951" s="1" t="s">
        <v>10</v>
      </c>
      <c r="G4951" s="1" t="s">
        <v>10</v>
      </c>
      <c r="H4951" s="1" t="s">
        <v>10</v>
      </c>
      <c r="I4951" s="1" t="s">
        <v>17172</v>
      </c>
      <c r="J4951" s="1" t="s">
        <v>17229</v>
      </c>
      <c r="K4951" s="1" t="s">
        <v>10</v>
      </c>
      <c r="L4951" s="1" t="s">
        <v>17245</v>
      </c>
      <c r="M4951" s="1" t="s">
        <v>5</v>
      </c>
      <c r="N4951" s="1" t="s">
        <v>10</v>
      </c>
      <c r="O4951" s="1" t="s">
        <v>38</v>
      </c>
      <c r="P4951" s="5" t="s">
        <v>10</v>
      </c>
    </row>
    <row r="4952" spans="1:16" x14ac:dyDescent="0.2">
      <c r="A4952" s="1" t="s">
        <v>10</v>
      </c>
      <c r="B4952" s="1" t="s">
        <v>10</v>
      </c>
      <c r="C4952" s="1" t="s">
        <v>17248</v>
      </c>
      <c r="D4952" s="1" t="s">
        <v>10</v>
      </c>
      <c r="E4952" s="1" t="s">
        <v>10</v>
      </c>
      <c r="F4952" s="1" t="s">
        <v>10</v>
      </c>
      <c r="G4952" s="1" t="s">
        <v>10</v>
      </c>
      <c r="H4952" s="1" t="s">
        <v>10</v>
      </c>
      <c r="I4952" s="1" t="s">
        <v>17172</v>
      </c>
      <c r="J4952" s="1" t="s">
        <v>17176</v>
      </c>
      <c r="K4952" s="1" t="s">
        <v>10</v>
      </c>
      <c r="L4952" s="1" t="s">
        <v>17247</v>
      </c>
      <c r="M4952" s="1" t="s">
        <v>5</v>
      </c>
      <c r="N4952" s="1" t="s">
        <v>10</v>
      </c>
      <c r="O4952" s="1" t="s">
        <v>8</v>
      </c>
      <c r="P4952" s="5" t="s">
        <v>10</v>
      </c>
    </row>
    <row r="4953" spans="1:16" x14ac:dyDescent="0.2">
      <c r="A4953" s="1" t="s">
        <v>10</v>
      </c>
      <c r="B4953" s="1" t="s">
        <v>10</v>
      </c>
      <c r="C4953" s="1" t="s">
        <v>17250</v>
      </c>
      <c r="D4953" s="1" t="s">
        <v>10</v>
      </c>
      <c r="E4953" s="1" t="s">
        <v>10</v>
      </c>
      <c r="F4953" s="1" t="s">
        <v>10</v>
      </c>
      <c r="G4953" s="1" t="s">
        <v>10</v>
      </c>
      <c r="H4953" s="1" t="s">
        <v>10</v>
      </c>
      <c r="I4953" s="1" t="s">
        <v>17172</v>
      </c>
      <c r="J4953" s="1" t="s">
        <v>17251</v>
      </c>
      <c r="K4953" s="1" t="s">
        <v>10</v>
      </c>
      <c r="L4953" s="1" t="s">
        <v>17249</v>
      </c>
      <c r="M4953" s="1" t="s">
        <v>5</v>
      </c>
      <c r="N4953" s="1" t="s">
        <v>10</v>
      </c>
      <c r="O4953" s="1" t="s">
        <v>8</v>
      </c>
      <c r="P4953" s="5" t="s">
        <v>10</v>
      </c>
    </row>
    <row r="4954" spans="1:16" x14ac:dyDescent="0.2">
      <c r="A4954" s="1" t="s">
        <v>10</v>
      </c>
      <c r="B4954" s="1" t="s">
        <v>10</v>
      </c>
      <c r="C4954" s="1" t="s">
        <v>17253</v>
      </c>
      <c r="D4954" s="1" t="s">
        <v>17253</v>
      </c>
      <c r="E4954" s="1" t="s">
        <v>17254</v>
      </c>
      <c r="F4954" s="1" t="s">
        <v>10</v>
      </c>
      <c r="G4954" s="1" t="s">
        <v>10</v>
      </c>
      <c r="H4954" s="1" t="s">
        <v>10</v>
      </c>
      <c r="I4954" s="1" t="s">
        <v>17172</v>
      </c>
      <c r="J4954" s="1" t="s">
        <v>17176</v>
      </c>
      <c r="K4954" s="1" t="s">
        <v>47</v>
      </c>
      <c r="L4954" s="1" t="s">
        <v>17252</v>
      </c>
      <c r="M4954" s="1" t="s">
        <v>5</v>
      </c>
      <c r="N4954" s="1" t="s">
        <v>10</v>
      </c>
      <c r="O4954" s="1" t="s">
        <v>38</v>
      </c>
      <c r="P4954" s="5" t="s">
        <v>10</v>
      </c>
    </row>
    <row r="4955" spans="1:16" x14ac:dyDescent="0.2">
      <c r="A4955" s="1" t="s">
        <v>10</v>
      </c>
      <c r="B4955" s="1" t="s">
        <v>10</v>
      </c>
      <c r="C4955" s="1" t="s">
        <v>17256</v>
      </c>
      <c r="D4955" s="1" t="s">
        <v>17257</v>
      </c>
      <c r="E4955" s="1" t="s">
        <v>17258</v>
      </c>
      <c r="F4955" s="1" t="s">
        <v>10</v>
      </c>
      <c r="G4955" s="1" t="s">
        <v>10</v>
      </c>
      <c r="H4955" s="1" t="s">
        <v>10</v>
      </c>
      <c r="I4955" s="1" t="s">
        <v>17172</v>
      </c>
      <c r="J4955" s="1" t="s">
        <v>17176</v>
      </c>
      <c r="K4955" s="1" t="s">
        <v>47</v>
      </c>
      <c r="L4955" s="1" t="s">
        <v>17255</v>
      </c>
      <c r="M4955" s="1" t="s">
        <v>5</v>
      </c>
      <c r="N4955" s="1" t="s">
        <v>10</v>
      </c>
      <c r="O4955" s="1" t="s">
        <v>38</v>
      </c>
      <c r="P4955" s="5" t="s">
        <v>10</v>
      </c>
    </row>
    <row r="4956" spans="1:16" x14ac:dyDescent="0.2">
      <c r="A4956" s="1" t="s">
        <v>10</v>
      </c>
      <c r="B4956" s="1" t="s">
        <v>10</v>
      </c>
      <c r="C4956" s="1" t="s">
        <v>17260</v>
      </c>
      <c r="D4956" s="1" t="s">
        <v>17261</v>
      </c>
      <c r="E4956" s="1" t="s">
        <v>17262</v>
      </c>
      <c r="F4956" s="1" t="s">
        <v>10</v>
      </c>
      <c r="G4956" s="1" t="s">
        <v>10</v>
      </c>
      <c r="H4956" s="1" t="s">
        <v>10</v>
      </c>
      <c r="I4956" s="1" t="s">
        <v>17172</v>
      </c>
      <c r="J4956" s="1" t="s">
        <v>17176</v>
      </c>
      <c r="K4956" s="1" t="s">
        <v>47</v>
      </c>
      <c r="L4956" s="1" t="s">
        <v>17259</v>
      </c>
      <c r="M4956" s="1" t="s">
        <v>5</v>
      </c>
      <c r="N4956" s="1" t="s">
        <v>10</v>
      </c>
      <c r="O4956" s="1" t="s">
        <v>38</v>
      </c>
      <c r="P4956" s="5" t="s">
        <v>10</v>
      </c>
    </row>
    <row r="4957" spans="1:16" x14ac:dyDescent="0.2">
      <c r="A4957" s="1" t="s">
        <v>10</v>
      </c>
      <c r="B4957" s="1" t="s">
        <v>10</v>
      </c>
      <c r="C4957" s="1" t="s">
        <v>17264</v>
      </c>
      <c r="D4957" s="1" t="s">
        <v>10</v>
      </c>
      <c r="E4957" s="1" t="s">
        <v>17265</v>
      </c>
      <c r="F4957" s="1" t="s">
        <v>10</v>
      </c>
      <c r="G4957" s="1" t="s">
        <v>10</v>
      </c>
      <c r="H4957" s="1" t="s">
        <v>10</v>
      </c>
      <c r="I4957" s="1" t="s">
        <v>17172</v>
      </c>
      <c r="J4957" s="1" t="s">
        <v>17176</v>
      </c>
      <c r="K4957" s="1" t="s">
        <v>47</v>
      </c>
      <c r="L4957" s="1" t="s">
        <v>17263</v>
      </c>
      <c r="M4957" s="1" t="s">
        <v>5</v>
      </c>
      <c r="N4957" s="1" t="s">
        <v>10</v>
      </c>
      <c r="O4957" s="1" t="s">
        <v>38</v>
      </c>
      <c r="P4957" s="5" t="s">
        <v>10</v>
      </c>
    </row>
    <row r="4958" spans="1:16" x14ac:dyDescent="0.2">
      <c r="A4958" s="1" t="s">
        <v>10</v>
      </c>
      <c r="B4958" s="1" t="s">
        <v>10</v>
      </c>
      <c r="C4958" s="1" t="s">
        <v>17267</v>
      </c>
      <c r="D4958" s="1" t="s">
        <v>10</v>
      </c>
      <c r="E4958" s="1" t="s">
        <v>17268</v>
      </c>
      <c r="F4958" s="1" t="s">
        <v>10</v>
      </c>
      <c r="G4958" s="1" t="s">
        <v>10</v>
      </c>
      <c r="H4958" s="1" t="s">
        <v>10</v>
      </c>
      <c r="I4958" s="1" t="s">
        <v>17172</v>
      </c>
      <c r="J4958" s="1" t="s">
        <v>17176</v>
      </c>
      <c r="K4958" s="1" t="s">
        <v>47</v>
      </c>
      <c r="L4958" s="1" t="s">
        <v>17266</v>
      </c>
      <c r="M4958" s="1" t="s">
        <v>5</v>
      </c>
      <c r="N4958" s="1" t="s">
        <v>10</v>
      </c>
      <c r="O4958" s="1" t="s">
        <v>38</v>
      </c>
      <c r="P4958" s="5" t="s">
        <v>10</v>
      </c>
    </row>
    <row r="4959" spans="1:16" x14ac:dyDescent="0.2">
      <c r="A4959" s="1" t="s">
        <v>10</v>
      </c>
      <c r="B4959" s="1" t="s">
        <v>10</v>
      </c>
      <c r="C4959" s="1" t="s">
        <v>17270</v>
      </c>
      <c r="D4959" s="1" t="s">
        <v>10</v>
      </c>
      <c r="E4959" s="1" t="s">
        <v>17271</v>
      </c>
      <c r="F4959" s="1" t="s">
        <v>10</v>
      </c>
      <c r="G4959" s="1" t="s">
        <v>10</v>
      </c>
      <c r="H4959" s="1" t="s">
        <v>10</v>
      </c>
      <c r="I4959" s="1" t="s">
        <v>17172</v>
      </c>
      <c r="J4959" s="1" t="s">
        <v>17176</v>
      </c>
      <c r="K4959" s="1" t="s">
        <v>47</v>
      </c>
      <c r="L4959" s="1" t="s">
        <v>17269</v>
      </c>
      <c r="M4959" s="1" t="s">
        <v>5</v>
      </c>
      <c r="N4959" s="1" t="s">
        <v>10</v>
      </c>
      <c r="O4959" s="1" t="s">
        <v>8</v>
      </c>
      <c r="P4959" s="5" t="s">
        <v>10</v>
      </c>
    </row>
    <row r="4960" spans="1:16" x14ac:dyDescent="0.2">
      <c r="A4960" s="1" t="s">
        <v>10</v>
      </c>
      <c r="B4960" s="1" t="s">
        <v>10</v>
      </c>
      <c r="C4960" s="1" t="s">
        <v>17273</v>
      </c>
      <c r="D4960" s="1" t="s">
        <v>11844</v>
      </c>
      <c r="E4960" s="1"/>
      <c r="F4960" s="1" t="s">
        <v>10</v>
      </c>
      <c r="G4960" s="1" t="s">
        <v>10</v>
      </c>
      <c r="H4960" s="1" t="s">
        <v>10</v>
      </c>
      <c r="I4960" s="1" t="s">
        <v>17172</v>
      </c>
      <c r="J4960" s="1" t="s">
        <v>17176</v>
      </c>
      <c r="K4960" s="1" t="s">
        <v>47</v>
      </c>
      <c r="L4960" s="1" t="s">
        <v>17272</v>
      </c>
      <c r="M4960" s="1" t="s">
        <v>5</v>
      </c>
      <c r="N4960" s="1" t="s">
        <v>10</v>
      </c>
      <c r="O4960" s="1" t="s">
        <v>38</v>
      </c>
      <c r="P4960" s="5" t="s">
        <v>31837</v>
      </c>
    </row>
    <row r="4961" spans="1:16" x14ac:dyDescent="0.2">
      <c r="A4961" s="1" t="s">
        <v>10</v>
      </c>
      <c r="B4961" s="1" t="s">
        <v>10</v>
      </c>
      <c r="C4961" s="1" t="s">
        <v>17275</v>
      </c>
      <c r="D4961" s="1" t="s">
        <v>17276</v>
      </c>
      <c r="E4961" s="1" t="s">
        <v>17277</v>
      </c>
      <c r="F4961" s="1" t="s">
        <v>10</v>
      </c>
      <c r="G4961" s="1" t="s">
        <v>10</v>
      </c>
      <c r="H4961" s="1" t="s">
        <v>10</v>
      </c>
      <c r="I4961" s="1" t="s">
        <v>17172</v>
      </c>
      <c r="J4961" s="1" t="s">
        <v>17176</v>
      </c>
      <c r="K4961" s="1" t="s">
        <v>47</v>
      </c>
      <c r="L4961" s="1" t="s">
        <v>17274</v>
      </c>
      <c r="M4961" s="1" t="s">
        <v>5</v>
      </c>
      <c r="N4961" s="1" t="s">
        <v>10</v>
      </c>
      <c r="O4961" s="1" t="s">
        <v>38</v>
      </c>
      <c r="P4961" s="5" t="s">
        <v>10</v>
      </c>
    </row>
    <row r="4962" spans="1:16" x14ac:dyDescent="0.2">
      <c r="A4962" s="1" t="s">
        <v>10</v>
      </c>
      <c r="B4962" s="1" t="s">
        <v>10</v>
      </c>
      <c r="C4962" s="1" t="s">
        <v>17279</v>
      </c>
      <c r="D4962" s="1" t="s">
        <v>10</v>
      </c>
      <c r="E4962" s="1" t="s">
        <v>17280</v>
      </c>
      <c r="F4962" s="1" t="s">
        <v>10</v>
      </c>
      <c r="G4962" s="1" t="s">
        <v>10</v>
      </c>
      <c r="H4962" s="1" t="s">
        <v>10</v>
      </c>
      <c r="I4962" s="1" t="s">
        <v>17172</v>
      </c>
      <c r="J4962" s="1" t="s">
        <v>17176</v>
      </c>
      <c r="K4962" s="1" t="s">
        <v>47</v>
      </c>
      <c r="L4962" s="1" t="s">
        <v>17278</v>
      </c>
      <c r="M4962" s="1" t="s">
        <v>5</v>
      </c>
      <c r="N4962" s="1" t="s">
        <v>10</v>
      </c>
      <c r="O4962" s="1" t="s">
        <v>38</v>
      </c>
      <c r="P4962" s="5" t="s">
        <v>10</v>
      </c>
    </row>
    <row r="4963" spans="1:16" x14ac:dyDescent="0.2">
      <c r="A4963" s="1" t="s">
        <v>10</v>
      </c>
      <c r="B4963" s="1" t="s">
        <v>10</v>
      </c>
      <c r="C4963" s="1" t="s">
        <v>17282</v>
      </c>
      <c r="D4963" s="1" t="s">
        <v>10</v>
      </c>
      <c r="E4963" s="1" t="s">
        <v>17283</v>
      </c>
      <c r="F4963" s="1" t="s">
        <v>10</v>
      </c>
      <c r="G4963" s="1" t="s">
        <v>10</v>
      </c>
      <c r="H4963" s="1" t="s">
        <v>10</v>
      </c>
      <c r="I4963" s="1" t="s">
        <v>17172</v>
      </c>
      <c r="J4963" s="1" t="s">
        <v>17176</v>
      </c>
      <c r="K4963" s="1" t="s">
        <v>47</v>
      </c>
      <c r="L4963" s="1" t="s">
        <v>17281</v>
      </c>
      <c r="M4963" s="1" t="s">
        <v>5</v>
      </c>
      <c r="N4963" s="1" t="s">
        <v>10</v>
      </c>
      <c r="O4963" s="1" t="s">
        <v>38</v>
      </c>
      <c r="P4963" s="5" t="s">
        <v>10</v>
      </c>
    </row>
    <row r="4964" spans="1:16" x14ac:dyDescent="0.2">
      <c r="A4964" s="1" t="s">
        <v>10</v>
      </c>
      <c r="B4964" s="1" t="s">
        <v>10</v>
      </c>
      <c r="C4964" s="1" t="s">
        <v>17285</v>
      </c>
      <c r="D4964" s="1" t="s">
        <v>10</v>
      </c>
      <c r="E4964" s="1" t="s">
        <v>17286</v>
      </c>
      <c r="F4964" s="1" t="s">
        <v>10</v>
      </c>
      <c r="G4964" s="1" t="s">
        <v>10</v>
      </c>
      <c r="H4964" s="1" t="s">
        <v>10</v>
      </c>
      <c r="I4964" s="1" t="s">
        <v>17172</v>
      </c>
      <c r="J4964" s="1" t="s">
        <v>17176</v>
      </c>
      <c r="K4964" s="1" t="s">
        <v>47</v>
      </c>
      <c r="L4964" s="1" t="s">
        <v>17284</v>
      </c>
      <c r="M4964" s="1" t="s">
        <v>5</v>
      </c>
      <c r="N4964" s="1" t="s">
        <v>10</v>
      </c>
      <c r="O4964" s="1" t="s">
        <v>38</v>
      </c>
      <c r="P4964" s="5" t="s">
        <v>10</v>
      </c>
    </row>
    <row r="4965" spans="1:16" x14ac:dyDescent="0.2">
      <c r="A4965" s="1" t="s">
        <v>10</v>
      </c>
      <c r="B4965" s="1" t="s">
        <v>10</v>
      </c>
      <c r="C4965" s="1" t="s">
        <v>17288</v>
      </c>
      <c r="D4965" s="1" t="s">
        <v>10</v>
      </c>
      <c r="E4965" s="1"/>
      <c r="F4965" s="1" t="s">
        <v>10</v>
      </c>
      <c r="G4965" s="1" t="s">
        <v>10</v>
      </c>
      <c r="H4965" s="1" t="s">
        <v>10</v>
      </c>
      <c r="I4965" s="1" t="s">
        <v>17172</v>
      </c>
      <c r="J4965" s="1" t="s">
        <v>17176</v>
      </c>
      <c r="K4965" s="1" t="s">
        <v>47</v>
      </c>
      <c r="L4965" s="1" t="s">
        <v>17287</v>
      </c>
      <c r="M4965" s="1" t="s">
        <v>5</v>
      </c>
      <c r="N4965" s="1" t="s">
        <v>10</v>
      </c>
      <c r="O4965" s="1" t="s">
        <v>38</v>
      </c>
      <c r="P4965" s="5" t="s">
        <v>31838</v>
      </c>
    </row>
    <row r="4966" spans="1:16" x14ac:dyDescent="0.2">
      <c r="A4966" s="1" t="s">
        <v>10</v>
      </c>
      <c r="B4966" s="1" t="s">
        <v>10</v>
      </c>
      <c r="C4966" s="1" t="s">
        <v>17290</v>
      </c>
      <c r="D4966" s="1" t="s">
        <v>10</v>
      </c>
      <c r="E4966" s="1"/>
      <c r="F4966" s="1" t="s">
        <v>10</v>
      </c>
      <c r="G4966" s="1" t="s">
        <v>10</v>
      </c>
      <c r="H4966" s="1" t="s">
        <v>10</v>
      </c>
      <c r="I4966" s="1" t="s">
        <v>17172</v>
      </c>
      <c r="J4966" s="1" t="s">
        <v>17176</v>
      </c>
      <c r="K4966" s="1" t="s">
        <v>47</v>
      </c>
      <c r="L4966" s="1" t="s">
        <v>17289</v>
      </c>
      <c r="M4966" s="1" t="s">
        <v>5</v>
      </c>
      <c r="N4966" s="1" t="s">
        <v>10</v>
      </c>
      <c r="O4966" s="1" t="s">
        <v>38</v>
      </c>
      <c r="P4966" s="5" t="s">
        <v>30502</v>
      </c>
    </row>
    <row r="4967" spans="1:16" x14ac:dyDescent="0.2">
      <c r="A4967" s="1" t="s">
        <v>10</v>
      </c>
      <c r="B4967" s="1" t="s">
        <v>10</v>
      </c>
      <c r="C4967" s="1" t="s">
        <v>17292</v>
      </c>
      <c r="D4967" s="1" t="s">
        <v>10</v>
      </c>
      <c r="E4967" s="1" t="s">
        <v>17294</v>
      </c>
      <c r="F4967" s="1" t="s">
        <v>10</v>
      </c>
      <c r="G4967" s="1" t="s">
        <v>10</v>
      </c>
      <c r="H4967" s="1" t="s">
        <v>10</v>
      </c>
      <c r="I4967" s="1" t="s">
        <v>17172</v>
      </c>
      <c r="J4967" s="1" t="s">
        <v>17293</v>
      </c>
      <c r="K4967" s="1" t="s">
        <v>47</v>
      </c>
      <c r="L4967" s="1" t="s">
        <v>17291</v>
      </c>
      <c r="M4967" s="1" t="s">
        <v>5</v>
      </c>
      <c r="N4967" s="1" t="s">
        <v>10</v>
      </c>
      <c r="O4967" s="1" t="s">
        <v>38</v>
      </c>
      <c r="P4967" s="5" t="s">
        <v>10</v>
      </c>
    </row>
    <row r="4968" spans="1:16" x14ac:dyDescent="0.2">
      <c r="A4968" s="1" t="s">
        <v>10</v>
      </c>
      <c r="B4968" s="1" t="s">
        <v>10</v>
      </c>
      <c r="C4968" s="1" t="s">
        <v>17296</v>
      </c>
      <c r="D4968" s="1" t="s">
        <v>17297</v>
      </c>
      <c r="E4968" s="1" t="s">
        <v>17298</v>
      </c>
      <c r="F4968" s="1" t="s">
        <v>10</v>
      </c>
      <c r="G4968" s="1" t="s">
        <v>10</v>
      </c>
      <c r="H4968" s="1" t="s">
        <v>10</v>
      </c>
      <c r="I4968" s="1" t="s">
        <v>17172</v>
      </c>
      <c r="J4968" s="1" t="s">
        <v>17176</v>
      </c>
      <c r="K4968" s="1" t="s">
        <v>47</v>
      </c>
      <c r="L4968" s="1" t="s">
        <v>17295</v>
      </c>
      <c r="M4968" s="1" t="s">
        <v>5</v>
      </c>
      <c r="N4968" s="1" t="s">
        <v>10</v>
      </c>
      <c r="O4968" s="1" t="s">
        <v>38</v>
      </c>
      <c r="P4968" s="5" t="s">
        <v>10</v>
      </c>
    </row>
    <row r="4969" spans="1:16" x14ac:dyDescent="0.2">
      <c r="A4969" s="1" t="s">
        <v>10</v>
      </c>
      <c r="B4969" s="1" t="s">
        <v>10</v>
      </c>
      <c r="C4969" s="1" t="s">
        <v>17300</v>
      </c>
      <c r="D4969" s="1" t="s">
        <v>17300</v>
      </c>
      <c r="E4969" s="1" t="s">
        <v>17301</v>
      </c>
      <c r="F4969" s="1" t="s">
        <v>10</v>
      </c>
      <c r="G4969" s="1" t="s">
        <v>10</v>
      </c>
      <c r="H4969" s="1" t="s">
        <v>10</v>
      </c>
      <c r="I4969" s="1" t="s">
        <v>17172</v>
      </c>
      <c r="J4969" s="1" t="s">
        <v>17176</v>
      </c>
      <c r="K4969" s="1" t="s">
        <v>47</v>
      </c>
      <c r="L4969" s="1" t="s">
        <v>17299</v>
      </c>
      <c r="M4969" s="1" t="s">
        <v>5</v>
      </c>
      <c r="N4969" s="1" t="s">
        <v>10</v>
      </c>
      <c r="O4969" s="1" t="s">
        <v>38</v>
      </c>
      <c r="P4969" s="5" t="s">
        <v>10</v>
      </c>
    </row>
    <row r="4970" spans="1:16" x14ac:dyDescent="0.2">
      <c r="A4970" s="1" t="s">
        <v>10</v>
      </c>
      <c r="B4970" s="1" t="s">
        <v>10</v>
      </c>
      <c r="C4970" s="1" t="s">
        <v>17303</v>
      </c>
      <c r="D4970" s="1" t="s">
        <v>17304</v>
      </c>
      <c r="E4970" s="1" t="s">
        <v>17305</v>
      </c>
      <c r="F4970" s="1" t="s">
        <v>10</v>
      </c>
      <c r="G4970" s="1" t="s">
        <v>10</v>
      </c>
      <c r="H4970" s="1" t="s">
        <v>10</v>
      </c>
      <c r="I4970" s="1" t="s">
        <v>17172</v>
      </c>
      <c r="J4970" s="1" t="s">
        <v>17176</v>
      </c>
      <c r="K4970" s="1" t="s">
        <v>47</v>
      </c>
      <c r="L4970" s="1" t="s">
        <v>17302</v>
      </c>
      <c r="M4970" s="1" t="s">
        <v>5</v>
      </c>
      <c r="N4970" s="1" t="s">
        <v>10</v>
      </c>
      <c r="O4970" s="1" t="s">
        <v>38</v>
      </c>
      <c r="P4970" s="5" t="s">
        <v>30503</v>
      </c>
    </row>
    <row r="4971" spans="1:16" x14ac:dyDescent="0.2">
      <c r="A4971" s="1" t="s">
        <v>10</v>
      </c>
      <c r="B4971" s="1" t="s">
        <v>10</v>
      </c>
      <c r="C4971" s="1" t="s">
        <v>17307</v>
      </c>
      <c r="D4971" s="1" t="s">
        <v>10</v>
      </c>
      <c r="E4971" s="1" t="s">
        <v>17308</v>
      </c>
      <c r="F4971" s="1" t="s">
        <v>10</v>
      </c>
      <c r="G4971" s="1" t="s">
        <v>10</v>
      </c>
      <c r="H4971" s="1" t="s">
        <v>10</v>
      </c>
      <c r="I4971" s="1" t="s">
        <v>17172</v>
      </c>
      <c r="J4971" s="1" t="s">
        <v>17176</v>
      </c>
      <c r="K4971" s="1" t="s">
        <v>47</v>
      </c>
      <c r="L4971" s="1" t="s">
        <v>17306</v>
      </c>
      <c r="M4971" s="1" t="s">
        <v>5</v>
      </c>
      <c r="N4971" s="1" t="s">
        <v>10</v>
      </c>
      <c r="O4971" s="1" t="s">
        <v>38</v>
      </c>
      <c r="P4971" s="5" t="s">
        <v>10</v>
      </c>
    </row>
    <row r="4972" spans="1:16" x14ac:dyDescent="0.2">
      <c r="A4972" s="1" t="s">
        <v>10</v>
      </c>
      <c r="B4972" s="1" t="s">
        <v>10</v>
      </c>
      <c r="C4972" s="1" t="s">
        <v>17310</v>
      </c>
      <c r="D4972" s="1" t="s">
        <v>17311</v>
      </c>
      <c r="E4972" s="1" t="s">
        <v>17312</v>
      </c>
      <c r="F4972" s="1" t="s">
        <v>10</v>
      </c>
      <c r="G4972" s="1" t="s">
        <v>10</v>
      </c>
      <c r="H4972" s="1" t="s">
        <v>10</v>
      </c>
      <c r="I4972" s="1" t="s">
        <v>17172</v>
      </c>
      <c r="J4972" s="1" t="s">
        <v>17293</v>
      </c>
      <c r="K4972" s="1" t="s">
        <v>47</v>
      </c>
      <c r="L4972" s="1" t="s">
        <v>17309</v>
      </c>
      <c r="M4972" s="1" t="s">
        <v>5</v>
      </c>
      <c r="N4972" s="1" t="s">
        <v>10</v>
      </c>
      <c r="O4972" s="1" t="s">
        <v>38</v>
      </c>
      <c r="P4972" s="5" t="s">
        <v>30504</v>
      </c>
    </row>
    <row r="4973" spans="1:16" x14ac:dyDescent="0.2">
      <c r="A4973" s="1" t="s">
        <v>42</v>
      </c>
      <c r="B4973" s="1" t="s">
        <v>118</v>
      </c>
      <c r="C4973" s="1" t="s">
        <v>17314</v>
      </c>
      <c r="D4973" s="1" t="s">
        <v>17315</v>
      </c>
      <c r="E4973" s="1" t="s">
        <v>17316</v>
      </c>
      <c r="F4973" s="1" t="s">
        <v>10</v>
      </c>
      <c r="G4973" s="1" t="s">
        <v>10</v>
      </c>
      <c r="H4973" s="1" t="s">
        <v>10</v>
      </c>
      <c r="I4973" s="1" t="s">
        <v>17172</v>
      </c>
      <c r="J4973" s="1" t="s">
        <v>17224</v>
      </c>
      <c r="K4973" s="1" t="s">
        <v>113</v>
      </c>
      <c r="L4973" s="1" t="s">
        <v>17313</v>
      </c>
      <c r="M4973" s="1" t="s">
        <v>5</v>
      </c>
      <c r="N4973" s="1" t="s">
        <v>6</v>
      </c>
      <c r="O4973" s="1" t="s">
        <v>38</v>
      </c>
      <c r="P4973" s="5" t="s">
        <v>31839</v>
      </c>
    </row>
    <row r="4974" spans="1:16" ht="38.25" x14ac:dyDescent="0.2">
      <c r="A4974" s="1" t="s">
        <v>42</v>
      </c>
      <c r="B4974" s="1" t="s">
        <v>118</v>
      </c>
      <c r="C4974" s="1" t="s">
        <v>17318</v>
      </c>
      <c r="D4974" s="1" t="s">
        <v>17319</v>
      </c>
      <c r="E4974" s="1" t="s">
        <v>17320</v>
      </c>
      <c r="F4974" s="1" t="s">
        <v>27</v>
      </c>
      <c r="G4974" s="1" t="s">
        <v>1042</v>
      </c>
      <c r="H4974" s="1" t="s">
        <v>17321</v>
      </c>
      <c r="I4974" s="1" t="s">
        <v>17172</v>
      </c>
      <c r="J4974" s="1" t="s">
        <v>17224</v>
      </c>
      <c r="K4974" s="1" t="s">
        <v>113</v>
      </c>
      <c r="L4974" s="1" t="s">
        <v>17317</v>
      </c>
      <c r="M4974" s="1" t="s">
        <v>5</v>
      </c>
      <c r="N4974" s="1" t="s">
        <v>6</v>
      </c>
      <c r="O4974" s="1" t="s">
        <v>8</v>
      </c>
      <c r="P4974" s="9" t="s">
        <v>31840</v>
      </c>
    </row>
    <row r="4975" spans="1:16" x14ac:dyDescent="0.2">
      <c r="A4975" s="1" t="s">
        <v>42</v>
      </c>
      <c r="B4975" s="1" t="s">
        <v>50</v>
      </c>
      <c r="C4975" s="1" t="s">
        <v>17323</v>
      </c>
      <c r="D4975" s="1" t="s">
        <v>17324</v>
      </c>
      <c r="E4975" s="1" t="s">
        <v>17325</v>
      </c>
      <c r="F4975" s="1" t="s">
        <v>10</v>
      </c>
      <c r="G4975" s="1" t="s">
        <v>10</v>
      </c>
      <c r="H4975" s="1" t="s">
        <v>10</v>
      </c>
      <c r="I4975" s="1" t="s">
        <v>17172</v>
      </c>
      <c r="J4975" s="1" t="s">
        <v>17214</v>
      </c>
      <c r="K4975" s="1" t="s">
        <v>10</v>
      </c>
      <c r="L4975" s="1" t="s">
        <v>17322</v>
      </c>
      <c r="M4975" s="1" t="s">
        <v>5</v>
      </c>
      <c r="N4975" s="1" t="s">
        <v>10</v>
      </c>
      <c r="O4975" s="1" t="s">
        <v>38</v>
      </c>
      <c r="P4975" s="5" t="s">
        <v>10</v>
      </c>
    </row>
    <row r="4976" spans="1:16" x14ac:dyDescent="0.2">
      <c r="A4976" s="1" t="s">
        <v>10</v>
      </c>
      <c r="B4976" s="1" t="s">
        <v>10</v>
      </c>
      <c r="C4976" s="1" t="s">
        <v>17327</v>
      </c>
      <c r="D4976" s="1" t="s">
        <v>17328</v>
      </c>
      <c r="E4976" s="1" t="s">
        <v>17330</v>
      </c>
      <c r="F4976" s="1" t="s">
        <v>10</v>
      </c>
      <c r="G4976" s="1" t="s">
        <v>10</v>
      </c>
      <c r="H4976" s="1" t="s">
        <v>10</v>
      </c>
      <c r="I4976" s="1" t="s">
        <v>17172</v>
      </c>
      <c r="J4976" s="1" t="s">
        <v>17329</v>
      </c>
      <c r="K4976" s="1" t="s">
        <v>10</v>
      </c>
      <c r="L4976" s="1" t="s">
        <v>17326</v>
      </c>
      <c r="M4976" s="1" t="s">
        <v>5</v>
      </c>
      <c r="N4976" s="1" t="s">
        <v>10</v>
      </c>
      <c r="O4976" s="1" t="s">
        <v>8</v>
      </c>
      <c r="P4976" s="5" t="s">
        <v>10</v>
      </c>
    </row>
    <row r="4977" spans="1:16" x14ac:dyDescent="0.2">
      <c r="A4977" s="1" t="s">
        <v>10</v>
      </c>
      <c r="B4977" s="1" t="s">
        <v>10</v>
      </c>
      <c r="C4977" s="1" t="s">
        <v>17332</v>
      </c>
      <c r="D4977" s="1" t="s">
        <v>10</v>
      </c>
      <c r="E4977" s="1" t="s">
        <v>10</v>
      </c>
      <c r="F4977" s="1" t="s">
        <v>10</v>
      </c>
      <c r="G4977" s="1" t="s">
        <v>10</v>
      </c>
      <c r="H4977" s="1" t="s">
        <v>10</v>
      </c>
      <c r="I4977" s="1" t="s">
        <v>17172</v>
      </c>
      <c r="J4977" s="1" t="s">
        <v>17333</v>
      </c>
      <c r="K4977" s="1" t="s">
        <v>10</v>
      </c>
      <c r="L4977" s="1" t="s">
        <v>17331</v>
      </c>
      <c r="M4977" s="1" t="s">
        <v>5</v>
      </c>
      <c r="N4977" s="1" t="s">
        <v>10</v>
      </c>
      <c r="O4977" s="1" t="s">
        <v>8</v>
      </c>
      <c r="P4977" s="5" t="s">
        <v>10</v>
      </c>
    </row>
    <row r="4978" spans="1:16" x14ac:dyDescent="0.2">
      <c r="A4978" s="1" t="s">
        <v>10</v>
      </c>
      <c r="B4978" s="1" t="s">
        <v>10</v>
      </c>
      <c r="C4978" s="1" t="s">
        <v>17335</v>
      </c>
      <c r="D4978" s="1" t="s">
        <v>10</v>
      </c>
      <c r="E4978" s="1" t="s">
        <v>17330</v>
      </c>
      <c r="F4978" s="1" t="s">
        <v>10</v>
      </c>
      <c r="G4978" s="1" t="s">
        <v>10</v>
      </c>
      <c r="H4978" s="1" t="s">
        <v>10</v>
      </c>
      <c r="I4978" s="1" t="s">
        <v>17172</v>
      </c>
      <c r="J4978" s="1" t="s">
        <v>17329</v>
      </c>
      <c r="K4978" s="1" t="s">
        <v>7</v>
      </c>
      <c r="L4978" s="1" t="s">
        <v>17334</v>
      </c>
      <c r="M4978" s="1" t="s">
        <v>5</v>
      </c>
      <c r="N4978" s="1" t="s">
        <v>10</v>
      </c>
      <c r="O4978" s="1" t="s">
        <v>8</v>
      </c>
      <c r="P4978" s="5" t="s">
        <v>10</v>
      </c>
    </row>
    <row r="4979" spans="1:16" x14ac:dyDescent="0.2">
      <c r="A4979" s="1" t="s">
        <v>10</v>
      </c>
      <c r="B4979" s="1" t="s">
        <v>10</v>
      </c>
      <c r="C4979" s="1" t="s">
        <v>17337</v>
      </c>
      <c r="D4979" s="1" t="s">
        <v>17338</v>
      </c>
      <c r="E4979" s="1" t="s">
        <v>17339</v>
      </c>
      <c r="F4979" s="1" t="s">
        <v>10</v>
      </c>
      <c r="G4979" s="1" t="s">
        <v>10</v>
      </c>
      <c r="H4979" s="1" t="s">
        <v>10</v>
      </c>
      <c r="I4979" s="1" t="s">
        <v>17172</v>
      </c>
      <c r="J4979" s="1" t="s">
        <v>10</v>
      </c>
      <c r="K4979" s="1" t="s">
        <v>113</v>
      </c>
      <c r="L4979" s="1" t="s">
        <v>17336</v>
      </c>
      <c r="M4979" s="1" t="s">
        <v>5</v>
      </c>
      <c r="N4979" s="1" t="s">
        <v>10</v>
      </c>
      <c r="O4979" s="1" t="s">
        <v>38</v>
      </c>
      <c r="P4979" s="5" t="s">
        <v>30505</v>
      </c>
    </row>
    <row r="4980" spans="1:16" x14ac:dyDescent="0.2">
      <c r="A4980" s="1" t="s">
        <v>10</v>
      </c>
      <c r="B4980" s="1" t="s">
        <v>10</v>
      </c>
      <c r="C4980" s="1" t="s">
        <v>17341</v>
      </c>
      <c r="D4980" s="1" t="s">
        <v>17342</v>
      </c>
      <c r="E4980" s="1" t="s">
        <v>17344</v>
      </c>
      <c r="F4980" s="1" t="s">
        <v>10</v>
      </c>
      <c r="G4980" s="1" t="s">
        <v>10</v>
      </c>
      <c r="H4980" s="1" t="s">
        <v>10</v>
      </c>
      <c r="I4980" s="1" t="s">
        <v>17172</v>
      </c>
      <c r="J4980" s="1" t="s">
        <v>17343</v>
      </c>
      <c r="K4980" s="1" t="s">
        <v>586</v>
      </c>
      <c r="L4980" s="1" t="s">
        <v>17340</v>
      </c>
      <c r="M4980" s="1" t="s">
        <v>5</v>
      </c>
      <c r="N4980" s="1" t="s">
        <v>10</v>
      </c>
      <c r="O4980" s="1" t="s">
        <v>8</v>
      </c>
      <c r="P4980" s="5" t="s">
        <v>10</v>
      </c>
    </row>
    <row r="4981" spans="1:16" x14ac:dyDescent="0.2">
      <c r="A4981" s="1" t="s">
        <v>329</v>
      </c>
      <c r="B4981" s="1" t="s">
        <v>691</v>
      </c>
      <c r="C4981" s="1" t="s">
        <v>17346</v>
      </c>
      <c r="D4981" s="1" t="s">
        <v>10</v>
      </c>
      <c r="E4981" s="1" t="s">
        <v>17347</v>
      </c>
      <c r="F4981" s="1" t="s">
        <v>10</v>
      </c>
      <c r="G4981" s="1" t="s">
        <v>10</v>
      </c>
      <c r="H4981" s="1" t="s">
        <v>10</v>
      </c>
      <c r="I4981" s="1" t="s">
        <v>17172</v>
      </c>
      <c r="J4981" s="1" t="s">
        <v>17229</v>
      </c>
      <c r="K4981" s="1" t="s">
        <v>7</v>
      </c>
      <c r="L4981" s="1" t="s">
        <v>17345</v>
      </c>
      <c r="M4981" s="1" t="s">
        <v>5</v>
      </c>
      <c r="N4981" s="1" t="s">
        <v>10</v>
      </c>
      <c r="O4981" s="1" t="s">
        <v>8</v>
      </c>
      <c r="P4981" s="5" t="s">
        <v>10</v>
      </c>
    </row>
    <row r="4982" spans="1:16" x14ac:dyDescent="0.2">
      <c r="A4982" s="1" t="s">
        <v>10</v>
      </c>
      <c r="B4982" s="1" t="s">
        <v>10</v>
      </c>
      <c r="C4982" s="1" t="s">
        <v>17349</v>
      </c>
      <c r="D4982" s="1" t="s">
        <v>10</v>
      </c>
      <c r="E4982" s="1" t="s">
        <v>17350</v>
      </c>
      <c r="F4982" s="1" t="s">
        <v>10</v>
      </c>
      <c r="G4982" s="1" t="s">
        <v>10</v>
      </c>
      <c r="H4982" s="1" t="s">
        <v>10</v>
      </c>
      <c r="I4982" s="1" t="s">
        <v>17172</v>
      </c>
      <c r="J4982" s="1" t="s">
        <v>17214</v>
      </c>
      <c r="K4982" s="1" t="s">
        <v>47</v>
      </c>
      <c r="L4982" s="1" t="s">
        <v>17348</v>
      </c>
      <c r="M4982" s="1" t="s">
        <v>5</v>
      </c>
      <c r="N4982" s="1" t="s">
        <v>10</v>
      </c>
      <c r="O4982" s="1" t="s">
        <v>8</v>
      </c>
      <c r="P4982" s="5"/>
    </row>
    <row r="4983" spans="1:16" x14ac:dyDescent="0.2">
      <c r="A4983" s="1" t="s">
        <v>10</v>
      </c>
      <c r="B4983" s="1" t="s">
        <v>10</v>
      </c>
      <c r="C4983" s="1" t="s">
        <v>17352</v>
      </c>
      <c r="D4983" s="1" t="s">
        <v>17353</v>
      </c>
      <c r="E4983" s="1" t="s">
        <v>17354</v>
      </c>
      <c r="F4983" s="1" t="s">
        <v>10</v>
      </c>
      <c r="G4983" s="1" t="s">
        <v>10</v>
      </c>
      <c r="H4983" s="1" t="s">
        <v>10</v>
      </c>
      <c r="I4983" s="1" t="s">
        <v>17172</v>
      </c>
      <c r="J4983" s="1" t="s">
        <v>17176</v>
      </c>
      <c r="K4983" s="1" t="s">
        <v>47</v>
      </c>
      <c r="L4983" s="1" t="s">
        <v>17351</v>
      </c>
      <c r="M4983" s="1" t="s">
        <v>5</v>
      </c>
      <c r="N4983" s="1" t="s">
        <v>10</v>
      </c>
      <c r="O4983" s="1" t="s">
        <v>8</v>
      </c>
      <c r="P4983" s="5" t="s">
        <v>10</v>
      </c>
    </row>
    <row r="4984" spans="1:16" x14ac:dyDescent="0.2">
      <c r="A4984" s="1" t="s">
        <v>10</v>
      </c>
      <c r="B4984" s="1" t="s">
        <v>10</v>
      </c>
      <c r="C4984" s="1" t="s">
        <v>17356</v>
      </c>
      <c r="D4984" s="1" t="s">
        <v>17357</v>
      </c>
      <c r="E4984" s="1" t="s">
        <v>17358</v>
      </c>
      <c r="F4984" s="1" t="s">
        <v>10</v>
      </c>
      <c r="G4984" s="1" t="s">
        <v>10</v>
      </c>
      <c r="H4984" s="1" t="s">
        <v>10</v>
      </c>
      <c r="I4984" s="1" t="s">
        <v>17172</v>
      </c>
      <c r="J4984" s="1" t="s">
        <v>17176</v>
      </c>
      <c r="K4984" s="1" t="s">
        <v>47</v>
      </c>
      <c r="L4984" s="1" t="s">
        <v>17355</v>
      </c>
      <c r="M4984" s="1" t="s">
        <v>5</v>
      </c>
      <c r="N4984" s="1" t="s">
        <v>10</v>
      </c>
      <c r="O4984" s="1" t="s">
        <v>38</v>
      </c>
      <c r="P4984" s="5" t="s">
        <v>10</v>
      </c>
    </row>
    <row r="4985" spans="1:16" x14ac:dyDescent="0.2">
      <c r="A4985" s="1" t="s">
        <v>10</v>
      </c>
      <c r="B4985" s="1" t="s">
        <v>10</v>
      </c>
      <c r="C4985" s="1" t="s">
        <v>17360</v>
      </c>
      <c r="D4985" s="1" t="s">
        <v>17357</v>
      </c>
      <c r="E4985" s="1" t="s">
        <v>17361</v>
      </c>
      <c r="F4985" s="1" t="s">
        <v>10</v>
      </c>
      <c r="G4985" s="1" t="s">
        <v>10</v>
      </c>
      <c r="H4985" s="1" t="s">
        <v>10</v>
      </c>
      <c r="I4985" s="1" t="s">
        <v>17172</v>
      </c>
      <c r="J4985" s="1" t="s">
        <v>17176</v>
      </c>
      <c r="K4985" s="1" t="s">
        <v>47</v>
      </c>
      <c r="L4985" s="1" t="s">
        <v>17359</v>
      </c>
      <c r="M4985" s="1" t="s">
        <v>5</v>
      </c>
      <c r="N4985" s="1" t="s">
        <v>10</v>
      </c>
      <c r="O4985" s="1" t="s">
        <v>38</v>
      </c>
      <c r="P4985" s="5" t="s">
        <v>10</v>
      </c>
    </row>
    <row r="4986" spans="1:16" x14ac:dyDescent="0.2">
      <c r="A4986" s="1" t="s">
        <v>66</v>
      </c>
      <c r="B4986" s="1" t="s">
        <v>67</v>
      </c>
      <c r="C4986" s="1" t="s">
        <v>17363</v>
      </c>
      <c r="D4986" s="1" t="s">
        <v>17364</v>
      </c>
      <c r="E4986" s="1" t="s">
        <v>17365</v>
      </c>
      <c r="F4986" s="1" t="s">
        <v>10</v>
      </c>
      <c r="G4986" s="1" t="s">
        <v>10</v>
      </c>
      <c r="H4986" s="1" t="s">
        <v>5751</v>
      </c>
      <c r="I4986" s="1" t="s">
        <v>17172</v>
      </c>
      <c r="J4986" s="1" t="s">
        <v>17224</v>
      </c>
      <c r="K4986" s="1" t="s">
        <v>113</v>
      </c>
      <c r="L4986" s="1" t="s">
        <v>17362</v>
      </c>
      <c r="M4986" s="1" t="s">
        <v>5</v>
      </c>
      <c r="N4986" s="1" t="s">
        <v>6</v>
      </c>
      <c r="O4986" s="1" t="s">
        <v>8</v>
      </c>
      <c r="P4986" s="5" t="s">
        <v>31841</v>
      </c>
    </row>
    <row r="4987" spans="1:16" x14ac:dyDescent="0.2">
      <c r="A4987" s="1" t="s">
        <v>194</v>
      </c>
      <c r="B4987" s="1" t="s">
        <v>4492</v>
      </c>
      <c r="C4987" s="1" t="s">
        <v>17367</v>
      </c>
      <c r="D4987" s="1" t="s">
        <v>17368</v>
      </c>
      <c r="E4987" s="1" t="s">
        <v>4488</v>
      </c>
      <c r="F4987" s="1" t="s">
        <v>27</v>
      </c>
      <c r="G4987" s="1" t="s">
        <v>10</v>
      </c>
      <c r="H4987" s="1" t="s">
        <v>17369</v>
      </c>
      <c r="I4987" s="1" t="s">
        <v>17172</v>
      </c>
      <c r="J4987" s="1" t="s">
        <v>17229</v>
      </c>
      <c r="K4987" s="1" t="s">
        <v>7</v>
      </c>
      <c r="L4987" s="1" t="s">
        <v>17366</v>
      </c>
      <c r="M4987" s="1" t="s">
        <v>5</v>
      </c>
      <c r="N4987" s="1" t="s">
        <v>10</v>
      </c>
      <c r="O4987" s="1" t="s">
        <v>8</v>
      </c>
      <c r="P4987" s="5" t="s">
        <v>31842</v>
      </c>
    </row>
    <row r="4988" spans="1:16" x14ac:dyDescent="0.2">
      <c r="A4988" s="1" t="s">
        <v>10</v>
      </c>
      <c r="B4988" s="1" t="s">
        <v>10</v>
      </c>
      <c r="C4988" s="1" t="s">
        <v>17372</v>
      </c>
      <c r="D4988" s="1" t="s">
        <v>10</v>
      </c>
      <c r="E4988" s="1" t="s">
        <v>10</v>
      </c>
      <c r="F4988" s="1" t="s">
        <v>10</v>
      </c>
      <c r="G4988" s="1" t="s">
        <v>10</v>
      </c>
      <c r="H4988" s="1" t="s">
        <v>10</v>
      </c>
      <c r="I4988" s="1" t="s">
        <v>17172</v>
      </c>
      <c r="J4988" s="1" t="s">
        <v>17176</v>
      </c>
      <c r="K4988" s="1" t="s">
        <v>47</v>
      </c>
      <c r="L4988" s="1" t="s">
        <v>17371</v>
      </c>
      <c r="M4988" s="1" t="s">
        <v>5</v>
      </c>
      <c r="N4988" s="1" t="s">
        <v>10</v>
      </c>
      <c r="O4988" s="1" t="s">
        <v>38</v>
      </c>
      <c r="P4988" s="5" t="s">
        <v>10</v>
      </c>
    </row>
    <row r="4989" spans="1:16" x14ac:dyDescent="0.2">
      <c r="A4989" s="1" t="s">
        <v>10</v>
      </c>
      <c r="B4989" s="1" t="s">
        <v>10</v>
      </c>
      <c r="C4989" s="1" t="s">
        <v>17374</v>
      </c>
      <c r="D4989" s="1" t="s">
        <v>10</v>
      </c>
      <c r="E4989" s="1" t="s">
        <v>10</v>
      </c>
      <c r="F4989" s="1" t="s">
        <v>10</v>
      </c>
      <c r="G4989" s="1" t="s">
        <v>10</v>
      </c>
      <c r="H4989" s="1" t="s">
        <v>10</v>
      </c>
      <c r="I4989" s="1" t="s">
        <v>17172</v>
      </c>
      <c r="J4989" s="1" t="s">
        <v>17176</v>
      </c>
      <c r="K4989" s="1" t="s">
        <v>7</v>
      </c>
      <c r="L4989" s="1" t="s">
        <v>17373</v>
      </c>
      <c r="M4989" s="1" t="s">
        <v>5</v>
      </c>
      <c r="N4989" s="1" t="s">
        <v>10</v>
      </c>
      <c r="O4989" s="1" t="s">
        <v>38</v>
      </c>
      <c r="P4989" s="5" t="s">
        <v>10</v>
      </c>
    </row>
    <row r="4990" spans="1:16" x14ac:dyDescent="0.2">
      <c r="A4990" s="1" t="s">
        <v>66</v>
      </c>
      <c r="B4990" s="1" t="s">
        <v>1117</v>
      </c>
      <c r="C4990" s="1" t="s">
        <v>13853</v>
      </c>
      <c r="D4990" s="1" t="s">
        <v>17376</v>
      </c>
      <c r="E4990" s="1" t="s">
        <v>17377</v>
      </c>
      <c r="F4990" s="1" t="s">
        <v>10</v>
      </c>
      <c r="G4990" s="1" t="s">
        <v>10</v>
      </c>
      <c r="H4990" s="1" t="s">
        <v>10</v>
      </c>
      <c r="I4990" s="1" t="s">
        <v>17172</v>
      </c>
      <c r="J4990" s="1" t="s">
        <v>17333</v>
      </c>
      <c r="K4990" s="1" t="s">
        <v>37</v>
      </c>
      <c r="L4990" s="1" t="s">
        <v>17375</v>
      </c>
      <c r="M4990" s="1" t="s">
        <v>5</v>
      </c>
      <c r="N4990" s="1" t="s">
        <v>10</v>
      </c>
      <c r="O4990" s="1" t="s">
        <v>38</v>
      </c>
      <c r="P4990" s="5" t="s">
        <v>31843</v>
      </c>
    </row>
    <row r="4991" spans="1:16" x14ac:dyDescent="0.2">
      <c r="A4991" s="1" t="s">
        <v>10</v>
      </c>
      <c r="B4991" s="1" t="s">
        <v>10</v>
      </c>
      <c r="C4991" s="1" t="s">
        <v>17379</v>
      </c>
      <c r="D4991" s="1" t="s">
        <v>10</v>
      </c>
      <c r="E4991" s="1" t="s">
        <v>10</v>
      </c>
      <c r="F4991" s="1" t="s">
        <v>10</v>
      </c>
      <c r="G4991" s="1" t="s">
        <v>10</v>
      </c>
      <c r="H4991" s="1" t="s">
        <v>10</v>
      </c>
      <c r="I4991" s="1" t="s">
        <v>17172</v>
      </c>
      <c r="J4991" s="1" t="s">
        <v>17176</v>
      </c>
      <c r="K4991" s="1" t="s">
        <v>47</v>
      </c>
      <c r="L4991" s="1" t="s">
        <v>17378</v>
      </c>
      <c r="M4991" s="1" t="s">
        <v>5</v>
      </c>
      <c r="N4991" s="1" t="s">
        <v>10</v>
      </c>
      <c r="O4991" s="1" t="s">
        <v>38</v>
      </c>
      <c r="P4991" s="5" t="s">
        <v>10</v>
      </c>
    </row>
    <row r="4992" spans="1:16" x14ac:dyDescent="0.2">
      <c r="A4992" s="1" t="s">
        <v>42</v>
      </c>
      <c r="B4992" s="1" t="s">
        <v>43</v>
      </c>
      <c r="C4992" s="1" t="s">
        <v>17381</v>
      </c>
      <c r="D4992" s="1" t="s">
        <v>17382</v>
      </c>
      <c r="E4992" s="1" t="s">
        <v>17383</v>
      </c>
      <c r="F4992" s="1" t="s">
        <v>10</v>
      </c>
      <c r="G4992" s="1" t="s">
        <v>10</v>
      </c>
      <c r="H4992" s="1" t="s">
        <v>10</v>
      </c>
      <c r="I4992" s="1" t="s">
        <v>17172</v>
      </c>
      <c r="J4992" s="1" t="s">
        <v>17333</v>
      </c>
      <c r="K4992" s="1" t="s">
        <v>37</v>
      </c>
      <c r="L4992" s="1" t="s">
        <v>17380</v>
      </c>
      <c r="M4992" s="1" t="s">
        <v>5</v>
      </c>
      <c r="N4992" s="1" t="s">
        <v>10</v>
      </c>
      <c r="O4992" s="1" t="s">
        <v>38</v>
      </c>
      <c r="P4992" s="5" t="s">
        <v>31844</v>
      </c>
    </row>
    <row r="4993" spans="1:16" x14ac:dyDescent="0.2">
      <c r="A4993" s="1" t="s">
        <v>66</v>
      </c>
      <c r="B4993" s="1" t="s">
        <v>67</v>
      </c>
      <c r="C4993" s="1" t="s">
        <v>17385</v>
      </c>
      <c r="D4993" s="1" t="s">
        <v>17386</v>
      </c>
      <c r="E4993" s="1" t="s">
        <v>17387</v>
      </c>
      <c r="F4993" s="1" t="s">
        <v>10</v>
      </c>
      <c r="G4993" s="1" t="s">
        <v>10</v>
      </c>
      <c r="H4993" s="1" t="s">
        <v>10</v>
      </c>
      <c r="I4993" s="1" t="s">
        <v>17172</v>
      </c>
      <c r="J4993" s="1" t="s">
        <v>17224</v>
      </c>
      <c r="K4993" s="1" t="s">
        <v>113</v>
      </c>
      <c r="L4993" s="1" t="s">
        <v>17384</v>
      </c>
      <c r="M4993" s="1" t="s">
        <v>5</v>
      </c>
      <c r="N4993" s="1" t="s">
        <v>6</v>
      </c>
      <c r="O4993" s="1" t="s">
        <v>38</v>
      </c>
      <c r="P4993" s="5" t="s">
        <v>31845</v>
      </c>
    </row>
    <row r="4994" spans="1:16" x14ac:dyDescent="0.2">
      <c r="A4994" s="1" t="s">
        <v>10</v>
      </c>
      <c r="B4994" s="1" t="s">
        <v>10</v>
      </c>
      <c r="C4994" s="1" t="s">
        <v>17389</v>
      </c>
      <c r="D4994" s="1" t="s">
        <v>10</v>
      </c>
      <c r="E4994" s="1" t="s">
        <v>10</v>
      </c>
      <c r="F4994" s="1" t="s">
        <v>10</v>
      </c>
      <c r="G4994" s="1" t="s">
        <v>10</v>
      </c>
      <c r="H4994" s="1" t="s">
        <v>10</v>
      </c>
      <c r="I4994" s="1" t="s">
        <v>17172</v>
      </c>
      <c r="J4994" s="1" t="s">
        <v>17176</v>
      </c>
      <c r="K4994" s="1" t="s">
        <v>47</v>
      </c>
      <c r="L4994" s="1" t="s">
        <v>17388</v>
      </c>
      <c r="M4994" s="1" t="s">
        <v>5</v>
      </c>
      <c r="N4994" s="1" t="s">
        <v>10</v>
      </c>
      <c r="O4994" s="1" t="s">
        <v>38</v>
      </c>
      <c r="P4994" s="5" t="s">
        <v>10</v>
      </c>
    </row>
    <row r="4995" spans="1:16" x14ac:dyDescent="0.2">
      <c r="A4995" s="1" t="s">
        <v>10</v>
      </c>
      <c r="B4995" s="1" t="s">
        <v>10</v>
      </c>
      <c r="C4995" s="1" t="s">
        <v>17391</v>
      </c>
      <c r="D4995" s="1" t="s">
        <v>10</v>
      </c>
      <c r="E4995" s="1" t="s">
        <v>10</v>
      </c>
      <c r="F4995" s="1" t="s">
        <v>10</v>
      </c>
      <c r="G4995" s="1" t="s">
        <v>10</v>
      </c>
      <c r="H4995" s="1" t="s">
        <v>10</v>
      </c>
      <c r="I4995" s="1" t="s">
        <v>17172</v>
      </c>
      <c r="J4995" s="1" t="s">
        <v>17176</v>
      </c>
      <c r="K4995" s="1" t="s">
        <v>10</v>
      </c>
      <c r="L4995" s="1" t="s">
        <v>17390</v>
      </c>
      <c r="M4995" s="1" t="s">
        <v>5</v>
      </c>
      <c r="N4995" s="1" t="s">
        <v>10</v>
      </c>
      <c r="O4995" s="1" t="s">
        <v>38</v>
      </c>
      <c r="P4995" s="5" t="s">
        <v>10</v>
      </c>
    </row>
    <row r="4996" spans="1:16" x14ac:dyDescent="0.2">
      <c r="A4996" s="1" t="s">
        <v>10</v>
      </c>
      <c r="B4996" s="1" t="s">
        <v>10</v>
      </c>
      <c r="C4996" s="1" t="s">
        <v>17393</v>
      </c>
      <c r="D4996" s="1" t="s">
        <v>10</v>
      </c>
      <c r="E4996" s="1" t="s">
        <v>17394</v>
      </c>
      <c r="F4996" s="1" t="s">
        <v>10</v>
      </c>
      <c r="G4996" s="1" t="s">
        <v>10</v>
      </c>
      <c r="H4996" s="1" t="s">
        <v>10</v>
      </c>
      <c r="I4996" s="1" t="s">
        <v>17172</v>
      </c>
      <c r="J4996" s="1" t="s">
        <v>17293</v>
      </c>
      <c r="K4996" s="1" t="s">
        <v>47</v>
      </c>
      <c r="L4996" s="1" t="s">
        <v>17392</v>
      </c>
      <c r="M4996" s="1" t="s">
        <v>5</v>
      </c>
      <c r="N4996" s="1" t="s">
        <v>10</v>
      </c>
      <c r="O4996" s="1" t="s">
        <v>38</v>
      </c>
      <c r="P4996" s="5" t="s">
        <v>30506</v>
      </c>
    </row>
    <row r="4997" spans="1:16" x14ac:dyDescent="0.2">
      <c r="A4997" s="1" t="s">
        <v>10</v>
      </c>
      <c r="B4997" s="1" t="s">
        <v>10</v>
      </c>
      <c r="C4997" s="1" t="s">
        <v>17396</v>
      </c>
      <c r="D4997" s="1" t="s">
        <v>10</v>
      </c>
      <c r="E4997" s="1" t="s">
        <v>17394</v>
      </c>
      <c r="F4997" s="1" t="s">
        <v>10</v>
      </c>
      <c r="G4997" s="1" t="s">
        <v>10</v>
      </c>
      <c r="H4997" s="1" t="s">
        <v>10</v>
      </c>
      <c r="I4997" s="1" t="s">
        <v>17172</v>
      </c>
      <c r="J4997" s="1" t="s">
        <v>17293</v>
      </c>
      <c r="K4997" s="1" t="s">
        <v>47</v>
      </c>
      <c r="L4997" s="1" t="s">
        <v>17395</v>
      </c>
      <c r="M4997" s="1" t="s">
        <v>5</v>
      </c>
      <c r="N4997" s="1" t="s">
        <v>10</v>
      </c>
      <c r="O4997" s="1" t="s">
        <v>38</v>
      </c>
      <c r="P4997" s="5" t="s">
        <v>30506</v>
      </c>
    </row>
    <row r="4998" spans="1:16" x14ac:dyDescent="0.2">
      <c r="A4998" s="1" t="s">
        <v>10</v>
      </c>
      <c r="B4998" s="1" t="s">
        <v>10</v>
      </c>
      <c r="C4998" s="1" t="s">
        <v>17398</v>
      </c>
      <c r="D4998" s="1" t="s">
        <v>10</v>
      </c>
      <c r="E4998" s="1" t="s">
        <v>10</v>
      </c>
      <c r="F4998" s="1" t="s">
        <v>10</v>
      </c>
      <c r="G4998" s="1" t="s">
        <v>10</v>
      </c>
      <c r="H4998" s="1" t="s">
        <v>10</v>
      </c>
      <c r="I4998" s="1" t="s">
        <v>17172</v>
      </c>
      <c r="J4998" s="1" t="s">
        <v>17176</v>
      </c>
      <c r="K4998" s="1" t="s">
        <v>47</v>
      </c>
      <c r="L4998" s="1" t="s">
        <v>17397</v>
      </c>
      <c r="M4998" s="1" t="s">
        <v>5</v>
      </c>
      <c r="N4998" s="1" t="s">
        <v>10</v>
      </c>
      <c r="O4998" s="1" t="s">
        <v>38</v>
      </c>
      <c r="P4998" s="5" t="s">
        <v>10</v>
      </c>
    </row>
    <row r="4999" spans="1:16" x14ac:dyDescent="0.2">
      <c r="A4999" s="1" t="s">
        <v>10</v>
      </c>
      <c r="B4999" s="1" t="s">
        <v>10</v>
      </c>
      <c r="C4999" s="1" t="s">
        <v>17400</v>
      </c>
      <c r="D4999" s="1" t="s">
        <v>17401</v>
      </c>
      <c r="E4999" s="1" t="s">
        <v>10</v>
      </c>
      <c r="F4999" s="1" t="s">
        <v>10</v>
      </c>
      <c r="G4999" s="1" t="s">
        <v>10</v>
      </c>
      <c r="H4999" s="1" t="s">
        <v>10</v>
      </c>
      <c r="I4999" s="1" t="s">
        <v>17172</v>
      </c>
      <c r="J4999" s="1" t="s">
        <v>17176</v>
      </c>
      <c r="K4999" s="1" t="s">
        <v>47</v>
      </c>
      <c r="L4999" s="1" t="s">
        <v>17399</v>
      </c>
      <c r="M4999" s="1" t="s">
        <v>5</v>
      </c>
      <c r="N4999" s="1" t="s">
        <v>10</v>
      </c>
      <c r="O4999" s="1" t="s">
        <v>38</v>
      </c>
      <c r="P4999" s="5" t="s">
        <v>10</v>
      </c>
    </row>
    <row r="5000" spans="1:16" x14ac:dyDescent="0.2">
      <c r="A5000" s="1" t="s">
        <v>10</v>
      </c>
      <c r="B5000" s="1" t="s">
        <v>10</v>
      </c>
      <c r="C5000" s="1" t="s">
        <v>17403</v>
      </c>
      <c r="D5000" s="1" t="s">
        <v>10</v>
      </c>
      <c r="E5000" s="1" t="s">
        <v>10</v>
      </c>
      <c r="F5000" s="1" t="s">
        <v>10</v>
      </c>
      <c r="G5000" s="1" t="s">
        <v>10</v>
      </c>
      <c r="H5000" s="1" t="s">
        <v>10</v>
      </c>
      <c r="I5000" s="1" t="s">
        <v>17172</v>
      </c>
      <c r="J5000" s="1" t="s">
        <v>17176</v>
      </c>
      <c r="K5000" s="1" t="s">
        <v>47</v>
      </c>
      <c r="L5000" s="1" t="s">
        <v>17402</v>
      </c>
      <c r="M5000" s="1" t="s">
        <v>5</v>
      </c>
      <c r="N5000" s="1" t="s">
        <v>10</v>
      </c>
      <c r="O5000" s="1" t="s">
        <v>38</v>
      </c>
      <c r="P5000" s="5" t="s">
        <v>10</v>
      </c>
    </row>
    <row r="5001" spans="1:16" x14ac:dyDescent="0.2">
      <c r="A5001" s="1" t="s">
        <v>10</v>
      </c>
      <c r="B5001" s="1" t="s">
        <v>10</v>
      </c>
      <c r="C5001" s="1" t="s">
        <v>17405</v>
      </c>
      <c r="D5001" s="1" t="s">
        <v>10</v>
      </c>
      <c r="E5001" s="1" t="s">
        <v>10</v>
      </c>
      <c r="F5001" s="1" t="s">
        <v>10</v>
      </c>
      <c r="G5001" s="1" t="s">
        <v>10</v>
      </c>
      <c r="H5001" s="1" t="s">
        <v>10</v>
      </c>
      <c r="I5001" s="1" t="s">
        <v>17172</v>
      </c>
      <c r="J5001" s="1" t="s">
        <v>17176</v>
      </c>
      <c r="K5001" s="1" t="s">
        <v>47</v>
      </c>
      <c r="L5001" s="1" t="s">
        <v>17404</v>
      </c>
      <c r="M5001" s="1" t="s">
        <v>5</v>
      </c>
      <c r="N5001" s="1" t="s">
        <v>10</v>
      </c>
      <c r="O5001" s="1" t="s">
        <v>38</v>
      </c>
      <c r="P5001" s="5" t="s">
        <v>10</v>
      </c>
    </row>
    <row r="5002" spans="1:16" x14ac:dyDescent="0.2">
      <c r="A5002" s="1" t="s">
        <v>10</v>
      </c>
      <c r="B5002" s="1" t="s">
        <v>10</v>
      </c>
      <c r="C5002" s="1" t="s">
        <v>17407</v>
      </c>
      <c r="D5002" s="1" t="s">
        <v>10</v>
      </c>
      <c r="E5002" s="1" t="s">
        <v>10</v>
      </c>
      <c r="F5002" s="1" t="s">
        <v>10</v>
      </c>
      <c r="G5002" s="1" t="s">
        <v>10</v>
      </c>
      <c r="H5002" s="1" t="s">
        <v>10</v>
      </c>
      <c r="I5002" s="1" t="s">
        <v>17172</v>
      </c>
      <c r="J5002" s="1" t="s">
        <v>17176</v>
      </c>
      <c r="K5002" s="1" t="s">
        <v>10</v>
      </c>
      <c r="L5002" s="1" t="s">
        <v>17406</v>
      </c>
      <c r="M5002" s="1" t="s">
        <v>5</v>
      </c>
      <c r="N5002" s="1" t="s">
        <v>10</v>
      </c>
      <c r="O5002" s="1" t="s">
        <v>38</v>
      </c>
      <c r="P5002" s="5" t="s">
        <v>10</v>
      </c>
    </row>
    <row r="5003" spans="1:16" x14ac:dyDescent="0.2">
      <c r="A5003" s="1" t="s">
        <v>10</v>
      </c>
      <c r="B5003" s="1" t="s">
        <v>10</v>
      </c>
      <c r="C5003" s="1" t="s">
        <v>17409</v>
      </c>
      <c r="D5003" s="1" t="s">
        <v>10</v>
      </c>
      <c r="E5003" s="1" t="s">
        <v>10</v>
      </c>
      <c r="F5003" s="1" t="s">
        <v>10</v>
      </c>
      <c r="G5003" s="1" t="s">
        <v>10</v>
      </c>
      <c r="H5003" s="1" t="s">
        <v>10</v>
      </c>
      <c r="I5003" s="1" t="s">
        <v>17172</v>
      </c>
      <c r="J5003" s="1" t="s">
        <v>17176</v>
      </c>
      <c r="K5003" s="1" t="s">
        <v>10</v>
      </c>
      <c r="L5003" s="1" t="s">
        <v>17408</v>
      </c>
      <c r="M5003" s="1" t="s">
        <v>5</v>
      </c>
      <c r="N5003" s="1" t="s">
        <v>10</v>
      </c>
      <c r="O5003" s="1" t="s">
        <v>38</v>
      </c>
      <c r="P5003" s="5" t="s">
        <v>10</v>
      </c>
    </row>
    <row r="5004" spans="1:16" x14ac:dyDescent="0.2">
      <c r="A5004" s="1" t="s">
        <v>10</v>
      </c>
      <c r="B5004" s="1" t="s">
        <v>10</v>
      </c>
      <c r="C5004" s="1" t="s">
        <v>17411</v>
      </c>
      <c r="D5004" s="1" t="s">
        <v>10</v>
      </c>
      <c r="E5004" s="1" t="s">
        <v>10</v>
      </c>
      <c r="F5004" s="1" t="s">
        <v>10</v>
      </c>
      <c r="G5004" s="1" t="s">
        <v>10</v>
      </c>
      <c r="H5004" s="1" t="s">
        <v>10</v>
      </c>
      <c r="I5004" s="1" t="s">
        <v>17172</v>
      </c>
      <c r="J5004" s="1" t="s">
        <v>17176</v>
      </c>
      <c r="K5004" s="1" t="s">
        <v>47</v>
      </c>
      <c r="L5004" s="1" t="s">
        <v>17410</v>
      </c>
      <c r="M5004" s="1" t="s">
        <v>5</v>
      </c>
      <c r="N5004" s="1" t="s">
        <v>10</v>
      </c>
      <c r="O5004" s="1" t="s">
        <v>38</v>
      </c>
      <c r="P5004" s="5" t="s">
        <v>10</v>
      </c>
    </row>
    <row r="5005" spans="1:16" x14ac:dyDescent="0.2">
      <c r="A5005" s="1" t="s">
        <v>66</v>
      </c>
      <c r="B5005" s="1" t="s">
        <v>1117</v>
      </c>
      <c r="C5005" s="1" t="s">
        <v>17413</v>
      </c>
      <c r="D5005" s="1" t="s">
        <v>10</v>
      </c>
      <c r="E5005" s="1" t="s">
        <v>17414</v>
      </c>
      <c r="F5005" s="1" t="s">
        <v>522</v>
      </c>
      <c r="G5005" s="1" t="s">
        <v>10</v>
      </c>
      <c r="H5005" s="1" t="s">
        <v>10</v>
      </c>
      <c r="I5005" s="1" t="s">
        <v>17172</v>
      </c>
      <c r="J5005" s="1" t="s">
        <v>17293</v>
      </c>
      <c r="K5005" s="1" t="s">
        <v>47</v>
      </c>
      <c r="L5005" s="1" t="s">
        <v>17412</v>
      </c>
      <c r="M5005" s="1" t="s">
        <v>5</v>
      </c>
      <c r="N5005" s="1" t="s">
        <v>10</v>
      </c>
      <c r="O5005" s="1" t="s">
        <v>8</v>
      </c>
      <c r="P5005" s="5" t="s">
        <v>10</v>
      </c>
    </row>
    <row r="5006" spans="1:16" x14ac:dyDescent="0.2">
      <c r="A5006" s="1" t="s">
        <v>10</v>
      </c>
      <c r="B5006" s="1" t="s">
        <v>10</v>
      </c>
      <c r="C5006" s="1" t="s">
        <v>17416</v>
      </c>
      <c r="D5006" s="1" t="s">
        <v>10</v>
      </c>
      <c r="E5006" s="1" t="s">
        <v>10</v>
      </c>
      <c r="F5006" s="1" t="s">
        <v>10</v>
      </c>
      <c r="G5006" s="1" t="s">
        <v>10</v>
      </c>
      <c r="H5006" s="1" t="s">
        <v>10</v>
      </c>
      <c r="I5006" s="1" t="s">
        <v>17172</v>
      </c>
      <c r="J5006" s="1" t="s">
        <v>17176</v>
      </c>
      <c r="K5006" s="1" t="s">
        <v>47</v>
      </c>
      <c r="L5006" s="1" t="s">
        <v>17415</v>
      </c>
      <c r="M5006" s="1" t="s">
        <v>5</v>
      </c>
      <c r="N5006" s="1" t="s">
        <v>10</v>
      </c>
      <c r="O5006" s="1" t="s">
        <v>38</v>
      </c>
      <c r="P5006" s="5" t="s">
        <v>10</v>
      </c>
    </row>
    <row r="5007" spans="1:16" x14ac:dyDescent="0.2">
      <c r="A5007" s="1" t="s">
        <v>42</v>
      </c>
      <c r="B5007" s="1" t="s">
        <v>320</v>
      </c>
      <c r="C5007" s="1" t="s">
        <v>17418</v>
      </c>
      <c r="D5007" s="1" t="s">
        <v>17419</v>
      </c>
      <c r="E5007" s="1" t="s">
        <v>17420</v>
      </c>
      <c r="F5007" s="1" t="s">
        <v>10</v>
      </c>
      <c r="G5007" s="1" t="s">
        <v>10</v>
      </c>
      <c r="H5007" s="1" t="s">
        <v>10</v>
      </c>
      <c r="I5007" s="1" t="s">
        <v>17172</v>
      </c>
      <c r="J5007" s="1" t="s">
        <v>17251</v>
      </c>
      <c r="K5007" s="1" t="s">
        <v>113</v>
      </c>
      <c r="L5007" s="1" t="s">
        <v>17417</v>
      </c>
      <c r="M5007" s="1" t="s">
        <v>5</v>
      </c>
      <c r="N5007" s="1" t="s">
        <v>25</v>
      </c>
      <c r="O5007" s="1" t="s">
        <v>38</v>
      </c>
      <c r="P5007" s="5" t="s">
        <v>30507</v>
      </c>
    </row>
    <row r="5008" spans="1:16" x14ac:dyDescent="0.2">
      <c r="A5008" s="1" t="s">
        <v>66</v>
      </c>
      <c r="B5008" s="1" t="s">
        <v>67</v>
      </c>
      <c r="C5008" s="1" t="s">
        <v>17423</v>
      </c>
      <c r="D5008" s="1" t="s">
        <v>17424</v>
      </c>
      <c r="E5008" s="1" t="s">
        <v>17425</v>
      </c>
      <c r="F5008" s="1" t="s">
        <v>10</v>
      </c>
      <c r="G5008" s="1" t="s">
        <v>10</v>
      </c>
      <c r="H5008" s="1" t="s">
        <v>10</v>
      </c>
      <c r="I5008" s="1" t="s">
        <v>17172</v>
      </c>
      <c r="J5008" s="1" t="s">
        <v>17224</v>
      </c>
      <c r="K5008" s="1" t="s">
        <v>113</v>
      </c>
      <c r="L5008" s="1" t="s">
        <v>17422</v>
      </c>
      <c r="M5008" s="1" t="s">
        <v>5</v>
      </c>
      <c r="N5008" s="1" t="s">
        <v>6</v>
      </c>
      <c r="O5008" s="1" t="s">
        <v>38</v>
      </c>
      <c r="P5008" s="5" t="s">
        <v>31845</v>
      </c>
    </row>
    <row r="5009" spans="1:16" x14ac:dyDescent="0.2">
      <c r="A5009" s="1" t="s">
        <v>194</v>
      </c>
      <c r="B5009" s="1" t="s">
        <v>6723</v>
      </c>
      <c r="C5009" s="1" t="s">
        <v>17427</v>
      </c>
      <c r="D5009" s="1" t="s">
        <v>10</v>
      </c>
      <c r="E5009" s="1" t="s">
        <v>17430</v>
      </c>
      <c r="F5009" s="1" t="s">
        <v>17428</v>
      </c>
      <c r="G5009" s="1" t="s">
        <v>10</v>
      </c>
      <c r="H5009" s="1" t="s">
        <v>17431</v>
      </c>
      <c r="I5009" s="1" t="s">
        <v>17172</v>
      </c>
      <c r="J5009" s="1" t="s">
        <v>17429</v>
      </c>
      <c r="K5009" s="1" t="s">
        <v>7391</v>
      </c>
      <c r="L5009" s="1" t="s">
        <v>17426</v>
      </c>
      <c r="M5009" s="1" t="s">
        <v>5</v>
      </c>
      <c r="N5009" s="1" t="s">
        <v>10</v>
      </c>
      <c r="O5009" s="1" t="s">
        <v>8</v>
      </c>
      <c r="P5009" s="5" t="s">
        <v>10</v>
      </c>
    </row>
    <row r="5010" spans="1:16" x14ac:dyDescent="0.2">
      <c r="A5010" s="1" t="s">
        <v>10</v>
      </c>
      <c r="B5010" s="1" t="s">
        <v>10</v>
      </c>
      <c r="C5010" s="1" t="s">
        <v>17433</v>
      </c>
      <c r="D5010" s="1" t="s">
        <v>10</v>
      </c>
      <c r="E5010" s="1" t="s">
        <v>17435</v>
      </c>
      <c r="F5010" s="1" t="s">
        <v>10</v>
      </c>
      <c r="G5010" s="1" t="s">
        <v>10</v>
      </c>
      <c r="H5010" s="1" t="s">
        <v>10</v>
      </c>
      <c r="I5010" s="1" t="s">
        <v>17172</v>
      </c>
      <c r="J5010" s="1" t="s">
        <v>17434</v>
      </c>
      <c r="K5010" s="1" t="s">
        <v>47</v>
      </c>
      <c r="L5010" s="1" t="s">
        <v>17432</v>
      </c>
      <c r="M5010" s="1" t="s">
        <v>5</v>
      </c>
      <c r="N5010" s="1" t="s">
        <v>10</v>
      </c>
      <c r="O5010" s="1" t="s">
        <v>8</v>
      </c>
      <c r="P5010" s="5" t="s">
        <v>30508</v>
      </c>
    </row>
    <row r="5011" spans="1:16" x14ac:dyDescent="0.2">
      <c r="A5011" s="1" t="s">
        <v>10</v>
      </c>
      <c r="B5011" s="1" t="s">
        <v>10</v>
      </c>
      <c r="C5011" s="1" t="s">
        <v>17437</v>
      </c>
      <c r="D5011" s="1" t="s">
        <v>4739</v>
      </c>
      <c r="E5011" s="1" t="s">
        <v>17438</v>
      </c>
      <c r="F5011" s="1" t="s">
        <v>10</v>
      </c>
      <c r="G5011" s="1" t="s">
        <v>10</v>
      </c>
      <c r="H5011" s="1" t="s">
        <v>10</v>
      </c>
      <c r="I5011" s="1" t="s">
        <v>17172</v>
      </c>
      <c r="J5011" s="1" t="s">
        <v>17251</v>
      </c>
      <c r="K5011" s="1" t="s">
        <v>10</v>
      </c>
      <c r="L5011" s="1" t="s">
        <v>17436</v>
      </c>
      <c r="M5011" s="1" t="s">
        <v>5</v>
      </c>
      <c r="N5011" s="1" t="s">
        <v>10</v>
      </c>
      <c r="O5011" s="1" t="s">
        <v>38</v>
      </c>
      <c r="P5011" s="5" t="s">
        <v>30509</v>
      </c>
    </row>
    <row r="5012" spans="1:16" x14ac:dyDescent="0.2">
      <c r="A5012" s="1" t="s">
        <v>10</v>
      </c>
      <c r="B5012" s="1" t="s">
        <v>10</v>
      </c>
      <c r="C5012" s="1" t="s">
        <v>17440</v>
      </c>
      <c r="D5012" s="1" t="s">
        <v>17441</v>
      </c>
      <c r="E5012" s="1" t="s">
        <v>17443</v>
      </c>
      <c r="F5012" s="1" t="s">
        <v>10</v>
      </c>
      <c r="G5012" s="1" t="s">
        <v>10</v>
      </c>
      <c r="H5012" s="1" t="s">
        <v>10</v>
      </c>
      <c r="I5012" s="1" t="s">
        <v>17172</v>
      </c>
      <c r="J5012" s="1" t="s">
        <v>17442</v>
      </c>
      <c r="K5012" s="1" t="s">
        <v>113</v>
      </c>
      <c r="L5012" s="1" t="s">
        <v>17439</v>
      </c>
      <c r="M5012" s="1" t="s">
        <v>5</v>
      </c>
      <c r="N5012" s="1" t="s">
        <v>10</v>
      </c>
      <c r="O5012" s="1" t="s">
        <v>38</v>
      </c>
      <c r="P5012" s="5" t="s">
        <v>30509</v>
      </c>
    </row>
    <row r="5013" spans="1:16" x14ac:dyDescent="0.2">
      <c r="A5013" s="1" t="s">
        <v>10</v>
      </c>
      <c r="B5013" s="1" t="s">
        <v>10</v>
      </c>
      <c r="C5013" s="1" t="s">
        <v>17445</v>
      </c>
      <c r="D5013" s="1" t="s">
        <v>10</v>
      </c>
      <c r="E5013" s="1" t="s">
        <v>17446</v>
      </c>
      <c r="F5013" s="1" t="s">
        <v>10</v>
      </c>
      <c r="G5013" s="1" t="s">
        <v>10</v>
      </c>
      <c r="H5013" s="1" t="s">
        <v>10</v>
      </c>
      <c r="I5013" s="1" t="s">
        <v>17172</v>
      </c>
      <c r="J5013" s="1" t="s">
        <v>17229</v>
      </c>
      <c r="K5013" s="1" t="s">
        <v>10</v>
      </c>
      <c r="L5013" s="1" t="s">
        <v>17444</v>
      </c>
      <c r="M5013" s="1" t="s">
        <v>5</v>
      </c>
      <c r="N5013" s="1" t="s">
        <v>10</v>
      </c>
      <c r="O5013" s="1" t="s">
        <v>8</v>
      </c>
      <c r="P5013" s="5" t="s">
        <v>30510</v>
      </c>
    </row>
    <row r="5014" spans="1:16" x14ac:dyDescent="0.2">
      <c r="A5014" s="1" t="s">
        <v>10</v>
      </c>
      <c r="B5014" s="1" t="s">
        <v>10</v>
      </c>
      <c r="C5014" s="1" t="s">
        <v>17448</v>
      </c>
      <c r="D5014" s="1" t="s">
        <v>17449</v>
      </c>
      <c r="E5014" s="1" t="s">
        <v>17450</v>
      </c>
      <c r="F5014" s="1" t="s">
        <v>10</v>
      </c>
      <c r="G5014" s="1" t="s">
        <v>10</v>
      </c>
      <c r="H5014" s="1" t="s">
        <v>10</v>
      </c>
      <c r="I5014" s="1" t="s">
        <v>17172</v>
      </c>
      <c r="J5014" s="1" t="s">
        <v>17229</v>
      </c>
      <c r="K5014" s="1" t="s">
        <v>113</v>
      </c>
      <c r="L5014" s="1" t="s">
        <v>17447</v>
      </c>
      <c r="M5014" s="1" t="s">
        <v>5</v>
      </c>
      <c r="N5014" s="1" t="s">
        <v>10</v>
      </c>
      <c r="O5014" s="1" t="s">
        <v>38</v>
      </c>
      <c r="P5014" s="5" t="s">
        <v>30511</v>
      </c>
    </row>
    <row r="5015" spans="1:16" x14ac:dyDescent="0.2">
      <c r="A5015" s="1" t="s">
        <v>10</v>
      </c>
      <c r="B5015" s="1" t="s">
        <v>10</v>
      </c>
      <c r="C5015" s="1" t="s">
        <v>17453</v>
      </c>
      <c r="D5015" s="1" t="s">
        <v>17451</v>
      </c>
      <c r="E5015" s="1" t="s">
        <v>17455</v>
      </c>
      <c r="F5015" s="1" t="s">
        <v>10</v>
      </c>
      <c r="G5015" s="1" t="s">
        <v>10</v>
      </c>
      <c r="H5015" s="1" t="s">
        <v>10</v>
      </c>
      <c r="I5015" s="1" t="s">
        <v>17172</v>
      </c>
      <c r="J5015" s="1" t="s">
        <v>17454</v>
      </c>
      <c r="K5015" s="1" t="s">
        <v>10</v>
      </c>
      <c r="L5015" s="1" t="s">
        <v>17452</v>
      </c>
      <c r="M5015" s="1" t="s">
        <v>5</v>
      </c>
      <c r="N5015" s="1" t="s">
        <v>10</v>
      </c>
      <c r="O5015" s="1" t="s">
        <v>8</v>
      </c>
      <c r="P5015" s="5" t="s">
        <v>10</v>
      </c>
    </row>
    <row r="5016" spans="1:16" x14ac:dyDescent="0.2">
      <c r="A5016" s="1" t="s">
        <v>10</v>
      </c>
      <c r="B5016" s="1" t="s">
        <v>10</v>
      </c>
      <c r="C5016" s="1" t="s">
        <v>17457</v>
      </c>
      <c r="D5016" s="1" t="s">
        <v>17457</v>
      </c>
      <c r="E5016" s="1" t="s">
        <v>17458</v>
      </c>
      <c r="F5016" s="1" t="s">
        <v>10</v>
      </c>
      <c r="G5016" s="1" t="s">
        <v>10</v>
      </c>
      <c r="H5016" s="1" t="s">
        <v>10</v>
      </c>
      <c r="I5016" s="1" t="s">
        <v>17172</v>
      </c>
      <c r="J5016" s="1" t="s">
        <v>17454</v>
      </c>
      <c r="K5016" s="1" t="s">
        <v>10</v>
      </c>
      <c r="L5016" s="1" t="s">
        <v>17456</v>
      </c>
      <c r="M5016" s="1" t="s">
        <v>5</v>
      </c>
      <c r="N5016" s="1" t="s">
        <v>10</v>
      </c>
      <c r="O5016" s="1" t="s">
        <v>8</v>
      </c>
      <c r="P5016" s="5" t="s">
        <v>10</v>
      </c>
    </row>
    <row r="5017" spans="1:16" x14ac:dyDescent="0.2">
      <c r="A5017" s="1" t="s">
        <v>10</v>
      </c>
      <c r="B5017" s="1" t="s">
        <v>10</v>
      </c>
      <c r="C5017" s="1" t="s">
        <v>17460</v>
      </c>
      <c r="D5017" s="1" t="s">
        <v>10</v>
      </c>
      <c r="E5017" s="1" t="s">
        <v>17461</v>
      </c>
      <c r="F5017" s="1" t="s">
        <v>10</v>
      </c>
      <c r="G5017" s="1" t="s">
        <v>10</v>
      </c>
      <c r="H5017" s="1" t="s">
        <v>10</v>
      </c>
      <c r="I5017" s="1" t="s">
        <v>17172</v>
      </c>
      <c r="J5017" s="1" t="s">
        <v>17214</v>
      </c>
      <c r="K5017" s="1" t="s">
        <v>47</v>
      </c>
      <c r="L5017" s="1" t="s">
        <v>17459</v>
      </c>
      <c r="M5017" s="1" t="s">
        <v>5</v>
      </c>
      <c r="N5017" s="1" t="s">
        <v>10</v>
      </c>
      <c r="O5017" s="1" t="s">
        <v>38</v>
      </c>
      <c r="P5017" s="5" t="s">
        <v>30512</v>
      </c>
    </row>
    <row r="5018" spans="1:16" x14ac:dyDescent="0.2">
      <c r="A5018" s="1" t="s">
        <v>10</v>
      </c>
      <c r="B5018" s="1" t="s">
        <v>10</v>
      </c>
      <c r="C5018" s="1" t="s">
        <v>17463</v>
      </c>
      <c r="D5018" s="1" t="s">
        <v>17464</v>
      </c>
      <c r="E5018" s="1" t="s">
        <v>17466</v>
      </c>
      <c r="F5018" s="1" t="s">
        <v>10</v>
      </c>
      <c r="G5018" s="1" t="s">
        <v>10</v>
      </c>
      <c r="H5018" s="1" t="s">
        <v>10</v>
      </c>
      <c r="I5018" s="1" t="s">
        <v>17172</v>
      </c>
      <c r="J5018" s="1" t="s">
        <v>17465</v>
      </c>
      <c r="K5018" s="1" t="s">
        <v>10</v>
      </c>
      <c r="L5018" s="1" t="s">
        <v>17462</v>
      </c>
      <c r="M5018" s="1" t="s">
        <v>5</v>
      </c>
      <c r="N5018" s="1" t="s">
        <v>10</v>
      </c>
      <c r="O5018" s="1" t="s">
        <v>38</v>
      </c>
      <c r="P5018" s="5" t="s">
        <v>30512</v>
      </c>
    </row>
    <row r="5019" spans="1:16" x14ac:dyDescent="0.2">
      <c r="A5019" s="1" t="s">
        <v>10</v>
      </c>
      <c r="B5019" s="1" t="s">
        <v>10</v>
      </c>
      <c r="C5019" s="1" t="s">
        <v>17468</v>
      </c>
      <c r="D5019" s="1" t="s">
        <v>10</v>
      </c>
      <c r="E5019" s="1" t="s">
        <v>17469</v>
      </c>
      <c r="F5019" s="1" t="s">
        <v>10</v>
      </c>
      <c r="G5019" s="1" t="s">
        <v>10</v>
      </c>
      <c r="H5019" s="1" t="s">
        <v>10</v>
      </c>
      <c r="I5019" s="1" t="s">
        <v>17172</v>
      </c>
      <c r="J5019" s="1" t="s">
        <v>17251</v>
      </c>
      <c r="K5019" s="1" t="s">
        <v>7</v>
      </c>
      <c r="L5019" s="1" t="s">
        <v>17467</v>
      </c>
      <c r="M5019" s="1" t="s">
        <v>5</v>
      </c>
      <c r="N5019" s="1" t="s">
        <v>10</v>
      </c>
      <c r="O5019" s="1" t="s">
        <v>38</v>
      </c>
      <c r="P5019" s="5" t="s">
        <v>30512</v>
      </c>
    </row>
    <row r="5020" spans="1:16" x14ac:dyDescent="0.2">
      <c r="A5020" s="1" t="s">
        <v>10</v>
      </c>
      <c r="B5020" s="1" t="s">
        <v>10</v>
      </c>
      <c r="C5020" s="1" t="s">
        <v>17471</v>
      </c>
      <c r="D5020" s="1" t="s">
        <v>17472</v>
      </c>
      <c r="E5020" s="1" t="s">
        <v>17473</v>
      </c>
      <c r="F5020" s="1" t="s">
        <v>10</v>
      </c>
      <c r="G5020" s="1" t="s">
        <v>10</v>
      </c>
      <c r="H5020" s="1" t="s">
        <v>10</v>
      </c>
      <c r="I5020" s="1" t="s">
        <v>17172</v>
      </c>
      <c r="J5020" s="1" t="s">
        <v>17454</v>
      </c>
      <c r="K5020" s="1" t="s">
        <v>10</v>
      </c>
      <c r="L5020" s="1" t="s">
        <v>17470</v>
      </c>
      <c r="M5020" s="1" t="s">
        <v>5</v>
      </c>
      <c r="N5020" s="1" t="s">
        <v>10</v>
      </c>
      <c r="O5020" s="1" t="s">
        <v>38</v>
      </c>
      <c r="P5020" s="5" t="s">
        <v>10</v>
      </c>
    </row>
    <row r="5021" spans="1:16" x14ac:dyDescent="0.2">
      <c r="A5021" s="1" t="s">
        <v>10</v>
      </c>
      <c r="B5021" s="1" t="s">
        <v>10</v>
      </c>
      <c r="C5021" s="1" t="s">
        <v>17475</v>
      </c>
      <c r="D5021" s="1" t="s">
        <v>17476</v>
      </c>
      <c r="E5021" s="1" t="s">
        <v>17477</v>
      </c>
      <c r="F5021" s="1" t="s">
        <v>10</v>
      </c>
      <c r="G5021" s="1" t="s">
        <v>10</v>
      </c>
      <c r="H5021" s="1" t="s">
        <v>10</v>
      </c>
      <c r="I5021" s="1" t="s">
        <v>17172</v>
      </c>
      <c r="J5021" s="1" t="s">
        <v>17454</v>
      </c>
      <c r="K5021" s="1" t="s">
        <v>10</v>
      </c>
      <c r="L5021" s="1" t="s">
        <v>17474</v>
      </c>
      <c r="M5021" s="1" t="s">
        <v>5</v>
      </c>
      <c r="N5021" s="1" t="s">
        <v>10</v>
      </c>
      <c r="O5021" s="1" t="s">
        <v>38</v>
      </c>
      <c r="P5021" s="5" t="s">
        <v>10</v>
      </c>
    </row>
    <row r="5022" spans="1:16" x14ac:dyDescent="0.2">
      <c r="A5022" s="1" t="s">
        <v>10</v>
      </c>
      <c r="B5022" s="1" t="s">
        <v>10</v>
      </c>
      <c r="C5022" s="1" t="s">
        <v>17479</v>
      </c>
      <c r="D5022" s="1" t="s">
        <v>10</v>
      </c>
      <c r="E5022" s="1" t="s">
        <v>17480</v>
      </c>
      <c r="F5022" s="1" t="s">
        <v>10</v>
      </c>
      <c r="G5022" s="1" t="s">
        <v>10</v>
      </c>
      <c r="H5022" s="1" t="s">
        <v>10</v>
      </c>
      <c r="I5022" s="1" t="s">
        <v>17172</v>
      </c>
      <c r="J5022" s="1" t="s">
        <v>17454</v>
      </c>
      <c r="K5022" s="1" t="s">
        <v>10</v>
      </c>
      <c r="L5022" s="1" t="s">
        <v>17478</v>
      </c>
      <c r="M5022" s="1" t="s">
        <v>5</v>
      </c>
      <c r="N5022" s="1" t="s">
        <v>10</v>
      </c>
      <c r="O5022" s="1" t="s">
        <v>8</v>
      </c>
      <c r="P5022" s="5" t="s">
        <v>30513</v>
      </c>
    </row>
    <row r="5023" spans="1:16" x14ac:dyDescent="0.2">
      <c r="A5023" s="1" t="s">
        <v>10</v>
      </c>
      <c r="B5023" s="1" t="s">
        <v>10</v>
      </c>
      <c r="C5023" s="1" t="s">
        <v>17482</v>
      </c>
      <c r="D5023" s="1" t="s">
        <v>10</v>
      </c>
      <c r="E5023" s="1" t="s">
        <v>17483</v>
      </c>
      <c r="F5023" s="1" t="s">
        <v>10</v>
      </c>
      <c r="G5023" s="1" t="s">
        <v>10</v>
      </c>
      <c r="H5023" s="1" t="s">
        <v>10</v>
      </c>
      <c r="I5023" s="1" t="s">
        <v>17172</v>
      </c>
      <c r="J5023" s="1" t="s">
        <v>17454</v>
      </c>
      <c r="K5023" s="1" t="s">
        <v>10</v>
      </c>
      <c r="L5023" s="1" t="s">
        <v>17481</v>
      </c>
      <c r="M5023" s="1" t="s">
        <v>5</v>
      </c>
      <c r="N5023" s="1" t="s">
        <v>10</v>
      </c>
      <c r="O5023" s="1" t="s">
        <v>8</v>
      </c>
      <c r="P5023" s="5" t="s">
        <v>30513</v>
      </c>
    </row>
    <row r="5024" spans="1:16" x14ac:dyDescent="0.2">
      <c r="A5024" s="1" t="s">
        <v>10</v>
      </c>
      <c r="B5024" s="1" t="s">
        <v>10</v>
      </c>
      <c r="C5024" s="1" t="s">
        <v>17485</v>
      </c>
      <c r="D5024" s="1" t="s">
        <v>17485</v>
      </c>
      <c r="E5024" s="1" t="s">
        <v>17486</v>
      </c>
      <c r="F5024" s="1" t="s">
        <v>10</v>
      </c>
      <c r="G5024" s="1" t="s">
        <v>10</v>
      </c>
      <c r="H5024" s="1" t="s">
        <v>10</v>
      </c>
      <c r="I5024" s="1" t="s">
        <v>17172</v>
      </c>
      <c r="J5024" s="1" t="s">
        <v>17343</v>
      </c>
      <c r="K5024" s="1" t="s">
        <v>586</v>
      </c>
      <c r="L5024" s="1" t="s">
        <v>17484</v>
      </c>
      <c r="M5024" s="1" t="s">
        <v>5</v>
      </c>
      <c r="N5024" s="1" t="s">
        <v>10</v>
      </c>
      <c r="O5024" s="1" t="s">
        <v>38</v>
      </c>
      <c r="P5024" s="5" t="s">
        <v>10</v>
      </c>
    </row>
    <row r="5025" spans="1:16" x14ac:dyDescent="0.2">
      <c r="A5025" s="1" t="s">
        <v>10</v>
      </c>
      <c r="B5025" s="1" t="s">
        <v>10</v>
      </c>
      <c r="C5025" s="1" t="s">
        <v>17488</v>
      </c>
      <c r="D5025" s="1" t="s">
        <v>17488</v>
      </c>
      <c r="E5025" s="1" t="s">
        <v>17489</v>
      </c>
      <c r="F5025" s="1" t="s">
        <v>10</v>
      </c>
      <c r="G5025" s="1" t="s">
        <v>10</v>
      </c>
      <c r="H5025" s="1" t="s">
        <v>10</v>
      </c>
      <c r="I5025" s="1" t="s">
        <v>17172</v>
      </c>
      <c r="J5025" s="1" t="s">
        <v>17214</v>
      </c>
      <c r="K5025" s="1" t="s">
        <v>47</v>
      </c>
      <c r="L5025" s="1" t="s">
        <v>17487</v>
      </c>
      <c r="M5025" s="1" t="s">
        <v>5</v>
      </c>
      <c r="N5025" s="1" t="s">
        <v>10</v>
      </c>
      <c r="O5025" s="1" t="s">
        <v>38</v>
      </c>
      <c r="P5025" s="5" t="s">
        <v>10</v>
      </c>
    </row>
    <row r="5026" spans="1:16" x14ac:dyDescent="0.2">
      <c r="A5026" s="1" t="s">
        <v>10</v>
      </c>
      <c r="B5026" s="1" t="s">
        <v>10</v>
      </c>
      <c r="C5026" s="1" t="s">
        <v>17491</v>
      </c>
      <c r="D5026" s="1" t="s">
        <v>17492</v>
      </c>
      <c r="E5026" s="1" t="s">
        <v>17493</v>
      </c>
      <c r="F5026" s="1" t="s">
        <v>10</v>
      </c>
      <c r="G5026" s="1" t="s">
        <v>10</v>
      </c>
      <c r="H5026" s="1" t="s">
        <v>10</v>
      </c>
      <c r="I5026" s="1" t="s">
        <v>17172</v>
      </c>
      <c r="J5026" s="1" t="s">
        <v>17214</v>
      </c>
      <c r="K5026" s="1" t="s">
        <v>47</v>
      </c>
      <c r="L5026" s="1" t="s">
        <v>17490</v>
      </c>
      <c r="M5026" s="1" t="s">
        <v>5</v>
      </c>
      <c r="N5026" s="1" t="s">
        <v>10</v>
      </c>
      <c r="O5026" s="1" t="s">
        <v>38</v>
      </c>
      <c r="P5026" s="5" t="s">
        <v>10</v>
      </c>
    </row>
    <row r="5027" spans="1:16" x14ac:dyDescent="0.2">
      <c r="A5027" s="1" t="s">
        <v>10</v>
      </c>
      <c r="B5027" s="1" t="s">
        <v>10</v>
      </c>
      <c r="C5027" s="1" t="s">
        <v>17495</v>
      </c>
      <c r="D5027" s="1" t="s">
        <v>17496</v>
      </c>
      <c r="E5027" s="1" t="s">
        <v>17497</v>
      </c>
      <c r="F5027" s="1" t="s">
        <v>10</v>
      </c>
      <c r="G5027" s="1" t="s">
        <v>10</v>
      </c>
      <c r="H5027" s="1" t="s">
        <v>10</v>
      </c>
      <c r="I5027" s="1" t="s">
        <v>17172</v>
      </c>
      <c r="J5027" s="1" t="s">
        <v>17333</v>
      </c>
      <c r="K5027" s="1" t="s">
        <v>37</v>
      </c>
      <c r="L5027" s="1" t="s">
        <v>17494</v>
      </c>
      <c r="M5027" s="1" t="s">
        <v>5</v>
      </c>
      <c r="N5027" s="1" t="s">
        <v>10</v>
      </c>
      <c r="O5027" s="1" t="s">
        <v>38</v>
      </c>
      <c r="P5027" s="5" t="s">
        <v>10</v>
      </c>
    </row>
    <row r="5028" spans="1:16" x14ac:dyDescent="0.2">
      <c r="A5028" s="1" t="s">
        <v>10</v>
      </c>
      <c r="B5028" s="1" t="s">
        <v>10</v>
      </c>
      <c r="C5028" s="1" t="s">
        <v>17499</v>
      </c>
      <c r="D5028" s="1" t="s">
        <v>17500</v>
      </c>
      <c r="E5028" s="1" t="s">
        <v>17501</v>
      </c>
      <c r="F5028" s="1" t="s">
        <v>10</v>
      </c>
      <c r="G5028" s="1" t="s">
        <v>10</v>
      </c>
      <c r="H5028" s="1" t="s">
        <v>10</v>
      </c>
      <c r="I5028" s="1" t="s">
        <v>17172</v>
      </c>
      <c r="J5028" s="1" t="s">
        <v>17343</v>
      </c>
      <c r="K5028" s="1" t="s">
        <v>10</v>
      </c>
      <c r="L5028" s="1" t="s">
        <v>17498</v>
      </c>
      <c r="M5028" s="1" t="s">
        <v>5</v>
      </c>
      <c r="N5028" s="1" t="s">
        <v>10</v>
      </c>
      <c r="O5028" s="1" t="s">
        <v>8</v>
      </c>
      <c r="P5028" s="5" t="s">
        <v>30514</v>
      </c>
    </row>
    <row r="5029" spans="1:16" x14ac:dyDescent="0.2">
      <c r="A5029" s="1" t="s">
        <v>10</v>
      </c>
      <c r="B5029" s="1" t="s">
        <v>10</v>
      </c>
      <c r="C5029" s="1" t="s">
        <v>17503</v>
      </c>
      <c r="D5029" s="1" t="s">
        <v>17503</v>
      </c>
      <c r="E5029" s="1" t="s">
        <v>17504</v>
      </c>
      <c r="F5029" s="1" t="s">
        <v>10</v>
      </c>
      <c r="G5029" s="1" t="s">
        <v>10</v>
      </c>
      <c r="H5029" s="1" t="s">
        <v>10</v>
      </c>
      <c r="I5029" s="1" t="s">
        <v>17172</v>
      </c>
      <c r="J5029" s="1" t="s">
        <v>17251</v>
      </c>
      <c r="K5029" s="1" t="s">
        <v>64</v>
      </c>
      <c r="L5029" s="1" t="s">
        <v>17502</v>
      </c>
      <c r="M5029" s="1" t="s">
        <v>5</v>
      </c>
      <c r="N5029" s="1" t="s">
        <v>10</v>
      </c>
      <c r="O5029" s="1" t="s">
        <v>8</v>
      </c>
      <c r="P5029" s="5" t="s">
        <v>30515</v>
      </c>
    </row>
    <row r="5030" spans="1:16" x14ac:dyDescent="0.2">
      <c r="A5030" s="1" t="s">
        <v>10</v>
      </c>
      <c r="B5030" s="1" t="s">
        <v>10</v>
      </c>
      <c r="C5030" s="1" t="s">
        <v>17506</v>
      </c>
      <c r="D5030" s="1" t="s">
        <v>17507</v>
      </c>
      <c r="E5030" s="1" t="s">
        <v>17508</v>
      </c>
      <c r="F5030" s="1" t="s">
        <v>10</v>
      </c>
      <c r="G5030" s="1" t="s">
        <v>10</v>
      </c>
      <c r="H5030" s="1" t="s">
        <v>10</v>
      </c>
      <c r="I5030" s="1" t="s">
        <v>17172</v>
      </c>
      <c r="J5030" s="1" t="s">
        <v>17229</v>
      </c>
      <c r="K5030" s="1" t="s">
        <v>10</v>
      </c>
      <c r="L5030" s="1" t="s">
        <v>17505</v>
      </c>
      <c r="M5030" s="1" t="s">
        <v>5</v>
      </c>
      <c r="N5030" s="1" t="s">
        <v>10</v>
      </c>
      <c r="O5030" s="1" t="s">
        <v>38</v>
      </c>
      <c r="P5030" s="5" t="s">
        <v>10</v>
      </c>
    </row>
    <row r="5031" spans="1:16" x14ac:dyDescent="0.2">
      <c r="A5031" s="1" t="s">
        <v>10</v>
      </c>
      <c r="B5031" s="1" t="s">
        <v>10</v>
      </c>
      <c r="C5031" s="1" t="s">
        <v>17510</v>
      </c>
      <c r="D5031" s="1" t="s">
        <v>10</v>
      </c>
      <c r="E5031" s="1" t="s">
        <v>17511</v>
      </c>
      <c r="F5031" s="1" t="s">
        <v>10</v>
      </c>
      <c r="G5031" s="1" t="s">
        <v>10</v>
      </c>
      <c r="H5031" s="1" t="s">
        <v>10</v>
      </c>
      <c r="I5031" s="1" t="s">
        <v>17172</v>
      </c>
      <c r="J5031" s="1" t="s">
        <v>17329</v>
      </c>
      <c r="K5031" s="1" t="s">
        <v>10</v>
      </c>
      <c r="L5031" s="1" t="s">
        <v>17509</v>
      </c>
      <c r="M5031" s="1" t="s">
        <v>5</v>
      </c>
      <c r="N5031" s="1" t="s">
        <v>10</v>
      </c>
      <c r="O5031" s="1" t="s">
        <v>38</v>
      </c>
      <c r="P5031" s="5" t="s">
        <v>10</v>
      </c>
    </row>
    <row r="5032" spans="1:16" x14ac:dyDescent="0.2">
      <c r="A5032" s="1" t="s">
        <v>10</v>
      </c>
      <c r="B5032" s="1" t="s">
        <v>10</v>
      </c>
      <c r="C5032" s="1" t="s">
        <v>17513</v>
      </c>
      <c r="D5032" s="1" t="s">
        <v>10</v>
      </c>
      <c r="E5032" s="1" t="s">
        <v>17514</v>
      </c>
      <c r="F5032" s="1" t="s">
        <v>10</v>
      </c>
      <c r="G5032" s="1" t="s">
        <v>10</v>
      </c>
      <c r="H5032" s="1" t="s">
        <v>10</v>
      </c>
      <c r="I5032" s="1" t="s">
        <v>17172</v>
      </c>
      <c r="J5032" s="1" t="s">
        <v>17329</v>
      </c>
      <c r="K5032" s="1" t="s">
        <v>10</v>
      </c>
      <c r="L5032" s="1" t="s">
        <v>17512</v>
      </c>
      <c r="M5032" s="1" t="s">
        <v>5</v>
      </c>
      <c r="N5032" s="1" t="s">
        <v>10</v>
      </c>
      <c r="O5032" s="1" t="s">
        <v>38</v>
      </c>
      <c r="P5032" s="5" t="s">
        <v>10</v>
      </c>
    </row>
    <row r="5033" spans="1:16" x14ac:dyDescent="0.2">
      <c r="A5033" s="1" t="s">
        <v>10</v>
      </c>
      <c r="B5033" s="1" t="s">
        <v>10</v>
      </c>
      <c r="C5033" s="1" t="s">
        <v>17516</v>
      </c>
      <c r="D5033" s="1" t="s">
        <v>10</v>
      </c>
      <c r="E5033" s="1" t="s">
        <v>17517</v>
      </c>
      <c r="F5033" s="1" t="s">
        <v>10</v>
      </c>
      <c r="G5033" s="1" t="s">
        <v>10</v>
      </c>
      <c r="H5033" s="1" t="s">
        <v>10</v>
      </c>
      <c r="I5033" s="1" t="s">
        <v>17172</v>
      </c>
      <c r="J5033" s="1" t="s">
        <v>17329</v>
      </c>
      <c r="K5033" s="1" t="s">
        <v>10</v>
      </c>
      <c r="L5033" s="1" t="s">
        <v>17515</v>
      </c>
      <c r="M5033" s="1" t="s">
        <v>5</v>
      </c>
      <c r="N5033" s="1" t="s">
        <v>10</v>
      </c>
      <c r="O5033" s="1" t="s">
        <v>38</v>
      </c>
      <c r="P5033" s="5" t="s">
        <v>10</v>
      </c>
    </row>
    <row r="5034" spans="1:16" x14ac:dyDescent="0.2">
      <c r="A5034" s="1" t="s">
        <v>10</v>
      </c>
      <c r="B5034" s="1" t="s">
        <v>10</v>
      </c>
      <c r="C5034" s="1" t="s">
        <v>17519</v>
      </c>
      <c r="D5034" s="1" t="s">
        <v>10</v>
      </c>
      <c r="E5034" s="1" t="s">
        <v>17521</v>
      </c>
      <c r="F5034" s="1" t="s">
        <v>10</v>
      </c>
      <c r="G5034" s="1" t="s">
        <v>10</v>
      </c>
      <c r="H5034" s="1" t="s">
        <v>10</v>
      </c>
      <c r="I5034" s="1" t="s">
        <v>17172</v>
      </c>
      <c r="J5034" s="1" t="s">
        <v>17520</v>
      </c>
      <c r="K5034" s="1" t="s">
        <v>64</v>
      </c>
      <c r="L5034" s="1" t="s">
        <v>17518</v>
      </c>
      <c r="M5034" s="1" t="s">
        <v>5</v>
      </c>
      <c r="N5034" s="1" t="s">
        <v>10</v>
      </c>
      <c r="O5034" s="1" t="s">
        <v>38</v>
      </c>
      <c r="P5034" s="5" t="s">
        <v>30516</v>
      </c>
    </row>
    <row r="5035" spans="1:16" x14ac:dyDescent="0.2">
      <c r="A5035" s="1" t="s">
        <v>10</v>
      </c>
      <c r="B5035" s="1" t="s">
        <v>10</v>
      </c>
      <c r="C5035" s="1" t="s">
        <v>17523</v>
      </c>
      <c r="D5035" s="1" t="s">
        <v>17524</v>
      </c>
      <c r="E5035" s="1" t="s">
        <v>17525</v>
      </c>
      <c r="F5035" s="1" t="s">
        <v>10</v>
      </c>
      <c r="G5035" s="1" t="s">
        <v>10</v>
      </c>
      <c r="H5035" s="1" t="s">
        <v>10</v>
      </c>
      <c r="I5035" s="1" t="s">
        <v>17172</v>
      </c>
      <c r="J5035" s="1" t="s">
        <v>17329</v>
      </c>
      <c r="K5035" s="1" t="s">
        <v>10</v>
      </c>
      <c r="L5035" s="1" t="s">
        <v>17522</v>
      </c>
      <c r="M5035" s="1" t="s">
        <v>5</v>
      </c>
      <c r="N5035" s="1" t="s">
        <v>10</v>
      </c>
      <c r="O5035" s="1" t="s">
        <v>38</v>
      </c>
      <c r="P5035" s="5" t="s">
        <v>30517</v>
      </c>
    </row>
    <row r="5036" spans="1:16" x14ac:dyDescent="0.2">
      <c r="A5036" s="1" t="s">
        <v>10</v>
      </c>
      <c r="B5036" s="1" t="s">
        <v>10</v>
      </c>
      <c r="C5036" s="1" t="s">
        <v>17527</v>
      </c>
      <c r="D5036" s="1" t="s">
        <v>17528</v>
      </c>
      <c r="E5036" s="1" t="s">
        <v>17529</v>
      </c>
      <c r="F5036" s="1" t="s">
        <v>10</v>
      </c>
      <c r="G5036" s="1" t="s">
        <v>10</v>
      </c>
      <c r="H5036" s="1" t="s">
        <v>10</v>
      </c>
      <c r="I5036" s="1" t="s">
        <v>17172</v>
      </c>
      <c r="J5036" s="1" t="s">
        <v>17520</v>
      </c>
      <c r="K5036" s="1" t="s">
        <v>64</v>
      </c>
      <c r="L5036" s="1" t="s">
        <v>17526</v>
      </c>
      <c r="M5036" s="1" t="s">
        <v>5</v>
      </c>
      <c r="N5036" s="1" t="s">
        <v>10</v>
      </c>
      <c r="O5036" s="1" t="s">
        <v>38</v>
      </c>
      <c r="P5036" s="5" t="s">
        <v>30518</v>
      </c>
    </row>
    <row r="5037" spans="1:16" x14ac:dyDescent="0.2">
      <c r="A5037" s="1" t="s">
        <v>10</v>
      </c>
      <c r="B5037" s="1" t="s">
        <v>10</v>
      </c>
      <c r="C5037" s="1" t="s">
        <v>17531</v>
      </c>
      <c r="D5037" s="1" t="s">
        <v>10</v>
      </c>
      <c r="E5037" s="1" t="s">
        <v>17532</v>
      </c>
      <c r="F5037" s="1" t="s">
        <v>10</v>
      </c>
      <c r="G5037" s="1" t="s">
        <v>10</v>
      </c>
      <c r="H5037" s="1" t="s">
        <v>10</v>
      </c>
      <c r="I5037" s="1" t="s">
        <v>17172</v>
      </c>
      <c r="J5037" s="1" t="s">
        <v>17520</v>
      </c>
      <c r="K5037" s="1" t="s">
        <v>64</v>
      </c>
      <c r="L5037" s="1" t="s">
        <v>17530</v>
      </c>
      <c r="M5037" s="1" t="s">
        <v>5</v>
      </c>
      <c r="N5037" s="1" t="s">
        <v>10</v>
      </c>
      <c r="O5037" s="1" t="s">
        <v>38</v>
      </c>
      <c r="P5037" s="5" t="s">
        <v>30519</v>
      </c>
    </row>
    <row r="5038" spans="1:16" x14ac:dyDescent="0.2">
      <c r="A5038" s="1" t="s">
        <v>10</v>
      </c>
      <c r="B5038" s="1" t="s">
        <v>10</v>
      </c>
      <c r="C5038" s="1" t="s">
        <v>17534</v>
      </c>
      <c r="D5038" s="1" t="s">
        <v>10</v>
      </c>
      <c r="E5038" s="1" t="s">
        <v>17535</v>
      </c>
      <c r="F5038" s="1" t="s">
        <v>10</v>
      </c>
      <c r="G5038" s="1" t="s">
        <v>10</v>
      </c>
      <c r="H5038" s="1" t="s">
        <v>10</v>
      </c>
      <c r="I5038" s="1" t="s">
        <v>17172</v>
      </c>
      <c r="J5038" s="1" t="s">
        <v>17176</v>
      </c>
      <c r="K5038" s="1" t="s">
        <v>10</v>
      </c>
      <c r="L5038" s="1" t="s">
        <v>17533</v>
      </c>
      <c r="M5038" s="1" t="s">
        <v>5</v>
      </c>
      <c r="N5038" s="1" t="s">
        <v>10</v>
      </c>
      <c r="O5038" s="1" t="s">
        <v>38</v>
      </c>
      <c r="P5038" s="5" t="s">
        <v>30520</v>
      </c>
    </row>
    <row r="5039" spans="1:16" x14ac:dyDescent="0.2">
      <c r="A5039" s="1" t="s">
        <v>10</v>
      </c>
      <c r="B5039" s="1" t="s">
        <v>10</v>
      </c>
      <c r="C5039" s="1" t="s">
        <v>17537</v>
      </c>
      <c r="D5039" s="1" t="s">
        <v>17538</v>
      </c>
      <c r="E5039" s="1" t="s">
        <v>17539</v>
      </c>
      <c r="F5039" s="1" t="s">
        <v>10</v>
      </c>
      <c r="G5039" s="1" t="s">
        <v>10</v>
      </c>
      <c r="H5039" s="1" t="s">
        <v>10</v>
      </c>
      <c r="I5039" s="1" t="s">
        <v>17172</v>
      </c>
      <c r="J5039" s="1" t="s">
        <v>17454</v>
      </c>
      <c r="K5039" s="1" t="s">
        <v>64</v>
      </c>
      <c r="L5039" s="1" t="s">
        <v>17536</v>
      </c>
      <c r="M5039" s="1" t="s">
        <v>5</v>
      </c>
      <c r="N5039" s="1" t="s">
        <v>10</v>
      </c>
      <c r="O5039" s="1" t="s">
        <v>38</v>
      </c>
      <c r="P5039" s="5" t="s">
        <v>30520</v>
      </c>
    </row>
    <row r="5040" spans="1:16" x14ac:dyDescent="0.2">
      <c r="A5040" s="1" t="s">
        <v>10</v>
      </c>
      <c r="B5040" s="1" t="s">
        <v>10</v>
      </c>
      <c r="C5040" s="1" t="s">
        <v>17541</v>
      </c>
      <c r="D5040" s="1" t="s">
        <v>10</v>
      </c>
      <c r="E5040" s="1" t="s">
        <v>17542</v>
      </c>
      <c r="F5040" s="1" t="s">
        <v>10</v>
      </c>
      <c r="G5040" s="1" t="s">
        <v>10</v>
      </c>
      <c r="H5040" s="1" t="s">
        <v>10</v>
      </c>
      <c r="I5040" s="1" t="s">
        <v>17172</v>
      </c>
      <c r="J5040" s="1" t="s">
        <v>17251</v>
      </c>
      <c r="K5040" s="1" t="s">
        <v>64</v>
      </c>
      <c r="L5040" s="1" t="s">
        <v>17540</v>
      </c>
      <c r="M5040" s="1" t="s">
        <v>5</v>
      </c>
      <c r="N5040" s="1" t="s">
        <v>10</v>
      </c>
      <c r="O5040" s="1" t="s">
        <v>38</v>
      </c>
      <c r="P5040" s="5" t="s">
        <v>30520</v>
      </c>
    </row>
    <row r="5041" spans="1:16" x14ac:dyDescent="0.2">
      <c r="A5041" s="1" t="s">
        <v>10</v>
      </c>
      <c r="B5041" s="1" t="s">
        <v>10</v>
      </c>
      <c r="C5041" s="1" t="s">
        <v>17544</v>
      </c>
      <c r="D5041" s="1" t="s">
        <v>10</v>
      </c>
      <c r="E5041" s="1" t="s">
        <v>17545</v>
      </c>
      <c r="F5041" s="1" t="s">
        <v>10</v>
      </c>
      <c r="G5041" s="1" t="s">
        <v>10</v>
      </c>
      <c r="H5041" s="1" t="s">
        <v>10</v>
      </c>
      <c r="I5041" s="1" t="s">
        <v>17172</v>
      </c>
      <c r="J5041" s="1" t="s">
        <v>17251</v>
      </c>
      <c r="K5041" s="1" t="s">
        <v>7</v>
      </c>
      <c r="L5041" s="1" t="s">
        <v>17543</v>
      </c>
      <c r="M5041" s="1" t="s">
        <v>5</v>
      </c>
      <c r="N5041" s="1" t="s">
        <v>10</v>
      </c>
      <c r="O5041" s="1" t="s">
        <v>38</v>
      </c>
      <c r="P5041" s="5" t="s">
        <v>30520</v>
      </c>
    </row>
    <row r="5042" spans="1:16" x14ac:dyDescent="0.2">
      <c r="A5042" s="1" t="s">
        <v>10</v>
      </c>
      <c r="B5042" s="1" t="s">
        <v>10</v>
      </c>
      <c r="C5042" s="1" t="s">
        <v>17547</v>
      </c>
      <c r="D5042" s="1" t="s">
        <v>10</v>
      </c>
      <c r="E5042" s="1" t="s">
        <v>17548</v>
      </c>
      <c r="F5042" s="1" t="s">
        <v>10</v>
      </c>
      <c r="G5042" s="1" t="s">
        <v>10</v>
      </c>
      <c r="H5042" s="1" t="s">
        <v>10</v>
      </c>
      <c r="I5042" s="1" t="s">
        <v>17172</v>
      </c>
      <c r="J5042" s="1" t="s">
        <v>17251</v>
      </c>
      <c r="K5042" s="1" t="s">
        <v>7</v>
      </c>
      <c r="L5042" s="1" t="s">
        <v>17546</v>
      </c>
      <c r="M5042" s="1" t="s">
        <v>5</v>
      </c>
      <c r="N5042" s="1" t="s">
        <v>10</v>
      </c>
      <c r="O5042" s="1" t="s">
        <v>38</v>
      </c>
      <c r="P5042" s="5" t="s">
        <v>30520</v>
      </c>
    </row>
    <row r="5043" spans="1:16" x14ac:dyDescent="0.2">
      <c r="A5043" s="1" t="s">
        <v>329</v>
      </c>
      <c r="B5043" s="1" t="s">
        <v>1168</v>
      </c>
      <c r="C5043" s="1" t="s">
        <v>17550</v>
      </c>
      <c r="D5043" s="1" t="s">
        <v>10</v>
      </c>
      <c r="E5043" s="1" t="s">
        <v>17551</v>
      </c>
      <c r="F5043" s="1" t="s">
        <v>10</v>
      </c>
      <c r="G5043" s="1" t="s">
        <v>10</v>
      </c>
      <c r="H5043" s="1" t="s">
        <v>10</v>
      </c>
      <c r="I5043" s="1" t="s">
        <v>17172</v>
      </c>
      <c r="J5043" s="1" t="s">
        <v>17176</v>
      </c>
      <c r="K5043" s="1" t="s">
        <v>37</v>
      </c>
      <c r="L5043" s="1" t="s">
        <v>17549</v>
      </c>
      <c r="M5043" s="1" t="s">
        <v>5</v>
      </c>
      <c r="N5043" s="1" t="s">
        <v>10</v>
      </c>
      <c r="O5043" s="1" t="s">
        <v>38</v>
      </c>
      <c r="P5043" s="5" t="s">
        <v>14</v>
      </c>
    </row>
    <row r="5044" spans="1:16" x14ac:dyDescent="0.2">
      <c r="A5044" s="1" t="s">
        <v>66</v>
      </c>
      <c r="B5044" s="1" t="s">
        <v>67</v>
      </c>
      <c r="C5044" s="1" t="s">
        <v>17553</v>
      </c>
      <c r="D5044" s="1" t="s">
        <v>17554</v>
      </c>
      <c r="E5044" s="1" t="s">
        <v>17555</v>
      </c>
      <c r="F5044" s="1" t="s">
        <v>10</v>
      </c>
      <c r="G5044" s="1" t="s">
        <v>10</v>
      </c>
      <c r="H5044" s="1" t="s">
        <v>10</v>
      </c>
      <c r="I5044" s="1" t="s">
        <v>17172</v>
      </c>
      <c r="J5044" s="1" t="s">
        <v>17224</v>
      </c>
      <c r="K5044" s="1" t="s">
        <v>113</v>
      </c>
      <c r="L5044" s="1" t="s">
        <v>17552</v>
      </c>
      <c r="M5044" s="1" t="s">
        <v>5</v>
      </c>
      <c r="N5044" s="1" t="s">
        <v>6</v>
      </c>
      <c r="O5044" s="1" t="s">
        <v>38</v>
      </c>
      <c r="P5044" s="5" t="s">
        <v>31846</v>
      </c>
    </row>
    <row r="5045" spans="1:16" x14ac:dyDescent="0.2">
      <c r="A5045" s="1" t="s">
        <v>1385</v>
      </c>
      <c r="B5045" s="1" t="s">
        <v>1687</v>
      </c>
      <c r="C5045" s="1" t="s">
        <v>17557</v>
      </c>
      <c r="D5045" s="1" t="s">
        <v>9258</v>
      </c>
      <c r="E5045" s="1" t="s">
        <v>10</v>
      </c>
      <c r="F5045" s="1" t="s">
        <v>10</v>
      </c>
      <c r="G5045" s="1" t="s">
        <v>10</v>
      </c>
      <c r="H5045" s="1" t="s">
        <v>10</v>
      </c>
      <c r="I5045" s="1" t="s">
        <v>17172</v>
      </c>
      <c r="J5045" s="1" t="s">
        <v>17176</v>
      </c>
      <c r="K5045" s="1" t="s">
        <v>37</v>
      </c>
      <c r="L5045" s="1" t="s">
        <v>17556</v>
      </c>
      <c r="M5045" s="1" t="s">
        <v>5</v>
      </c>
      <c r="N5045" s="1" t="s">
        <v>10</v>
      </c>
      <c r="O5045" s="1" t="s">
        <v>38</v>
      </c>
      <c r="P5045" s="5" t="s">
        <v>14</v>
      </c>
    </row>
    <row r="5046" spans="1:16" x14ac:dyDescent="0.2">
      <c r="A5046" s="1" t="s">
        <v>1385</v>
      </c>
      <c r="B5046" s="1" t="s">
        <v>1687</v>
      </c>
      <c r="C5046" s="1" t="s">
        <v>17559</v>
      </c>
      <c r="D5046" s="1" t="s">
        <v>3862</v>
      </c>
      <c r="E5046" s="1" t="s">
        <v>7427</v>
      </c>
      <c r="F5046" s="1" t="s">
        <v>27</v>
      </c>
      <c r="G5046" s="1" t="s">
        <v>10</v>
      </c>
      <c r="H5046" s="1" t="s">
        <v>16013</v>
      </c>
      <c r="I5046" s="1" t="s">
        <v>17172</v>
      </c>
      <c r="J5046" s="1" t="s">
        <v>17176</v>
      </c>
      <c r="K5046" s="1" t="s">
        <v>37</v>
      </c>
      <c r="L5046" s="1" t="s">
        <v>17558</v>
      </c>
      <c r="M5046" s="1" t="s">
        <v>5</v>
      </c>
      <c r="N5046" s="1" t="s">
        <v>10</v>
      </c>
      <c r="O5046" s="1" t="s">
        <v>8</v>
      </c>
      <c r="P5046" s="5" t="s">
        <v>14</v>
      </c>
    </row>
    <row r="5047" spans="1:16" x14ac:dyDescent="0.2">
      <c r="A5047" s="1" t="s">
        <v>10</v>
      </c>
      <c r="B5047" s="1" t="s">
        <v>10</v>
      </c>
      <c r="C5047" s="1" t="s">
        <v>17561</v>
      </c>
      <c r="D5047" s="1" t="s">
        <v>17562</v>
      </c>
      <c r="E5047" s="1" t="s">
        <v>17563</v>
      </c>
      <c r="F5047" s="1" t="s">
        <v>10</v>
      </c>
      <c r="G5047" s="1" t="s">
        <v>10</v>
      </c>
      <c r="H5047" s="1" t="s">
        <v>10</v>
      </c>
      <c r="I5047" s="1" t="s">
        <v>17172</v>
      </c>
      <c r="J5047" s="1" t="s">
        <v>17229</v>
      </c>
      <c r="K5047" s="1" t="s">
        <v>47</v>
      </c>
      <c r="L5047" s="1" t="s">
        <v>17560</v>
      </c>
      <c r="M5047" s="1" t="s">
        <v>5</v>
      </c>
      <c r="N5047" s="1" t="s">
        <v>10</v>
      </c>
      <c r="O5047" s="1" t="s">
        <v>38</v>
      </c>
      <c r="P5047" s="5" t="s">
        <v>31847</v>
      </c>
    </row>
    <row r="5048" spans="1:16" x14ac:dyDescent="0.2">
      <c r="A5048" s="1" t="s">
        <v>10</v>
      </c>
      <c r="B5048" s="1" t="s">
        <v>10</v>
      </c>
      <c r="C5048" s="1" t="s">
        <v>17565</v>
      </c>
      <c r="D5048" s="1" t="s">
        <v>17566</v>
      </c>
      <c r="E5048" s="1" t="s">
        <v>17567</v>
      </c>
      <c r="F5048" s="1" t="s">
        <v>10</v>
      </c>
      <c r="G5048" s="1" t="s">
        <v>10</v>
      </c>
      <c r="H5048" s="1" t="s">
        <v>10</v>
      </c>
      <c r="I5048" s="1" t="s">
        <v>17172</v>
      </c>
      <c r="J5048" s="1" t="s">
        <v>17176</v>
      </c>
      <c r="K5048" s="1" t="s">
        <v>37</v>
      </c>
      <c r="L5048" s="1" t="s">
        <v>17564</v>
      </c>
      <c r="M5048" s="1" t="s">
        <v>5</v>
      </c>
      <c r="N5048" s="1" t="s">
        <v>10</v>
      </c>
      <c r="O5048" s="1" t="s">
        <v>8</v>
      </c>
      <c r="P5048" s="5" t="s">
        <v>10</v>
      </c>
    </row>
    <row r="5049" spans="1:16" x14ac:dyDescent="0.2">
      <c r="A5049" s="1" t="s">
        <v>10</v>
      </c>
      <c r="B5049" s="1" t="s">
        <v>10</v>
      </c>
      <c r="C5049" s="1" t="s">
        <v>17569</v>
      </c>
      <c r="D5049" s="1" t="s">
        <v>17570</v>
      </c>
      <c r="E5049" s="1" t="s">
        <v>17571</v>
      </c>
      <c r="F5049" s="1" t="s">
        <v>10</v>
      </c>
      <c r="G5049" s="1" t="s">
        <v>10</v>
      </c>
      <c r="H5049" s="1" t="s">
        <v>10</v>
      </c>
      <c r="I5049" s="1" t="s">
        <v>17172</v>
      </c>
      <c r="J5049" s="1" t="s">
        <v>17251</v>
      </c>
      <c r="K5049" s="1" t="s">
        <v>47</v>
      </c>
      <c r="L5049" s="1" t="s">
        <v>17568</v>
      </c>
      <c r="M5049" s="1" t="s">
        <v>5</v>
      </c>
      <c r="N5049" s="1" t="s">
        <v>10</v>
      </c>
      <c r="O5049" s="1" t="s">
        <v>38</v>
      </c>
      <c r="P5049" s="5" t="s">
        <v>10</v>
      </c>
    </row>
    <row r="5050" spans="1:16" x14ac:dyDescent="0.2">
      <c r="A5050" s="1" t="s">
        <v>10</v>
      </c>
      <c r="B5050" s="1" t="s">
        <v>10</v>
      </c>
      <c r="C5050" s="1" t="s">
        <v>17573</v>
      </c>
      <c r="D5050" s="1" t="s">
        <v>17574</v>
      </c>
      <c r="E5050" s="1" t="s">
        <v>17575</v>
      </c>
      <c r="F5050" s="1" t="s">
        <v>10</v>
      </c>
      <c r="G5050" s="1" t="s">
        <v>10</v>
      </c>
      <c r="H5050" s="1" t="s">
        <v>10</v>
      </c>
      <c r="I5050" s="1" t="s">
        <v>17172</v>
      </c>
      <c r="J5050" s="1" t="s">
        <v>17176</v>
      </c>
      <c r="K5050" s="1" t="s">
        <v>47</v>
      </c>
      <c r="L5050" s="1" t="s">
        <v>17572</v>
      </c>
      <c r="M5050" s="1" t="s">
        <v>5</v>
      </c>
      <c r="N5050" s="1" t="s">
        <v>10</v>
      </c>
      <c r="O5050" s="1" t="s">
        <v>38</v>
      </c>
      <c r="P5050" s="5" t="s">
        <v>10</v>
      </c>
    </row>
    <row r="5051" spans="1:16" x14ac:dyDescent="0.2">
      <c r="A5051" s="1" t="s">
        <v>10</v>
      </c>
      <c r="B5051" s="1" t="s">
        <v>10</v>
      </c>
      <c r="C5051" s="1" t="s">
        <v>17577</v>
      </c>
      <c r="D5051" s="1" t="s">
        <v>10</v>
      </c>
      <c r="E5051" s="1" t="s">
        <v>10</v>
      </c>
      <c r="F5051" s="1" t="s">
        <v>10</v>
      </c>
      <c r="G5051" s="1" t="s">
        <v>10</v>
      </c>
      <c r="H5051" s="1" t="s">
        <v>10</v>
      </c>
      <c r="I5051" s="1" t="s">
        <v>17172</v>
      </c>
      <c r="J5051" s="1" t="s">
        <v>17176</v>
      </c>
      <c r="K5051" s="1" t="s">
        <v>113</v>
      </c>
      <c r="L5051" s="1" t="s">
        <v>17576</v>
      </c>
      <c r="M5051" s="1" t="s">
        <v>5</v>
      </c>
      <c r="N5051" s="1" t="s">
        <v>10</v>
      </c>
      <c r="O5051" s="1" t="s">
        <v>38</v>
      </c>
      <c r="P5051" s="5" t="s">
        <v>10</v>
      </c>
    </row>
    <row r="5052" spans="1:16" x14ac:dyDescent="0.2">
      <c r="A5052" s="1" t="s">
        <v>10</v>
      </c>
      <c r="B5052" s="1" t="s">
        <v>10</v>
      </c>
      <c r="C5052" s="1" t="s">
        <v>17580</v>
      </c>
      <c r="D5052" s="1" t="s">
        <v>17581</v>
      </c>
      <c r="E5052" s="1" t="s">
        <v>17582</v>
      </c>
      <c r="F5052" s="1" t="s">
        <v>10</v>
      </c>
      <c r="G5052" s="1" t="s">
        <v>10</v>
      </c>
      <c r="H5052" s="1" t="s">
        <v>10</v>
      </c>
      <c r="I5052" s="1" t="s">
        <v>17172</v>
      </c>
      <c r="J5052" s="1" t="s">
        <v>17176</v>
      </c>
      <c r="K5052" s="1" t="s">
        <v>47</v>
      </c>
      <c r="L5052" s="1" t="s">
        <v>17579</v>
      </c>
      <c r="M5052" s="1" t="s">
        <v>5</v>
      </c>
      <c r="N5052" s="1" t="s">
        <v>10</v>
      </c>
      <c r="O5052" s="1" t="s">
        <v>38</v>
      </c>
      <c r="P5052" s="5" t="s">
        <v>10</v>
      </c>
    </row>
    <row r="5053" spans="1:16" x14ac:dyDescent="0.2">
      <c r="A5053" s="1" t="s">
        <v>10</v>
      </c>
      <c r="B5053" s="1" t="s">
        <v>10</v>
      </c>
      <c r="C5053" s="1" t="s">
        <v>17584</v>
      </c>
      <c r="D5053" s="1" t="s">
        <v>17585</v>
      </c>
      <c r="E5053" s="1" t="s">
        <v>17586</v>
      </c>
      <c r="F5053" s="1" t="s">
        <v>10</v>
      </c>
      <c r="G5053" s="1" t="s">
        <v>10</v>
      </c>
      <c r="H5053" s="1" t="s">
        <v>10</v>
      </c>
      <c r="I5053" s="1" t="s">
        <v>17172</v>
      </c>
      <c r="J5053" s="1" t="s">
        <v>17343</v>
      </c>
      <c r="K5053" s="1" t="s">
        <v>10</v>
      </c>
      <c r="L5053" s="1" t="s">
        <v>17583</v>
      </c>
      <c r="M5053" s="1" t="s">
        <v>5</v>
      </c>
      <c r="N5053" s="1" t="s">
        <v>10</v>
      </c>
      <c r="O5053" s="1" t="s">
        <v>8</v>
      </c>
      <c r="P5053" s="5" t="s">
        <v>30521</v>
      </c>
    </row>
    <row r="5054" spans="1:16" x14ac:dyDescent="0.2">
      <c r="A5054" s="1" t="s">
        <v>66</v>
      </c>
      <c r="B5054" s="1" t="s">
        <v>67</v>
      </c>
      <c r="C5054" s="1" t="s">
        <v>17588</v>
      </c>
      <c r="D5054" s="1" t="s">
        <v>17589</v>
      </c>
      <c r="E5054" s="1" t="s">
        <v>17590</v>
      </c>
      <c r="F5054" s="1" t="s">
        <v>10</v>
      </c>
      <c r="G5054" s="1" t="s">
        <v>10</v>
      </c>
      <c r="H5054" s="1" t="s">
        <v>10</v>
      </c>
      <c r="I5054" s="1" t="s">
        <v>17172</v>
      </c>
      <c r="J5054" s="1" t="s">
        <v>17224</v>
      </c>
      <c r="K5054" s="1" t="s">
        <v>113</v>
      </c>
      <c r="L5054" s="1" t="s">
        <v>17587</v>
      </c>
      <c r="M5054" s="1" t="s">
        <v>5</v>
      </c>
      <c r="N5054" s="1" t="s">
        <v>6</v>
      </c>
      <c r="O5054" s="1" t="s">
        <v>38</v>
      </c>
      <c r="P5054" s="5" t="s">
        <v>31848</v>
      </c>
    </row>
    <row r="5055" spans="1:16" x14ac:dyDescent="0.2">
      <c r="A5055" s="1" t="s">
        <v>66</v>
      </c>
      <c r="B5055" s="1" t="s">
        <v>1117</v>
      </c>
      <c r="C5055" s="1" t="s">
        <v>17592</v>
      </c>
      <c r="D5055" s="1" t="s">
        <v>3247</v>
      </c>
      <c r="E5055" s="1" t="s">
        <v>17593</v>
      </c>
      <c r="F5055" s="1" t="s">
        <v>522</v>
      </c>
      <c r="G5055" s="1" t="s">
        <v>10</v>
      </c>
      <c r="H5055" s="1" t="s">
        <v>10</v>
      </c>
      <c r="I5055" s="1" t="s">
        <v>17172</v>
      </c>
      <c r="J5055" s="1" t="s">
        <v>17442</v>
      </c>
      <c r="K5055" s="1" t="s">
        <v>47</v>
      </c>
      <c r="L5055" s="1" t="s">
        <v>17591</v>
      </c>
      <c r="M5055" s="1" t="s">
        <v>5</v>
      </c>
      <c r="N5055" s="1" t="s">
        <v>10</v>
      </c>
      <c r="O5055" s="1" t="s">
        <v>8</v>
      </c>
      <c r="P5055" s="5" t="s">
        <v>29846</v>
      </c>
    </row>
    <row r="5056" spans="1:16" x14ac:dyDescent="0.2">
      <c r="A5056" s="1" t="s">
        <v>32</v>
      </c>
      <c r="B5056" s="1" t="s">
        <v>140</v>
      </c>
      <c r="C5056" s="1" t="s">
        <v>17595</v>
      </c>
      <c r="D5056" s="1" t="s">
        <v>17596</v>
      </c>
      <c r="E5056" s="1" t="s">
        <v>17597</v>
      </c>
      <c r="F5056" s="1" t="s">
        <v>27</v>
      </c>
      <c r="G5056" s="1" t="s">
        <v>10</v>
      </c>
      <c r="H5056" s="1" t="s">
        <v>17598</v>
      </c>
      <c r="I5056" s="1" t="s">
        <v>17172</v>
      </c>
      <c r="J5056" s="1" t="s">
        <v>17251</v>
      </c>
      <c r="K5056" s="1" t="s">
        <v>64</v>
      </c>
      <c r="L5056" s="1" t="s">
        <v>17594</v>
      </c>
      <c r="M5056" s="1" t="s">
        <v>5</v>
      </c>
      <c r="N5056" s="1" t="s">
        <v>10</v>
      </c>
      <c r="O5056" s="1" t="s">
        <v>8</v>
      </c>
      <c r="P5056" s="5" t="s">
        <v>10</v>
      </c>
    </row>
    <row r="5057" spans="1:16" ht="191.25" x14ac:dyDescent="0.2">
      <c r="A5057" s="1" t="s">
        <v>42</v>
      </c>
      <c r="B5057" s="1" t="s">
        <v>966</v>
      </c>
      <c r="C5057" s="1" t="s">
        <v>17600</v>
      </c>
      <c r="D5057" s="1" t="s">
        <v>17601</v>
      </c>
      <c r="E5057" s="1" t="s">
        <v>17603</v>
      </c>
      <c r="F5057" s="1" t="s">
        <v>10</v>
      </c>
      <c r="G5057" s="1" t="s">
        <v>10</v>
      </c>
      <c r="H5057" s="1" t="s">
        <v>10</v>
      </c>
      <c r="I5057" s="1" t="s">
        <v>17172</v>
      </c>
      <c r="J5057" s="1" t="s">
        <v>17333</v>
      </c>
      <c r="K5057" s="1" t="s">
        <v>17602</v>
      </c>
      <c r="L5057" s="1" t="s">
        <v>17599</v>
      </c>
      <c r="M5057" s="1" t="s">
        <v>5</v>
      </c>
      <c r="N5057" s="1" t="s">
        <v>10</v>
      </c>
      <c r="O5057" s="1" t="s">
        <v>38</v>
      </c>
      <c r="P5057" s="9" t="s">
        <v>31849</v>
      </c>
    </row>
    <row r="5058" spans="1:16" x14ac:dyDescent="0.2">
      <c r="A5058" s="1" t="s">
        <v>10</v>
      </c>
      <c r="B5058" s="1" t="s">
        <v>10</v>
      </c>
      <c r="C5058" s="1" t="s">
        <v>17605</v>
      </c>
      <c r="D5058" s="1" t="s">
        <v>10</v>
      </c>
      <c r="E5058" s="1"/>
      <c r="F5058" s="1" t="s">
        <v>10</v>
      </c>
      <c r="G5058" s="1" t="s">
        <v>10</v>
      </c>
      <c r="H5058" s="1" t="s">
        <v>10</v>
      </c>
      <c r="I5058" s="1" t="s">
        <v>17172</v>
      </c>
      <c r="J5058" s="1" t="s">
        <v>17176</v>
      </c>
      <c r="K5058" s="1" t="s">
        <v>47</v>
      </c>
      <c r="L5058" s="1" t="s">
        <v>17604</v>
      </c>
      <c r="M5058" s="1" t="s">
        <v>5</v>
      </c>
      <c r="N5058" s="1" t="s">
        <v>10</v>
      </c>
      <c r="O5058" s="1" t="s">
        <v>8</v>
      </c>
      <c r="P5058" s="5" t="s">
        <v>30522</v>
      </c>
    </row>
    <row r="5059" spans="1:16" x14ac:dyDescent="0.2">
      <c r="A5059" s="1" t="s">
        <v>10</v>
      </c>
      <c r="B5059" s="1" t="s">
        <v>10</v>
      </c>
      <c r="C5059" s="1" t="s">
        <v>17607</v>
      </c>
      <c r="D5059" s="1" t="s">
        <v>17608</v>
      </c>
      <c r="E5059" s="1" t="s">
        <v>17609</v>
      </c>
      <c r="F5059" s="1" t="s">
        <v>10</v>
      </c>
      <c r="G5059" s="1" t="s">
        <v>10</v>
      </c>
      <c r="H5059" s="1" t="s">
        <v>10</v>
      </c>
      <c r="I5059" s="1" t="s">
        <v>17172</v>
      </c>
      <c r="J5059" s="1" t="s">
        <v>17214</v>
      </c>
      <c r="K5059" s="1" t="s">
        <v>10</v>
      </c>
      <c r="L5059" s="1" t="s">
        <v>17606</v>
      </c>
      <c r="M5059" s="1" t="s">
        <v>5</v>
      </c>
      <c r="N5059" s="1" t="s">
        <v>10</v>
      </c>
      <c r="O5059" s="1" t="s">
        <v>38</v>
      </c>
      <c r="P5059" s="5" t="s">
        <v>30523</v>
      </c>
    </row>
    <row r="5060" spans="1:16" x14ac:dyDescent="0.2">
      <c r="A5060" s="1" t="s">
        <v>10</v>
      </c>
      <c r="B5060" s="1" t="s">
        <v>10</v>
      </c>
      <c r="C5060" s="1" t="s">
        <v>17611</v>
      </c>
      <c r="D5060" s="1" t="s">
        <v>10</v>
      </c>
      <c r="E5060" s="1" t="s">
        <v>17612</v>
      </c>
      <c r="F5060" s="1" t="s">
        <v>10</v>
      </c>
      <c r="G5060" s="1" t="s">
        <v>10</v>
      </c>
      <c r="H5060" s="1" t="s">
        <v>10</v>
      </c>
      <c r="I5060" s="1" t="s">
        <v>17172</v>
      </c>
      <c r="J5060" s="1" t="s">
        <v>17176</v>
      </c>
      <c r="K5060" s="1" t="s">
        <v>10</v>
      </c>
      <c r="L5060" s="1" t="s">
        <v>17610</v>
      </c>
      <c r="M5060" s="1" t="s">
        <v>5</v>
      </c>
      <c r="N5060" s="1" t="s">
        <v>10</v>
      </c>
      <c r="O5060" s="1" t="s">
        <v>8</v>
      </c>
      <c r="P5060" s="5" t="s">
        <v>10</v>
      </c>
    </row>
    <row r="5061" spans="1:16" x14ac:dyDescent="0.2">
      <c r="A5061" s="1" t="s">
        <v>10</v>
      </c>
      <c r="B5061" s="1" t="s">
        <v>10</v>
      </c>
      <c r="C5061" s="1" t="s">
        <v>17614</v>
      </c>
      <c r="D5061" s="1" t="s">
        <v>17615</v>
      </c>
      <c r="E5061" s="1"/>
      <c r="F5061" s="1" t="s">
        <v>10</v>
      </c>
      <c r="G5061" s="1" t="s">
        <v>10</v>
      </c>
      <c r="H5061" s="1" t="s">
        <v>10</v>
      </c>
      <c r="I5061" s="1" t="s">
        <v>17172</v>
      </c>
      <c r="J5061" s="1" t="s">
        <v>17176</v>
      </c>
      <c r="K5061" s="1" t="s">
        <v>47</v>
      </c>
      <c r="L5061" s="1" t="s">
        <v>17613</v>
      </c>
      <c r="M5061" s="1" t="s">
        <v>5</v>
      </c>
      <c r="N5061" s="1" t="s">
        <v>10</v>
      </c>
      <c r="O5061" s="1" t="s">
        <v>38</v>
      </c>
      <c r="P5061" s="5" t="s">
        <v>31850</v>
      </c>
    </row>
    <row r="5062" spans="1:16" x14ac:dyDescent="0.2">
      <c r="A5062" s="1" t="s">
        <v>42</v>
      </c>
      <c r="B5062" s="1" t="s">
        <v>50</v>
      </c>
      <c r="C5062" s="1" t="s">
        <v>17617</v>
      </c>
      <c r="D5062" s="1" t="s">
        <v>17617</v>
      </c>
      <c r="E5062" s="1" t="s">
        <v>17618</v>
      </c>
      <c r="F5062" s="1" t="s">
        <v>27</v>
      </c>
      <c r="G5062" s="1" t="s">
        <v>10</v>
      </c>
      <c r="H5062" s="1" t="s">
        <v>17619</v>
      </c>
      <c r="I5062" s="1" t="s">
        <v>17172</v>
      </c>
      <c r="J5062" s="1" t="s">
        <v>17176</v>
      </c>
      <c r="K5062" s="1" t="s">
        <v>47</v>
      </c>
      <c r="L5062" s="1" t="s">
        <v>17616</v>
      </c>
      <c r="M5062" s="1" t="s">
        <v>5</v>
      </c>
      <c r="N5062" s="1" t="s">
        <v>10</v>
      </c>
      <c r="O5062" s="1" t="s">
        <v>8</v>
      </c>
      <c r="P5062" s="5" t="s">
        <v>14</v>
      </c>
    </row>
    <row r="5063" spans="1:16" x14ac:dyDescent="0.2">
      <c r="A5063" s="1" t="s">
        <v>66</v>
      </c>
      <c r="B5063" s="1" t="s">
        <v>67</v>
      </c>
      <c r="C5063" s="1" t="s">
        <v>17621</v>
      </c>
      <c r="D5063" s="1" t="s">
        <v>17622</v>
      </c>
      <c r="E5063" s="1" t="s">
        <v>17623</v>
      </c>
      <c r="F5063" s="1" t="s">
        <v>10</v>
      </c>
      <c r="G5063" s="1" t="s">
        <v>10</v>
      </c>
      <c r="H5063" s="1" t="s">
        <v>10</v>
      </c>
      <c r="I5063" s="1" t="s">
        <v>17172</v>
      </c>
      <c r="J5063" s="1" t="s">
        <v>17224</v>
      </c>
      <c r="K5063" s="1" t="s">
        <v>113</v>
      </c>
      <c r="L5063" s="1" t="s">
        <v>17620</v>
      </c>
      <c r="M5063" s="1" t="s">
        <v>5</v>
      </c>
      <c r="N5063" s="1" t="s">
        <v>6</v>
      </c>
      <c r="O5063" s="1" t="s">
        <v>38</v>
      </c>
      <c r="P5063" s="5" t="s">
        <v>30524</v>
      </c>
    </row>
    <row r="5064" spans="1:16" x14ac:dyDescent="0.2">
      <c r="A5064" s="1" t="s">
        <v>10</v>
      </c>
      <c r="B5064" s="1" t="s">
        <v>10</v>
      </c>
      <c r="C5064" s="1" t="s">
        <v>17625</v>
      </c>
      <c r="D5064" s="1" t="s">
        <v>17626</v>
      </c>
      <c r="E5064" s="1"/>
      <c r="F5064" s="1" t="s">
        <v>10</v>
      </c>
      <c r="G5064" s="1" t="s">
        <v>10</v>
      </c>
      <c r="H5064" s="1" t="s">
        <v>10</v>
      </c>
      <c r="I5064" s="1" t="s">
        <v>17172</v>
      </c>
      <c r="J5064" s="1" t="s">
        <v>17214</v>
      </c>
      <c r="K5064" s="1" t="s">
        <v>47</v>
      </c>
      <c r="L5064" s="1" t="s">
        <v>17624</v>
      </c>
      <c r="M5064" s="1" t="s">
        <v>5</v>
      </c>
      <c r="N5064" s="1" t="s">
        <v>10</v>
      </c>
      <c r="O5064" s="1" t="s">
        <v>38</v>
      </c>
      <c r="P5064" s="5" t="s">
        <v>30525</v>
      </c>
    </row>
    <row r="5065" spans="1:16" x14ac:dyDescent="0.2">
      <c r="A5065" s="1" t="s">
        <v>10</v>
      </c>
      <c r="B5065" s="1" t="s">
        <v>10</v>
      </c>
      <c r="C5065" s="1" t="s">
        <v>17628</v>
      </c>
      <c r="D5065" s="1" t="s">
        <v>17629</v>
      </c>
      <c r="E5065" s="1" t="s">
        <v>10</v>
      </c>
      <c r="F5065" s="1" t="s">
        <v>10</v>
      </c>
      <c r="G5065" s="1" t="s">
        <v>10</v>
      </c>
      <c r="H5065" s="1" t="s">
        <v>10</v>
      </c>
      <c r="I5065" s="1" t="s">
        <v>17172</v>
      </c>
      <c r="J5065" s="1" t="s">
        <v>17442</v>
      </c>
      <c r="K5065" s="1" t="s">
        <v>113</v>
      </c>
      <c r="L5065" s="1" t="s">
        <v>17627</v>
      </c>
      <c r="M5065" s="1" t="s">
        <v>5</v>
      </c>
      <c r="N5065" s="1" t="s">
        <v>10</v>
      </c>
      <c r="O5065" s="1" t="s">
        <v>38</v>
      </c>
      <c r="P5065" s="5" t="s">
        <v>14</v>
      </c>
    </row>
    <row r="5066" spans="1:16" x14ac:dyDescent="0.2">
      <c r="A5066" s="1" t="s">
        <v>10</v>
      </c>
      <c r="B5066" s="1" t="s">
        <v>10</v>
      </c>
      <c r="C5066" s="1" t="s">
        <v>17631</v>
      </c>
      <c r="D5066" s="1" t="s">
        <v>17632</v>
      </c>
      <c r="E5066" s="1" t="s">
        <v>17633</v>
      </c>
      <c r="F5066" s="1" t="s">
        <v>10</v>
      </c>
      <c r="G5066" s="1" t="s">
        <v>10</v>
      </c>
      <c r="H5066" s="1" t="s">
        <v>10</v>
      </c>
      <c r="I5066" s="1" t="s">
        <v>17172</v>
      </c>
      <c r="J5066" s="1" t="s">
        <v>17251</v>
      </c>
      <c r="K5066" s="1" t="s">
        <v>113</v>
      </c>
      <c r="L5066" s="1" t="s">
        <v>17630</v>
      </c>
      <c r="M5066" s="1" t="s">
        <v>5</v>
      </c>
      <c r="N5066" s="1" t="s">
        <v>10</v>
      </c>
      <c r="O5066" s="1" t="s">
        <v>38</v>
      </c>
      <c r="P5066" s="5" t="s">
        <v>29943</v>
      </c>
    </row>
    <row r="5067" spans="1:16" x14ac:dyDescent="0.2">
      <c r="A5067" s="1" t="s">
        <v>10</v>
      </c>
      <c r="B5067" s="1" t="s">
        <v>10</v>
      </c>
      <c r="C5067" s="1" t="s">
        <v>17635</v>
      </c>
      <c r="D5067" s="1" t="s">
        <v>14029</v>
      </c>
      <c r="E5067" s="1" t="s">
        <v>17636</v>
      </c>
      <c r="F5067" s="1" t="s">
        <v>10</v>
      </c>
      <c r="G5067" s="1" t="s">
        <v>10</v>
      </c>
      <c r="H5067" s="1" t="s">
        <v>10</v>
      </c>
      <c r="I5067" s="1" t="s">
        <v>17172</v>
      </c>
      <c r="J5067" s="1" t="s">
        <v>17251</v>
      </c>
      <c r="K5067" s="1" t="s">
        <v>113</v>
      </c>
      <c r="L5067" s="1" t="s">
        <v>17634</v>
      </c>
      <c r="M5067" s="1" t="s">
        <v>5</v>
      </c>
      <c r="N5067" s="1" t="s">
        <v>10</v>
      </c>
      <c r="O5067" s="1" t="s">
        <v>38</v>
      </c>
      <c r="P5067" s="5" t="s">
        <v>30526</v>
      </c>
    </row>
    <row r="5068" spans="1:16" x14ac:dyDescent="0.2">
      <c r="A5068" s="1" t="s">
        <v>10</v>
      </c>
      <c r="B5068" s="1" t="s">
        <v>10</v>
      </c>
      <c r="C5068" s="1" t="s">
        <v>17638</v>
      </c>
      <c r="D5068" s="1" t="s">
        <v>17638</v>
      </c>
      <c r="E5068" s="1" t="s">
        <v>17639</v>
      </c>
      <c r="F5068" s="1" t="s">
        <v>10</v>
      </c>
      <c r="G5068" s="1" t="s">
        <v>10</v>
      </c>
      <c r="H5068" s="1" t="s">
        <v>10</v>
      </c>
      <c r="I5068" s="1" t="s">
        <v>17172</v>
      </c>
      <c r="J5068" s="1" t="s">
        <v>17214</v>
      </c>
      <c r="K5068" s="1" t="s">
        <v>47</v>
      </c>
      <c r="L5068" s="1" t="s">
        <v>17637</v>
      </c>
      <c r="M5068" s="1" t="s">
        <v>5</v>
      </c>
      <c r="N5068" s="1" t="s">
        <v>10</v>
      </c>
      <c r="O5068" s="1" t="s">
        <v>38</v>
      </c>
      <c r="P5068" s="5" t="s">
        <v>30527</v>
      </c>
    </row>
    <row r="5069" spans="1:16" x14ac:dyDescent="0.2">
      <c r="A5069" s="1" t="s">
        <v>329</v>
      </c>
      <c r="B5069" s="1" t="s">
        <v>1168</v>
      </c>
      <c r="C5069" s="1" t="s">
        <v>17641</v>
      </c>
      <c r="D5069" s="1" t="s">
        <v>17642</v>
      </c>
      <c r="E5069" s="1" t="s">
        <v>17643</v>
      </c>
      <c r="F5069" s="1" t="s">
        <v>10</v>
      </c>
      <c r="G5069" s="1" t="s">
        <v>10</v>
      </c>
      <c r="H5069" s="1" t="s">
        <v>10</v>
      </c>
      <c r="I5069" s="1" t="s">
        <v>17172</v>
      </c>
      <c r="J5069" s="1" t="s">
        <v>17251</v>
      </c>
      <c r="K5069" s="1" t="s">
        <v>113</v>
      </c>
      <c r="L5069" s="1" t="s">
        <v>17640</v>
      </c>
      <c r="M5069" s="1" t="s">
        <v>5</v>
      </c>
      <c r="N5069" s="1" t="s">
        <v>6</v>
      </c>
      <c r="O5069" s="1" t="s">
        <v>38</v>
      </c>
      <c r="P5069" s="5" t="s">
        <v>31851</v>
      </c>
    </row>
    <row r="5070" spans="1:16" x14ac:dyDescent="0.2">
      <c r="A5070" s="1" t="s">
        <v>20</v>
      </c>
      <c r="B5070" s="1" t="s">
        <v>93</v>
      </c>
      <c r="C5070" s="1" t="s">
        <v>17645</v>
      </c>
      <c r="D5070" s="1" t="s">
        <v>17646</v>
      </c>
      <c r="E5070" s="1"/>
      <c r="F5070" s="1" t="s">
        <v>10</v>
      </c>
      <c r="G5070" s="1" t="s">
        <v>10</v>
      </c>
      <c r="H5070" s="1" t="s">
        <v>10</v>
      </c>
      <c r="I5070" s="1" t="s">
        <v>17172</v>
      </c>
      <c r="J5070" s="1" t="s">
        <v>17224</v>
      </c>
      <c r="K5070" s="1" t="s">
        <v>130</v>
      </c>
      <c r="L5070" s="1" t="s">
        <v>17644</v>
      </c>
      <c r="M5070" s="1" t="s">
        <v>5</v>
      </c>
      <c r="N5070" s="1" t="s">
        <v>25</v>
      </c>
      <c r="O5070" s="1" t="s">
        <v>38</v>
      </c>
      <c r="P5070" s="5" t="s">
        <v>30528</v>
      </c>
    </row>
    <row r="5071" spans="1:16" x14ac:dyDescent="0.2">
      <c r="A5071" s="1" t="s">
        <v>66</v>
      </c>
      <c r="B5071" s="1" t="s">
        <v>67</v>
      </c>
      <c r="C5071" s="1" t="s">
        <v>17649</v>
      </c>
      <c r="D5071" s="1" t="s">
        <v>17650</v>
      </c>
      <c r="E5071" s="1" t="s">
        <v>17651</v>
      </c>
      <c r="F5071" s="1" t="s">
        <v>10</v>
      </c>
      <c r="G5071" s="1" t="s">
        <v>10</v>
      </c>
      <c r="H5071" s="1" t="s">
        <v>10</v>
      </c>
      <c r="I5071" s="1" t="s">
        <v>17172</v>
      </c>
      <c r="J5071" s="1" t="s">
        <v>17224</v>
      </c>
      <c r="K5071" s="1" t="s">
        <v>113</v>
      </c>
      <c r="L5071" s="1" t="s">
        <v>17648</v>
      </c>
      <c r="M5071" s="1" t="s">
        <v>5</v>
      </c>
      <c r="N5071" s="1" t="s">
        <v>6</v>
      </c>
      <c r="O5071" s="1" t="s">
        <v>38</v>
      </c>
      <c r="P5071" s="5" t="s">
        <v>31852</v>
      </c>
    </row>
    <row r="5072" spans="1:16" x14ac:dyDescent="0.2">
      <c r="A5072" s="1" t="s">
        <v>10</v>
      </c>
      <c r="B5072" s="1" t="s">
        <v>10</v>
      </c>
      <c r="C5072" s="1" t="s">
        <v>17653</v>
      </c>
      <c r="D5072" s="1" t="s">
        <v>17654</v>
      </c>
      <c r="E5072" s="1"/>
      <c r="F5072" s="1" t="s">
        <v>10</v>
      </c>
      <c r="G5072" s="1" t="s">
        <v>10</v>
      </c>
      <c r="H5072" s="1" t="s">
        <v>10</v>
      </c>
      <c r="I5072" s="1" t="s">
        <v>17172</v>
      </c>
      <c r="J5072" s="1" t="s">
        <v>17333</v>
      </c>
      <c r="K5072" s="1" t="s">
        <v>37</v>
      </c>
      <c r="L5072" s="1" t="s">
        <v>17652</v>
      </c>
      <c r="M5072" s="1" t="s">
        <v>5</v>
      </c>
      <c r="N5072" s="1" t="s">
        <v>10</v>
      </c>
      <c r="O5072" s="1" t="s">
        <v>38</v>
      </c>
      <c r="P5072" s="5" t="s">
        <v>31853</v>
      </c>
    </row>
    <row r="5073" spans="1:16" x14ac:dyDescent="0.2">
      <c r="A5073" s="1" t="s">
        <v>10</v>
      </c>
      <c r="B5073" s="1" t="s">
        <v>10</v>
      </c>
      <c r="C5073" s="1" t="s">
        <v>17656</v>
      </c>
      <c r="D5073" s="1" t="s">
        <v>17656</v>
      </c>
      <c r="E5073" s="1" t="s">
        <v>17657</v>
      </c>
      <c r="F5073" s="1" t="s">
        <v>10</v>
      </c>
      <c r="G5073" s="1" t="s">
        <v>10</v>
      </c>
      <c r="H5073" s="1" t="s">
        <v>10</v>
      </c>
      <c r="I5073" s="1" t="s">
        <v>17172</v>
      </c>
      <c r="J5073" s="1" t="s">
        <v>17176</v>
      </c>
      <c r="K5073" s="1" t="s">
        <v>47</v>
      </c>
      <c r="L5073" s="1" t="s">
        <v>17655</v>
      </c>
      <c r="M5073" s="1" t="s">
        <v>5</v>
      </c>
      <c r="N5073" s="1" t="s">
        <v>10</v>
      </c>
      <c r="O5073" s="1" t="s">
        <v>8</v>
      </c>
      <c r="P5073" s="5" t="s">
        <v>10</v>
      </c>
    </row>
    <row r="5074" spans="1:16" x14ac:dyDescent="0.2">
      <c r="A5074" s="1" t="s">
        <v>10</v>
      </c>
      <c r="B5074" s="1" t="s">
        <v>10</v>
      </c>
      <c r="C5074" s="1" t="s">
        <v>17659</v>
      </c>
      <c r="D5074" s="1" t="s">
        <v>17660</v>
      </c>
      <c r="E5074" s="1"/>
      <c r="F5074" s="1" t="s">
        <v>10</v>
      </c>
      <c r="G5074" s="1" t="s">
        <v>10</v>
      </c>
      <c r="H5074" s="1" t="s">
        <v>10</v>
      </c>
      <c r="I5074" s="1" t="s">
        <v>17172</v>
      </c>
      <c r="J5074" s="1" t="s">
        <v>17214</v>
      </c>
      <c r="K5074" s="1" t="s">
        <v>47</v>
      </c>
      <c r="L5074" s="1" t="s">
        <v>17658</v>
      </c>
      <c r="M5074" s="1" t="s">
        <v>5</v>
      </c>
      <c r="N5074" s="1" t="s">
        <v>10</v>
      </c>
      <c r="O5074" s="1" t="s">
        <v>38</v>
      </c>
      <c r="P5074" s="5" t="s">
        <v>31854</v>
      </c>
    </row>
    <row r="5075" spans="1:16" x14ac:dyDescent="0.2">
      <c r="A5075" s="1" t="s">
        <v>20</v>
      </c>
      <c r="B5075" s="1" t="s">
        <v>93</v>
      </c>
      <c r="C5075" s="1" t="s">
        <v>17662</v>
      </c>
      <c r="D5075" s="1" t="s">
        <v>17663</v>
      </c>
      <c r="E5075" s="1" t="s">
        <v>17664</v>
      </c>
      <c r="F5075" s="1" t="s">
        <v>27</v>
      </c>
      <c r="G5075" s="1" t="s">
        <v>10</v>
      </c>
      <c r="H5075" s="1" t="s">
        <v>17665</v>
      </c>
      <c r="I5075" s="1" t="s">
        <v>17172</v>
      </c>
      <c r="J5075" s="1" t="s">
        <v>17176</v>
      </c>
      <c r="K5075" s="1" t="s">
        <v>7</v>
      </c>
      <c r="L5075" s="1" t="s">
        <v>17661</v>
      </c>
      <c r="M5075" s="1" t="s">
        <v>5</v>
      </c>
      <c r="N5075" s="1" t="s">
        <v>10</v>
      </c>
      <c r="O5075" s="1" t="s">
        <v>8</v>
      </c>
      <c r="P5075" s="5" t="s">
        <v>10</v>
      </c>
    </row>
    <row r="5076" spans="1:16" x14ac:dyDescent="0.2">
      <c r="A5076" s="1" t="s">
        <v>42</v>
      </c>
      <c r="B5076" s="1" t="s">
        <v>588</v>
      </c>
      <c r="C5076" s="1" t="s">
        <v>17667</v>
      </c>
      <c r="D5076" s="1" t="s">
        <v>17668</v>
      </c>
      <c r="E5076" s="1" t="s">
        <v>17669</v>
      </c>
      <c r="F5076" s="1" t="s">
        <v>10</v>
      </c>
      <c r="G5076" s="1" t="s">
        <v>10</v>
      </c>
      <c r="H5076" s="1" t="s">
        <v>10</v>
      </c>
      <c r="I5076" s="1" t="s">
        <v>17172</v>
      </c>
      <c r="J5076" s="1" t="s">
        <v>17293</v>
      </c>
      <c r="K5076" s="1" t="s">
        <v>37</v>
      </c>
      <c r="L5076" s="1" t="s">
        <v>17666</v>
      </c>
      <c r="M5076" s="1" t="s">
        <v>5</v>
      </c>
      <c r="N5076" s="1" t="s">
        <v>10</v>
      </c>
      <c r="O5076" s="1" t="s">
        <v>8</v>
      </c>
      <c r="P5076" s="5" t="s">
        <v>31855</v>
      </c>
    </row>
    <row r="5077" spans="1:16" x14ac:dyDescent="0.2">
      <c r="A5077" s="1" t="s">
        <v>10</v>
      </c>
      <c r="B5077" s="1" t="s">
        <v>10</v>
      </c>
      <c r="C5077" s="1" t="s">
        <v>17671</v>
      </c>
      <c r="D5077" s="1" t="s">
        <v>17672</v>
      </c>
      <c r="E5077" s="1" t="s">
        <v>17673</v>
      </c>
      <c r="F5077" s="1" t="s">
        <v>10</v>
      </c>
      <c r="G5077" s="1" t="s">
        <v>10</v>
      </c>
      <c r="H5077" s="1" t="s">
        <v>10</v>
      </c>
      <c r="I5077" s="1" t="s">
        <v>17172</v>
      </c>
      <c r="J5077" s="1" t="s">
        <v>17214</v>
      </c>
      <c r="K5077" s="1" t="s">
        <v>47</v>
      </c>
      <c r="L5077" s="1" t="s">
        <v>17670</v>
      </c>
      <c r="M5077" s="1" t="s">
        <v>5</v>
      </c>
      <c r="N5077" s="1" t="s">
        <v>10</v>
      </c>
      <c r="O5077" s="1" t="s">
        <v>38</v>
      </c>
      <c r="P5077" s="5" t="s">
        <v>30529</v>
      </c>
    </row>
    <row r="5078" spans="1:16" x14ac:dyDescent="0.2">
      <c r="A5078" s="1" t="s">
        <v>10</v>
      </c>
      <c r="B5078" s="1" t="s">
        <v>10</v>
      </c>
      <c r="C5078" s="1" t="s">
        <v>17675</v>
      </c>
      <c r="D5078" s="1" t="s">
        <v>17676</v>
      </c>
      <c r="E5078" s="1" t="s">
        <v>17677</v>
      </c>
      <c r="F5078" s="1" t="s">
        <v>10</v>
      </c>
      <c r="G5078" s="1" t="s">
        <v>10</v>
      </c>
      <c r="H5078" s="1" t="s">
        <v>10</v>
      </c>
      <c r="I5078" s="1" t="s">
        <v>17172</v>
      </c>
      <c r="J5078" s="1" t="s">
        <v>17229</v>
      </c>
      <c r="K5078" s="1" t="s">
        <v>47</v>
      </c>
      <c r="L5078" s="1" t="s">
        <v>17674</v>
      </c>
      <c r="M5078" s="1" t="s">
        <v>5</v>
      </c>
      <c r="N5078" s="1" t="s">
        <v>10</v>
      </c>
      <c r="O5078" s="1" t="s">
        <v>38</v>
      </c>
      <c r="P5078" s="5" t="s">
        <v>10</v>
      </c>
    </row>
    <row r="5079" spans="1:16" x14ac:dyDescent="0.2">
      <c r="A5079" s="1" t="s">
        <v>10</v>
      </c>
      <c r="B5079" s="1" t="s">
        <v>10</v>
      </c>
      <c r="C5079" s="1" t="s">
        <v>17679</v>
      </c>
      <c r="D5079" s="1" t="s">
        <v>10</v>
      </c>
      <c r="E5079" s="1" t="s">
        <v>17680</v>
      </c>
      <c r="F5079" s="1" t="s">
        <v>10</v>
      </c>
      <c r="G5079" s="1" t="s">
        <v>10</v>
      </c>
      <c r="H5079" s="1" t="s">
        <v>10</v>
      </c>
      <c r="I5079" s="1" t="s">
        <v>17172</v>
      </c>
      <c r="J5079" s="1" t="s">
        <v>17176</v>
      </c>
      <c r="K5079" s="1" t="s">
        <v>47</v>
      </c>
      <c r="L5079" s="1" t="s">
        <v>17678</v>
      </c>
      <c r="M5079" s="1" t="s">
        <v>5</v>
      </c>
      <c r="N5079" s="1" t="s">
        <v>10</v>
      </c>
      <c r="O5079" s="1" t="s">
        <v>38</v>
      </c>
      <c r="P5079" s="5" t="s">
        <v>10</v>
      </c>
    </row>
    <row r="5080" spans="1:16" x14ac:dyDescent="0.2">
      <c r="A5080" s="1" t="s">
        <v>10</v>
      </c>
      <c r="B5080" s="1" t="s">
        <v>10</v>
      </c>
      <c r="C5080" s="1" t="s">
        <v>17682</v>
      </c>
      <c r="D5080" s="1" t="s">
        <v>10</v>
      </c>
      <c r="E5080" s="1"/>
      <c r="F5080" s="1" t="s">
        <v>10</v>
      </c>
      <c r="G5080" s="1" t="s">
        <v>10</v>
      </c>
      <c r="H5080" s="1" t="s">
        <v>10</v>
      </c>
      <c r="I5080" s="1" t="s">
        <v>17172</v>
      </c>
      <c r="J5080" s="1" t="s">
        <v>17176</v>
      </c>
      <c r="K5080" s="1" t="s">
        <v>47</v>
      </c>
      <c r="L5080" s="1" t="s">
        <v>17681</v>
      </c>
      <c r="M5080" s="1" t="s">
        <v>5</v>
      </c>
      <c r="N5080" s="1" t="s">
        <v>10</v>
      </c>
      <c r="O5080" s="1" t="s">
        <v>38</v>
      </c>
      <c r="P5080" s="5" t="s">
        <v>10</v>
      </c>
    </row>
    <row r="5081" spans="1:16" x14ac:dyDescent="0.2">
      <c r="A5081" s="1" t="s">
        <v>10</v>
      </c>
      <c r="B5081" s="1" t="s">
        <v>10</v>
      </c>
      <c r="C5081" s="1" t="s">
        <v>17684</v>
      </c>
      <c r="D5081" s="1" t="s">
        <v>10</v>
      </c>
      <c r="E5081" s="1" t="s">
        <v>17685</v>
      </c>
      <c r="F5081" s="1" t="s">
        <v>10</v>
      </c>
      <c r="G5081" s="1" t="s">
        <v>10</v>
      </c>
      <c r="H5081" s="1" t="s">
        <v>10</v>
      </c>
      <c r="I5081" s="1" t="s">
        <v>17172</v>
      </c>
      <c r="J5081" s="1" t="s">
        <v>17176</v>
      </c>
      <c r="K5081" s="1" t="s">
        <v>47</v>
      </c>
      <c r="L5081" s="1" t="s">
        <v>17683</v>
      </c>
      <c r="M5081" s="1" t="s">
        <v>5</v>
      </c>
      <c r="N5081" s="1" t="s">
        <v>10</v>
      </c>
      <c r="O5081" s="1" t="s">
        <v>38</v>
      </c>
      <c r="P5081" s="5" t="s">
        <v>10</v>
      </c>
    </row>
    <row r="5082" spans="1:16" x14ac:dyDescent="0.2">
      <c r="A5082" s="1" t="s">
        <v>10</v>
      </c>
      <c r="B5082" s="1" t="s">
        <v>10</v>
      </c>
      <c r="C5082" s="1" t="s">
        <v>17687</v>
      </c>
      <c r="D5082" s="1" t="s">
        <v>10</v>
      </c>
      <c r="E5082" s="1" t="s">
        <v>17688</v>
      </c>
      <c r="F5082" s="1" t="s">
        <v>10</v>
      </c>
      <c r="G5082" s="1" t="s">
        <v>10</v>
      </c>
      <c r="H5082" s="1" t="s">
        <v>10</v>
      </c>
      <c r="I5082" s="1" t="s">
        <v>17172</v>
      </c>
      <c r="J5082" s="1" t="s">
        <v>17176</v>
      </c>
      <c r="K5082" s="1" t="s">
        <v>47</v>
      </c>
      <c r="L5082" s="1" t="s">
        <v>17686</v>
      </c>
      <c r="M5082" s="1" t="s">
        <v>5</v>
      </c>
      <c r="N5082" s="1" t="s">
        <v>10</v>
      </c>
      <c r="O5082" s="1" t="s">
        <v>38</v>
      </c>
      <c r="P5082" s="5" t="s">
        <v>10</v>
      </c>
    </row>
    <row r="5083" spans="1:16" x14ac:dyDescent="0.2">
      <c r="A5083" s="1" t="s">
        <v>10</v>
      </c>
      <c r="B5083" s="1" t="s">
        <v>10</v>
      </c>
      <c r="C5083" s="1" t="s">
        <v>17690</v>
      </c>
      <c r="D5083" s="1" t="s">
        <v>10</v>
      </c>
      <c r="E5083" s="1"/>
      <c r="F5083" s="1" t="s">
        <v>10</v>
      </c>
      <c r="G5083" s="1" t="s">
        <v>10</v>
      </c>
      <c r="H5083" s="1" t="s">
        <v>10</v>
      </c>
      <c r="I5083" s="1" t="s">
        <v>17172</v>
      </c>
      <c r="J5083" s="1" t="s">
        <v>17176</v>
      </c>
      <c r="K5083" s="1" t="s">
        <v>47</v>
      </c>
      <c r="L5083" s="1" t="s">
        <v>17689</v>
      </c>
      <c r="M5083" s="1" t="s">
        <v>5</v>
      </c>
      <c r="N5083" s="1" t="s">
        <v>10</v>
      </c>
      <c r="O5083" s="1" t="s">
        <v>38</v>
      </c>
      <c r="P5083" s="5" t="s">
        <v>10</v>
      </c>
    </row>
    <row r="5084" spans="1:16" x14ac:dyDescent="0.2">
      <c r="A5084" s="1" t="s">
        <v>10</v>
      </c>
      <c r="B5084" s="1" t="s">
        <v>10</v>
      </c>
      <c r="C5084" s="1" t="s">
        <v>17692</v>
      </c>
      <c r="D5084" s="1" t="s">
        <v>10</v>
      </c>
      <c r="E5084" s="1" t="s">
        <v>17693</v>
      </c>
      <c r="F5084" s="1" t="s">
        <v>10</v>
      </c>
      <c r="G5084" s="1" t="s">
        <v>10</v>
      </c>
      <c r="H5084" s="1" t="s">
        <v>10</v>
      </c>
      <c r="I5084" s="1" t="s">
        <v>17172</v>
      </c>
      <c r="J5084" s="1" t="s">
        <v>17176</v>
      </c>
      <c r="K5084" s="1" t="s">
        <v>47</v>
      </c>
      <c r="L5084" s="1" t="s">
        <v>17691</v>
      </c>
      <c r="M5084" s="1" t="s">
        <v>5</v>
      </c>
      <c r="N5084" s="1" t="s">
        <v>10</v>
      </c>
      <c r="O5084" s="1" t="s">
        <v>38</v>
      </c>
      <c r="P5084" s="5" t="s">
        <v>30530</v>
      </c>
    </row>
    <row r="5085" spans="1:16" x14ac:dyDescent="0.2">
      <c r="A5085" s="1" t="s">
        <v>10</v>
      </c>
      <c r="B5085" s="1" t="s">
        <v>10</v>
      </c>
      <c r="C5085" s="1" t="s">
        <v>17695</v>
      </c>
      <c r="D5085" s="1" t="s">
        <v>10</v>
      </c>
      <c r="E5085" s="1" t="s">
        <v>10</v>
      </c>
      <c r="F5085" s="1" t="s">
        <v>10</v>
      </c>
      <c r="G5085" s="1" t="s">
        <v>10</v>
      </c>
      <c r="H5085" s="1" t="s">
        <v>10</v>
      </c>
      <c r="I5085" s="1" t="s">
        <v>17172</v>
      </c>
      <c r="J5085" s="1" t="s">
        <v>17176</v>
      </c>
      <c r="K5085" s="1" t="s">
        <v>47</v>
      </c>
      <c r="L5085" s="1" t="s">
        <v>17694</v>
      </c>
      <c r="M5085" s="1" t="s">
        <v>5</v>
      </c>
      <c r="N5085" s="1" t="s">
        <v>10</v>
      </c>
      <c r="O5085" s="1" t="s">
        <v>38</v>
      </c>
      <c r="P5085" s="5" t="s">
        <v>10</v>
      </c>
    </row>
    <row r="5086" spans="1:16" x14ac:dyDescent="0.2">
      <c r="A5086" s="1" t="s">
        <v>10</v>
      </c>
      <c r="B5086" s="1" t="s">
        <v>10</v>
      </c>
      <c r="C5086" s="1" t="s">
        <v>17697</v>
      </c>
      <c r="D5086" s="1" t="s">
        <v>10</v>
      </c>
      <c r="E5086" s="1" t="s">
        <v>10</v>
      </c>
      <c r="F5086" s="1" t="s">
        <v>10</v>
      </c>
      <c r="G5086" s="1" t="s">
        <v>10</v>
      </c>
      <c r="H5086" s="1" t="s">
        <v>10</v>
      </c>
      <c r="I5086" s="1" t="s">
        <v>17172</v>
      </c>
      <c r="J5086" s="1" t="s">
        <v>17176</v>
      </c>
      <c r="K5086" s="1" t="s">
        <v>47</v>
      </c>
      <c r="L5086" s="1" t="s">
        <v>17696</v>
      </c>
      <c r="M5086" s="1" t="s">
        <v>5</v>
      </c>
      <c r="N5086" s="1" t="s">
        <v>10</v>
      </c>
      <c r="O5086" s="1" t="s">
        <v>38</v>
      </c>
      <c r="P5086" s="5" t="s">
        <v>10</v>
      </c>
    </row>
    <row r="5087" spans="1:16" x14ac:dyDescent="0.2">
      <c r="A5087" s="1" t="s">
        <v>10</v>
      </c>
      <c r="B5087" s="1" t="s">
        <v>10</v>
      </c>
      <c r="C5087" s="1" t="s">
        <v>17699</v>
      </c>
      <c r="D5087" s="1" t="s">
        <v>17700</v>
      </c>
      <c r="E5087" s="1" t="s">
        <v>17702</v>
      </c>
      <c r="F5087" s="1" t="s">
        <v>10</v>
      </c>
      <c r="G5087" s="1" t="s">
        <v>10</v>
      </c>
      <c r="H5087" s="1" t="s">
        <v>10</v>
      </c>
      <c r="I5087" s="1" t="s">
        <v>17172</v>
      </c>
      <c r="J5087" s="1" t="s">
        <v>17701</v>
      </c>
      <c r="K5087" s="1" t="s">
        <v>130</v>
      </c>
      <c r="L5087" s="1" t="s">
        <v>17698</v>
      </c>
      <c r="M5087" s="1" t="s">
        <v>5</v>
      </c>
      <c r="N5087" s="1" t="s">
        <v>10</v>
      </c>
      <c r="O5087" s="1" t="s">
        <v>38</v>
      </c>
      <c r="P5087" s="5" t="s">
        <v>30531</v>
      </c>
    </row>
    <row r="5088" spans="1:16" x14ac:dyDescent="0.2">
      <c r="A5088" s="1" t="s">
        <v>10</v>
      </c>
      <c r="B5088" s="1" t="s">
        <v>10</v>
      </c>
      <c r="C5088" s="1" t="s">
        <v>17704</v>
      </c>
      <c r="D5088" s="1" t="s">
        <v>10</v>
      </c>
      <c r="E5088" s="1" t="s">
        <v>10</v>
      </c>
      <c r="F5088" s="1" t="s">
        <v>10</v>
      </c>
      <c r="G5088" s="1" t="s">
        <v>10</v>
      </c>
      <c r="H5088" s="1" t="s">
        <v>10</v>
      </c>
      <c r="I5088" s="1" t="s">
        <v>17172</v>
      </c>
      <c r="J5088" s="1" t="s">
        <v>17176</v>
      </c>
      <c r="K5088" s="1" t="s">
        <v>47</v>
      </c>
      <c r="L5088" s="1" t="s">
        <v>17703</v>
      </c>
      <c r="M5088" s="1" t="s">
        <v>5</v>
      </c>
      <c r="N5088" s="1" t="s">
        <v>10</v>
      </c>
      <c r="O5088" s="1" t="s">
        <v>38</v>
      </c>
      <c r="P5088" s="5" t="s">
        <v>10</v>
      </c>
    </row>
    <row r="5089" spans="1:16" x14ac:dyDescent="0.2">
      <c r="A5089" s="1" t="s">
        <v>10</v>
      </c>
      <c r="B5089" s="1" t="s">
        <v>10</v>
      </c>
      <c r="C5089" s="1" t="s">
        <v>17706</v>
      </c>
      <c r="D5089" s="1" t="s">
        <v>10</v>
      </c>
      <c r="E5089" s="1" t="s">
        <v>10</v>
      </c>
      <c r="F5089" s="1" t="s">
        <v>10</v>
      </c>
      <c r="G5089" s="1" t="s">
        <v>10</v>
      </c>
      <c r="H5089" s="1" t="s">
        <v>10</v>
      </c>
      <c r="I5089" s="1" t="s">
        <v>17172</v>
      </c>
      <c r="J5089" s="1" t="s">
        <v>17176</v>
      </c>
      <c r="K5089" s="1" t="s">
        <v>47</v>
      </c>
      <c r="L5089" s="1" t="s">
        <v>17705</v>
      </c>
      <c r="M5089" s="1" t="s">
        <v>5</v>
      </c>
      <c r="N5089" s="1" t="s">
        <v>10</v>
      </c>
      <c r="O5089" s="1" t="s">
        <v>38</v>
      </c>
      <c r="P5089" s="5" t="s">
        <v>10</v>
      </c>
    </row>
    <row r="5090" spans="1:16" x14ac:dyDescent="0.2">
      <c r="A5090" s="1" t="s">
        <v>20</v>
      </c>
      <c r="B5090" s="1" t="s">
        <v>10</v>
      </c>
      <c r="C5090" s="1" t="s">
        <v>17708</v>
      </c>
      <c r="D5090" s="1" t="s">
        <v>10</v>
      </c>
      <c r="E5090" s="1" t="s">
        <v>17709</v>
      </c>
      <c r="F5090" s="1" t="s">
        <v>10</v>
      </c>
      <c r="G5090" s="1" t="s">
        <v>10</v>
      </c>
      <c r="H5090" s="1" t="s">
        <v>10</v>
      </c>
      <c r="I5090" s="1" t="s">
        <v>17172</v>
      </c>
      <c r="J5090" s="1" t="s">
        <v>17176</v>
      </c>
      <c r="K5090" s="1" t="s">
        <v>130</v>
      </c>
      <c r="L5090" s="1" t="s">
        <v>17707</v>
      </c>
      <c r="M5090" s="1" t="s">
        <v>5</v>
      </c>
      <c r="N5090" s="1" t="s">
        <v>10</v>
      </c>
      <c r="O5090" s="1" t="s">
        <v>38</v>
      </c>
      <c r="P5090" s="5" t="s">
        <v>10</v>
      </c>
    </row>
    <row r="5091" spans="1:16" x14ac:dyDescent="0.2">
      <c r="A5091" s="1" t="s">
        <v>20</v>
      </c>
      <c r="B5091" s="1" t="s">
        <v>253</v>
      </c>
      <c r="C5091" s="1" t="s">
        <v>17711</v>
      </c>
      <c r="D5091" s="1" t="s">
        <v>10</v>
      </c>
      <c r="E5091" s="1" t="s">
        <v>17712</v>
      </c>
      <c r="F5091" s="1" t="s">
        <v>10</v>
      </c>
      <c r="G5091" s="1" t="s">
        <v>10</v>
      </c>
      <c r="H5091" s="1" t="s">
        <v>10</v>
      </c>
      <c r="I5091" s="1" t="s">
        <v>17172</v>
      </c>
      <c r="J5091" s="1" t="s">
        <v>17442</v>
      </c>
      <c r="K5091" s="1" t="s">
        <v>7</v>
      </c>
      <c r="L5091" s="1" t="s">
        <v>17710</v>
      </c>
      <c r="M5091" s="1" t="s">
        <v>5</v>
      </c>
      <c r="N5091" s="1" t="s">
        <v>10</v>
      </c>
      <c r="O5091" s="1" t="s">
        <v>8</v>
      </c>
      <c r="P5091" s="5" t="s">
        <v>10</v>
      </c>
    </row>
    <row r="5092" spans="1:16" x14ac:dyDescent="0.2">
      <c r="A5092" s="1" t="s">
        <v>10</v>
      </c>
      <c r="B5092" s="1" t="s">
        <v>10</v>
      </c>
      <c r="C5092" s="1" t="s">
        <v>17714</v>
      </c>
      <c r="D5092" s="1" t="s">
        <v>17715</v>
      </c>
      <c r="E5092" s="1" t="s">
        <v>17716</v>
      </c>
      <c r="F5092" s="1" t="s">
        <v>10</v>
      </c>
      <c r="G5092" s="1" t="s">
        <v>10</v>
      </c>
      <c r="H5092" s="1" t="s">
        <v>10</v>
      </c>
      <c r="I5092" s="1" t="s">
        <v>17172</v>
      </c>
      <c r="J5092" s="1" t="s">
        <v>17176</v>
      </c>
      <c r="K5092" s="1" t="s">
        <v>47</v>
      </c>
      <c r="L5092" s="1" t="s">
        <v>17713</v>
      </c>
      <c r="M5092" s="1" t="s">
        <v>5</v>
      </c>
      <c r="N5092" s="1" t="s">
        <v>10</v>
      </c>
      <c r="O5092" s="1" t="s">
        <v>38</v>
      </c>
      <c r="P5092" s="5" t="s">
        <v>10</v>
      </c>
    </row>
    <row r="5093" spans="1:16" x14ac:dyDescent="0.2">
      <c r="A5093" s="1" t="s">
        <v>10</v>
      </c>
      <c r="B5093" s="1" t="s">
        <v>10</v>
      </c>
      <c r="C5093" s="1" t="s">
        <v>17718</v>
      </c>
      <c r="D5093" s="1" t="s">
        <v>17719</v>
      </c>
      <c r="E5093" s="1" t="s">
        <v>17720</v>
      </c>
      <c r="F5093" s="1" t="s">
        <v>10</v>
      </c>
      <c r="G5093" s="1" t="s">
        <v>10</v>
      </c>
      <c r="H5093" s="1" t="s">
        <v>10</v>
      </c>
      <c r="I5093" s="1" t="s">
        <v>17172</v>
      </c>
      <c r="J5093" s="1" t="s">
        <v>17176</v>
      </c>
      <c r="K5093" s="1" t="s">
        <v>47</v>
      </c>
      <c r="L5093" s="1" t="s">
        <v>17717</v>
      </c>
      <c r="M5093" s="1" t="s">
        <v>5</v>
      </c>
      <c r="N5093" s="1" t="s">
        <v>10</v>
      </c>
      <c r="O5093" s="1" t="s">
        <v>38</v>
      </c>
      <c r="P5093" s="5" t="s">
        <v>10</v>
      </c>
    </row>
    <row r="5094" spans="1:16" x14ac:dyDescent="0.2">
      <c r="A5094" s="1" t="s">
        <v>10</v>
      </c>
      <c r="B5094" s="1" t="s">
        <v>10</v>
      </c>
      <c r="C5094" s="1" t="s">
        <v>17722</v>
      </c>
      <c r="D5094" s="1" t="s">
        <v>17723</v>
      </c>
      <c r="E5094" s="1" t="s">
        <v>17724</v>
      </c>
      <c r="F5094" s="1" t="s">
        <v>10</v>
      </c>
      <c r="G5094" s="1" t="s">
        <v>10</v>
      </c>
      <c r="H5094" s="1" t="s">
        <v>10</v>
      </c>
      <c r="I5094" s="1" t="s">
        <v>17172</v>
      </c>
      <c r="J5094" s="1" t="s">
        <v>17293</v>
      </c>
      <c r="K5094" s="1" t="s">
        <v>47</v>
      </c>
      <c r="L5094" s="1" t="s">
        <v>17721</v>
      </c>
      <c r="M5094" s="1" t="s">
        <v>5</v>
      </c>
      <c r="N5094" s="1" t="s">
        <v>10</v>
      </c>
      <c r="O5094" s="1" t="s">
        <v>38</v>
      </c>
      <c r="P5094" s="5" t="s">
        <v>30532</v>
      </c>
    </row>
    <row r="5095" spans="1:16" x14ac:dyDescent="0.2">
      <c r="A5095" s="1" t="s">
        <v>10</v>
      </c>
      <c r="B5095" s="1" t="s">
        <v>10</v>
      </c>
      <c r="C5095" s="1" t="s">
        <v>17726</v>
      </c>
      <c r="D5095" s="1" t="s">
        <v>17727</v>
      </c>
      <c r="E5095" s="1" t="s">
        <v>17728</v>
      </c>
      <c r="F5095" s="1" t="s">
        <v>10</v>
      </c>
      <c r="G5095" s="1" t="s">
        <v>10</v>
      </c>
      <c r="H5095" s="1" t="s">
        <v>10</v>
      </c>
      <c r="I5095" s="1" t="s">
        <v>17172</v>
      </c>
      <c r="J5095" s="1" t="s">
        <v>17293</v>
      </c>
      <c r="K5095" s="1" t="s">
        <v>47</v>
      </c>
      <c r="L5095" s="1" t="s">
        <v>17725</v>
      </c>
      <c r="M5095" s="1" t="s">
        <v>5</v>
      </c>
      <c r="N5095" s="1" t="s">
        <v>10</v>
      </c>
      <c r="O5095" s="1" t="s">
        <v>38</v>
      </c>
      <c r="P5095" s="5" t="s">
        <v>10</v>
      </c>
    </row>
    <row r="5096" spans="1:16" x14ac:dyDescent="0.2">
      <c r="A5096" s="1" t="s">
        <v>10</v>
      </c>
      <c r="B5096" s="1" t="s">
        <v>10</v>
      </c>
      <c r="C5096" s="1" t="s">
        <v>17730</v>
      </c>
      <c r="D5096" s="1" t="s">
        <v>17731</v>
      </c>
      <c r="E5096" s="1" t="s">
        <v>17732</v>
      </c>
      <c r="F5096" s="1" t="s">
        <v>10</v>
      </c>
      <c r="G5096" s="1" t="s">
        <v>10</v>
      </c>
      <c r="H5096" s="1" t="s">
        <v>10</v>
      </c>
      <c r="I5096" s="1" t="s">
        <v>17172</v>
      </c>
      <c r="J5096" s="1" t="s">
        <v>17293</v>
      </c>
      <c r="K5096" s="1" t="s">
        <v>6468</v>
      </c>
      <c r="L5096" s="1" t="s">
        <v>17729</v>
      </c>
      <c r="M5096" s="1" t="s">
        <v>5</v>
      </c>
      <c r="N5096" s="1" t="s">
        <v>10</v>
      </c>
      <c r="O5096" s="1" t="s">
        <v>38</v>
      </c>
      <c r="P5096" s="5" t="s">
        <v>30533</v>
      </c>
    </row>
    <row r="5097" spans="1:16" x14ac:dyDescent="0.2">
      <c r="A5097" s="1" t="s">
        <v>10</v>
      </c>
      <c r="B5097" s="1" t="s">
        <v>10</v>
      </c>
      <c r="C5097" s="1" t="s">
        <v>17734</v>
      </c>
      <c r="D5097" s="1" t="s">
        <v>11844</v>
      </c>
      <c r="E5097" s="1" t="s">
        <v>17735</v>
      </c>
      <c r="F5097" s="1" t="s">
        <v>10</v>
      </c>
      <c r="G5097" s="1" t="s">
        <v>10</v>
      </c>
      <c r="H5097" s="1" t="s">
        <v>10</v>
      </c>
      <c r="I5097" s="1" t="s">
        <v>17172</v>
      </c>
      <c r="J5097" s="1" t="s">
        <v>17176</v>
      </c>
      <c r="K5097" s="1" t="s">
        <v>47</v>
      </c>
      <c r="L5097" s="1" t="s">
        <v>17733</v>
      </c>
      <c r="M5097" s="1" t="s">
        <v>5</v>
      </c>
      <c r="N5097" s="1" t="s">
        <v>10</v>
      </c>
      <c r="O5097" s="1" t="s">
        <v>38</v>
      </c>
      <c r="P5097" s="5" t="s">
        <v>10</v>
      </c>
    </row>
    <row r="5098" spans="1:16" x14ac:dyDescent="0.2">
      <c r="A5098" s="1" t="s">
        <v>10</v>
      </c>
      <c r="B5098" s="1" t="s">
        <v>10</v>
      </c>
      <c r="C5098" s="1" t="s">
        <v>17737</v>
      </c>
      <c r="D5098" s="1" t="s">
        <v>17738</v>
      </c>
      <c r="E5098" s="1" t="s">
        <v>17739</v>
      </c>
      <c r="F5098" s="1" t="s">
        <v>10</v>
      </c>
      <c r="G5098" s="1" t="s">
        <v>10</v>
      </c>
      <c r="H5098" s="1" t="s">
        <v>10</v>
      </c>
      <c r="I5098" s="1" t="s">
        <v>17172</v>
      </c>
      <c r="J5098" s="1" t="s">
        <v>17176</v>
      </c>
      <c r="K5098" s="1" t="s">
        <v>10</v>
      </c>
      <c r="L5098" s="1" t="s">
        <v>17736</v>
      </c>
      <c r="M5098" s="1" t="s">
        <v>5</v>
      </c>
      <c r="N5098" s="1" t="s">
        <v>10</v>
      </c>
      <c r="O5098" s="1" t="s">
        <v>38</v>
      </c>
      <c r="P5098" s="5" t="s">
        <v>10</v>
      </c>
    </row>
    <row r="5099" spans="1:16" x14ac:dyDescent="0.2">
      <c r="A5099" s="1" t="s">
        <v>10</v>
      </c>
      <c r="B5099" s="1" t="s">
        <v>10</v>
      </c>
      <c r="C5099" s="1" t="s">
        <v>17741</v>
      </c>
      <c r="D5099" s="1" t="s">
        <v>10</v>
      </c>
      <c r="E5099" s="1" t="s">
        <v>17742</v>
      </c>
      <c r="F5099" s="1" t="s">
        <v>10</v>
      </c>
      <c r="G5099" s="1" t="s">
        <v>10</v>
      </c>
      <c r="H5099" s="1" t="s">
        <v>10</v>
      </c>
      <c r="I5099" s="1" t="s">
        <v>17172</v>
      </c>
      <c r="J5099" s="1" t="s">
        <v>17176</v>
      </c>
      <c r="K5099" s="1" t="s">
        <v>10</v>
      </c>
      <c r="L5099" s="1" t="s">
        <v>17740</v>
      </c>
      <c r="M5099" s="1" t="s">
        <v>5</v>
      </c>
      <c r="N5099" s="1" t="s">
        <v>10</v>
      </c>
      <c r="O5099" s="1" t="s">
        <v>8</v>
      </c>
      <c r="P5099" s="5" t="s">
        <v>10</v>
      </c>
    </row>
    <row r="5100" spans="1:16" x14ac:dyDescent="0.2">
      <c r="A5100" s="1" t="s">
        <v>42</v>
      </c>
      <c r="B5100" s="1" t="s">
        <v>118</v>
      </c>
      <c r="C5100" s="1" t="s">
        <v>17744</v>
      </c>
      <c r="D5100" s="1" t="s">
        <v>17745</v>
      </c>
      <c r="E5100" s="1" t="s">
        <v>17746</v>
      </c>
      <c r="F5100" s="1" t="s">
        <v>10</v>
      </c>
      <c r="G5100" s="1" t="s">
        <v>10</v>
      </c>
      <c r="H5100" s="1" t="s">
        <v>10</v>
      </c>
      <c r="I5100" s="1" t="s">
        <v>17172</v>
      </c>
      <c r="J5100" s="1" t="s">
        <v>17224</v>
      </c>
      <c r="K5100" s="1" t="s">
        <v>113</v>
      </c>
      <c r="L5100" s="1" t="s">
        <v>17743</v>
      </c>
      <c r="M5100" s="1" t="s">
        <v>5</v>
      </c>
      <c r="N5100" s="1" t="s">
        <v>6</v>
      </c>
      <c r="O5100" s="1" t="s">
        <v>8</v>
      </c>
      <c r="P5100" s="5" t="s">
        <v>31856</v>
      </c>
    </row>
    <row r="5101" spans="1:16" x14ac:dyDescent="0.2">
      <c r="A5101" s="1" t="s">
        <v>10</v>
      </c>
      <c r="B5101" s="1" t="s">
        <v>10</v>
      </c>
      <c r="C5101" s="1" t="s">
        <v>17482</v>
      </c>
      <c r="D5101" s="1" t="s">
        <v>10</v>
      </c>
      <c r="E5101" s="1" t="s">
        <v>17748</v>
      </c>
      <c r="F5101" s="1" t="s">
        <v>10</v>
      </c>
      <c r="G5101" s="1" t="s">
        <v>10</v>
      </c>
      <c r="H5101" s="1" t="s">
        <v>10</v>
      </c>
      <c r="I5101" s="1" t="s">
        <v>17172</v>
      </c>
      <c r="J5101" s="1" t="s">
        <v>10</v>
      </c>
      <c r="K5101" s="1" t="s">
        <v>10</v>
      </c>
      <c r="L5101" s="1" t="s">
        <v>17747</v>
      </c>
      <c r="M5101" s="1" t="s">
        <v>5</v>
      </c>
      <c r="N5101" s="1" t="s">
        <v>10</v>
      </c>
      <c r="O5101" s="1" t="s">
        <v>8</v>
      </c>
      <c r="P5101" s="5" t="s">
        <v>10</v>
      </c>
    </row>
    <row r="5102" spans="1:16" x14ac:dyDescent="0.2">
      <c r="A5102" s="1" t="s">
        <v>10</v>
      </c>
      <c r="B5102" s="1" t="s">
        <v>10</v>
      </c>
      <c r="C5102" s="1" t="s">
        <v>17750</v>
      </c>
      <c r="D5102" s="1" t="s">
        <v>10</v>
      </c>
      <c r="E5102" s="1" t="s">
        <v>17751</v>
      </c>
      <c r="F5102" s="1" t="s">
        <v>10</v>
      </c>
      <c r="G5102" s="1" t="s">
        <v>10</v>
      </c>
      <c r="H5102" s="1" t="s">
        <v>10</v>
      </c>
      <c r="I5102" s="1" t="s">
        <v>17172</v>
      </c>
      <c r="J5102" s="1" t="s">
        <v>17176</v>
      </c>
      <c r="K5102" s="1" t="s">
        <v>586</v>
      </c>
      <c r="L5102" s="1" t="s">
        <v>17749</v>
      </c>
      <c r="M5102" s="1" t="s">
        <v>5</v>
      </c>
      <c r="N5102" s="1" t="s">
        <v>10</v>
      </c>
      <c r="O5102" s="1" t="s">
        <v>8</v>
      </c>
      <c r="P5102" s="5" t="s">
        <v>10</v>
      </c>
    </row>
    <row r="5103" spans="1:16" x14ac:dyDescent="0.2">
      <c r="A5103" s="1" t="s">
        <v>66</v>
      </c>
      <c r="B5103" s="1" t="s">
        <v>67</v>
      </c>
      <c r="C5103" s="1" t="s">
        <v>17753</v>
      </c>
      <c r="D5103" s="1" t="s">
        <v>10</v>
      </c>
      <c r="E5103" s="1" t="s">
        <v>17754</v>
      </c>
      <c r="F5103" s="1" t="s">
        <v>10</v>
      </c>
      <c r="G5103" s="1" t="s">
        <v>10</v>
      </c>
      <c r="H5103" s="1" t="s">
        <v>10</v>
      </c>
      <c r="I5103" s="1" t="s">
        <v>17172</v>
      </c>
      <c r="J5103" s="1" t="s">
        <v>17442</v>
      </c>
      <c r="K5103" s="1" t="s">
        <v>113</v>
      </c>
      <c r="L5103" s="1" t="s">
        <v>17752</v>
      </c>
      <c r="M5103" s="1" t="s">
        <v>5</v>
      </c>
      <c r="N5103" s="1" t="s">
        <v>10</v>
      </c>
      <c r="O5103" s="1" t="s">
        <v>8</v>
      </c>
      <c r="P5103" s="5" t="s">
        <v>10</v>
      </c>
    </row>
    <row r="5104" spans="1:16" x14ac:dyDescent="0.2">
      <c r="A5104" s="1" t="s">
        <v>10</v>
      </c>
      <c r="B5104" s="1" t="s">
        <v>10</v>
      </c>
      <c r="C5104" s="1" t="s">
        <v>17756</v>
      </c>
      <c r="D5104" s="1" t="s">
        <v>10</v>
      </c>
      <c r="E5104" s="1" t="s">
        <v>17748</v>
      </c>
      <c r="F5104" s="1" t="s">
        <v>10</v>
      </c>
      <c r="G5104" s="1" t="s">
        <v>10</v>
      </c>
      <c r="H5104" s="1" t="s">
        <v>10</v>
      </c>
      <c r="I5104" s="1" t="s">
        <v>17172</v>
      </c>
      <c r="J5104" s="1" t="s">
        <v>17176</v>
      </c>
      <c r="K5104" s="1" t="s">
        <v>10</v>
      </c>
      <c r="L5104" s="1" t="s">
        <v>17755</v>
      </c>
      <c r="M5104" s="1" t="s">
        <v>5</v>
      </c>
      <c r="N5104" s="1" t="s">
        <v>10</v>
      </c>
      <c r="O5104" s="1" t="s">
        <v>8</v>
      </c>
      <c r="P5104" s="5" t="s">
        <v>10</v>
      </c>
    </row>
    <row r="5105" spans="1:16" x14ac:dyDescent="0.2">
      <c r="A5105" s="1" t="s">
        <v>10</v>
      </c>
      <c r="B5105" s="1" t="s">
        <v>10</v>
      </c>
      <c r="C5105" s="1" t="s">
        <v>17758</v>
      </c>
      <c r="D5105" s="1" t="s">
        <v>10</v>
      </c>
      <c r="E5105" s="1" t="s">
        <v>10</v>
      </c>
      <c r="F5105" s="1" t="s">
        <v>10</v>
      </c>
      <c r="G5105" s="1" t="s">
        <v>10</v>
      </c>
      <c r="H5105" s="1" t="s">
        <v>10</v>
      </c>
      <c r="I5105" s="1" t="s">
        <v>17172</v>
      </c>
      <c r="J5105" s="1" t="s">
        <v>17176</v>
      </c>
      <c r="K5105" s="1" t="s">
        <v>113</v>
      </c>
      <c r="L5105" s="1" t="s">
        <v>17757</v>
      </c>
      <c r="M5105" s="1" t="s">
        <v>5</v>
      </c>
      <c r="N5105" s="1" t="s">
        <v>10</v>
      </c>
      <c r="O5105" s="1" t="s">
        <v>8</v>
      </c>
      <c r="P5105" s="5" t="s">
        <v>10</v>
      </c>
    </row>
    <row r="5106" spans="1:16" x14ac:dyDescent="0.2">
      <c r="A5106" s="1" t="s">
        <v>10</v>
      </c>
      <c r="B5106" s="1" t="s">
        <v>10</v>
      </c>
      <c r="C5106" s="1" t="s">
        <v>17760</v>
      </c>
      <c r="D5106" s="1" t="s">
        <v>17761</v>
      </c>
      <c r="E5106" s="1"/>
      <c r="F5106" s="1" t="s">
        <v>10</v>
      </c>
      <c r="G5106" s="1" t="s">
        <v>10</v>
      </c>
      <c r="H5106" s="1" t="s">
        <v>10</v>
      </c>
      <c r="I5106" s="1" t="s">
        <v>17172</v>
      </c>
      <c r="J5106" s="1" t="s">
        <v>17176</v>
      </c>
      <c r="K5106" s="1" t="s">
        <v>47</v>
      </c>
      <c r="L5106" s="1" t="s">
        <v>17759</v>
      </c>
      <c r="M5106" s="1" t="s">
        <v>5</v>
      </c>
      <c r="N5106" s="1" t="s">
        <v>10</v>
      </c>
      <c r="O5106" s="1" t="s">
        <v>38</v>
      </c>
      <c r="P5106" s="5" t="s">
        <v>31850</v>
      </c>
    </row>
    <row r="5107" spans="1:16" x14ac:dyDescent="0.2">
      <c r="A5107" s="1" t="s">
        <v>66</v>
      </c>
      <c r="B5107" s="1" t="s">
        <v>67</v>
      </c>
      <c r="C5107" s="1" t="s">
        <v>17763</v>
      </c>
      <c r="D5107" s="1" t="s">
        <v>17764</v>
      </c>
      <c r="E5107" s="1" t="s">
        <v>17765</v>
      </c>
      <c r="F5107" s="1" t="s">
        <v>10</v>
      </c>
      <c r="G5107" s="1" t="s">
        <v>10</v>
      </c>
      <c r="H5107" s="1" t="s">
        <v>10</v>
      </c>
      <c r="I5107" s="1" t="s">
        <v>17172</v>
      </c>
      <c r="J5107" s="1" t="s">
        <v>17224</v>
      </c>
      <c r="K5107" s="1" t="s">
        <v>113</v>
      </c>
      <c r="L5107" s="1" t="s">
        <v>17762</v>
      </c>
      <c r="M5107" s="1" t="s">
        <v>5</v>
      </c>
      <c r="N5107" s="1" t="s">
        <v>6</v>
      </c>
      <c r="O5107" s="1" t="s">
        <v>38</v>
      </c>
      <c r="P5107" s="5" t="s">
        <v>30534</v>
      </c>
    </row>
    <row r="5108" spans="1:16" x14ac:dyDescent="0.2">
      <c r="A5108" s="1" t="s">
        <v>20</v>
      </c>
      <c r="B5108" s="1" t="s">
        <v>309</v>
      </c>
      <c r="C5108" s="1" t="s">
        <v>17767</v>
      </c>
      <c r="D5108" s="1" t="s">
        <v>17768</v>
      </c>
      <c r="E5108" s="1" t="s">
        <v>17769</v>
      </c>
      <c r="F5108" s="1" t="s">
        <v>10</v>
      </c>
      <c r="G5108" s="1" t="s">
        <v>10</v>
      </c>
      <c r="H5108" s="1" t="s">
        <v>10</v>
      </c>
      <c r="I5108" s="1" t="s">
        <v>17172</v>
      </c>
      <c r="J5108" s="1" t="s">
        <v>17229</v>
      </c>
      <c r="K5108" s="1" t="s">
        <v>7</v>
      </c>
      <c r="L5108" s="1" t="s">
        <v>17766</v>
      </c>
      <c r="M5108" s="1" t="s">
        <v>5</v>
      </c>
      <c r="N5108" s="1" t="s">
        <v>10</v>
      </c>
      <c r="O5108" s="1" t="s">
        <v>38</v>
      </c>
      <c r="P5108" s="5" t="s">
        <v>30535</v>
      </c>
    </row>
    <row r="5109" spans="1:16" x14ac:dyDescent="0.2">
      <c r="A5109" s="1" t="s">
        <v>10</v>
      </c>
      <c r="B5109" s="1" t="s">
        <v>10</v>
      </c>
      <c r="C5109" s="1" t="s">
        <v>17771</v>
      </c>
      <c r="D5109" s="1" t="s">
        <v>10</v>
      </c>
      <c r="E5109" s="1" t="s">
        <v>17772</v>
      </c>
      <c r="F5109" s="1" t="s">
        <v>10</v>
      </c>
      <c r="G5109" s="1" t="s">
        <v>10</v>
      </c>
      <c r="H5109" s="1" t="s">
        <v>10</v>
      </c>
      <c r="I5109" s="1" t="s">
        <v>17172</v>
      </c>
      <c r="J5109" s="1" t="s">
        <v>17176</v>
      </c>
      <c r="K5109" s="1" t="s">
        <v>47</v>
      </c>
      <c r="L5109" s="1" t="s">
        <v>17770</v>
      </c>
      <c r="M5109" s="1" t="s">
        <v>5</v>
      </c>
      <c r="N5109" s="1" t="s">
        <v>10</v>
      </c>
      <c r="O5109" s="1" t="s">
        <v>8</v>
      </c>
      <c r="P5109" s="5" t="s">
        <v>30536</v>
      </c>
    </row>
    <row r="5110" spans="1:16" x14ac:dyDescent="0.2">
      <c r="A5110" s="1" t="s">
        <v>10</v>
      </c>
      <c r="B5110" s="1" t="s">
        <v>10</v>
      </c>
      <c r="C5110" s="1" t="s">
        <v>17774</v>
      </c>
      <c r="D5110" s="1" t="s">
        <v>17775</v>
      </c>
      <c r="E5110" s="1" t="s">
        <v>16063</v>
      </c>
      <c r="F5110" s="1" t="s">
        <v>10</v>
      </c>
      <c r="G5110" s="1" t="s">
        <v>10</v>
      </c>
      <c r="H5110" s="1" t="s">
        <v>10</v>
      </c>
      <c r="I5110" s="1" t="s">
        <v>17172</v>
      </c>
      <c r="J5110" s="1" t="s">
        <v>17229</v>
      </c>
      <c r="K5110" s="1" t="s">
        <v>7</v>
      </c>
      <c r="L5110" s="1" t="s">
        <v>17773</v>
      </c>
      <c r="M5110" s="1" t="s">
        <v>5</v>
      </c>
      <c r="N5110" s="1" t="s">
        <v>10</v>
      </c>
      <c r="O5110" s="1" t="s">
        <v>38</v>
      </c>
      <c r="P5110" s="5" t="s">
        <v>30537</v>
      </c>
    </row>
    <row r="5111" spans="1:16" x14ac:dyDescent="0.2">
      <c r="A5111" s="1" t="s">
        <v>20</v>
      </c>
      <c r="B5111" s="1" t="s">
        <v>21</v>
      </c>
      <c r="C5111" s="1" t="s">
        <v>17777</v>
      </c>
      <c r="D5111" s="1" t="s">
        <v>17778</v>
      </c>
      <c r="E5111" s="1" t="s">
        <v>17779</v>
      </c>
      <c r="F5111" s="1" t="s">
        <v>10</v>
      </c>
      <c r="G5111" s="1" t="s">
        <v>10</v>
      </c>
      <c r="H5111" s="1" t="s">
        <v>10</v>
      </c>
      <c r="I5111" s="1" t="s">
        <v>17172</v>
      </c>
      <c r="J5111" s="1" t="s">
        <v>17214</v>
      </c>
      <c r="K5111" s="1" t="s">
        <v>7</v>
      </c>
      <c r="L5111" s="1" t="s">
        <v>17776</v>
      </c>
      <c r="M5111" s="1" t="s">
        <v>5</v>
      </c>
      <c r="N5111" s="1" t="s">
        <v>10</v>
      </c>
      <c r="O5111" s="1" t="s">
        <v>38</v>
      </c>
      <c r="P5111" s="5" t="s">
        <v>30538</v>
      </c>
    </row>
    <row r="5112" spans="1:16" x14ac:dyDescent="0.2">
      <c r="A5112" s="1" t="s">
        <v>42</v>
      </c>
      <c r="B5112" s="1" t="s">
        <v>10</v>
      </c>
      <c r="C5112" s="1" t="s">
        <v>17781</v>
      </c>
      <c r="D5112" s="1" t="s">
        <v>17782</v>
      </c>
      <c r="E5112" s="1" t="s">
        <v>17783</v>
      </c>
      <c r="F5112" s="1" t="s">
        <v>10</v>
      </c>
      <c r="G5112" s="1" t="s">
        <v>10</v>
      </c>
      <c r="H5112" s="1" t="s">
        <v>10</v>
      </c>
      <c r="I5112" s="1" t="s">
        <v>17172</v>
      </c>
      <c r="J5112" s="1" t="s">
        <v>17214</v>
      </c>
      <c r="K5112" s="1" t="s">
        <v>1284</v>
      </c>
      <c r="L5112" s="1" t="s">
        <v>17780</v>
      </c>
      <c r="M5112" s="1" t="s">
        <v>5</v>
      </c>
      <c r="N5112" s="1" t="s">
        <v>10</v>
      </c>
      <c r="O5112" s="1" t="s">
        <v>38</v>
      </c>
      <c r="P5112" s="5" t="s">
        <v>31857</v>
      </c>
    </row>
    <row r="5113" spans="1:16" x14ac:dyDescent="0.2">
      <c r="A5113" s="1" t="s">
        <v>20</v>
      </c>
      <c r="B5113" s="1" t="s">
        <v>132</v>
      </c>
      <c r="C5113" s="1" t="s">
        <v>17785</v>
      </c>
      <c r="D5113" s="1" t="s">
        <v>17786</v>
      </c>
      <c r="E5113" s="1" t="s">
        <v>17787</v>
      </c>
      <c r="F5113" s="1" t="s">
        <v>10</v>
      </c>
      <c r="G5113" s="1" t="s">
        <v>10</v>
      </c>
      <c r="H5113" s="1" t="s">
        <v>10</v>
      </c>
      <c r="I5113" s="1" t="s">
        <v>17172</v>
      </c>
      <c r="J5113" s="1" t="s">
        <v>17229</v>
      </c>
      <c r="K5113" s="1" t="s">
        <v>130</v>
      </c>
      <c r="L5113" s="1" t="s">
        <v>17784</v>
      </c>
      <c r="M5113" s="1" t="s">
        <v>5</v>
      </c>
      <c r="N5113" s="1" t="s">
        <v>10</v>
      </c>
      <c r="O5113" s="1" t="s">
        <v>38</v>
      </c>
      <c r="P5113" s="5" t="s">
        <v>31858</v>
      </c>
    </row>
    <row r="5114" spans="1:16" x14ac:dyDescent="0.2">
      <c r="A5114" s="1" t="s">
        <v>1385</v>
      </c>
      <c r="B5114" s="1" t="s">
        <v>2028</v>
      </c>
      <c r="C5114" s="1" t="s">
        <v>17789</v>
      </c>
      <c r="D5114" s="1" t="s">
        <v>17790</v>
      </c>
      <c r="E5114" s="1" t="s">
        <v>17791</v>
      </c>
      <c r="F5114" s="1" t="s">
        <v>27</v>
      </c>
      <c r="G5114" s="1" t="s">
        <v>10</v>
      </c>
      <c r="H5114" s="1" t="s">
        <v>17792</v>
      </c>
      <c r="I5114" s="1" t="s">
        <v>17172</v>
      </c>
      <c r="J5114" s="1" t="s">
        <v>17224</v>
      </c>
      <c r="K5114" s="1" t="s">
        <v>7</v>
      </c>
      <c r="L5114" s="1" t="s">
        <v>17788</v>
      </c>
      <c r="M5114" s="1" t="s">
        <v>5</v>
      </c>
      <c r="N5114" s="1" t="s">
        <v>6</v>
      </c>
      <c r="O5114" s="1" t="s">
        <v>8</v>
      </c>
      <c r="P5114" s="5" t="s">
        <v>30539</v>
      </c>
    </row>
    <row r="5115" spans="1:16" x14ac:dyDescent="0.2">
      <c r="A5115" s="1" t="s">
        <v>42</v>
      </c>
      <c r="B5115" s="1" t="s">
        <v>1890</v>
      </c>
      <c r="C5115" s="1" t="s">
        <v>17794</v>
      </c>
      <c r="D5115" s="1" t="s">
        <v>17795</v>
      </c>
      <c r="E5115" s="1" t="s">
        <v>17796</v>
      </c>
      <c r="F5115" s="1" t="s">
        <v>10</v>
      </c>
      <c r="G5115" s="1" t="s">
        <v>10</v>
      </c>
      <c r="H5115" s="1" t="s">
        <v>10</v>
      </c>
      <c r="I5115" s="1" t="s">
        <v>17172</v>
      </c>
      <c r="J5115" s="1" t="s">
        <v>17214</v>
      </c>
      <c r="K5115" s="1" t="s">
        <v>47</v>
      </c>
      <c r="L5115" s="1" t="s">
        <v>17793</v>
      </c>
      <c r="M5115" s="1" t="s">
        <v>5</v>
      </c>
      <c r="N5115" s="1" t="s">
        <v>10</v>
      </c>
      <c r="O5115" s="1" t="s">
        <v>38</v>
      </c>
      <c r="P5115" s="5" t="s">
        <v>14</v>
      </c>
    </row>
    <row r="5116" spans="1:16" x14ac:dyDescent="0.2">
      <c r="A5116" s="1" t="s">
        <v>42</v>
      </c>
      <c r="B5116" s="1" t="s">
        <v>1890</v>
      </c>
      <c r="C5116" s="1" t="s">
        <v>17798</v>
      </c>
      <c r="D5116" s="1" t="s">
        <v>17799</v>
      </c>
      <c r="E5116" s="1" t="s">
        <v>17800</v>
      </c>
      <c r="F5116" s="1" t="s">
        <v>10</v>
      </c>
      <c r="G5116" s="1" t="s">
        <v>10</v>
      </c>
      <c r="H5116" s="1" t="s">
        <v>10</v>
      </c>
      <c r="I5116" s="1" t="s">
        <v>17172</v>
      </c>
      <c r="J5116" s="1" t="s">
        <v>17214</v>
      </c>
      <c r="K5116" s="1" t="s">
        <v>47</v>
      </c>
      <c r="L5116" s="1" t="s">
        <v>17797</v>
      </c>
      <c r="M5116" s="1" t="s">
        <v>5</v>
      </c>
      <c r="N5116" s="1" t="s">
        <v>10</v>
      </c>
      <c r="O5116" s="1" t="s">
        <v>38</v>
      </c>
      <c r="P5116" s="5" t="s">
        <v>31859</v>
      </c>
    </row>
    <row r="5117" spans="1:16" x14ac:dyDescent="0.2">
      <c r="A5117" s="1" t="s">
        <v>487</v>
      </c>
      <c r="B5117" s="1" t="s">
        <v>765</v>
      </c>
      <c r="C5117" s="1" t="s">
        <v>17802</v>
      </c>
      <c r="D5117" s="1" t="s">
        <v>17803</v>
      </c>
      <c r="E5117" s="1" t="s">
        <v>17804</v>
      </c>
      <c r="F5117" s="1" t="s">
        <v>10</v>
      </c>
      <c r="G5117" s="1" t="s">
        <v>10</v>
      </c>
      <c r="H5117" s="1" t="s">
        <v>10</v>
      </c>
      <c r="I5117" s="1" t="s">
        <v>17172</v>
      </c>
      <c r="J5117" s="1" t="s">
        <v>17465</v>
      </c>
      <c r="K5117" s="1" t="s">
        <v>12368</v>
      </c>
      <c r="L5117" s="1" t="s">
        <v>17801</v>
      </c>
      <c r="M5117" s="1" t="s">
        <v>5</v>
      </c>
      <c r="N5117" s="1" t="s">
        <v>10</v>
      </c>
      <c r="O5117" s="1" t="s">
        <v>38</v>
      </c>
      <c r="P5117" s="5" t="s">
        <v>14</v>
      </c>
    </row>
    <row r="5118" spans="1:16" x14ac:dyDescent="0.2">
      <c r="A5118" s="1" t="s">
        <v>20</v>
      </c>
      <c r="B5118" s="1" t="s">
        <v>93</v>
      </c>
      <c r="C5118" s="1" t="s">
        <v>17806</v>
      </c>
      <c r="D5118" s="1" t="s">
        <v>17806</v>
      </c>
      <c r="E5118" s="1" t="s">
        <v>17807</v>
      </c>
      <c r="F5118" s="1" t="s">
        <v>10</v>
      </c>
      <c r="G5118" s="1" t="s">
        <v>10</v>
      </c>
      <c r="H5118" s="1" t="s">
        <v>10</v>
      </c>
      <c r="I5118" s="1" t="s">
        <v>17172</v>
      </c>
      <c r="J5118" s="1" t="s">
        <v>17293</v>
      </c>
      <c r="K5118" s="1" t="s">
        <v>47</v>
      </c>
      <c r="L5118" s="1" t="s">
        <v>17805</v>
      </c>
      <c r="M5118" s="1" t="s">
        <v>5</v>
      </c>
      <c r="N5118" s="1" t="s">
        <v>10</v>
      </c>
      <c r="O5118" s="1" t="s">
        <v>38</v>
      </c>
      <c r="P5118" s="5" t="s">
        <v>31860</v>
      </c>
    </row>
    <row r="5119" spans="1:16" x14ac:dyDescent="0.2">
      <c r="A5119" s="1" t="s">
        <v>10</v>
      </c>
      <c r="B5119" s="1" t="s">
        <v>10</v>
      </c>
      <c r="C5119" s="1" t="s">
        <v>17809</v>
      </c>
      <c r="D5119" s="1" t="s">
        <v>17810</v>
      </c>
      <c r="E5119" s="1" t="s">
        <v>17811</v>
      </c>
      <c r="F5119" s="1" t="s">
        <v>10</v>
      </c>
      <c r="G5119" s="1" t="s">
        <v>10</v>
      </c>
      <c r="H5119" s="1" t="s">
        <v>10</v>
      </c>
      <c r="I5119" s="1" t="s">
        <v>17172</v>
      </c>
      <c r="J5119" s="1" t="s">
        <v>17214</v>
      </c>
      <c r="K5119" s="1" t="s">
        <v>47</v>
      </c>
      <c r="L5119" s="1" t="s">
        <v>17808</v>
      </c>
      <c r="M5119" s="1" t="s">
        <v>5</v>
      </c>
      <c r="N5119" s="1" t="s">
        <v>10</v>
      </c>
      <c r="O5119" s="1" t="s">
        <v>38</v>
      </c>
      <c r="P5119" s="5" t="s">
        <v>31861</v>
      </c>
    </row>
    <row r="5120" spans="1:16" x14ac:dyDescent="0.2">
      <c r="A5120" s="1" t="s">
        <v>66</v>
      </c>
      <c r="B5120" s="1" t="s">
        <v>67</v>
      </c>
      <c r="C5120" s="1" t="s">
        <v>17813</v>
      </c>
      <c r="D5120" s="1" t="s">
        <v>17814</v>
      </c>
      <c r="E5120" s="1" t="s">
        <v>17815</v>
      </c>
      <c r="F5120" s="1" t="s">
        <v>10</v>
      </c>
      <c r="G5120" s="1" t="s">
        <v>10</v>
      </c>
      <c r="H5120" s="1" t="s">
        <v>10</v>
      </c>
      <c r="I5120" s="1" t="s">
        <v>17172</v>
      </c>
      <c r="J5120" s="1" t="s">
        <v>17224</v>
      </c>
      <c r="K5120" s="1" t="s">
        <v>113</v>
      </c>
      <c r="L5120" s="1" t="s">
        <v>17812</v>
      </c>
      <c r="M5120" s="1" t="s">
        <v>5</v>
      </c>
      <c r="N5120" s="1" t="s">
        <v>6</v>
      </c>
      <c r="O5120" s="1" t="s">
        <v>38</v>
      </c>
      <c r="P5120" s="5" t="s">
        <v>31862</v>
      </c>
    </row>
    <row r="5121" spans="1:16" x14ac:dyDescent="0.2">
      <c r="A5121" s="1" t="s">
        <v>487</v>
      </c>
      <c r="B5121" s="1" t="s">
        <v>488</v>
      </c>
      <c r="C5121" s="1" t="s">
        <v>17817</v>
      </c>
      <c r="D5121" s="1" t="s">
        <v>10</v>
      </c>
      <c r="E5121" s="1" t="s">
        <v>17818</v>
      </c>
      <c r="F5121" s="1" t="s">
        <v>27</v>
      </c>
      <c r="G5121" s="1" t="s">
        <v>10</v>
      </c>
      <c r="H5121" s="1" t="s">
        <v>17819</v>
      </c>
      <c r="I5121" s="1" t="s">
        <v>17172</v>
      </c>
      <c r="J5121" s="1" t="s">
        <v>17251</v>
      </c>
      <c r="K5121" s="1" t="s">
        <v>64</v>
      </c>
      <c r="L5121" s="1" t="s">
        <v>17816</v>
      </c>
      <c r="M5121" s="1" t="s">
        <v>5</v>
      </c>
      <c r="N5121" s="1" t="s">
        <v>10</v>
      </c>
      <c r="O5121" s="1" t="s">
        <v>8</v>
      </c>
      <c r="P5121" s="5" t="s">
        <v>10</v>
      </c>
    </row>
    <row r="5122" spans="1:16" x14ac:dyDescent="0.2">
      <c r="A5122" s="1" t="s">
        <v>66</v>
      </c>
      <c r="B5122" s="1" t="s">
        <v>4741</v>
      </c>
      <c r="C5122" s="1" t="s">
        <v>17821</v>
      </c>
      <c r="D5122" s="1" t="s">
        <v>17822</v>
      </c>
      <c r="E5122" s="1" t="s">
        <v>17823</v>
      </c>
      <c r="F5122" s="1" t="s">
        <v>10</v>
      </c>
      <c r="G5122" s="1" t="s">
        <v>10</v>
      </c>
      <c r="H5122" s="1" t="s">
        <v>10</v>
      </c>
      <c r="I5122" s="1" t="s">
        <v>17172</v>
      </c>
      <c r="J5122" s="1" t="s">
        <v>17224</v>
      </c>
      <c r="K5122" s="1" t="s">
        <v>47</v>
      </c>
      <c r="L5122" s="1" t="s">
        <v>17820</v>
      </c>
      <c r="M5122" s="1" t="s">
        <v>5</v>
      </c>
      <c r="N5122" s="1" t="s">
        <v>6</v>
      </c>
      <c r="O5122" s="1" t="s">
        <v>38</v>
      </c>
      <c r="P5122" s="5" t="s">
        <v>31863</v>
      </c>
    </row>
    <row r="5123" spans="1:16" x14ac:dyDescent="0.2">
      <c r="A5123" s="1" t="s">
        <v>66</v>
      </c>
      <c r="B5123" s="1" t="s">
        <v>67</v>
      </c>
      <c r="C5123" s="1" t="s">
        <v>17826</v>
      </c>
      <c r="D5123" s="1" t="s">
        <v>17827</v>
      </c>
      <c r="E5123" s="1" t="s">
        <v>17824</v>
      </c>
      <c r="F5123" s="1" t="s">
        <v>10</v>
      </c>
      <c r="G5123" s="1" t="s">
        <v>10</v>
      </c>
      <c r="H5123" s="1" t="s">
        <v>10</v>
      </c>
      <c r="I5123" s="1" t="s">
        <v>17172</v>
      </c>
      <c r="J5123" s="1" t="s">
        <v>17224</v>
      </c>
      <c r="K5123" s="1" t="s">
        <v>113</v>
      </c>
      <c r="L5123" s="1" t="s">
        <v>17825</v>
      </c>
      <c r="M5123" s="1" t="s">
        <v>5</v>
      </c>
      <c r="N5123" s="1" t="s">
        <v>6</v>
      </c>
      <c r="O5123" s="1" t="s">
        <v>38</v>
      </c>
      <c r="P5123" s="5" t="s">
        <v>31864</v>
      </c>
    </row>
    <row r="5124" spans="1:16" x14ac:dyDescent="0.2">
      <c r="A5124" s="1" t="s">
        <v>66</v>
      </c>
      <c r="B5124" s="1" t="s">
        <v>67</v>
      </c>
      <c r="C5124" s="1" t="s">
        <v>17829</v>
      </c>
      <c r="D5124" s="1" t="s">
        <v>17830</v>
      </c>
      <c r="E5124" s="1" t="s">
        <v>17824</v>
      </c>
      <c r="F5124" s="1" t="s">
        <v>10</v>
      </c>
      <c r="G5124" s="1" t="s">
        <v>10</v>
      </c>
      <c r="H5124" s="1" t="s">
        <v>10</v>
      </c>
      <c r="I5124" s="1" t="s">
        <v>17172</v>
      </c>
      <c r="J5124" s="1" t="s">
        <v>17224</v>
      </c>
      <c r="K5124" s="1" t="s">
        <v>113</v>
      </c>
      <c r="L5124" s="1" t="s">
        <v>17828</v>
      </c>
      <c r="M5124" s="1" t="s">
        <v>5</v>
      </c>
      <c r="N5124" s="1" t="s">
        <v>6</v>
      </c>
      <c r="O5124" s="1" t="s">
        <v>38</v>
      </c>
      <c r="P5124" s="5" t="s">
        <v>31863</v>
      </c>
    </row>
    <row r="5125" spans="1:16" x14ac:dyDescent="0.2">
      <c r="A5125" s="1" t="s">
        <v>20</v>
      </c>
      <c r="B5125" s="1" t="s">
        <v>132</v>
      </c>
      <c r="C5125" s="1" t="s">
        <v>17832</v>
      </c>
      <c r="D5125" s="1" t="s">
        <v>17833</v>
      </c>
      <c r="E5125" s="1" t="s">
        <v>17834</v>
      </c>
      <c r="F5125" s="1" t="s">
        <v>10</v>
      </c>
      <c r="G5125" s="1" t="s">
        <v>10</v>
      </c>
      <c r="H5125" s="1" t="s">
        <v>10</v>
      </c>
      <c r="I5125" s="1" t="s">
        <v>17172</v>
      </c>
      <c r="J5125" s="1" t="s">
        <v>17224</v>
      </c>
      <c r="K5125" s="1" t="s">
        <v>130</v>
      </c>
      <c r="L5125" s="1" t="s">
        <v>17831</v>
      </c>
      <c r="M5125" s="1" t="s">
        <v>5</v>
      </c>
      <c r="N5125" s="1" t="s">
        <v>6</v>
      </c>
      <c r="O5125" s="1" t="s">
        <v>38</v>
      </c>
      <c r="P5125" s="5" t="s">
        <v>31865</v>
      </c>
    </row>
    <row r="5126" spans="1:16" x14ac:dyDescent="0.2">
      <c r="A5126" s="1" t="s">
        <v>20</v>
      </c>
      <c r="B5126" s="1" t="s">
        <v>132</v>
      </c>
      <c r="C5126" s="1" t="s">
        <v>17836</v>
      </c>
      <c r="D5126" s="1" t="s">
        <v>188</v>
      </c>
      <c r="E5126" s="1"/>
      <c r="F5126" s="1" t="s">
        <v>10</v>
      </c>
      <c r="G5126" s="1" t="s">
        <v>10</v>
      </c>
      <c r="H5126" s="1" t="s">
        <v>10</v>
      </c>
      <c r="I5126" s="1" t="s">
        <v>17172</v>
      </c>
      <c r="J5126" s="1" t="s">
        <v>17224</v>
      </c>
      <c r="K5126" s="1" t="s">
        <v>113</v>
      </c>
      <c r="L5126" s="1" t="s">
        <v>17835</v>
      </c>
      <c r="M5126" s="1" t="s">
        <v>5</v>
      </c>
      <c r="N5126" s="1" t="s">
        <v>6</v>
      </c>
      <c r="O5126" s="1" t="s">
        <v>38</v>
      </c>
      <c r="P5126" s="5" t="s">
        <v>31863</v>
      </c>
    </row>
    <row r="5127" spans="1:16" x14ac:dyDescent="0.2">
      <c r="A5127" s="1" t="s">
        <v>10</v>
      </c>
      <c r="B5127" s="1" t="s">
        <v>10</v>
      </c>
      <c r="C5127" s="1" t="s">
        <v>17838</v>
      </c>
      <c r="D5127" s="1" t="s">
        <v>17839</v>
      </c>
      <c r="E5127" s="1" t="s">
        <v>17840</v>
      </c>
      <c r="F5127" s="1" t="s">
        <v>10</v>
      </c>
      <c r="G5127" s="1" t="s">
        <v>10</v>
      </c>
      <c r="H5127" s="1" t="s">
        <v>10</v>
      </c>
      <c r="I5127" s="1" t="s">
        <v>17172</v>
      </c>
      <c r="J5127" s="1" t="s">
        <v>17176</v>
      </c>
      <c r="K5127" s="1" t="s">
        <v>10</v>
      </c>
      <c r="L5127" s="1" t="s">
        <v>17837</v>
      </c>
      <c r="M5127" s="1" t="s">
        <v>5</v>
      </c>
      <c r="N5127" s="1" t="s">
        <v>10</v>
      </c>
      <c r="O5127" s="1" t="s">
        <v>38</v>
      </c>
      <c r="P5127" s="5" t="s">
        <v>10</v>
      </c>
    </row>
    <row r="5128" spans="1:16" x14ac:dyDescent="0.2">
      <c r="A5128" s="1" t="s">
        <v>10</v>
      </c>
      <c r="B5128" s="1" t="s">
        <v>10</v>
      </c>
      <c r="C5128" s="1" t="s">
        <v>17842</v>
      </c>
      <c r="D5128" s="1" t="s">
        <v>10</v>
      </c>
      <c r="E5128" s="1" t="s">
        <v>17843</v>
      </c>
      <c r="F5128" s="1" t="s">
        <v>10</v>
      </c>
      <c r="G5128" s="1" t="s">
        <v>10</v>
      </c>
      <c r="H5128" s="1" t="s">
        <v>10</v>
      </c>
      <c r="I5128" s="1" t="s">
        <v>17172</v>
      </c>
      <c r="J5128" s="1" t="s">
        <v>17176</v>
      </c>
      <c r="K5128" s="1" t="s">
        <v>10</v>
      </c>
      <c r="L5128" s="1" t="s">
        <v>17841</v>
      </c>
      <c r="M5128" s="1" t="s">
        <v>5</v>
      </c>
      <c r="N5128" s="1" t="s">
        <v>10</v>
      </c>
      <c r="O5128" s="1" t="s">
        <v>8</v>
      </c>
      <c r="P5128" s="5" t="s">
        <v>10</v>
      </c>
    </row>
    <row r="5129" spans="1:16" x14ac:dyDescent="0.2">
      <c r="A5129" s="1" t="s">
        <v>10</v>
      </c>
      <c r="B5129" s="1" t="s">
        <v>10</v>
      </c>
      <c r="C5129" s="1" t="s">
        <v>2330</v>
      </c>
      <c r="D5129" s="1" t="s">
        <v>10</v>
      </c>
      <c r="E5129" s="1" t="s">
        <v>17843</v>
      </c>
      <c r="F5129" s="1" t="s">
        <v>10</v>
      </c>
      <c r="G5129" s="1" t="s">
        <v>10</v>
      </c>
      <c r="H5129" s="1" t="s">
        <v>10</v>
      </c>
      <c r="I5129" s="1" t="s">
        <v>17172</v>
      </c>
      <c r="J5129" s="1" t="s">
        <v>17176</v>
      </c>
      <c r="K5129" s="1" t="s">
        <v>10</v>
      </c>
      <c r="L5129" s="1" t="s">
        <v>17844</v>
      </c>
      <c r="M5129" s="1" t="s">
        <v>5</v>
      </c>
      <c r="N5129" s="1" t="s">
        <v>10</v>
      </c>
      <c r="O5129" s="1" t="s">
        <v>8</v>
      </c>
      <c r="P5129" s="5" t="s">
        <v>10</v>
      </c>
    </row>
    <row r="5130" spans="1:16" x14ac:dyDescent="0.2">
      <c r="A5130" s="1" t="s">
        <v>10</v>
      </c>
      <c r="B5130" s="1" t="s">
        <v>10</v>
      </c>
      <c r="C5130" s="1" t="s">
        <v>17846</v>
      </c>
      <c r="D5130" s="1" t="s">
        <v>10</v>
      </c>
      <c r="E5130" s="1" t="s">
        <v>17843</v>
      </c>
      <c r="F5130" s="1" t="s">
        <v>10</v>
      </c>
      <c r="G5130" s="1" t="s">
        <v>10</v>
      </c>
      <c r="H5130" s="1" t="s">
        <v>10</v>
      </c>
      <c r="I5130" s="1" t="s">
        <v>17172</v>
      </c>
      <c r="J5130" s="1" t="s">
        <v>17176</v>
      </c>
      <c r="K5130" s="1" t="s">
        <v>10</v>
      </c>
      <c r="L5130" s="1" t="s">
        <v>17845</v>
      </c>
      <c r="M5130" s="1" t="s">
        <v>5</v>
      </c>
      <c r="N5130" s="1" t="s">
        <v>10</v>
      </c>
      <c r="O5130" s="1" t="s">
        <v>8</v>
      </c>
      <c r="P5130" s="5" t="s">
        <v>10</v>
      </c>
    </row>
    <row r="5131" spans="1:16" x14ac:dyDescent="0.2">
      <c r="A5131" s="1" t="s">
        <v>10</v>
      </c>
      <c r="B5131" s="1" t="s">
        <v>10</v>
      </c>
      <c r="C5131" s="1" t="s">
        <v>17848</v>
      </c>
      <c r="D5131" s="1" t="s">
        <v>10</v>
      </c>
      <c r="E5131" s="1" t="s">
        <v>17849</v>
      </c>
      <c r="F5131" s="1" t="s">
        <v>10</v>
      </c>
      <c r="G5131" s="1" t="s">
        <v>10</v>
      </c>
      <c r="H5131" s="1" t="s">
        <v>10</v>
      </c>
      <c r="I5131" s="1" t="s">
        <v>17172</v>
      </c>
      <c r="J5131" s="1" t="s">
        <v>17176</v>
      </c>
      <c r="K5131" s="1" t="s">
        <v>10</v>
      </c>
      <c r="L5131" s="1" t="s">
        <v>17847</v>
      </c>
      <c r="M5131" s="1" t="s">
        <v>5</v>
      </c>
      <c r="N5131" s="1" t="s">
        <v>10</v>
      </c>
      <c r="O5131" s="1" t="s">
        <v>8</v>
      </c>
      <c r="P5131" s="5" t="s">
        <v>10</v>
      </c>
    </row>
    <row r="5132" spans="1:16" x14ac:dyDescent="0.2">
      <c r="A5132" s="1" t="s">
        <v>10</v>
      </c>
      <c r="B5132" s="1" t="s">
        <v>10</v>
      </c>
      <c r="C5132" s="1" t="s">
        <v>17851</v>
      </c>
      <c r="D5132" s="1" t="s">
        <v>10</v>
      </c>
      <c r="E5132" s="1" t="s">
        <v>17852</v>
      </c>
      <c r="F5132" s="1" t="s">
        <v>10</v>
      </c>
      <c r="G5132" s="1" t="s">
        <v>10</v>
      </c>
      <c r="H5132" s="1" t="s">
        <v>10</v>
      </c>
      <c r="I5132" s="1" t="s">
        <v>17172</v>
      </c>
      <c r="J5132" s="1" t="s">
        <v>17176</v>
      </c>
      <c r="K5132" s="1" t="s">
        <v>10</v>
      </c>
      <c r="L5132" s="1" t="s">
        <v>17850</v>
      </c>
      <c r="M5132" s="1" t="s">
        <v>5</v>
      </c>
      <c r="N5132" s="1" t="s">
        <v>10</v>
      </c>
      <c r="O5132" s="1" t="s">
        <v>8</v>
      </c>
      <c r="P5132" s="5" t="s">
        <v>10</v>
      </c>
    </row>
    <row r="5133" spans="1:16" x14ac:dyDescent="0.2">
      <c r="A5133" s="1" t="s">
        <v>10</v>
      </c>
      <c r="B5133" s="1" t="s">
        <v>10</v>
      </c>
      <c r="C5133" s="1" t="s">
        <v>17854</v>
      </c>
      <c r="D5133" s="1" t="s">
        <v>10</v>
      </c>
      <c r="E5133" s="1" t="s">
        <v>17855</v>
      </c>
      <c r="F5133" s="1" t="s">
        <v>10</v>
      </c>
      <c r="G5133" s="1" t="s">
        <v>10</v>
      </c>
      <c r="H5133" s="1" t="s">
        <v>10</v>
      </c>
      <c r="I5133" s="1" t="s">
        <v>17172</v>
      </c>
      <c r="J5133" s="1" t="s">
        <v>10</v>
      </c>
      <c r="K5133" s="1" t="s">
        <v>10</v>
      </c>
      <c r="L5133" s="1" t="s">
        <v>17853</v>
      </c>
      <c r="M5133" s="1" t="s">
        <v>5</v>
      </c>
      <c r="N5133" s="1" t="s">
        <v>10</v>
      </c>
      <c r="O5133" s="1" t="s">
        <v>8</v>
      </c>
      <c r="P5133" s="5"/>
    </row>
    <row r="5134" spans="1:16" x14ac:dyDescent="0.2">
      <c r="A5134" s="1" t="s">
        <v>10</v>
      </c>
      <c r="B5134" s="1" t="s">
        <v>10</v>
      </c>
      <c r="C5134" s="1" t="s">
        <v>17857</v>
      </c>
      <c r="D5134" s="1" t="s">
        <v>10</v>
      </c>
      <c r="E5134" s="1" t="s">
        <v>17858</v>
      </c>
      <c r="F5134" s="1" t="s">
        <v>10</v>
      </c>
      <c r="G5134" s="1" t="s">
        <v>10</v>
      </c>
      <c r="H5134" s="1" t="s">
        <v>10</v>
      </c>
      <c r="I5134" s="1" t="s">
        <v>17172</v>
      </c>
      <c r="J5134" s="1" t="s">
        <v>17176</v>
      </c>
      <c r="K5134" s="1" t="s">
        <v>10</v>
      </c>
      <c r="L5134" s="1" t="s">
        <v>17856</v>
      </c>
      <c r="M5134" s="1" t="s">
        <v>5</v>
      </c>
      <c r="N5134" s="1" t="s">
        <v>10</v>
      </c>
      <c r="O5134" s="1" t="s">
        <v>8</v>
      </c>
      <c r="P5134" s="5" t="s">
        <v>10</v>
      </c>
    </row>
    <row r="5135" spans="1:16" x14ac:dyDescent="0.2">
      <c r="A5135" s="1" t="s">
        <v>10</v>
      </c>
      <c r="B5135" s="1" t="s">
        <v>10</v>
      </c>
      <c r="C5135" s="1" t="s">
        <v>17860</v>
      </c>
      <c r="D5135" s="1" t="s">
        <v>17860</v>
      </c>
      <c r="E5135" s="1" t="s">
        <v>17861</v>
      </c>
      <c r="F5135" s="1" t="s">
        <v>10</v>
      </c>
      <c r="G5135" s="1" t="s">
        <v>10</v>
      </c>
      <c r="H5135" s="1" t="s">
        <v>10</v>
      </c>
      <c r="I5135" s="1" t="s">
        <v>17172</v>
      </c>
      <c r="J5135" s="1" t="s">
        <v>17176</v>
      </c>
      <c r="K5135" s="1" t="s">
        <v>10</v>
      </c>
      <c r="L5135" s="1" t="s">
        <v>17859</v>
      </c>
      <c r="M5135" s="1" t="s">
        <v>5</v>
      </c>
      <c r="N5135" s="1" t="s">
        <v>10</v>
      </c>
      <c r="O5135" s="1" t="s">
        <v>8</v>
      </c>
      <c r="P5135" s="5" t="s">
        <v>10</v>
      </c>
    </row>
    <row r="5136" spans="1:16" x14ac:dyDescent="0.2">
      <c r="A5136" s="1" t="s">
        <v>10</v>
      </c>
      <c r="B5136" s="1" t="s">
        <v>10</v>
      </c>
      <c r="C5136" s="1" t="s">
        <v>17863</v>
      </c>
      <c r="D5136" s="1" t="s">
        <v>17864</v>
      </c>
      <c r="E5136" s="1" t="s">
        <v>17865</v>
      </c>
      <c r="F5136" s="1" t="s">
        <v>10</v>
      </c>
      <c r="G5136" s="1" t="s">
        <v>10</v>
      </c>
      <c r="H5136" s="1" t="s">
        <v>10</v>
      </c>
      <c r="I5136" s="1" t="s">
        <v>17172</v>
      </c>
      <c r="J5136" s="1" t="s">
        <v>17176</v>
      </c>
      <c r="K5136" s="1" t="s">
        <v>10</v>
      </c>
      <c r="L5136" s="1" t="s">
        <v>17862</v>
      </c>
      <c r="M5136" s="1" t="s">
        <v>5</v>
      </c>
      <c r="N5136" s="1" t="s">
        <v>10</v>
      </c>
      <c r="O5136" s="1" t="s">
        <v>8</v>
      </c>
      <c r="P5136" s="5" t="s">
        <v>10</v>
      </c>
    </row>
    <row r="5137" spans="1:16" x14ac:dyDescent="0.2">
      <c r="A5137" s="1" t="s">
        <v>10</v>
      </c>
      <c r="B5137" s="1" t="s">
        <v>10</v>
      </c>
      <c r="C5137" s="1" t="s">
        <v>17867</v>
      </c>
      <c r="D5137" s="1" t="s">
        <v>17868</v>
      </c>
      <c r="E5137" s="1" t="s">
        <v>17869</v>
      </c>
      <c r="F5137" s="1" t="s">
        <v>10</v>
      </c>
      <c r="G5137" s="1" t="s">
        <v>10</v>
      </c>
      <c r="H5137" s="1" t="s">
        <v>10</v>
      </c>
      <c r="I5137" s="1" t="s">
        <v>17172</v>
      </c>
      <c r="J5137" s="1" t="s">
        <v>17176</v>
      </c>
      <c r="K5137" s="1" t="s">
        <v>10</v>
      </c>
      <c r="L5137" s="1" t="s">
        <v>17866</v>
      </c>
      <c r="M5137" s="1" t="s">
        <v>5</v>
      </c>
      <c r="N5137" s="1" t="s">
        <v>10</v>
      </c>
      <c r="O5137" s="1" t="s">
        <v>8</v>
      </c>
      <c r="P5137" s="5" t="s">
        <v>10</v>
      </c>
    </row>
    <row r="5138" spans="1:16" x14ac:dyDescent="0.2">
      <c r="A5138" s="1" t="s">
        <v>10</v>
      </c>
      <c r="B5138" s="1" t="s">
        <v>10</v>
      </c>
      <c r="C5138" s="1" t="s">
        <v>17871</v>
      </c>
      <c r="D5138" s="1" t="s">
        <v>10</v>
      </c>
      <c r="E5138" s="1" t="s">
        <v>10</v>
      </c>
      <c r="F5138" s="1" t="s">
        <v>10</v>
      </c>
      <c r="G5138" s="1" t="s">
        <v>10</v>
      </c>
      <c r="H5138" s="1" t="s">
        <v>10</v>
      </c>
      <c r="I5138" s="1" t="s">
        <v>17172</v>
      </c>
      <c r="J5138" s="1" t="s">
        <v>17176</v>
      </c>
      <c r="K5138" s="1" t="s">
        <v>113</v>
      </c>
      <c r="L5138" s="1" t="s">
        <v>17870</v>
      </c>
      <c r="M5138" s="1" t="s">
        <v>5</v>
      </c>
      <c r="N5138" s="1" t="s">
        <v>10</v>
      </c>
      <c r="O5138" s="1" t="s">
        <v>38</v>
      </c>
      <c r="P5138" s="5" t="s">
        <v>10</v>
      </c>
    </row>
    <row r="5139" spans="1:16" x14ac:dyDescent="0.2">
      <c r="A5139" s="1" t="s">
        <v>10</v>
      </c>
      <c r="B5139" s="1" t="s">
        <v>10</v>
      </c>
      <c r="C5139" s="1" t="s">
        <v>17873</v>
      </c>
      <c r="D5139" s="1" t="s">
        <v>17874</v>
      </c>
      <c r="E5139" s="1" t="s">
        <v>17875</v>
      </c>
      <c r="F5139" s="1" t="s">
        <v>10</v>
      </c>
      <c r="G5139" s="1" t="s">
        <v>10</v>
      </c>
      <c r="H5139" s="1" t="s">
        <v>10</v>
      </c>
      <c r="I5139" s="1" t="s">
        <v>17172</v>
      </c>
      <c r="J5139" s="1" t="s">
        <v>17176</v>
      </c>
      <c r="K5139" s="1" t="s">
        <v>10</v>
      </c>
      <c r="L5139" s="1" t="s">
        <v>17872</v>
      </c>
      <c r="M5139" s="1" t="s">
        <v>5</v>
      </c>
      <c r="N5139" s="1" t="s">
        <v>10</v>
      </c>
      <c r="O5139" s="1" t="s">
        <v>8</v>
      </c>
      <c r="P5139" s="5" t="s">
        <v>10</v>
      </c>
    </row>
    <row r="5140" spans="1:16" x14ac:dyDescent="0.2">
      <c r="A5140" s="1" t="s">
        <v>66</v>
      </c>
      <c r="B5140" s="1" t="s">
        <v>67</v>
      </c>
      <c r="C5140" s="1" t="s">
        <v>17877</v>
      </c>
      <c r="D5140" s="1" t="s">
        <v>17878</v>
      </c>
      <c r="E5140" s="1" t="s">
        <v>17879</v>
      </c>
      <c r="F5140" s="1" t="s">
        <v>10</v>
      </c>
      <c r="G5140" s="1" t="s">
        <v>10</v>
      </c>
      <c r="H5140" s="1" t="s">
        <v>10</v>
      </c>
      <c r="I5140" s="1" t="s">
        <v>17172</v>
      </c>
      <c r="J5140" s="1" t="s">
        <v>17224</v>
      </c>
      <c r="K5140" s="1" t="s">
        <v>113</v>
      </c>
      <c r="L5140" s="1" t="s">
        <v>17876</v>
      </c>
      <c r="M5140" s="1" t="s">
        <v>5</v>
      </c>
      <c r="N5140" s="1" t="s">
        <v>6</v>
      </c>
      <c r="O5140" s="1" t="s">
        <v>38</v>
      </c>
      <c r="P5140" s="5" t="s">
        <v>31866</v>
      </c>
    </row>
    <row r="5141" spans="1:16" x14ac:dyDescent="0.2">
      <c r="A5141" s="1" t="s">
        <v>10</v>
      </c>
      <c r="B5141" s="1" t="s">
        <v>10</v>
      </c>
      <c r="C5141" s="1" t="s">
        <v>17881</v>
      </c>
      <c r="D5141" s="1" t="s">
        <v>10</v>
      </c>
      <c r="E5141" s="1" t="s">
        <v>17882</v>
      </c>
      <c r="F5141" s="1" t="s">
        <v>10</v>
      </c>
      <c r="G5141" s="1" t="s">
        <v>10</v>
      </c>
      <c r="H5141" s="1" t="s">
        <v>10</v>
      </c>
      <c r="I5141" s="1" t="s">
        <v>17172</v>
      </c>
      <c r="J5141" s="1" t="s">
        <v>17251</v>
      </c>
      <c r="K5141" s="1" t="s">
        <v>10</v>
      </c>
      <c r="L5141" s="1" t="s">
        <v>17880</v>
      </c>
      <c r="M5141" s="1" t="s">
        <v>5</v>
      </c>
      <c r="N5141" s="1" t="s">
        <v>10</v>
      </c>
      <c r="O5141" s="1" t="s">
        <v>8</v>
      </c>
      <c r="P5141" s="5" t="s">
        <v>10</v>
      </c>
    </row>
    <row r="5142" spans="1:16" x14ac:dyDescent="0.2">
      <c r="A5142" s="1" t="s">
        <v>10</v>
      </c>
      <c r="B5142" s="1" t="s">
        <v>10</v>
      </c>
      <c r="C5142" s="1" t="s">
        <v>17884</v>
      </c>
      <c r="D5142" s="1" t="s">
        <v>10</v>
      </c>
      <c r="E5142" s="1" t="s">
        <v>10</v>
      </c>
      <c r="F5142" s="1" t="s">
        <v>10</v>
      </c>
      <c r="G5142" s="1" t="s">
        <v>10</v>
      </c>
      <c r="H5142" s="1" t="s">
        <v>10</v>
      </c>
      <c r="I5142" s="1" t="s">
        <v>17172</v>
      </c>
      <c r="J5142" s="1" t="s">
        <v>17176</v>
      </c>
      <c r="K5142" s="1" t="s">
        <v>113</v>
      </c>
      <c r="L5142" s="1" t="s">
        <v>17883</v>
      </c>
      <c r="M5142" s="1" t="s">
        <v>5</v>
      </c>
      <c r="N5142" s="1" t="s">
        <v>10</v>
      </c>
      <c r="O5142" s="1" t="s">
        <v>38</v>
      </c>
      <c r="P5142" s="5" t="s">
        <v>10</v>
      </c>
    </row>
    <row r="5143" spans="1:16" x14ac:dyDescent="0.2">
      <c r="A5143" s="1" t="s">
        <v>10</v>
      </c>
      <c r="B5143" s="1" t="s">
        <v>10</v>
      </c>
      <c r="C5143" s="1" t="s">
        <v>17886</v>
      </c>
      <c r="D5143" s="1" t="s">
        <v>10</v>
      </c>
      <c r="E5143" s="1" t="s">
        <v>10</v>
      </c>
      <c r="F5143" s="1" t="s">
        <v>10</v>
      </c>
      <c r="G5143" s="1" t="s">
        <v>10</v>
      </c>
      <c r="H5143" s="1" t="s">
        <v>10</v>
      </c>
      <c r="I5143" s="1" t="s">
        <v>17172</v>
      </c>
      <c r="J5143" s="1" t="s">
        <v>17214</v>
      </c>
      <c r="K5143" s="1" t="s">
        <v>10</v>
      </c>
      <c r="L5143" s="1" t="s">
        <v>17885</v>
      </c>
      <c r="M5143" s="1" t="s">
        <v>5</v>
      </c>
      <c r="N5143" s="1" t="s">
        <v>10</v>
      </c>
      <c r="O5143" s="1" t="s">
        <v>38</v>
      </c>
      <c r="P5143" s="5" t="s">
        <v>10</v>
      </c>
    </row>
    <row r="5144" spans="1:16" x14ac:dyDescent="0.2">
      <c r="A5144" s="1" t="s">
        <v>10</v>
      </c>
      <c r="B5144" s="1" t="s">
        <v>10</v>
      </c>
      <c r="C5144" s="1" t="s">
        <v>17888</v>
      </c>
      <c r="D5144" s="1" t="s">
        <v>10</v>
      </c>
      <c r="E5144" s="1" t="s">
        <v>10</v>
      </c>
      <c r="F5144" s="1" t="s">
        <v>10</v>
      </c>
      <c r="G5144" s="1" t="s">
        <v>10</v>
      </c>
      <c r="H5144" s="1" t="s">
        <v>10</v>
      </c>
      <c r="I5144" s="1" t="s">
        <v>17172</v>
      </c>
      <c r="J5144" s="1" t="s">
        <v>17176</v>
      </c>
      <c r="K5144" s="1" t="s">
        <v>10</v>
      </c>
      <c r="L5144" s="1" t="s">
        <v>17887</v>
      </c>
      <c r="M5144" s="1" t="s">
        <v>5</v>
      </c>
      <c r="N5144" s="1" t="s">
        <v>10</v>
      </c>
      <c r="O5144" s="1" t="s">
        <v>38</v>
      </c>
      <c r="P5144" s="5" t="s">
        <v>10</v>
      </c>
    </row>
    <row r="5145" spans="1:16" x14ac:dyDescent="0.2">
      <c r="A5145" s="1" t="s">
        <v>10</v>
      </c>
      <c r="B5145" s="1" t="s">
        <v>10</v>
      </c>
      <c r="C5145" s="1" t="s">
        <v>17890</v>
      </c>
      <c r="D5145" s="1" t="s">
        <v>10</v>
      </c>
      <c r="E5145" s="1" t="s">
        <v>10</v>
      </c>
      <c r="F5145" s="1" t="s">
        <v>10</v>
      </c>
      <c r="G5145" s="1" t="s">
        <v>10</v>
      </c>
      <c r="H5145" s="1" t="s">
        <v>10</v>
      </c>
      <c r="I5145" s="1" t="s">
        <v>17172</v>
      </c>
      <c r="J5145" s="1" t="s">
        <v>17214</v>
      </c>
      <c r="K5145" s="1" t="s">
        <v>10</v>
      </c>
      <c r="L5145" s="1" t="s">
        <v>17889</v>
      </c>
      <c r="M5145" s="1" t="s">
        <v>5</v>
      </c>
      <c r="N5145" s="1" t="s">
        <v>10</v>
      </c>
      <c r="O5145" s="1" t="s">
        <v>38</v>
      </c>
      <c r="P5145" s="5" t="s">
        <v>10</v>
      </c>
    </row>
    <row r="5146" spans="1:16" x14ac:dyDescent="0.2">
      <c r="A5146" s="1" t="s">
        <v>10</v>
      </c>
      <c r="B5146" s="1" t="s">
        <v>10</v>
      </c>
      <c r="C5146" s="1" t="s">
        <v>17892</v>
      </c>
      <c r="D5146" s="1" t="s">
        <v>10</v>
      </c>
      <c r="E5146" s="1" t="s">
        <v>10</v>
      </c>
      <c r="F5146" s="1" t="s">
        <v>10</v>
      </c>
      <c r="G5146" s="1" t="s">
        <v>10</v>
      </c>
      <c r="H5146" s="1" t="s">
        <v>10</v>
      </c>
      <c r="I5146" s="1" t="s">
        <v>17172</v>
      </c>
      <c r="J5146" s="1" t="s">
        <v>17176</v>
      </c>
      <c r="K5146" s="1" t="s">
        <v>10</v>
      </c>
      <c r="L5146" s="1" t="s">
        <v>17891</v>
      </c>
      <c r="M5146" s="1" t="s">
        <v>5</v>
      </c>
      <c r="N5146" s="1" t="s">
        <v>10</v>
      </c>
      <c r="O5146" s="1" t="s">
        <v>8</v>
      </c>
      <c r="P5146" s="5" t="s">
        <v>10</v>
      </c>
    </row>
    <row r="5147" spans="1:16" x14ac:dyDescent="0.2">
      <c r="A5147" s="1" t="s">
        <v>10</v>
      </c>
      <c r="B5147" s="1" t="s">
        <v>10</v>
      </c>
      <c r="C5147" s="1" t="s">
        <v>17894</v>
      </c>
      <c r="D5147" s="1" t="s">
        <v>10</v>
      </c>
      <c r="E5147" s="1" t="s">
        <v>17895</v>
      </c>
      <c r="F5147" s="1" t="s">
        <v>10</v>
      </c>
      <c r="G5147" s="1" t="s">
        <v>10</v>
      </c>
      <c r="H5147" s="1" t="s">
        <v>10</v>
      </c>
      <c r="I5147" s="1" t="s">
        <v>17172</v>
      </c>
      <c r="J5147" s="1" t="s">
        <v>17176</v>
      </c>
      <c r="K5147" s="1" t="s">
        <v>10</v>
      </c>
      <c r="L5147" s="1" t="s">
        <v>17893</v>
      </c>
      <c r="M5147" s="1" t="s">
        <v>5</v>
      </c>
      <c r="N5147" s="1" t="s">
        <v>10</v>
      </c>
      <c r="O5147" s="1" t="s">
        <v>8</v>
      </c>
      <c r="P5147" s="5" t="s">
        <v>10</v>
      </c>
    </row>
    <row r="5148" spans="1:16" x14ac:dyDescent="0.2">
      <c r="A5148" s="1" t="s">
        <v>10</v>
      </c>
      <c r="B5148" s="1" t="s">
        <v>10</v>
      </c>
      <c r="C5148" s="1" t="s">
        <v>17897</v>
      </c>
      <c r="D5148" s="1" t="s">
        <v>10</v>
      </c>
      <c r="E5148" s="1" t="s">
        <v>17898</v>
      </c>
      <c r="F5148" s="1" t="s">
        <v>10</v>
      </c>
      <c r="G5148" s="1" t="s">
        <v>10</v>
      </c>
      <c r="H5148" s="1" t="s">
        <v>10</v>
      </c>
      <c r="I5148" s="1" t="s">
        <v>17172</v>
      </c>
      <c r="J5148" s="1" t="s">
        <v>17442</v>
      </c>
      <c r="K5148" s="1" t="s">
        <v>113</v>
      </c>
      <c r="L5148" s="1" t="s">
        <v>17896</v>
      </c>
      <c r="M5148" s="1" t="s">
        <v>5</v>
      </c>
      <c r="N5148" s="1" t="s">
        <v>10</v>
      </c>
      <c r="O5148" s="1" t="s">
        <v>38</v>
      </c>
      <c r="P5148" s="5" t="s">
        <v>10</v>
      </c>
    </row>
    <row r="5149" spans="1:16" x14ac:dyDescent="0.2">
      <c r="A5149" s="1" t="s">
        <v>10</v>
      </c>
      <c r="B5149" s="1" t="s">
        <v>10</v>
      </c>
      <c r="C5149" s="1" t="s">
        <v>17900</v>
      </c>
      <c r="D5149" s="1" t="s">
        <v>10</v>
      </c>
      <c r="E5149" s="1" t="s">
        <v>10</v>
      </c>
      <c r="F5149" s="1" t="s">
        <v>10</v>
      </c>
      <c r="G5149" s="1" t="s">
        <v>10</v>
      </c>
      <c r="H5149" s="1" t="s">
        <v>10</v>
      </c>
      <c r="I5149" s="1" t="s">
        <v>17172</v>
      </c>
      <c r="J5149" s="1" t="s">
        <v>17176</v>
      </c>
      <c r="K5149" s="1" t="s">
        <v>10</v>
      </c>
      <c r="L5149" s="1" t="s">
        <v>17899</v>
      </c>
      <c r="M5149" s="1" t="s">
        <v>5</v>
      </c>
      <c r="N5149" s="1" t="s">
        <v>10</v>
      </c>
      <c r="O5149" s="1" t="s">
        <v>38</v>
      </c>
      <c r="P5149" s="5" t="s">
        <v>10</v>
      </c>
    </row>
    <row r="5150" spans="1:16" x14ac:dyDescent="0.2">
      <c r="A5150" s="1" t="s">
        <v>10</v>
      </c>
      <c r="B5150" s="1" t="s">
        <v>10</v>
      </c>
      <c r="C5150" s="1" t="s">
        <v>17902</v>
      </c>
      <c r="D5150" s="1" t="s">
        <v>17903</v>
      </c>
      <c r="E5150" s="1" t="s">
        <v>17905</v>
      </c>
      <c r="F5150" s="1" t="s">
        <v>10</v>
      </c>
      <c r="G5150" s="1" t="s">
        <v>10</v>
      </c>
      <c r="H5150" s="1" t="s">
        <v>10</v>
      </c>
      <c r="I5150" s="1" t="s">
        <v>17172</v>
      </c>
      <c r="J5150" s="1" t="s">
        <v>17904</v>
      </c>
      <c r="K5150" s="1" t="s">
        <v>7</v>
      </c>
      <c r="L5150" s="1" t="s">
        <v>17901</v>
      </c>
      <c r="M5150" s="1" t="s">
        <v>5</v>
      </c>
      <c r="N5150" s="1" t="s">
        <v>10</v>
      </c>
      <c r="O5150" s="1" t="s">
        <v>38</v>
      </c>
      <c r="P5150" s="5" t="s">
        <v>31867</v>
      </c>
    </row>
    <row r="5151" spans="1:16" x14ac:dyDescent="0.2">
      <c r="A5151" s="1" t="s">
        <v>20</v>
      </c>
      <c r="B5151" s="1" t="s">
        <v>309</v>
      </c>
      <c r="C5151" s="1" t="s">
        <v>17907</v>
      </c>
      <c r="D5151" s="1" t="s">
        <v>17908</v>
      </c>
      <c r="E5151" s="1" t="s">
        <v>17909</v>
      </c>
      <c r="F5151" s="1" t="s">
        <v>10</v>
      </c>
      <c r="G5151" s="1" t="s">
        <v>10</v>
      </c>
      <c r="H5151" s="1" t="s">
        <v>10</v>
      </c>
      <c r="I5151" s="1" t="s">
        <v>17172</v>
      </c>
      <c r="J5151" s="1" t="s">
        <v>17176</v>
      </c>
      <c r="K5151" s="1" t="s">
        <v>27</v>
      </c>
      <c r="L5151" s="1" t="s">
        <v>17906</v>
      </c>
      <c r="M5151" s="1" t="s">
        <v>5</v>
      </c>
      <c r="N5151" s="1" t="s">
        <v>10</v>
      </c>
      <c r="O5151" s="1" t="s">
        <v>38</v>
      </c>
      <c r="P5151" s="5" t="s">
        <v>31868</v>
      </c>
    </row>
    <row r="5152" spans="1:16" x14ac:dyDescent="0.2">
      <c r="A5152" s="1" t="s">
        <v>20</v>
      </c>
      <c r="B5152" s="1" t="s">
        <v>1047</v>
      </c>
      <c r="C5152" s="1" t="s">
        <v>17911</v>
      </c>
      <c r="D5152" s="1" t="s">
        <v>11383</v>
      </c>
      <c r="E5152" s="1" t="s">
        <v>17912</v>
      </c>
      <c r="F5152" s="1" t="s">
        <v>27</v>
      </c>
      <c r="G5152" s="1" t="s">
        <v>10</v>
      </c>
      <c r="H5152" s="1" t="s">
        <v>17913</v>
      </c>
      <c r="I5152" s="1" t="s">
        <v>17172</v>
      </c>
      <c r="J5152" s="1" t="s">
        <v>17229</v>
      </c>
      <c r="K5152" s="1" t="s">
        <v>7</v>
      </c>
      <c r="L5152" s="1" t="s">
        <v>17910</v>
      </c>
      <c r="M5152" s="1" t="s">
        <v>5</v>
      </c>
      <c r="N5152" s="1" t="s">
        <v>10</v>
      </c>
      <c r="O5152" s="1" t="s">
        <v>8</v>
      </c>
      <c r="P5152" s="5" t="s">
        <v>30540</v>
      </c>
    </row>
    <row r="5153" spans="1:16" x14ac:dyDescent="0.2">
      <c r="A5153" s="1" t="s">
        <v>10</v>
      </c>
      <c r="B5153" s="1" t="s">
        <v>10</v>
      </c>
      <c r="C5153" s="1" t="s">
        <v>17915</v>
      </c>
      <c r="D5153" s="1" t="s">
        <v>17916</v>
      </c>
      <c r="E5153" s="1" t="s">
        <v>17917</v>
      </c>
      <c r="F5153" s="1" t="s">
        <v>10</v>
      </c>
      <c r="G5153" s="1" t="s">
        <v>10</v>
      </c>
      <c r="H5153" s="1" t="s">
        <v>10</v>
      </c>
      <c r="I5153" s="1" t="s">
        <v>17172</v>
      </c>
      <c r="J5153" s="1" t="s">
        <v>17176</v>
      </c>
      <c r="K5153" s="1" t="s">
        <v>47</v>
      </c>
      <c r="L5153" s="1" t="s">
        <v>17914</v>
      </c>
      <c r="M5153" s="1" t="s">
        <v>5</v>
      </c>
      <c r="N5153" s="1" t="s">
        <v>10</v>
      </c>
      <c r="O5153" s="1" t="s">
        <v>38</v>
      </c>
      <c r="P5153" s="5" t="s">
        <v>31869</v>
      </c>
    </row>
    <row r="5154" spans="1:16" x14ac:dyDescent="0.2">
      <c r="A5154" s="1" t="s">
        <v>66</v>
      </c>
      <c r="B5154" s="1" t="s">
        <v>67</v>
      </c>
      <c r="C5154" s="1" t="s">
        <v>17919</v>
      </c>
      <c r="D5154" s="1" t="s">
        <v>17920</v>
      </c>
      <c r="E5154" s="1" t="s">
        <v>17921</v>
      </c>
      <c r="F5154" s="1" t="s">
        <v>10</v>
      </c>
      <c r="G5154" s="1" t="s">
        <v>10</v>
      </c>
      <c r="H5154" s="1" t="s">
        <v>10</v>
      </c>
      <c r="I5154" s="1" t="s">
        <v>17172</v>
      </c>
      <c r="J5154" s="1" t="s">
        <v>17224</v>
      </c>
      <c r="K5154" s="1" t="s">
        <v>113</v>
      </c>
      <c r="L5154" s="1" t="s">
        <v>17918</v>
      </c>
      <c r="M5154" s="1" t="s">
        <v>5</v>
      </c>
      <c r="N5154" s="1" t="s">
        <v>25</v>
      </c>
      <c r="O5154" s="1" t="s">
        <v>38</v>
      </c>
      <c r="P5154" s="5" t="s">
        <v>31870</v>
      </c>
    </row>
    <row r="5155" spans="1:16" x14ac:dyDescent="0.2">
      <c r="A5155" s="1" t="s">
        <v>329</v>
      </c>
      <c r="B5155" s="1" t="s">
        <v>691</v>
      </c>
      <c r="C5155" s="1" t="s">
        <v>17923</v>
      </c>
      <c r="D5155" s="1" t="s">
        <v>17924</v>
      </c>
      <c r="E5155" s="1" t="s">
        <v>17239</v>
      </c>
      <c r="F5155" s="1" t="s">
        <v>27</v>
      </c>
      <c r="G5155" s="1" t="s">
        <v>10</v>
      </c>
      <c r="H5155" s="1" t="s">
        <v>17240</v>
      </c>
      <c r="I5155" s="1" t="s">
        <v>17172</v>
      </c>
      <c r="J5155" s="1" t="s">
        <v>17224</v>
      </c>
      <c r="K5155" s="1" t="s">
        <v>27</v>
      </c>
      <c r="L5155" s="1" t="s">
        <v>17922</v>
      </c>
      <c r="M5155" s="1" t="s">
        <v>5</v>
      </c>
      <c r="N5155" s="1" t="s">
        <v>10</v>
      </c>
      <c r="O5155" s="1" t="s">
        <v>8</v>
      </c>
      <c r="P5155" s="5" t="s">
        <v>31836</v>
      </c>
    </row>
    <row r="5156" spans="1:16" x14ac:dyDescent="0.2">
      <c r="A5156" s="1" t="s">
        <v>10</v>
      </c>
      <c r="B5156" s="1" t="s">
        <v>10</v>
      </c>
      <c r="C5156" s="1" t="s">
        <v>17926</v>
      </c>
      <c r="D5156" s="1" t="s">
        <v>17926</v>
      </c>
      <c r="E5156" s="1" t="s">
        <v>17927</v>
      </c>
      <c r="F5156" s="1" t="s">
        <v>10</v>
      </c>
      <c r="G5156" s="1" t="s">
        <v>10</v>
      </c>
      <c r="H5156" s="1" t="s">
        <v>10</v>
      </c>
      <c r="I5156" s="1" t="s">
        <v>17172</v>
      </c>
      <c r="J5156" s="1" t="s">
        <v>17224</v>
      </c>
      <c r="K5156" s="1" t="s">
        <v>113</v>
      </c>
      <c r="L5156" s="1" t="s">
        <v>17925</v>
      </c>
      <c r="M5156" s="1" t="s">
        <v>5</v>
      </c>
      <c r="N5156" s="1" t="s">
        <v>10</v>
      </c>
      <c r="O5156" s="1" t="s">
        <v>38</v>
      </c>
      <c r="P5156" s="5" t="s">
        <v>31871</v>
      </c>
    </row>
    <row r="5157" spans="1:16" x14ac:dyDescent="0.2">
      <c r="A5157" s="1" t="s">
        <v>10</v>
      </c>
      <c r="B5157" s="1" t="s">
        <v>10</v>
      </c>
      <c r="C5157" s="1" t="s">
        <v>17929</v>
      </c>
      <c r="D5157" s="1" t="s">
        <v>17929</v>
      </c>
      <c r="E5157" s="1" t="s">
        <v>17930</v>
      </c>
      <c r="F5157" s="1" t="s">
        <v>10</v>
      </c>
      <c r="G5157" s="1" t="s">
        <v>10</v>
      </c>
      <c r="H5157" s="1" t="s">
        <v>10</v>
      </c>
      <c r="I5157" s="1" t="s">
        <v>17172</v>
      </c>
      <c r="J5157" s="1" t="s">
        <v>17214</v>
      </c>
      <c r="K5157" s="1" t="s">
        <v>47</v>
      </c>
      <c r="L5157" s="1" t="s">
        <v>17928</v>
      </c>
      <c r="M5157" s="1" t="s">
        <v>5</v>
      </c>
      <c r="N5157" s="1" t="s">
        <v>10</v>
      </c>
      <c r="O5157" s="1" t="s">
        <v>38</v>
      </c>
      <c r="P5157" s="5" t="s">
        <v>31872</v>
      </c>
    </row>
    <row r="5158" spans="1:16" x14ac:dyDescent="0.2">
      <c r="A5158" s="1" t="s">
        <v>10</v>
      </c>
      <c r="B5158" s="1" t="s">
        <v>10</v>
      </c>
      <c r="C5158" s="1" t="s">
        <v>17932</v>
      </c>
      <c r="D5158" s="1" t="s">
        <v>17932</v>
      </c>
      <c r="E5158" s="1" t="s">
        <v>17933</v>
      </c>
      <c r="F5158" s="1" t="s">
        <v>10</v>
      </c>
      <c r="G5158" s="1" t="s">
        <v>10</v>
      </c>
      <c r="H5158" s="1" t="s">
        <v>10</v>
      </c>
      <c r="I5158" s="1" t="s">
        <v>17172</v>
      </c>
      <c r="J5158" s="1" t="s">
        <v>17329</v>
      </c>
      <c r="K5158" s="1" t="s">
        <v>47</v>
      </c>
      <c r="L5158" s="1" t="s">
        <v>17931</v>
      </c>
      <c r="M5158" s="1" t="s">
        <v>5</v>
      </c>
      <c r="N5158" s="1" t="s">
        <v>10</v>
      </c>
      <c r="O5158" s="1" t="s">
        <v>38</v>
      </c>
      <c r="P5158" s="5" t="s">
        <v>31873</v>
      </c>
    </row>
    <row r="5159" spans="1:16" x14ac:dyDescent="0.2">
      <c r="A5159" s="1" t="s">
        <v>10</v>
      </c>
      <c r="B5159" s="1" t="s">
        <v>10</v>
      </c>
      <c r="C5159" s="1" t="s">
        <v>17935</v>
      </c>
      <c r="D5159" s="1" t="s">
        <v>17936</v>
      </c>
      <c r="E5159" s="1" t="s">
        <v>17937</v>
      </c>
      <c r="F5159" s="1" t="s">
        <v>10</v>
      </c>
      <c r="G5159" s="1" t="s">
        <v>10</v>
      </c>
      <c r="H5159" s="1" t="s">
        <v>10</v>
      </c>
      <c r="I5159" s="1" t="s">
        <v>17172</v>
      </c>
      <c r="J5159" s="1" t="s">
        <v>17333</v>
      </c>
      <c r="K5159" s="1" t="s">
        <v>37</v>
      </c>
      <c r="L5159" s="1" t="s">
        <v>17934</v>
      </c>
      <c r="M5159" s="1" t="s">
        <v>5</v>
      </c>
      <c r="N5159" s="1" t="s">
        <v>10</v>
      </c>
      <c r="O5159" s="1" t="s">
        <v>38</v>
      </c>
      <c r="P5159" s="5" t="s">
        <v>31874</v>
      </c>
    </row>
    <row r="5160" spans="1:16" x14ac:dyDescent="0.2">
      <c r="A5160" s="1" t="s">
        <v>66</v>
      </c>
      <c r="B5160" s="1" t="s">
        <v>67</v>
      </c>
      <c r="C5160" s="1" t="s">
        <v>17939</v>
      </c>
      <c r="D5160" s="1" t="s">
        <v>17940</v>
      </c>
      <c r="E5160" s="1" t="s">
        <v>17941</v>
      </c>
      <c r="F5160" s="1" t="s">
        <v>10</v>
      </c>
      <c r="G5160" s="1" t="s">
        <v>10</v>
      </c>
      <c r="H5160" s="1" t="s">
        <v>10</v>
      </c>
      <c r="I5160" s="1" t="s">
        <v>17172</v>
      </c>
      <c r="J5160" s="1" t="s">
        <v>17224</v>
      </c>
      <c r="K5160" s="1" t="s">
        <v>113</v>
      </c>
      <c r="L5160" s="1" t="s">
        <v>17938</v>
      </c>
      <c r="M5160" s="1" t="s">
        <v>5</v>
      </c>
      <c r="N5160" s="1" t="s">
        <v>10</v>
      </c>
      <c r="O5160" s="1" t="s">
        <v>38</v>
      </c>
      <c r="P5160" s="5" t="s">
        <v>31875</v>
      </c>
    </row>
    <row r="5161" spans="1:16" x14ac:dyDescent="0.2">
      <c r="A5161" s="1" t="s">
        <v>10</v>
      </c>
      <c r="B5161" s="1" t="s">
        <v>10</v>
      </c>
      <c r="C5161" s="1" t="s">
        <v>17943</v>
      </c>
      <c r="D5161" s="1" t="s">
        <v>17943</v>
      </c>
      <c r="E5161" s="1" t="s">
        <v>17944</v>
      </c>
      <c r="F5161" s="1" t="s">
        <v>10</v>
      </c>
      <c r="G5161" s="1" t="s">
        <v>10</v>
      </c>
      <c r="H5161" s="1" t="s">
        <v>10</v>
      </c>
      <c r="I5161" s="1" t="s">
        <v>17172</v>
      </c>
      <c r="J5161" s="1" t="s">
        <v>17214</v>
      </c>
      <c r="K5161" s="1" t="s">
        <v>47</v>
      </c>
      <c r="L5161" s="1" t="s">
        <v>17942</v>
      </c>
      <c r="M5161" s="1" t="s">
        <v>5</v>
      </c>
      <c r="N5161" s="1" t="s">
        <v>10</v>
      </c>
      <c r="O5161" s="1" t="s">
        <v>38</v>
      </c>
      <c r="P5161" s="5" t="s">
        <v>31876</v>
      </c>
    </row>
    <row r="5162" spans="1:16" x14ac:dyDescent="0.2">
      <c r="A5162" s="1" t="s">
        <v>10</v>
      </c>
      <c r="B5162" s="1" t="s">
        <v>10</v>
      </c>
      <c r="C5162" s="1" t="s">
        <v>17946</v>
      </c>
      <c r="D5162" s="1" t="s">
        <v>17947</v>
      </c>
      <c r="E5162" s="1" t="s">
        <v>17948</v>
      </c>
      <c r="F5162" s="1" t="s">
        <v>10</v>
      </c>
      <c r="G5162" s="1" t="s">
        <v>10</v>
      </c>
      <c r="H5162" s="1" t="s">
        <v>10</v>
      </c>
      <c r="I5162" s="1" t="s">
        <v>17172</v>
      </c>
      <c r="J5162" s="1" t="s">
        <v>17214</v>
      </c>
      <c r="K5162" s="1" t="s">
        <v>47</v>
      </c>
      <c r="L5162" s="1" t="s">
        <v>17945</v>
      </c>
      <c r="M5162" s="1" t="s">
        <v>5</v>
      </c>
      <c r="N5162" s="1" t="s">
        <v>10</v>
      </c>
      <c r="O5162" s="1" t="s">
        <v>38</v>
      </c>
      <c r="P5162" s="5" t="s">
        <v>31874</v>
      </c>
    </row>
    <row r="5163" spans="1:16" x14ac:dyDescent="0.2">
      <c r="A5163" s="1" t="s">
        <v>10</v>
      </c>
      <c r="B5163" s="1" t="s">
        <v>10</v>
      </c>
      <c r="C5163" s="1" t="s">
        <v>17950</v>
      </c>
      <c r="D5163" s="1" t="s">
        <v>17951</v>
      </c>
      <c r="E5163" s="1" t="s">
        <v>17952</v>
      </c>
      <c r="F5163" s="1" t="s">
        <v>10</v>
      </c>
      <c r="G5163" s="1" t="s">
        <v>10</v>
      </c>
      <c r="H5163" s="1" t="s">
        <v>10</v>
      </c>
      <c r="I5163" s="1" t="s">
        <v>17172</v>
      </c>
      <c r="J5163" s="1" t="s">
        <v>17214</v>
      </c>
      <c r="K5163" s="1" t="s">
        <v>47</v>
      </c>
      <c r="L5163" s="1" t="s">
        <v>17949</v>
      </c>
      <c r="M5163" s="1" t="s">
        <v>5</v>
      </c>
      <c r="N5163" s="1" t="s">
        <v>10</v>
      </c>
      <c r="O5163" s="1" t="s">
        <v>38</v>
      </c>
      <c r="P5163" s="5" t="s">
        <v>31874</v>
      </c>
    </row>
    <row r="5164" spans="1:16" ht="25.5" x14ac:dyDescent="0.2">
      <c r="A5164" s="1" t="s">
        <v>10</v>
      </c>
      <c r="B5164" s="1" t="s">
        <v>10</v>
      </c>
      <c r="C5164" s="1" t="s">
        <v>17954</v>
      </c>
      <c r="D5164" s="1" t="s">
        <v>17955</v>
      </c>
      <c r="E5164" s="1" t="s">
        <v>17956</v>
      </c>
      <c r="F5164" s="1" t="s">
        <v>10</v>
      </c>
      <c r="G5164" s="1" t="s">
        <v>10</v>
      </c>
      <c r="H5164" s="1" t="s">
        <v>10</v>
      </c>
      <c r="I5164" s="1" t="s">
        <v>17172</v>
      </c>
      <c r="J5164" s="1" t="s">
        <v>17214</v>
      </c>
      <c r="K5164" s="1" t="s">
        <v>47</v>
      </c>
      <c r="L5164" s="1" t="s">
        <v>17953</v>
      </c>
      <c r="M5164" s="1" t="s">
        <v>5</v>
      </c>
      <c r="N5164" s="1" t="s">
        <v>10</v>
      </c>
      <c r="O5164" s="1" t="s">
        <v>8</v>
      </c>
      <c r="P5164" s="9" t="s">
        <v>31877</v>
      </c>
    </row>
    <row r="5165" spans="1:16" x14ac:dyDescent="0.2">
      <c r="A5165" s="1" t="s">
        <v>20</v>
      </c>
      <c r="B5165" s="1" t="s">
        <v>93</v>
      </c>
      <c r="C5165" s="1" t="s">
        <v>17958</v>
      </c>
      <c r="D5165" s="1" t="s">
        <v>4187</v>
      </c>
      <c r="E5165" s="1"/>
      <c r="F5165" s="1" t="s">
        <v>27</v>
      </c>
      <c r="G5165" s="1" t="s">
        <v>10</v>
      </c>
      <c r="H5165" s="1" t="s">
        <v>17959</v>
      </c>
      <c r="I5165" s="1" t="s">
        <v>17172</v>
      </c>
      <c r="J5165" s="1" t="s">
        <v>17229</v>
      </c>
      <c r="K5165" s="1" t="s">
        <v>7</v>
      </c>
      <c r="L5165" s="1" t="s">
        <v>17957</v>
      </c>
      <c r="M5165" s="1" t="s">
        <v>5</v>
      </c>
      <c r="N5165" s="1" t="s">
        <v>10</v>
      </c>
      <c r="O5165" s="1" t="s">
        <v>8</v>
      </c>
      <c r="P5165" s="5" t="s">
        <v>31878</v>
      </c>
    </row>
    <row r="5166" spans="1:16" x14ac:dyDescent="0.2">
      <c r="A5166" s="1" t="s">
        <v>10</v>
      </c>
      <c r="B5166" s="1" t="s">
        <v>10</v>
      </c>
      <c r="C5166" s="1" t="s">
        <v>17961</v>
      </c>
      <c r="D5166" s="1" t="s">
        <v>17962</v>
      </c>
      <c r="E5166" s="1" t="s">
        <v>17963</v>
      </c>
      <c r="F5166" s="1" t="s">
        <v>10</v>
      </c>
      <c r="G5166" s="1" t="s">
        <v>10</v>
      </c>
      <c r="H5166" s="1" t="s">
        <v>7282</v>
      </c>
      <c r="I5166" s="1" t="s">
        <v>17172</v>
      </c>
      <c r="J5166" s="1" t="s">
        <v>17229</v>
      </c>
      <c r="K5166" s="1" t="s">
        <v>7</v>
      </c>
      <c r="L5166" s="1" t="s">
        <v>17960</v>
      </c>
      <c r="M5166" s="1" t="s">
        <v>5</v>
      </c>
      <c r="N5166" s="1" t="s">
        <v>10</v>
      </c>
      <c r="O5166" s="1" t="s">
        <v>8</v>
      </c>
      <c r="P5166" s="5" t="s">
        <v>31879</v>
      </c>
    </row>
    <row r="5167" spans="1:16" x14ac:dyDescent="0.2">
      <c r="A5167" s="1" t="s">
        <v>10</v>
      </c>
      <c r="B5167" s="1" t="s">
        <v>10</v>
      </c>
      <c r="C5167" s="1" t="s">
        <v>17965</v>
      </c>
      <c r="D5167" s="1" t="s">
        <v>10</v>
      </c>
      <c r="E5167" s="1" t="s">
        <v>17966</v>
      </c>
      <c r="F5167" s="1" t="s">
        <v>10</v>
      </c>
      <c r="G5167" s="1" t="s">
        <v>10</v>
      </c>
      <c r="H5167" s="1" t="s">
        <v>10</v>
      </c>
      <c r="I5167" s="1" t="s">
        <v>17172</v>
      </c>
      <c r="J5167" s="1" t="s">
        <v>17176</v>
      </c>
      <c r="K5167" s="1" t="s">
        <v>47</v>
      </c>
      <c r="L5167" s="1" t="s">
        <v>17964</v>
      </c>
      <c r="M5167" s="1" t="s">
        <v>5</v>
      </c>
      <c r="N5167" s="1" t="s">
        <v>10</v>
      </c>
      <c r="O5167" s="1" t="s">
        <v>8</v>
      </c>
      <c r="P5167" s="5" t="s">
        <v>10</v>
      </c>
    </row>
    <row r="5168" spans="1:16" x14ac:dyDescent="0.2">
      <c r="A5168" s="1" t="s">
        <v>66</v>
      </c>
      <c r="B5168" s="1" t="s">
        <v>67</v>
      </c>
      <c r="C5168" s="1" t="s">
        <v>17968</v>
      </c>
      <c r="D5168" s="1" t="s">
        <v>17969</v>
      </c>
      <c r="E5168" s="1" t="s">
        <v>17970</v>
      </c>
      <c r="F5168" s="1" t="s">
        <v>10</v>
      </c>
      <c r="G5168" s="1" t="s">
        <v>10</v>
      </c>
      <c r="H5168" s="1" t="s">
        <v>10</v>
      </c>
      <c r="I5168" s="1" t="s">
        <v>17172</v>
      </c>
      <c r="J5168" s="1" t="s">
        <v>17224</v>
      </c>
      <c r="K5168" s="1" t="s">
        <v>113</v>
      </c>
      <c r="L5168" s="1" t="s">
        <v>17967</v>
      </c>
      <c r="M5168" s="1" t="s">
        <v>5</v>
      </c>
      <c r="N5168" s="1" t="s">
        <v>6</v>
      </c>
      <c r="O5168" s="1" t="s">
        <v>38</v>
      </c>
      <c r="P5168" s="5" t="s">
        <v>31880</v>
      </c>
    </row>
    <row r="5169" spans="1:16" x14ac:dyDescent="0.2">
      <c r="A5169" s="1" t="s">
        <v>1385</v>
      </c>
      <c r="B5169" s="1" t="s">
        <v>1670</v>
      </c>
      <c r="C5169" s="1" t="s">
        <v>17972</v>
      </c>
      <c r="D5169" s="1" t="s">
        <v>17973</v>
      </c>
      <c r="E5169" s="1" t="s">
        <v>17974</v>
      </c>
      <c r="F5169" s="1" t="s">
        <v>10</v>
      </c>
      <c r="G5169" s="1" t="s">
        <v>10</v>
      </c>
      <c r="H5169" s="1" t="s">
        <v>10</v>
      </c>
      <c r="I5169" s="1" t="s">
        <v>17172</v>
      </c>
      <c r="J5169" s="1" t="s">
        <v>17176</v>
      </c>
      <c r="K5169" s="1" t="s">
        <v>7</v>
      </c>
      <c r="L5169" s="1" t="s">
        <v>17971</v>
      </c>
      <c r="M5169" s="1" t="s">
        <v>5</v>
      </c>
      <c r="N5169" s="1" t="s">
        <v>25</v>
      </c>
      <c r="O5169" s="1" t="s">
        <v>38</v>
      </c>
      <c r="P5169" s="5" t="s">
        <v>30541</v>
      </c>
    </row>
    <row r="5170" spans="1:16" x14ac:dyDescent="0.2">
      <c r="A5170" s="1" t="s">
        <v>10</v>
      </c>
      <c r="B5170" s="1" t="s">
        <v>10</v>
      </c>
      <c r="C5170" s="1" t="s">
        <v>17976</v>
      </c>
      <c r="D5170" s="1" t="s">
        <v>17976</v>
      </c>
      <c r="E5170" s="1" t="s">
        <v>17977</v>
      </c>
      <c r="F5170" s="1" t="s">
        <v>27</v>
      </c>
      <c r="G5170" s="1" t="s">
        <v>10</v>
      </c>
      <c r="H5170" s="1" t="s">
        <v>17978</v>
      </c>
      <c r="I5170" s="1" t="s">
        <v>17172</v>
      </c>
      <c r="J5170" s="1" t="s">
        <v>17224</v>
      </c>
      <c r="K5170" s="1" t="s">
        <v>7</v>
      </c>
      <c r="L5170" s="1" t="s">
        <v>17975</v>
      </c>
      <c r="M5170" s="1" t="s">
        <v>5</v>
      </c>
      <c r="N5170" s="1" t="s">
        <v>10</v>
      </c>
      <c r="O5170" s="1" t="s">
        <v>8</v>
      </c>
      <c r="P5170" s="5" t="s">
        <v>31881</v>
      </c>
    </row>
    <row r="5171" spans="1:16" x14ac:dyDescent="0.2">
      <c r="A5171" s="1" t="s">
        <v>20</v>
      </c>
      <c r="B5171" s="1" t="s">
        <v>4373</v>
      </c>
      <c r="C5171" s="1" t="s">
        <v>17980</v>
      </c>
      <c r="D5171" s="1" t="s">
        <v>17976</v>
      </c>
      <c r="E5171" s="1" t="s">
        <v>17981</v>
      </c>
      <c r="F5171" s="1" t="s">
        <v>17428</v>
      </c>
      <c r="G5171" s="1" t="s">
        <v>10</v>
      </c>
      <c r="H5171" s="1" t="s">
        <v>17978</v>
      </c>
      <c r="I5171" s="1" t="s">
        <v>17172</v>
      </c>
      <c r="J5171" s="1" t="s">
        <v>17224</v>
      </c>
      <c r="K5171" s="1" t="s">
        <v>7</v>
      </c>
      <c r="L5171" s="1" t="s">
        <v>17979</v>
      </c>
      <c r="M5171" s="1" t="s">
        <v>5</v>
      </c>
      <c r="N5171" s="1" t="s">
        <v>10</v>
      </c>
      <c r="O5171" s="1" t="s">
        <v>8</v>
      </c>
      <c r="P5171" s="5" t="s">
        <v>1262</v>
      </c>
    </row>
    <row r="5172" spans="1:16" x14ac:dyDescent="0.2">
      <c r="A5172" s="1" t="s">
        <v>10</v>
      </c>
      <c r="B5172" s="1" t="s">
        <v>10</v>
      </c>
      <c r="C5172" s="1" t="s">
        <v>2869</v>
      </c>
      <c r="D5172" s="1" t="s">
        <v>17983</v>
      </c>
      <c r="E5172" s="1" t="s">
        <v>17984</v>
      </c>
      <c r="F5172" s="1" t="s">
        <v>10</v>
      </c>
      <c r="G5172" s="1" t="s">
        <v>10</v>
      </c>
      <c r="H5172" s="1" t="s">
        <v>10</v>
      </c>
      <c r="I5172" s="1" t="s">
        <v>17172</v>
      </c>
      <c r="J5172" s="1" t="s">
        <v>17214</v>
      </c>
      <c r="K5172" s="1" t="s">
        <v>47</v>
      </c>
      <c r="L5172" s="1" t="s">
        <v>17982</v>
      </c>
      <c r="M5172" s="1" t="s">
        <v>5</v>
      </c>
      <c r="N5172" s="1" t="s">
        <v>10</v>
      </c>
      <c r="O5172" s="1" t="s">
        <v>8</v>
      </c>
      <c r="P5172" s="5" t="s">
        <v>1262</v>
      </c>
    </row>
    <row r="5173" spans="1:16" x14ac:dyDescent="0.2">
      <c r="A5173" s="1" t="s">
        <v>10</v>
      </c>
      <c r="B5173" s="1" t="s">
        <v>10</v>
      </c>
      <c r="C5173" s="1" t="s">
        <v>17986</v>
      </c>
      <c r="D5173" s="1" t="s">
        <v>17986</v>
      </c>
      <c r="E5173" s="1" t="s">
        <v>17987</v>
      </c>
      <c r="F5173" s="1" t="s">
        <v>27</v>
      </c>
      <c r="G5173" s="1" t="s">
        <v>10</v>
      </c>
      <c r="H5173" s="1" t="s">
        <v>17988</v>
      </c>
      <c r="I5173" s="1" t="s">
        <v>17172</v>
      </c>
      <c r="J5173" s="1" t="s">
        <v>17224</v>
      </c>
      <c r="K5173" s="1" t="s">
        <v>113</v>
      </c>
      <c r="L5173" s="1" t="s">
        <v>17985</v>
      </c>
      <c r="M5173" s="1" t="s">
        <v>5</v>
      </c>
      <c r="N5173" s="1" t="s">
        <v>10</v>
      </c>
      <c r="O5173" s="1" t="s">
        <v>8</v>
      </c>
      <c r="P5173" s="5" t="s">
        <v>31881</v>
      </c>
    </row>
    <row r="5174" spans="1:16" x14ac:dyDescent="0.2">
      <c r="A5174" s="1" t="s">
        <v>10</v>
      </c>
      <c r="B5174" s="1" t="s">
        <v>10</v>
      </c>
      <c r="C5174" s="1" t="s">
        <v>17990</v>
      </c>
      <c r="D5174" s="1" t="s">
        <v>17991</v>
      </c>
      <c r="E5174" s="1" t="s">
        <v>17992</v>
      </c>
      <c r="F5174" s="1" t="s">
        <v>10</v>
      </c>
      <c r="G5174" s="1" t="s">
        <v>10</v>
      </c>
      <c r="H5174" s="1" t="s">
        <v>10</v>
      </c>
      <c r="I5174" s="1" t="s">
        <v>17172</v>
      </c>
      <c r="J5174" s="1" t="s">
        <v>10</v>
      </c>
      <c r="K5174" s="1" t="s">
        <v>586</v>
      </c>
      <c r="L5174" s="1" t="s">
        <v>17989</v>
      </c>
      <c r="M5174" s="1" t="s">
        <v>5</v>
      </c>
      <c r="N5174" s="1" t="s">
        <v>10</v>
      </c>
      <c r="O5174" s="1" t="s">
        <v>38</v>
      </c>
      <c r="P5174" s="5" t="s">
        <v>31882</v>
      </c>
    </row>
    <row r="5175" spans="1:16" x14ac:dyDescent="0.2">
      <c r="A5175" s="1" t="s">
        <v>10</v>
      </c>
      <c r="B5175" s="1" t="s">
        <v>10</v>
      </c>
      <c r="C5175" s="1" t="s">
        <v>17994</v>
      </c>
      <c r="D5175" s="1" t="s">
        <v>17994</v>
      </c>
      <c r="E5175" s="1" t="s">
        <v>17995</v>
      </c>
      <c r="F5175" s="1" t="s">
        <v>10</v>
      </c>
      <c r="G5175" s="1" t="s">
        <v>10</v>
      </c>
      <c r="H5175" s="1" t="s">
        <v>10</v>
      </c>
      <c r="I5175" s="1" t="s">
        <v>17172</v>
      </c>
      <c r="J5175" s="1" t="s">
        <v>17214</v>
      </c>
      <c r="K5175" s="1" t="s">
        <v>47</v>
      </c>
      <c r="L5175" s="1" t="s">
        <v>17993</v>
      </c>
      <c r="M5175" s="1" t="s">
        <v>5</v>
      </c>
      <c r="N5175" s="1" t="s">
        <v>10</v>
      </c>
      <c r="O5175" s="1" t="s">
        <v>38</v>
      </c>
      <c r="P5175" s="5" t="s">
        <v>31883</v>
      </c>
    </row>
    <row r="5176" spans="1:16" x14ac:dyDescent="0.2">
      <c r="A5176" s="1" t="s">
        <v>66</v>
      </c>
      <c r="B5176" s="1" t="s">
        <v>67</v>
      </c>
      <c r="C5176" s="1" t="s">
        <v>17997</v>
      </c>
      <c r="D5176" s="1" t="s">
        <v>17998</v>
      </c>
      <c r="E5176" s="1" t="s">
        <v>17999</v>
      </c>
      <c r="F5176" s="1" t="s">
        <v>10</v>
      </c>
      <c r="G5176" s="1" t="s">
        <v>10</v>
      </c>
      <c r="H5176" s="1" t="s">
        <v>10</v>
      </c>
      <c r="I5176" s="1" t="s">
        <v>17172</v>
      </c>
      <c r="J5176" s="1" t="s">
        <v>17224</v>
      </c>
      <c r="K5176" s="1" t="s">
        <v>113</v>
      </c>
      <c r="L5176" s="1" t="s">
        <v>17996</v>
      </c>
      <c r="M5176" s="1" t="s">
        <v>5</v>
      </c>
      <c r="N5176" s="1" t="s">
        <v>25</v>
      </c>
      <c r="O5176" s="1" t="s">
        <v>38</v>
      </c>
      <c r="P5176" s="5" t="s">
        <v>31884</v>
      </c>
    </row>
    <row r="5177" spans="1:16" x14ac:dyDescent="0.2">
      <c r="A5177" s="1" t="s">
        <v>329</v>
      </c>
      <c r="B5177" s="1" t="s">
        <v>8417</v>
      </c>
      <c r="C5177" s="1" t="s">
        <v>18001</v>
      </c>
      <c r="D5177" s="1" t="s">
        <v>18002</v>
      </c>
      <c r="E5177" s="1" t="s">
        <v>18003</v>
      </c>
      <c r="F5177" s="1" t="s">
        <v>10</v>
      </c>
      <c r="G5177" s="1" t="s">
        <v>10</v>
      </c>
      <c r="H5177" s="1" t="s">
        <v>10</v>
      </c>
      <c r="I5177" s="1" t="s">
        <v>17172</v>
      </c>
      <c r="J5177" s="1" t="s">
        <v>17224</v>
      </c>
      <c r="K5177" s="1" t="s">
        <v>113</v>
      </c>
      <c r="L5177" s="1" t="s">
        <v>18000</v>
      </c>
      <c r="M5177" s="1" t="s">
        <v>5</v>
      </c>
      <c r="N5177" s="1" t="s">
        <v>6</v>
      </c>
      <c r="O5177" s="1" t="s">
        <v>38</v>
      </c>
      <c r="P5177" s="5" t="s">
        <v>31884</v>
      </c>
    </row>
    <row r="5178" spans="1:16" x14ac:dyDescent="0.2">
      <c r="A5178" s="1" t="s">
        <v>42</v>
      </c>
      <c r="B5178" s="1" t="s">
        <v>1890</v>
      </c>
      <c r="C5178" s="1" t="s">
        <v>18005</v>
      </c>
      <c r="D5178" s="1" t="s">
        <v>18006</v>
      </c>
      <c r="E5178" s="1" t="s">
        <v>18007</v>
      </c>
      <c r="F5178" s="1" t="s">
        <v>10</v>
      </c>
      <c r="G5178" s="1" t="s">
        <v>10</v>
      </c>
      <c r="H5178" s="1" t="s">
        <v>10</v>
      </c>
      <c r="I5178" s="1" t="s">
        <v>17172</v>
      </c>
      <c r="J5178" s="1" t="s">
        <v>17214</v>
      </c>
      <c r="K5178" s="1" t="s">
        <v>47</v>
      </c>
      <c r="L5178" s="1" t="s">
        <v>18004</v>
      </c>
      <c r="M5178" s="1" t="s">
        <v>5</v>
      </c>
      <c r="N5178" s="1" t="s">
        <v>10</v>
      </c>
      <c r="O5178" s="1" t="s">
        <v>38</v>
      </c>
      <c r="P5178" s="5" t="s">
        <v>31885</v>
      </c>
    </row>
    <row r="5179" spans="1:16" x14ac:dyDescent="0.2">
      <c r="A5179" s="1" t="s">
        <v>66</v>
      </c>
      <c r="B5179" s="1" t="s">
        <v>67</v>
      </c>
      <c r="C5179" s="1" t="s">
        <v>18009</v>
      </c>
      <c r="D5179" s="1" t="s">
        <v>18010</v>
      </c>
      <c r="E5179" s="1" t="s">
        <v>18011</v>
      </c>
      <c r="F5179" s="1" t="s">
        <v>10</v>
      </c>
      <c r="G5179" s="1" t="s">
        <v>10</v>
      </c>
      <c r="H5179" s="1" t="s">
        <v>10</v>
      </c>
      <c r="I5179" s="1" t="s">
        <v>17172</v>
      </c>
      <c r="J5179" s="1" t="s">
        <v>17224</v>
      </c>
      <c r="K5179" s="1" t="s">
        <v>113</v>
      </c>
      <c r="L5179" s="1" t="s">
        <v>18008</v>
      </c>
      <c r="M5179" s="1" t="s">
        <v>5</v>
      </c>
      <c r="N5179" s="1" t="s">
        <v>6</v>
      </c>
      <c r="O5179" s="1" t="s">
        <v>38</v>
      </c>
      <c r="P5179" s="5" t="s">
        <v>31886</v>
      </c>
    </row>
    <row r="5180" spans="1:16" x14ac:dyDescent="0.2">
      <c r="A5180" s="1" t="s">
        <v>10</v>
      </c>
      <c r="B5180" s="1" t="s">
        <v>10</v>
      </c>
      <c r="C5180" s="1" t="s">
        <v>18013</v>
      </c>
      <c r="D5180" s="1" t="s">
        <v>18013</v>
      </c>
      <c r="E5180" s="1" t="s">
        <v>18014</v>
      </c>
      <c r="F5180" s="1" t="s">
        <v>10</v>
      </c>
      <c r="G5180" s="1" t="s">
        <v>10</v>
      </c>
      <c r="H5180" s="1" t="s">
        <v>10</v>
      </c>
      <c r="I5180" s="1" t="s">
        <v>17172</v>
      </c>
      <c r="J5180" s="1" t="s">
        <v>17442</v>
      </c>
      <c r="K5180" s="1" t="s">
        <v>113</v>
      </c>
      <c r="L5180" s="1" t="s">
        <v>18012</v>
      </c>
      <c r="M5180" s="1" t="s">
        <v>5</v>
      </c>
      <c r="N5180" s="1" t="s">
        <v>10</v>
      </c>
      <c r="O5180" s="1" t="s">
        <v>8</v>
      </c>
      <c r="P5180" s="5" t="s">
        <v>10</v>
      </c>
    </row>
    <row r="5181" spans="1:16" x14ac:dyDescent="0.2">
      <c r="A5181" s="1" t="s">
        <v>10</v>
      </c>
      <c r="B5181" s="1" t="s">
        <v>10</v>
      </c>
      <c r="C5181" s="1" t="s">
        <v>18016</v>
      </c>
      <c r="D5181" s="1" t="s">
        <v>18016</v>
      </c>
      <c r="E5181" s="1" t="s">
        <v>18017</v>
      </c>
      <c r="F5181" s="1" t="s">
        <v>10</v>
      </c>
      <c r="G5181" s="1" t="s">
        <v>10</v>
      </c>
      <c r="H5181" s="1" t="s">
        <v>10</v>
      </c>
      <c r="I5181" s="1" t="s">
        <v>17172</v>
      </c>
      <c r="J5181" s="1" t="s">
        <v>17176</v>
      </c>
      <c r="K5181" s="1" t="s">
        <v>37</v>
      </c>
      <c r="L5181" s="1" t="s">
        <v>18015</v>
      </c>
      <c r="M5181" s="1" t="s">
        <v>5</v>
      </c>
      <c r="N5181" s="1" t="s">
        <v>10</v>
      </c>
      <c r="O5181" s="1" t="s">
        <v>38</v>
      </c>
      <c r="P5181" s="5" t="s">
        <v>31876</v>
      </c>
    </row>
    <row r="5182" spans="1:16" x14ac:dyDescent="0.2">
      <c r="A5182" s="1" t="s">
        <v>10</v>
      </c>
      <c r="B5182" s="1" t="s">
        <v>10</v>
      </c>
      <c r="C5182" s="1" t="s">
        <v>18020</v>
      </c>
      <c r="D5182" s="1" t="s">
        <v>18020</v>
      </c>
      <c r="E5182" s="1" t="s">
        <v>18021</v>
      </c>
      <c r="F5182" s="1" t="s">
        <v>10</v>
      </c>
      <c r="G5182" s="1" t="s">
        <v>10</v>
      </c>
      <c r="H5182" s="1" t="s">
        <v>10</v>
      </c>
      <c r="I5182" s="1" t="s">
        <v>17172</v>
      </c>
      <c r="J5182" s="1" t="s">
        <v>17251</v>
      </c>
      <c r="K5182" s="1" t="s">
        <v>10</v>
      </c>
      <c r="L5182" s="1" t="s">
        <v>18019</v>
      </c>
      <c r="M5182" s="1" t="s">
        <v>5</v>
      </c>
      <c r="N5182" s="1" t="s">
        <v>10</v>
      </c>
      <c r="O5182" s="1" t="s">
        <v>8</v>
      </c>
      <c r="P5182" s="5" t="s">
        <v>10</v>
      </c>
    </row>
    <row r="5183" spans="1:16" x14ac:dyDescent="0.2">
      <c r="A5183" s="1" t="s">
        <v>10</v>
      </c>
      <c r="B5183" s="1" t="s">
        <v>10</v>
      </c>
      <c r="C5183" s="1" t="s">
        <v>17946</v>
      </c>
      <c r="D5183" s="1" t="s">
        <v>18023</v>
      </c>
      <c r="E5183" s="1" t="s">
        <v>18024</v>
      </c>
      <c r="F5183" s="1" t="s">
        <v>10</v>
      </c>
      <c r="G5183" s="1" t="s">
        <v>10</v>
      </c>
      <c r="H5183" s="1" t="s">
        <v>10</v>
      </c>
      <c r="I5183" s="1" t="s">
        <v>17172</v>
      </c>
      <c r="J5183" s="1" t="s">
        <v>17214</v>
      </c>
      <c r="K5183" s="1" t="s">
        <v>47</v>
      </c>
      <c r="L5183" s="1" t="s">
        <v>18022</v>
      </c>
      <c r="M5183" s="1" t="s">
        <v>5</v>
      </c>
      <c r="N5183" s="1" t="s">
        <v>10</v>
      </c>
      <c r="O5183" s="1" t="s">
        <v>38</v>
      </c>
      <c r="P5183" s="5" t="s">
        <v>30542</v>
      </c>
    </row>
    <row r="5184" spans="1:16" x14ac:dyDescent="0.2">
      <c r="A5184" s="1" t="s">
        <v>20</v>
      </c>
      <c r="B5184" s="1" t="s">
        <v>253</v>
      </c>
      <c r="C5184" s="1" t="s">
        <v>15976</v>
      </c>
      <c r="D5184" s="1" t="s">
        <v>427</v>
      </c>
      <c r="E5184" s="1" t="s">
        <v>18026</v>
      </c>
      <c r="F5184" s="1" t="s">
        <v>27</v>
      </c>
      <c r="G5184" s="1" t="s">
        <v>10</v>
      </c>
      <c r="H5184" s="1" t="s">
        <v>18027</v>
      </c>
      <c r="I5184" s="1" t="s">
        <v>17172</v>
      </c>
      <c r="J5184" s="1" t="s">
        <v>17251</v>
      </c>
      <c r="K5184" s="1" t="s">
        <v>130</v>
      </c>
      <c r="L5184" s="1" t="s">
        <v>18025</v>
      </c>
      <c r="M5184" s="1" t="s">
        <v>5</v>
      </c>
      <c r="N5184" s="1" t="s">
        <v>10</v>
      </c>
      <c r="O5184" s="1" t="s">
        <v>8</v>
      </c>
      <c r="P5184" s="5" t="s">
        <v>30543</v>
      </c>
    </row>
    <row r="5185" spans="1:16" x14ac:dyDescent="0.2">
      <c r="A5185" s="1" t="s">
        <v>10</v>
      </c>
      <c r="B5185" s="1" t="s">
        <v>10</v>
      </c>
      <c r="C5185" s="1" t="s">
        <v>8056</v>
      </c>
      <c r="D5185" s="1" t="s">
        <v>10</v>
      </c>
      <c r="E5185" s="1" t="s">
        <v>10</v>
      </c>
      <c r="F5185" s="1" t="s">
        <v>10</v>
      </c>
      <c r="G5185" s="1" t="s">
        <v>10</v>
      </c>
      <c r="H5185" s="1" t="s">
        <v>10</v>
      </c>
      <c r="I5185" s="1" t="s">
        <v>17172</v>
      </c>
      <c r="J5185" s="1" t="s">
        <v>17176</v>
      </c>
      <c r="K5185" s="1" t="s">
        <v>10</v>
      </c>
      <c r="L5185" s="1" t="s">
        <v>18028</v>
      </c>
      <c r="M5185" s="1" t="s">
        <v>5</v>
      </c>
      <c r="N5185" s="1" t="s">
        <v>10</v>
      </c>
      <c r="O5185" s="1" t="s">
        <v>8</v>
      </c>
      <c r="P5185" s="5" t="s">
        <v>10</v>
      </c>
    </row>
    <row r="5186" spans="1:16" x14ac:dyDescent="0.2">
      <c r="A5186" s="1" t="s">
        <v>10</v>
      </c>
      <c r="B5186" s="1" t="s">
        <v>10</v>
      </c>
      <c r="C5186" s="1" t="s">
        <v>18030</v>
      </c>
      <c r="D5186" s="1" t="s">
        <v>10</v>
      </c>
      <c r="E5186" s="1" t="s">
        <v>18031</v>
      </c>
      <c r="F5186" s="1" t="s">
        <v>10</v>
      </c>
      <c r="G5186" s="1" t="s">
        <v>10</v>
      </c>
      <c r="H5186" s="1" t="s">
        <v>10</v>
      </c>
      <c r="I5186" s="1" t="s">
        <v>17172</v>
      </c>
      <c r="J5186" s="1" t="s">
        <v>17176</v>
      </c>
      <c r="K5186" s="1" t="s">
        <v>47</v>
      </c>
      <c r="L5186" s="1" t="s">
        <v>18029</v>
      </c>
      <c r="M5186" s="1" t="s">
        <v>5</v>
      </c>
      <c r="N5186" s="1" t="s">
        <v>10</v>
      </c>
      <c r="O5186" s="1" t="s">
        <v>38</v>
      </c>
      <c r="P5186" s="5" t="s">
        <v>10</v>
      </c>
    </row>
    <row r="5187" spans="1:16" x14ac:dyDescent="0.2">
      <c r="A5187" s="1" t="s">
        <v>20</v>
      </c>
      <c r="B5187" s="1" t="s">
        <v>172</v>
      </c>
      <c r="C5187" s="1" t="s">
        <v>18033</v>
      </c>
      <c r="D5187" s="1" t="s">
        <v>18034</v>
      </c>
      <c r="E5187" s="1"/>
      <c r="F5187" s="1" t="s">
        <v>27</v>
      </c>
      <c r="G5187" s="1" t="s">
        <v>10</v>
      </c>
      <c r="H5187" s="1" t="s">
        <v>18035</v>
      </c>
      <c r="I5187" s="1" t="s">
        <v>17172</v>
      </c>
      <c r="J5187" s="1" t="s">
        <v>17465</v>
      </c>
      <c r="K5187" s="1" t="s">
        <v>7</v>
      </c>
      <c r="L5187" s="1" t="s">
        <v>18032</v>
      </c>
      <c r="M5187" s="1" t="s">
        <v>5</v>
      </c>
      <c r="N5187" s="1" t="s">
        <v>10</v>
      </c>
      <c r="O5187" s="1" t="s">
        <v>8</v>
      </c>
      <c r="P5187" s="5" t="s">
        <v>31887</v>
      </c>
    </row>
    <row r="5188" spans="1:16" x14ac:dyDescent="0.2">
      <c r="A5188" s="1" t="s">
        <v>10</v>
      </c>
      <c r="B5188" s="1" t="s">
        <v>10</v>
      </c>
      <c r="C5188" s="1" t="s">
        <v>18037</v>
      </c>
      <c r="D5188" s="1" t="s">
        <v>18038</v>
      </c>
      <c r="E5188" s="1" t="s">
        <v>18039</v>
      </c>
      <c r="F5188" s="1" t="s">
        <v>10</v>
      </c>
      <c r="G5188" s="1" t="s">
        <v>10</v>
      </c>
      <c r="H5188" s="1" t="s">
        <v>10</v>
      </c>
      <c r="I5188" s="1" t="s">
        <v>17172</v>
      </c>
      <c r="J5188" s="1" t="s">
        <v>17293</v>
      </c>
      <c r="K5188" s="1" t="s">
        <v>47</v>
      </c>
      <c r="L5188" s="1" t="s">
        <v>18036</v>
      </c>
      <c r="M5188" s="1" t="s">
        <v>5</v>
      </c>
      <c r="N5188" s="1" t="s">
        <v>10</v>
      </c>
      <c r="O5188" s="1" t="s">
        <v>38</v>
      </c>
      <c r="P5188" s="5" t="s">
        <v>10</v>
      </c>
    </row>
    <row r="5189" spans="1:16" x14ac:dyDescent="0.2">
      <c r="A5189" s="1" t="s">
        <v>20</v>
      </c>
      <c r="B5189" s="1" t="s">
        <v>1047</v>
      </c>
      <c r="C5189" s="1" t="s">
        <v>18041</v>
      </c>
      <c r="D5189" s="1" t="s">
        <v>18042</v>
      </c>
      <c r="E5189" s="1" t="s">
        <v>18043</v>
      </c>
      <c r="F5189" s="1" t="s">
        <v>10</v>
      </c>
      <c r="G5189" s="1" t="s">
        <v>10</v>
      </c>
      <c r="H5189" s="1" t="s">
        <v>10</v>
      </c>
      <c r="I5189" s="1" t="s">
        <v>17172</v>
      </c>
      <c r="J5189" s="1" t="s">
        <v>17251</v>
      </c>
      <c r="K5189" s="1" t="s">
        <v>7</v>
      </c>
      <c r="L5189" s="1" t="s">
        <v>18040</v>
      </c>
      <c r="M5189" s="1" t="s">
        <v>5</v>
      </c>
      <c r="N5189" s="1" t="s">
        <v>10</v>
      </c>
      <c r="O5189" s="1" t="s">
        <v>38</v>
      </c>
      <c r="P5189" s="5" t="s">
        <v>10</v>
      </c>
    </row>
    <row r="5190" spans="1:16" x14ac:dyDescent="0.2">
      <c r="A5190" s="1" t="s">
        <v>10</v>
      </c>
      <c r="B5190" s="1" t="s">
        <v>10</v>
      </c>
      <c r="C5190" s="1" t="s">
        <v>18045</v>
      </c>
      <c r="D5190" s="1" t="s">
        <v>10</v>
      </c>
      <c r="E5190" s="1" t="s">
        <v>18046</v>
      </c>
      <c r="F5190" s="1" t="s">
        <v>10</v>
      </c>
      <c r="G5190" s="1" t="s">
        <v>10</v>
      </c>
      <c r="H5190" s="1" t="s">
        <v>10</v>
      </c>
      <c r="I5190" s="1" t="s">
        <v>17172</v>
      </c>
      <c r="J5190" s="1" t="s">
        <v>17229</v>
      </c>
      <c r="K5190" s="1" t="s">
        <v>586</v>
      </c>
      <c r="L5190" s="1" t="s">
        <v>18044</v>
      </c>
      <c r="M5190" s="1" t="s">
        <v>5</v>
      </c>
      <c r="N5190" s="1" t="s">
        <v>10</v>
      </c>
      <c r="O5190" s="1" t="s">
        <v>38</v>
      </c>
      <c r="P5190" s="5" t="s">
        <v>29846</v>
      </c>
    </row>
    <row r="5191" spans="1:16" x14ac:dyDescent="0.2">
      <c r="A5191" s="1" t="s">
        <v>10</v>
      </c>
      <c r="B5191" s="1" t="s">
        <v>10</v>
      </c>
      <c r="C5191" s="1" t="s">
        <v>18048</v>
      </c>
      <c r="D5191" s="1" t="s">
        <v>10</v>
      </c>
      <c r="E5191" s="1" t="s">
        <v>10</v>
      </c>
      <c r="F5191" s="1" t="s">
        <v>10</v>
      </c>
      <c r="G5191" s="1" t="s">
        <v>10</v>
      </c>
      <c r="H5191" s="1" t="s">
        <v>10</v>
      </c>
      <c r="I5191" s="1" t="s">
        <v>17172</v>
      </c>
      <c r="J5191" s="1" t="s">
        <v>17214</v>
      </c>
      <c r="K5191" s="1" t="s">
        <v>47</v>
      </c>
      <c r="L5191" s="1" t="s">
        <v>18047</v>
      </c>
      <c r="M5191" s="1" t="s">
        <v>5</v>
      </c>
      <c r="N5191" s="1" t="s">
        <v>10</v>
      </c>
      <c r="O5191" s="1" t="s">
        <v>38</v>
      </c>
      <c r="P5191" s="5" t="s">
        <v>10</v>
      </c>
    </row>
    <row r="5192" spans="1:16" x14ac:dyDescent="0.2">
      <c r="A5192" s="1" t="s">
        <v>10</v>
      </c>
      <c r="B5192" s="1" t="s">
        <v>10</v>
      </c>
      <c r="C5192" s="1" t="s">
        <v>18050</v>
      </c>
      <c r="D5192" s="1" t="s">
        <v>18051</v>
      </c>
      <c r="E5192" s="1" t="s">
        <v>10</v>
      </c>
      <c r="F5192" s="1" t="s">
        <v>10</v>
      </c>
      <c r="G5192" s="1" t="s">
        <v>10</v>
      </c>
      <c r="H5192" s="1" t="s">
        <v>10</v>
      </c>
      <c r="I5192" s="1" t="s">
        <v>17172</v>
      </c>
      <c r="J5192" s="1" t="s">
        <v>17176</v>
      </c>
      <c r="K5192" s="1" t="s">
        <v>64</v>
      </c>
      <c r="L5192" s="1" t="s">
        <v>18049</v>
      </c>
      <c r="M5192" s="1" t="s">
        <v>5</v>
      </c>
      <c r="N5192" s="1" t="s">
        <v>10</v>
      </c>
      <c r="O5192" s="1" t="s">
        <v>38</v>
      </c>
      <c r="P5192" s="5" t="s">
        <v>31888</v>
      </c>
    </row>
    <row r="5193" spans="1:16" x14ac:dyDescent="0.2">
      <c r="A5193" s="1" t="s">
        <v>10</v>
      </c>
      <c r="B5193" s="1" t="s">
        <v>10</v>
      </c>
      <c r="C5193" s="1" t="s">
        <v>18053</v>
      </c>
      <c r="D5193" s="1" t="s">
        <v>18054</v>
      </c>
      <c r="E5193" s="1" t="s">
        <v>18055</v>
      </c>
      <c r="F5193" s="1" t="s">
        <v>10</v>
      </c>
      <c r="G5193" s="1" t="s">
        <v>10</v>
      </c>
      <c r="H5193" s="1" t="s">
        <v>10</v>
      </c>
      <c r="I5193" s="1" t="s">
        <v>17172</v>
      </c>
      <c r="J5193" s="1" t="s">
        <v>17176</v>
      </c>
      <c r="K5193" s="1" t="s">
        <v>64</v>
      </c>
      <c r="L5193" s="1" t="s">
        <v>18052</v>
      </c>
      <c r="M5193" s="1" t="s">
        <v>5</v>
      </c>
      <c r="N5193" s="1" t="s">
        <v>10</v>
      </c>
      <c r="O5193" s="1" t="s">
        <v>38</v>
      </c>
      <c r="P5193" s="5" t="s">
        <v>31889</v>
      </c>
    </row>
    <row r="5194" spans="1:16" x14ac:dyDescent="0.2">
      <c r="A5194" s="1" t="s">
        <v>10</v>
      </c>
      <c r="B5194" s="1" t="s">
        <v>10</v>
      </c>
      <c r="C5194" s="1" t="s">
        <v>18057</v>
      </c>
      <c r="D5194" s="1" t="s">
        <v>18058</v>
      </c>
      <c r="E5194" s="1" t="s">
        <v>18059</v>
      </c>
      <c r="F5194" s="1" t="s">
        <v>10</v>
      </c>
      <c r="G5194" s="1" t="s">
        <v>10</v>
      </c>
      <c r="H5194" s="1" t="s">
        <v>10</v>
      </c>
      <c r="I5194" s="1" t="s">
        <v>17172</v>
      </c>
      <c r="J5194" s="1" t="s">
        <v>17176</v>
      </c>
      <c r="K5194" s="1" t="s">
        <v>47</v>
      </c>
      <c r="L5194" s="1" t="s">
        <v>18056</v>
      </c>
      <c r="M5194" s="1" t="s">
        <v>5</v>
      </c>
      <c r="N5194" s="1" t="s">
        <v>10</v>
      </c>
      <c r="O5194" s="1" t="s">
        <v>38</v>
      </c>
      <c r="P5194" s="5" t="s">
        <v>31890</v>
      </c>
    </row>
    <row r="5195" spans="1:16" x14ac:dyDescent="0.2">
      <c r="A5195" s="1" t="s">
        <v>10</v>
      </c>
      <c r="B5195" s="1" t="s">
        <v>10</v>
      </c>
      <c r="C5195" s="1" t="s">
        <v>18061</v>
      </c>
      <c r="D5195" s="1" t="s">
        <v>18062</v>
      </c>
      <c r="E5195" s="1" t="s">
        <v>18063</v>
      </c>
      <c r="F5195" s="1" t="s">
        <v>10</v>
      </c>
      <c r="G5195" s="1" t="s">
        <v>10</v>
      </c>
      <c r="H5195" s="1" t="s">
        <v>10</v>
      </c>
      <c r="I5195" s="1" t="s">
        <v>17172</v>
      </c>
      <c r="J5195" s="1" t="s">
        <v>17214</v>
      </c>
      <c r="K5195" s="1" t="s">
        <v>47</v>
      </c>
      <c r="L5195" s="1" t="s">
        <v>18060</v>
      </c>
      <c r="M5195" s="1" t="s">
        <v>5</v>
      </c>
      <c r="N5195" s="1" t="s">
        <v>10</v>
      </c>
      <c r="O5195" s="1" t="s">
        <v>38</v>
      </c>
      <c r="P5195" s="5" t="s">
        <v>30533</v>
      </c>
    </row>
    <row r="5196" spans="1:16" x14ac:dyDescent="0.2">
      <c r="A5196" s="1" t="s">
        <v>10</v>
      </c>
      <c r="B5196" s="1" t="s">
        <v>10</v>
      </c>
      <c r="C5196" s="1" t="s">
        <v>18065</v>
      </c>
      <c r="D5196" s="1" t="s">
        <v>10</v>
      </c>
      <c r="E5196" s="1" t="s">
        <v>10</v>
      </c>
      <c r="F5196" s="1" t="s">
        <v>10</v>
      </c>
      <c r="G5196" s="1" t="s">
        <v>10</v>
      </c>
      <c r="H5196" s="1" t="s">
        <v>10</v>
      </c>
      <c r="I5196" s="1" t="s">
        <v>17172</v>
      </c>
      <c r="J5196" s="1" t="s">
        <v>17176</v>
      </c>
      <c r="K5196" s="1" t="s">
        <v>10</v>
      </c>
      <c r="L5196" s="1" t="s">
        <v>18064</v>
      </c>
      <c r="M5196" s="1" t="s">
        <v>5</v>
      </c>
      <c r="N5196" s="1" t="s">
        <v>10</v>
      </c>
      <c r="O5196" s="1" t="s">
        <v>38</v>
      </c>
      <c r="P5196" s="5" t="s">
        <v>10</v>
      </c>
    </row>
    <row r="5197" spans="1:16" x14ac:dyDescent="0.2">
      <c r="A5197" s="1" t="s">
        <v>10</v>
      </c>
      <c r="B5197" s="1" t="s">
        <v>10</v>
      </c>
      <c r="C5197" s="1" t="s">
        <v>18067</v>
      </c>
      <c r="D5197" s="1" t="s">
        <v>18068</v>
      </c>
      <c r="E5197" s="1" t="s">
        <v>10</v>
      </c>
      <c r="F5197" s="1" t="s">
        <v>10</v>
      </c>
      <c r="G5197" s="1" t="s">
        <v>10</v>
      </c>
      <c r="H5197" s="1" t="s">
        <v>10</v>
      </c>
      <c r="I5197" s="1" t="s">
        <v>17172</v>
      </c>
      <c r="J5197" s="1" t="s">
        <v>17176</v>
      </c>
      <c r="K5197" s="1" t="s">
        <v>10</v>
      </c>
      <c r="L5197" s="1" t="s">
        <v>18066</v>
      </c>
      <c r="M5197" s="1" t="s">
        <v>5</v>
      </c>
      <c r="N5197" s="1" t="s">
        <v>10</v>
      </c>
      <c r="O5197" s="1" t="s">
        <v>38</v>
      </c>
      <c r="P5197" s="5" t="s">
        <v>10</v>
      </c>
    </row>
    <row r="5198" spans="1:16" x14ac:dyDescent="0.2">
      <c r="A5198" s="1" t="s">
        <v>10</v>
      </c>
      <c r="B5198" s="1" t="s">
        <v>10</v>
      </c>
      <c r="C5198" s="1" t="s">
        <v>18070</v>
      </c>
      <c r="D5198" s="1" t="s">
        <v>10</v>
      </c>
      <c r="E5198" s="1" t="s">
        <v>10</v>
      </c>
      <c r="F5198" s="1" t="s">
        <v>10</v>
      </c>
      <c r="G5198" s="1" t="s">
        <v>10</v>
      </c>
      <c r="H5198" s="1" t="s">
        <v>10</v>
      </c>
      <c r="I5198" s="1" t="s">
        <v>17172</v>
      </c>
      <c r="J5198" s="1" t="s">
        <v>17176</v>
      </c>
      <c r="K5198" s="1" t="s">
        <v>10</v>
      </c>
      <c r="L5198" s="1" t="s">
        <v>18069</v>
      </c>
      <c r="M5198" s="1" t="s">
        <v>5</v>
      </c>
      <c r="N5198" s="1" t="s">
        <v>10</v>
      </c>
      <c r="O5198" s="1" t="s">
        <v>38</v>
      </c>
      <c r="P5198" s="5" t="s">
        <v>10</v>
      </c>
    </row>
    <row r="5199" spans="1:16" x14ac:dyDescent="0.2">
      <c r="A5199" s="1" t="s">
        <v>10</v>
      </c>
      <c r="B5199" s="1" t="s">
        <v>10</v>
      </c>
      <c r="C5199" s="1" t="s">
        <v>18072</v>
      </c>
      <c r="D5199" s="1" t="s">
        <v>10</v>
      </c>
      <c r="E5199" s="1" t="s">
        <v>10</v>
      </c>
      <c r="F5199" s="1" t="s">
        <v>10</v>
      </c>
      <c r="G5199" s="1" t="s">
        <v>10</v>
      </c>
      <c r="H5199" s="1" t="s">
        <v>10</v>
      </c>
      <c r="I5199" s="1" t="s">
        <v>17172</v>
      </c>
      <c r="J5199" s="1" t="s">
        <v>17176</v>
      </c>
      <c r="K5199" s="1" t="s">
        <v>10</v>
      </c>
      <c r="L5199" s="1" t="s">
        <v>18071</v>
      </c>
      <c r="M5199" s="1" t="s">
        <v>5</v>
      </c>
      <c r="N5199" s="1" t="s">
        <v>10</v>
      </c>
      <c r="O5199" s="1" t="s">
        <v>38</v>
      </c>
      <c r="P5199" s="5" t="s">
        <v>10</v>
      </c>
    </row>
    <row r="5200" spans="1:16" x14ac:dyDescent="0.2">
      <c r="A5200" s="1" t="s">
        <v>487</v>
      </c>
      <c r="B5200" s="1" t="s">
        <v>765</v>
      </c>
      <c r="C5200" s="1" t="s">
        <v>18074</v>
      </c>
      <c r="D5200" s="1" t="s">
        <v>18075</v>
      </c>
      <c r="E5200" s="1" t="s">
        <v>18076</v>
      </c>
      <c r="F5200" s="1" t="s">
        <v>10</v>
      </c>
      <c r="G5200" s="1" t="s">
        <v>10</v>
      </c>
      <c r="H5200" s="1" t="s">
        <v>10</v>
      </c>
      <c r="I5200" s="1" t="s">
        <v>17172</v>
      </c>
      <c r="J5200" s="1" t="s">
        <v>17176</v>
      </c>
      <c r="K5200" s="1" t="s">
        <v>64</v>
      </c>
      <c r="L5200" s="1" t="s">
        <v>18073</v>
      </c>
      <c r="M5200" s="1" t="s">
        <v>5</v>
      </c>
      <c r="N5200" s="1" t="s">
        <v>10</v>
      </c>
      <c r="O5200" s="1" t="s">
        <v>38</v>
      </c>
      <c r="P5200" s="5" t="s">
        <v>14</v>
      </c>
    </row>
    <row r="5201" spans="1:16" x14ac:dyDescent="0.2">
      <c r="A5201" s="1" t="s">
        <v>10</v>
      </c>
      <c r="B5201" s="1" t="s">
        <v>10</v>
      </c>
      <c r="C5201" s="1" t="s">
        <v>18078</v>
      </c>
      <c r="D5201" s="1" t="s">
        <v>10</v>
      </c>
      <c r="E5201" s="1" t="s">
        <v>18079</v>
      </c>
      <c r="F5201" s="1" t="s">
        <v>10</v>
      </c>
      <c r="G5201" s="1" t="s">
        <v>10</v>
      </c>
      <c r="H5201" s="1" t="s">
        <v>10</v>
      </c>
      <c r="I5201" s="1" t="s">
        <v>17172</v>
      </c>
      <c r="J5201" s="1" t="s">
        <v>17176</v>
      </c>
      <c r="K5201" s="1" t="s">
        <v>10</v>
      </c>
      <c r="L5201" s="1" t="s">
        <v>18077</v>
      </c>
      <c r="M5201" s="1" t="s">
        <v>5</v>
      </c>
      <c r="N5201" s="1" t="s">
        <v>10</v>
      </c>
      <c r="O5201" s="1" t="s">
        <v>8</v>
      </c>
      <c r="P5201" s="5" t="s">
        <v>10</v>
      </c>
    </row>
    <row r="5202" spans="1:16" x14ac:dyDescent="0.2">
      <c r="A5202" s="1" t="s">
        <v>66</v>
      </c>
      <c r="B5202" s="1" t="s">
        <v>67</v>
      </c>
      <c r="C5202" s="1" t="s">
        <v>18081</v>
      </c>
      <c r="D5202" s="1" t="s">
        <v>18081</v>
      </c>
      <c r="E5202" s="1" t="s">
        <v>18082</v>
      </c>
      <c r="F5202" s="1" t="s">
        <v>10</v>
      </c>
      <c r="G5202" s="1" t="s">
        <v>10</v>
      </c>
      <c r="H5202" s="1" t="s">
        <v>10</v>
      </c>
      <c r="I5202" s="1" t="s">
        <v>17172</v>
      </c>
      <c r="J5202" s="1" t="s">
        <v>17224</v>
      </c>
      <c r="K5202" s="1" t="s">
        <v>113</v>
      </c>
      <c r="L5202" s="1" t="s">
        <v>18080</v>
      </c>
      <c r="M5202" s="1" t="s">
        <v>5</v>
      </c>
      <c r="N5202" s="1" t="s">
        <v>6</v>
      </c>
      <c r="O5202" s="1" t="s">
        <v>38</v>
      </c>
      <c r="P5202" s="5" t="s">
        <v>31891</v>
      </c>
    </row>
    <row r="5203" spans="1:16" x14ac:dyDescent="0.2">
      <c r="A5203" s="1" t="s">
        <v>66</v>
      </c>
      <c r="B5203" s="1" t="s">
        <v>67</v>
      </c>
      <c r="C5203" s="1" t="s">
        <v>18084</v>
      </c>
      <c r="D5203" s="1" t="s">
        <v>18085</v>
      </c>
      <c r="E5203" s="1" t="s">
        <v>18086</v>
      </c>
      <c r="F5203" s="1" t="s">
        <v>10</v>
      </c>
      <c r="G5203" s="1" t="s">
        <v>10</v>
      </c>
      <c r="H5203" s="1" t="s">
        <v>10</v>
      </c>
      <c r="I5203" s="1" t="s">
        <v>17172</v>
      </c>
      <c r="J5203" s="1" t="s">
        <v>17224</v>
      </c>
      <c r="K5203" s="1" t="s">
        <v>113</v>
      </c>
      <c r="L5203" s="1" t="s">
        <v>18083</v>
      </c>
      <c r="M5203" s="1" t="s">
        <v>5</v>
      </c>
      <c r="N5203" s="1" t="s">
        <v>25</v>
      </c>
      <c r="O5203" s="1" t="s">
        <v>38</v>
      </c>
      <c r="P5203" s="5" t="s">
        <v>31892</v>
      </c>
    </row>
    <row r="5204" spans="1:16" x14ac:dyDescent="0.2">
      <c r="A5204" s="1" t="s">
        <v>66</v>
      </c>
      <c r="B5204" s="1" t="s">
        <v>67</v>
      </c>
      <c r="C5204" s="1" t="s">
        <v>18088</v>
      </c>
      <c r="D5204" s="1" t="s">
        <v>18089</v>
      </c>
      <c r="E5204" s="1" t="s">
        <v>18090</v>
      </c>
      <c r="F5204" s="1" t="s">
        <v>10</v>
      </c>
      <c r="G5204" s="1" t="s">
        <v>10</v>
      </c>
      <c r="H5204" s="1" t="s">
        <v>10</v>
      </c>
      <c r="I5204" s="1" t="s">
        <v>17172</v>
      </c>
      <c r="J5204" s="1" t="s">
        <v>17224</v>
      </c>
      <c r="K5204" s="1" t="s">
        <v>113</v>
      </c>
      <c r="L5204" s="1" t="s">
        <v>18087</v>
      </c>
      <c r="M5204" s="1" t="s">
        <v>5</v>
      </c>
      <c r="N5204" s="1" t="s">
        <v>25</v>
      </c>
      <c r="O5204" s="1" t="s">
        <v>38</v>
      </c>
      <c r="P5204" s="5" t="s">
        <v>31893</v>
      </c>
    </row>
    <row r="5205" spans="1:16" x14ac:dyDescent="0.2">
      <c r="A5205" s="1" t="s">
        <v>10</v>
      </c>
      <c r="B5205" s="1" t="s">
        <v>10</v>
      </c>
      <c r="C5205" s="1" t="s">
        <v>18092</v>
      </c>
      <c r="D5205" s="1" t="s">
        <v>10</v>
      </c>
      <c r="E5205" s="1" t="s">
        <v>18093</v>
      </c>
      <c r="F5205" s="1" t="s">
        <v>10</v>
      </c>
      <c r="G5205" s="1" t="s">
        <v>10</v>
      </c>
      <c r="H5205" s="1" t="s">
        <v>10</v>
      </c>
      <c r="I5205" s="1" t="s">
        <v>17172</v>
      </c>
      <c r="J5205" s="1" t="s">
        <v>17176</v>
      </c>
      <c r="K5205" s="1" t="s">
        <v>10</v>
      </c>
      <c r="L5205" s="1" t="s">
        <v>18091</v>
      </c>
      <c r="M5205" s="1" t="s">
        <v>5</v>
      </c>
      <c r="N5205" s="1" t="s">
        <v>10</v>
      </c>
      <c r="O5205" s="1" t="s">
        <v>38</v>
      </c>
      <c r="P5205" s="5" t="s">
        <v>10</v>
      </c>
    </row>
    <row r="5206" spans="1:16" x14ac:dyDescent="0.2">
      <c r="A5206" s="1" t="s">
        <v>10</v>
      </c>
      <c r="B5206" s="1" t="s">
        <v>10</v>
      </c>
      <c r="C5206" s="1" t="s">
        <v>18095</v>
      </c>
      <c r="D5206" s="1" t="s">
        <v>10</v>
      </c>
      <c r="E5206" s="1" t="s">
        <v>18096</v>
      </c>
      <c r="F5206" s="1" t="s">
        <v>10</v>
      </c>
      <c r="G5206" s="1" t="s">
        <v>10</v>
      </c>
      <c r="H5206" s="1" t="s">
        <v>10</v>
      </c>
      <c r="I5206" s="1" t="s">
        <v>17172</v>
      </c>
      <c r="J5206" s="1" t="s">
        <v>17176</v>
      </c>
      <c r="K5206" s="1" t="s">
        <v>10</v>
      </c>
      <c r="L5206" s="1" t="s">
        <v>18094</v>
      </c>
      <c r="M5206" s="1" t="s">
        <v>5</v>
      </c>
      <c r="N5206" s="1" t="s">
        <v>10</v>
      </c>
      <c r="O5206" s="1" t="s">
        <v>38</v>
      </c>
      <c r="P5206" s="5" t="s">
        <v>10</v>
      </c>
    </row>
    <row r="5207" spans="1:16" x14ac:dyDescent="0.2">
      <c r="A5207" s="1" t="s">
        <v>66</v>
      </c>
      <c r="B5207" s="1" t="s">
        <v>67</v>
      </c>
      <c r="C5207" s="1" t="s">
        <v>18098</v>
      </c>
      <c r="D5207" s="1" t="s">
        <v>18099</v>
      </c>
      <c r="E5207" s="1" t="s">
        <v>18100</v>
      </c>
      <c r="F5207" s="1" t="s">
        <v>10</v>
      </c>
      <c r="G5207" s="1" t="s">
        <v>10</v>
      </c>
      <c r="H5207" s="1" t="s">
        <v>10</v>
      </c>
      <c r="I5207" s="1" t="s">
        <v>17172</v>
      </c>
      <c r="J5207" s="1" t="s">
        <v>17224</v>
      </c>
      <c r="K5207" s="1" t="s">
        <v>113</v>
      </c>
      <c r="L5207" s="1" t="s">
        <v>18097</v>
      </c>
      <c r="M5207" s="1" t="s">
        <v>5</v>
      </c>
      <c r="N5207" s="1" t="s">
        <v>25</v>
      </c>
      <c r="O5207" s="1" t="s">
        <v>38</v>
      </c>
      <c r="P5207" s="5" t="s">
        <v>30544</v>
      </c>
    </row>
    <row r="5208" spans="1:16" x14ac:dyDescent="0.2">
      <c r="A5208" s="1" t="s">
        <v>10</v>
      </c>
      <c r="B5208" s="1" t="s">
        <v>10</v>
      </c>
      <c r="C5208" s="1" t="s">
        <v>18102</v>
      </c>
      <c r="D5208" s="1" t="s">
        <v>8669</v>
      </c>
      <c r="E5208" s="1" t="s">
        <v>18103</v>
      </c>
      <c r="F5208" s="1" t="s">
        <v>10</v>
      </c>
      <c r="G5208" s="1" t="s">
        <v>10</v>
      </c>
      <c r="H5208" s="1" t="s">
        <v>10</v>
      </c>
      <c r="I5208" s="1" t="s">
        <v>17172</v>
      </c>
      <c r="J5208" s="1" t="s">
        <v>17176</v>
      </c>
      <c r="K5208" s="1" t="s">
        <v>10</v>
      </c>
      <c r="L5208" s="1" t="s">
        <v>18101</v>
      </c>
      <c r="M5208" s="1" t="s">
        <v>5</v>
      </c>
      <c r="N5208" s="1" t="s">
        <v>10</v>
      </c>
      <c r="O5208" s="1" t="s">
        <v>38</v>
      </c>
      <c r="P5208" s="5" t="s">
        <v>10</v>
      </c>
    </row>
    <row r="5209" spans="1:16" x14ac:dyDescent="0.2">
      <c r="A5209" s="1" t="s">
        <v>10</v>
      </c>
      <c r="B5209" s="1" t="s">
        <v>10</v>
      </c>
      <c r="C5209" s="1" t="s">
        <v>18105</v>
      </c>
      <c r="D5209" s="1" t="s">
        <v>18106</v>
      </c>
      <c r="E5209" s="1" t="s">
        <v>18107</v>
      </c>
      <c r="F5209" s="1" t="s">
        <v>10</v>
      </c>
      <c r="G5209" s="1" t="s">
        <v>10</v>
      </c>
      <c r="H5209" s="1" t="s">
        <v>10</v>
      </c>
      <c r="I5209" s="1" t="s">
        <v>17172</v>
      </c>
      <c r="J5209" s="1" t="s">
        <v>17176</v>
      </c>
      <c r="K5209" s="1" t="s">
        <v>47</v>
      </c>
      <c r="L5209" s="1" t="s">
        <v>18104</v>
      </c>
      <c r="M5209" s="1" t="s">
        <v>5</v>
      </c>
      <c r="N5209" s="1" t="s">
        <v>10</v>
      </c>
      <c r="O5209" s="1" t="s">
        <v>38</v>
      </c>
      <c r="P5209" s="5" t="s">
        <v>31894</v>
      </c>
    </row>
    <row r="5210" spans="1:16" x14ac:dyDescent="0.2">
      <c r="A5210" s="1" t="s">
        <v>10</v>
      </c>
      <c r="B5210" s="1" t="s">
        <v>10</v>
      </c>
      <c r="C5210" s="1" t="s">
        <v>18109</v>
      </c>
      <c r="D5210" s="1" t="s">
        <v>10</v>
      </c>
      <c r="E5210" s="1" t="s">
        <v>18110</v>
      </c>
      <c r="F5210" s="1" t="s">
        <v>10</v>
      </c>
      <c r="G5210" s="1" t="s">
        <v>10</v>
      </c>
      <c r="H5210" s="1" t="s">
        <v>10</v>
      </c>
      <c r="I5210" s="1" t="s">
        <v>17172</v>
      </c>
      <c r="J5210" s="1" t="s">
        <v>17176</v>
      </c>
      <c r="K5210" s="1" t="s">
        <v>10</v>
      </c>
      <c r="L5210" s="1" t="s">
        <v>18108</v>
      </c>
      <c r="M5210" s="1" t="s">
        <v>5</v>
      </c>
      <c r="N5210" s="1" t="s">
        <v>10</v>
      </c>
      <c r="O5210" s="1" t="s">
        <v>38</v>
      </c>
      <c r="P5210" s="5" t="s">
        <v>10</v>
      </c>
    </row>
    <row r="5211" spans="1:16" x14ac:dyDescent="0.2">
      <c r="A5211" s="1" t="s">
        <v>10</v>
      </c>
      <c r="B5211" s="1" t="s">
        <v>10</v>
      </c>
      <c r="C5211" s="1" t="s">
        <v>18112</v>
      </c>
      <c r="D5211" s="1" t="s">
        <v>10</v>
      </c>
      <c r="E5211" s="1" t="s">
        <v>18113</v>
      </c>
      <c r="F5211" s="1" t="s">
        <v>10</v>
      </c>
      <c r="G5211" s="1" t="s">
        <v>10</v>
      </c>
      <c r="H5211" s="1" t="s">
        <v>10</v>
      </c>
      <c r="I5211" s="1" t="s">
        <v>17172</v>
      </c>
      <c r="J5211" s="1" t="s">
        <v>17176</v>
      </c>
      <c r="K5211" s="1" t="s">
        <v>10</v>
      </c>
      <c r="L5211" s="1" t="s">
        <v>18111</v>
      </c>
      <c r="M5211" s="1" t="s">
        <v>5</v>
      </c>
      <c r="N5211" s="1" t="s">
        <v>10</v>
      </c>
      <c r="O5211" s="1" t="s">
        <v>38</v>
      </c>
      <c r="P5211" s="5" t="s">
        <v>10</v>
      </c>
    </row>
    <row r="5212" spans="1:16" x14ac:dyDescent="0.2">
      <c r="A5212" s="1" t="s">
        <v>10</v>
      </c>
      <c r="B5212" s="1" t="s">
        <v>10</v>
      </c>
      <c r="C5212" s="1" t="s">
        <v>18115</v>
      </c>
      <c r="D5212" s="1" t="s">
        <v>18116</v>
      </c>
      <c r="E5212" s="1" t="s">
        <v>18117</v>
      </c>
      <c r="F5212" s="1" t="s">
        <v>10</v>
      </c>
      <c r="G5212" s="1" t="s">
        <v>10</v>
      </c>
      <c r="H5212" s="1" t="s">
        <v>10</v>
      </c>
      <c r="I5212" s="1" t="s">
        <v>17172</v>
      </c>
      <c r="J5212" s="1" t="s">
        <v>10</v>
      </c>
      <c r="K5212" s="1" t="s">
        <v>10</v>
      </c>
      <c r="L5212" s="1" t="s">
        <v>18114</v>
      </c>
      <c r="M5212" s="1" t="s">
        <v>5</v>
      </c>
      <c r="N5212" s="1" t="s">
        <v>10</v>
      </c>
      <c r="O5212" s="1" t="s">
        <v>38</v>
      </c>
      <c r="P5212" s="5" t="s">
        <v>10</v>
      </c>
    </row>
    <row r="5213" spans="1:16" x14ac:dyDescent="0.2">
      <c r="A5213" s="1" t="s">
        <v>10</v>
      </c>
      <c r="B5213" s="1" t="s">
        <v>10</v>
      </c>
      <c r="C5213" s="1" t="s">
        <v>18119</v>
      </c>
      <c r="D5213" s="1" t="s">
        <v>10</v>
      </c>
      <c r="E5213" s="1" t="s">
        <v>18120</v>
      </c>
      <c r="F5213" s="1" t="s">
        <v>10</v>
      </c>
      <c r="G5213" s="1" t="s">
        <v>10</v>
      </c>
      <c r="H5213" s="1" t="s">
        <v>10</v>
      </c>
      <c r="I5213" s="1" t="s">
        <v>17172</v>
      </c>
      <c r="J5213" s="1" t="s">
        <v>17176</v>
      </c>
      <c r="K5213" s="1" t="s">
        <v>10</v>
      </c>
      <c r="L5213" s="1" t="s">
        <v>18118</v>
      </c>
      <c r="M5213" s="1" t="s">
        <v>5</v>
      </c>
      <c r="N5213" s="1" t="s">
        <v>10</v>
      </c>
      <c r="O5213" s="1" t="s">
        <v>8</v>
      </c>
      <c r="P5213" s="5" t="s">
        <v>10</v>
      </c>
    </row>
    <row r="5214" spans="1:16" x14ac:dyDescent="0.2">
      <c r="A5214" s="1" t="s">
        <v>10</v>
      </c>
      <c r="B5214" s="1" t="s">
        <v>10</v>
      </c>
      <c r="C5214" s="1" t="s">
        <v>18122</v>
      </c>
      <c r="D5214" s="1" t="s">
        <v>18123</v>
      </c>
      <c r="E5214" s="1" t="s">
        <v>18124</v>
      </c>
      <c r="F5214" s="1" t="s">
        <v>10</v>
      </c>
      <c r="G5214" s="1" t="s">
        <v>10</v>
      </c>
      <c r="H5214" s="1" t="s">
        <v>10</v>
      </c>
      <c r="I5214" s="1" t="s">
        <v>17172</v>
      </c>
      <c r="J5214" s="1" t="s">
        <v>17214</v>
      </c>
      <c r="K5214" s="1" t="s">
        <v>47</v>
      </c>
      <c r="L5214" s="1" t="s">
        <v>18121</v>
      </c>
      <c r="M5214" s="1" t="s">
        <v>5</v>
      </c>
      <c r="N5214" s="1" t="s">
        <v>10</v>
      </c>
      <c r="O5214" s="1" t="s">
        <v>38</v>
      </c>
      <c r="P5214" s="5" t="s">
        <v>31850</v>
      </c>
    </row>
    <row r="5215" spans="1:16" x14ac:dyDescent="0.2">
      <c r="A5215" s="1" t="s">
        <v>10</v>
      </c>
      <c r="B5215" s="1" t="s">
        <v>10</v>
      </c>
      <c r="C5215" s="1" t="s">
        <v>18126</v>
      </c>
      <c r="D5215" s="1" t="s">
        <v>12905</v>
      </c>
      <c r="E5215" s="1" t="s">
        <v>18127</v>
      </c>
      <c r="F5215" s="1" t="s">
        <v>10</v>
      </c>
      <c r="G5215" s="1" t="s">
        <v>10</v>
      </c>
      <c r="H5215" s="1" t="s">
        <v>10</v>
      </c>
      <c r="I5215" s="1" t="s">
        <v>17172</v>
      </c>
      <c r="J5215" s="1" t="s">
        <v>17251</v>
      </c>
      <c r="K5215" s="1" t="s">
        <v>47</v>
      </c>
      <c r="L5215" s="1" t="s">
        <v>18125</v>
      </c>
      <c r="M5215" s="1" t="s">
        <v>5</v>
      </c>
      <c r="N5215" s="1" t="s">
        <v>10</v>
      </c>
      <c r="O5215" s="1" t="s">
        <v>38</v>
      </c>
      <c r="P5215" s="5" t="s">
        <v>31843</v>
      </c>
    </row>
    <row r="5216" spans="1:16" x14ac:dyDescent="0.2">
      <c r="A5216" s="1" t="s">
        <v>66</v>
      </c>
      <c r="B5216" s="1" t="s">
        <v>67</v>
      </c>
      <c r="C5216" s="1" t="s">
        <v>18129</v>
      </c>
      <c r="D5216" s="1" t="s">
        <v>18130</v>
      </c>
      <c r="E5216" s="1" t="s">
        <v>18131</v>
      </c>
      <c r="F5216" s="1" t="s">
        <v>10</v>
      </c>
      <c r="G5216" s="1" t="s">
        <v>10</v>
      </c>
      <c r="H5216" s="1" t="s">
        <v>10</v>
      </c>
      <c r="I5216" s="1" t="s">
        <v>17172</v>
      </c>
      <c r="J5216" s="1" t="s">
        <v>17701</v>
      </c>
      <c r="K5216" s="1" t="s">
        <v>130</v>
      </c>
      <c r="L5216" s="1" t="s">
        <v>18128</v>
      </c>
      <c r="M5216" s="1" t="s">
        <v>5</v>
      </c>
      <c r="N5216" s="1" t="s">
        <v>6</v>
      </c>
      <c r="O5216" s="1" t="s">
        <v>38</v>
      </c>
      <c r="P5216" s="5" t="s">
        <v>31554</v>
      </c>
    </row>
    <row r="5217" spans="1:16" x14ac:dyDescent="0.2">
      <c r="A5217" s="1" t="s">
        <v>66</v>
      </c>
      <c r="B5217" s="1" t="s">
        <v>67</v>
      </c>
      <c r="C5217" s="1" t="s">
        <v>18133</v>
      </c>
      <c r="D5217" s="1" t="s">
        <v>18134</v>
      </c>
      <c r="E5217" s="1" t="s">
        <v>18135</v>
      </c>
      <c r="F5217" s="1" t="s">
        <v>10</v>
      </c>
      <c r="G5217" s="1" t="s">
        <v>10</v>
      </c>
      <c r="H5217" s="1" t="s">
        <v>10</v>
      </c>
      <c r="I5217" s="1" t="s">
        <v>17172</v>
      </c>
      <c r="J5217" s="1" t="s">
        <v>17224</v>
      </c>
      <c r="K5217" s="1" t="s">
        <v>113</v>
      </c>
      <c r="L5217" s="1" t="s">
        <v>18132</v>
      </c>
      <c r="M5217" s="1" t="s">
        <v>5</v>
      </c>
      <c r="N5217" s="1" t="s">
        <v>25</v>
      </c>
      <c r="O5217" s="1" t="s">
        <v>38</v>
      </c>
      <c r="P5217" s="5" t="s">
        <v>31895</v>
      </c>
    </row>
    <row r="5218" spans="1:16" x14ac:dyDescent="0.2">
      <c r="A5218" s="1" t="s">
        <v>66</v>
      </c>
      <c r="B5218" s="1" t="s">
        <v>67</v>
      </c>
      <c r="C5218" s="1" t="s">
        <v>18137</v>
      </c>
      <c r="D5218" s="1" t="s">
        <v>18138</v>
      </c>
      <c r="E5218" s="1" t="s">
        <v>18139</v>
      </c>
      <c r="F5218" s="1" t="s">
        <v>27</v>
      </c>
      <c r="G5218" s="1" t="s">
        <v>10</v>
      </c>
      <c r="H5218" s="1" t="s">
        <v>18140</v>
      </c>
      <c r="I5218" s="1" t="s">
        <v>17172</v>
      </c>
      <c r="J5218" s="1" t="s">
        <v>17224</v>
      </c>
      <c r="K5218" s="1" t="s">
        <v>113</v>
      </c>
      <c r="L5218" s="1" t="s">
        <v>18136</v>
      </c>
      <c r="M5218" s="1" t="s">
        <v>5</v>
      </c>
      <c r="N5218" s="1" t="s">
        <v>25</v>
      </c>
      <c r="O5218" s="1" t="s">
        <v>8</v>
      </c>
      <c r="P5218" s="5" t="s">
        <v>31896</v>
      </c>
    </row>
    <row r="5219" spans="1:16" x14ac:dyDescent="0.2">
      <c r="A5219" s="1" t="s">
        <v>32</v>
      </c>
      <c r="B5219" s="1" t="s">
        <v>33</v>
      </c>
      <c r="C5219" s="1" t="s">
        <v>18142</v>
      </c>
      <c r="D5219" s="1" t="s">
        <v>18143</v>
      </c>
      <c r="E5219" s="1" t="s">
        <v>18144</v>
      </c>
      <c r="F5219" s="1" t="s">
        <v>27</v>
      </c>
      <c r="G5219" s="1" t="s">
        <v>10</v>
      </c>
      <c r="H5219" s="1" t="s">
        <v>18145</v>
      </c>
      <c r="I5219" s="1" t="s">
        <v>17172</v>
      </c>
      <c r="J5219" s="1" t="s">
        <v>17224</v>
      </c>
      <c r="K5219" s="1" t="s">
        <v>113</v>
      </c>
      <c r="L5219" s="1" t="s">
        <v>18141</v>
      </c>
      <c r="M5219" s="1" t="s">
        <v>5</v>
      </c>
      <c r="N5219" s="1" t="s">
        <v>6</v>
      </c>
      <c r="O5219" s="1" t="s">
        <v>8</v>
      </c>
      <c r="P5219" s="5" t="s">
        <v>30545</v>
      </c>
    </row>
    <row r="5220" spans="1:16" x14ac:dyDescent="0.2">
      <c r="A5220" s="1" t="s">
        <v>329</v>
      </c>
      <c r="B5220" s="1" t="s">
        <v>1659</v>
      </c>
      <c r="C5220" s="1" t="s">
        <v>18147</v>
      </c>
      <c r="D5220" s="1" t="s">
        <v>18148</v>
      </c>
      <c r="E5220" s="1" t="s">
        <v>18149</v>
      </c>
      <c r="F5220" s="1" t="s">
        <v>27</v>
      </c>
      <c r="G5220" s="1" t="s">
        <v>10</v>
      </c>
      <c r="H5220" s="1" t="s">
        <v>18150</v>
      </c>
      <c r="I5220" s="1" t="s">
        <v>17172</v>
      </c>
      <c r="J5220" s="1" t="s">
        <v>17224</v>
      </c>
      <c r="K5220" s="1" t="s">
        <v>113</v>
      </c>
      <c r="L5220" s="1" t="s">
        <v>18146</v>
      </c>
      <c r="M5220" s="1" t="s">
        <v>5</v>
      </c>
      <c r="N5220" s="1" t="s">
        <v>6</v>
      </c>
      <c r="O5220" s="1" t="s">
        <v>8</v>
      </c>
      <c r="P5220" s="5" t="s">
        <v>31897</v>
      </c>
    </row>
    <row r="5221" spans="1:16" x14ac:dyDescent="0.2">
      <c r="A5221" s="1" t="s">
        <v>329</v>
      </c>
      <c r="B5221" s="1" t="s">
        <v>1659</v>
      </c>
      <c r="C5221" s="1" t="s">
        <v>18152</v>
      </c>
      <c r="D5221" s="1" t="s">
        <v>18153</v>
      </c>
      <c r="E5221" s="1"/>
      <c r="F5221" s="1" t="s">
        <v>27</v>
      </c>
      <c r="G5221" s="1" t="s">
        <v>10</v>
      </c>
      <c r="H5221" s="1" t="s">
        <v>3870</v>
      </c>
      <c r="I5221" s="1" t="s">
        <v>17172</v>
      </c>
      <c r="J5221" s="1" t="s">
        <v>17224</v>
      </c>
      <c r="K5221" s="1" t="s">
        <v>113</v>
      </c>
      <c r="L5221" s="1" t="s">
        <v>18151</v>
      </c>
      <c r="M5221" s="1" t="s">
        <v>5</v>
      </c>
      <c r="N5221" s="1" t="s">
        <v>10</v>
      </c>
      <c r="O5221" s="1" t="s">
        <v>8</v>
      </c>
      <c r="P5221" s="5" t="s">
        <v>31898</v>
      </c>
    </row>
    <row r="5222" spans="1:16" x14ac:dyDescent="0.2">
      <c r="A5222" s="1" t="s">
        <v>329</v>
      </c>
      <c r="B5222" s="1" t="s">
        <v>1659</v>
      </c>
      <c r="C5222" s="1" t="s">
        <v>18155</v>
      </c>
      <c r="D5222" s="1" t="s">
        <v>18156</v>
      </c>
      <c r="E5222" s="1" t="s">
        <v>18157</v>
      </c>
      <c r="F5222" s="1" t="s">
        <v>27</v>
      </c>
      <c r="G5222" s="1" t="s">
        <v>10</v>
      </c>
      <c r="H5222" s="1" t="s">
        <v>18158</v>
      </c>
      <c r="I5222" s="1" t="s">
        <v>17172</v>
      </c>
      <c r="J5222" s="1" t="s">
        <v>17224</v>
      </c>
      <c r="K5222" s="1" t="s">
        <v>113</v>
      </c>
      <c r="L5222" s="1" t="s">
        <v>18154</v>
      </c>
      <c r="M5222" s="1" t="s">
        <v>5</v>
      </c>
      <c r="N5222" s="1" t="s">
        <v>25</v>
      </c>
      <c r="O5222" s="1" t="s">
        <v>8</v>
      </c>
      <c r="P5222" s="5" t="s">
        <v>31899</v>
      </c>
    </row>
    <row r="5223" spans="1:16" x14ac:dyDescent="0.2">
      <c r="A5223" s="1" t="s">
        <v>66</v>
      </c>
      <c r="B5223" s="1" t="s">
        <v>67</v>
      </c>
      <c r="C5223" s="1" t="s">
        <v>18160</v>
      </c>
      <c r="D5223" s="1" t="s">
        <v>18161</v>
      </c>
      <c r="E5223" s="1" t="s">
        <v>18162</v>
      </c>
      <c r="F5223" s="1" t="s">
        <v>10</v>
      </c>
      <c r="G5223" s="1" t="s">
        <v>10</v>
      </c>
      <c r="H5223" s="1" t="s">
        <v>10</v>
      </c>
      <c r="I5223" s="1" t="s">
        <v>17172</v>
      </c>
      <c r="J5223" s="1" t="s">
        <v>17224</v>
      </c>
      <c r="K5223" s="1" t="s">
        <v>113</v>
      </c>
      <c r="L5223" s="1" t="s">
        <v>18159</v>
      </c>
      <c r="M5223" s="1" t="s">
        <v>5</v>
      </c>
      <c r="N5223" s="1" t="s">
        <v>25</v>
      </c>
      <c r="O5223" s="1" t="s">
        <v>38</v>
      </c>
      <c r="P5223" s="5" t="s">
        <v>31900</v>
      </c>
    </row>
    <row r="5224" spans="1:16" x14ac:dyDescent="0.2">
      <c r="A5224" s="1" t="s">
        <v>10</v>
      </c>
      <c r="B5224" s="1" t="s">
        <v>10</v>
      </c>
      <c r="C5224" s="1" t="s">
        <v>16272</v>
      </c>
      <c r="D5224" s="1" t="s">
        <v>16272</v>
      </c>
      <c r="E5224" s="1" t="s">
        <v>18164</v>
      </c>
      <c r="F5224" s="1" t="s">
        <v>10</v>
      </c>
      <c r="G5224" s="1" t="s">
        <v>10</v>
      </c>
      <c r="H5224" s="1" t="s">
        <v>10</v>
      </c>
      <c r="I5224" s="1" t="s">
        <v>17172</v>
      </c>
      <c r="J5224" s="1" t="s">
        <v>17251</v>
      </c>
      <c r="K5224" s="1" t="s">
        <v>47</v>
      </c>
      <c r="L5224" s="1" t="s">
        <v>18163</v>
      </c>
      <c r="M5224" s="1" t="s">
        <v>5</v>
      </c>
      <c r="N5224" s="1" t="s">
        <v>10</v>
      </c>
      <c r="O5224" s="1" t="s">
        <v>38</v>
      </c>
      <c r="P5224" s="5" t="s">
        <v>30546</v>
      </c>
    </row>
    <row r="5225" spans="1:16" x14ac:dyDescent="0.2">
      <c r="A5225" s="1" t="s">
        <v>20</v>
      </c>
      <c r="B5225" s="1" t="s">
        <v>93</v>
      </c>
      <c r="C5225" s="1" t="s">
        <v>18166</v>
      </c>
      <c r="D5225" s="1" t="s">
        <v>18167</v>
      </c>
      <c r="E5225" s="1" t="s">
        <v>18168</v>
      </c>
      <c r="F5225" s="1" t="s">
        <v>10</v>
      </c>
      <c r="G5225" s="1" t="s">
        <v>10</v>
      </c>
      <c r="H5225" s="1" t="s">
        <v>10</v>
      </c>
      <c r="I5225" s="1" t="s">
        <v>17172</v>
      </c>
      <c r="J5225" s="1" t="s">
        <v>17224</v>
      </c>
      <c r="K5225" s="1" t="s">
        <v>113</v>
      </c>
      <c r="L5225" s="1" t="s">
        <v>18165</v>
      </c>
      <c r="M5225" s="1" t="s">
        <v>5</v>
      </c>
      <c r="N5225" s="1" t="s">
        <v>1597</v>
      </c>
      <c r="O5225" s="1" t="s">
        <v>8</v>
      </c>
      <c r="P5225" s="5" t="s">
        <v>30547</v>
      </c>
    </row>
    <row r="5226" spans="1:16" x14ac:dyDescent="0.2">
      <c r="A5226" s="1" t="s">
        <v>10</v>
      </c>
      <c r="B5226" s="1" t="s">
        <v>10</v>
      </c>
      <c r="C5226" s="1" t="s">
        <v>12501</v>
      </c>
      <c r="D5226" s="1" t="s">
        <v>12501</v>
      </c>
      <c r="E5226" s="1" t="s">
        <v>10</v>
      </c>
      <c r="F5226" s="1" t="s">
        <v>10</v>
      </c>
      <c r="G5226" s="1" t="s">
        <v>10</v>
      </c>
      <c r="H5226" s="1" t="s">
        <v>10</v>
      </c>
      <c r="I5226" s="1" t="s">
        <v>17172</v>
      </c>
      <c r="J5226" s="1" t="s">
        <v>17176</v>
      </c>
      <c r="K5226" s="1" t="s">
        <v>10</v>
      </c>
      <c r="L5226" s="1" t="s">
        <v>18169</v>
      </c>
      <c r="M5226" s="1" t="s">
        <v>5</v>
      </c>
      <c r="N5226" s="1" t="s">
        <v>10</v>
      </c>
      <c r="O5226" s="1" t="s">
        <v>8</v>
      </c>
      <c r="P5226" s="5" t="s">
        <v>10</v>
      </c>
    </row>
    <row r="5227" spans="1:16" x14ac:dyDescent="0.2">
      <c r="A5227" s="1" t="s">
        <v>10</v>
      </c>
      <c r="B5227" s="1" t="s">
        <v>10</v>
      </c>
      <c r="C5227" s="1" t="s">
        <v>18171</v>
      </c>
      <c r="D5227" s="1" t="s">
        <v>18171</v>
      </c>
      <c r="E5227" s="1" t="s">
        <v>10</v>
      </c>
      <c r="F5227" s="1" t="s">
        <v>10</v>
      </c>
      <c r="G5227" s="1" t="s">
        <v>10</v>
      </c>
      <c r="H5227" s="1" t="s">
        <v>10</v>
      </c>
      <c r="I5227" s="1" t="s">
        <v>17172</v>
      </c>
      <c r="J5227" s="1" t="s">
        <v>17176</v>
      </c>
      <c r="K5227" s="1" t="s">
        <v>10</v>
      </c>
      <c r="L5227" s="1" t="s">
        <v>18170</v>
      </c>
      <c r="M5227" s="1" t="s">
        <v>5</v>
      </c>
      <c r="N5227" s="1" t="s">
        <v>10</v>
      </c>
      <c r="O5227" s="1" t="s">
        <v>8</v>
      </c>
      <c r="P5227" s="5" t="s">
        <v>10</v>
      </c>
    </row>
    <row r="5228" spans="1:16" x14ac:dyDescent="0.2">
      <c r="A5228" s="1" t="s">
        <v>10</v>
      </c>
      <c r="B5228" s="1" t="s">
        <v>10</v>
      </c>
      <c r="C5228" s="1" t="s">
        <v>18173</v>
      </c>
      <c r="D5228" s="1" t="s">
        <v>18174</v>
      </c>
      <c r="E5228" s="1" t="s">
        <v>18175</v>
      </c>
      <c r="F5228" s="1" t="s">
        <v>10</v>
      </c>
      <c r="G5228" s="1" t="s">
        <v>10</v>
      </c>
      <c r="H5228" s="1" t="s">
        <v>10</v>
      </c>
      <c r="I5228" s="1" t="s">
        <v>17172</v>
      </c>
      <c r="J5228" s="1" t="s">
        <v>17176</v>
      </c>
      <c r="K5228" s="1" t="s">
        <v>47</v>
      </c>
      <c r="L5228" s="1" t="s">
        <v>18172</v>
      </c>
      <c r="M5228" s="1" t="s">
        <v>5</v>
      </c>
      <c r="N5228" s="1" t="s">
        <v>10</v>
      </c>
      <c r="O5228" s="1" t="s">
        <v>38</v>
      </c>
      <c r="P5228" s="5" t="s">
        <v>31894</v>
      </c>
    </row>
    <row r="5229" spans="1:16" x14ac:dyDescent="0.2">
      <c r="A5229" s="1" t="s">
        <v>10</v>
      </c>
      <c r="B5229" s="1" t="s">
        <v>10</v>
      </c>
      <c r="C5229" s="1" t="s">
        <v>18177</v>
      </c>
      <c r="D5229" s="1" t="s">
        <v>18177</v>
      </c>
      <c r="E5229" s="1" t="s">
        <v>18178</v>
      </c>
      <c r="F5229" s="1" t="s">
        <v>10</v>
      </c>
      <c r="G5229" s="1" t="s">
        <v>10</v>
      </c>
      <c r="H5229" s="1" t="s">
        <v>10</v>
      </c>
      <c r="I5229" s="1" t="s">
        <v>17172</v>
      </c>
      <c r="J5229" s="1" t="s">
        <v>17333</v>
      </c>
      <c r="K5229" s="1" t="s">
        <v>6533</v>
      </c>
      <c r="L5229" s="1" t="s">
        <v>18176</v>
      </c>
      <c r="M5229" s="1" t="s">
        <v>5</v>
      </c>
      <c r="N5229" s="1" t="s">
        <v>10</v>
      </c>
      <c r="O5229" s="1" t="s">
        <v>38</v>
      </c>
      <c r="P5229" s="5" t="s">
        <v>30548</v>
      </c>
    </row>
    <row r="5230" spans="1:16" x14ac:dyDescent="0.2">
      <c r="A5230" s="1" t="s">
        <v>10</v>
      </c>
      <c r="B5230" s="1" t="s">
        <v>10</v>
      </c>
      <c r="C5230" s="1" t="s">
        <v>18180</v>
      </c>
      <c r="D5230" s="1" t="s">
        <v>18181</v>
      </c>
      <c r="E5230" s="1" t="s">
        <v>18182</v>
      </c>
      <c r="F5230" s="1" t="s">
        <v>10</v>
      </c>
      <c r="G5230" s="1" t="s">
        <v>10</v>
      </c>
      <c r="H5230" s="1" t="s">
        <v>10</v>
      </c>
      <c r="I5230" s="1" t="s">
        <v>17172</v>
      </c>
      <c r="J5230" s="1" t="s">
        <v>17176</v>
      </c>
      <c r="K5230" s="1" t="s">
        <v>100</v>
      </c>
      <c r="L5230" s="1" t="s">
        <v>18179</v>
      </c>
      <c r="M5230" s="1" t="s">
        <v>5</v>
      </c>
      <c r="N5230" s="1" t="s">
        <v>10</v>
      </c>
      <c r="O5230" s="1" t="s">
        <v>38</v>
      </c>
      <c r="P5230" s="5" t="s">
        <v>10</v>
      </c>
    </row>
    <row r="5231" spans="1:16" x14ac:dyDescent="0.2">
      <c r="A5231" s="1" t="s">
        <v>194</v>
      </c>
      <c r="B5231" s="1" t="s">
        <v>6479</v>
      </c>
      <c r="C5231" s="1" t="s">
        <v>18184</v>
      </c>
      <c r="D5231" s="1" t="s">
        <v>18185</v>
      </c>
      <c r="E5231" s="1" t="s">
        <v>18186</v>
      </c>
      <c r="F5231" s="1" t="s">
        <v>10</v>
      </c>
      <c r="G5231" s="1" t="s">
        <v>10</v>
      </c>
      <c r="H5231" s="1" t="s">
        <v>18187</v>
      </c>
      <c r="I5231" s="1" t="s">
        <v>17172</v>
      </c>
      <c r="J5231" s="1" t="s">
        <v>17224</v>
      </c>
      <c r="K5231" s="1" t="s">
        <v>113</v>
      </c>
      <c r="L5231" s="1" t="s">
        <v>18183</v>
      </c>
      <c r="M5231" s="1" t="s">
        <v>5</v>
      </c>
      <c r="N5231" s="1" t="s">
        <v>6</v>
      </c>
      <c r="O5231" s="1" t="s">
        <v>8</v>
      </c>
      <c r="P5231" s="5" t="s">
        <v>31901</v>
      </c>
    </row>
    <row r="5232" spans="1:16" x14ac:dyDescent="0.2">
      <c r="A5232" s="1" t="s">
        <v>10</v>
      </c>
      <c r="B5232" s="1" t="s">
        <v>10</v>
      </c>
      <c r="C5232" s="1" t="s">
        <v>18189</v>
      </c>
      <c r="D5232" s="1" t="s">
        <v>18190</v>
      </c>
      <c r="E5232" s="1" t="s">
        <v>10</v>
      </c>
      <c r="F5232" s="1" t="s">
        <v>10</v>
      </c>
      <c r="G5232" s="1" t="s">
        <v>10</v>
      </c>
      <c r="H5232" s="1" t="s">
        <v>10</v>
      </c>
      <c r="I5232" s="1" t="s">
        <v>17172</v>
      </c>
      <c r="J5232" s="1" t="s">
        <v>17176</v>
      </c>
      <c r="K5232" s="1" t="s">
        <v>10</v>
      </c>
      <c r="L5232" s="1" t="s">
        <v>18188</v>
      </c>
      <c r="M5232" s="1" t="s">
        <v>5</v>
      </c>
      <c r="N5232" s="1" t="s">
        <v>10</v>
      </c>
      <c r="O5232" s="1" t="s">
        <v>8</v>
      </c>
      <c r="P5232" s="5" t="s">
        <v>10</v>
      </c>
    </row>
    <row r="5233" spans="1:16" x14ac:dyDescent="0.2">
      <c r="A5233" s="1" t="s">
        <v>10</v>
      </c>
      <c r="B5233" s="1" t="s">
        <v>10</v>
      </c>
      <c r="C5233" s="1" t="s">
        <v>18192</v>
      </c>
      <c r="D5233" s="1" t="s">
        <v>18193</v>
      </c>
      <c r="E5233" s="1" t="s">
        <v>10</v>
      </c>
      <c r="F5233" s="1" t="s">
        <v>10</v>
      </c>
      <c r="G5233" s="1" t="s">
        <v>10</v>
      </c>
      <c r="H5233" s="1" t="s">
        <v>10</v>
      </c>
      <c r="I5233" s="1" t="s">
        <v>17172</v>
      </c>
      <c r="J5233" s="1" t="s">
        <v>17176</v>
      </c>
      <c r="K5233" s="1" t="s">
        <v>10</v>
      </c>
      <c r="L5233" s="1" t="s">
        <v>18191</v>
      </c>
      <c r="M5233" s="1" t="s">
        <v>5</v>
      </c>
      <c r="N5233" s="1" t="s">
        <v>10</v>
      </c>
      <c r="O5233" s="1" t="s">
        <v>8</v>
      </c>
      <c r="P5233" s="5" t="s">
        <v>10</v>
      </c>
    </row>
    <row r="5234" spans="1:16" x14ac:dyDescent="0.2">
      <c r="A5234" s="1" t="s">
        <v>329</v>
      </c>
      <c r="B5234" s="1" t="s">
        <v>340</v>
      </c>
      <c r="C5234" s="1" t="s">
        <v>18195</v>
      </c>
      <c r="D5234" s="1" t="s">
        <v>18196</v>
      </c>
      <c r="E5234" s="1" t="s">
        <v>18198</v>
      </c>
      <c r="F5234" s="1" t="s">
        <v>10</v>
      </c>
      <c r="G5234" s="1" t="s">
        <v>10</v>
      </c>
      <c r="H5234" s="1" t="s">
        <v>10</v>
      </c>
      <c r="I5234" s="1" t="s">
        <v>17172</v>
      </c>
      <c r="J5234" s="1" t="s">
        <v>17224</v>
      </c>
      <c r="K5234" s="1" t="s">
        <v>18197</v>
      </c>
      <c r="L5234" s="1" t="s">
        <v>18194</v>
      </c>
      <c r="M5234" s="1" t="s">
        <v>5</v>
      </c>
      <c r="N5234" s="1" t="s">
        <v>6</v>
      </c>
      <c r="O5234" s="1" t="s">
        <v>8</v>
      </c>
      <c r="P5234" s="5" t="s">
        <v>31902</v>
      </c>
    </row>
    <row r="5235" spans="1:16" x14ac:dyDescent="0.2">
      <c r="A5235" s="1" t="s">
        <v>10</v>
      </c>
      <c r="B5235" s="1" t="s">
        <v>10</v>
      </c>
      <c r="C5235" s="1" t="s">
        <v>18200</v>
      </c>
      <c r="D5235" s="1" t="s">
        <v>18201</v>
      </c>
      <c r="E5235" s="1" t="s">
        <v>10</v>
      </c>
      <c r="F5235" s="1" t="s">
        <v>10</v>
      </c>
      <c r="G5235" s="1" t="s">
        <v>10</v>
      </c>
      <c r="H5235" s="1" t="s">
        <v>10</v>
      </c>
      <c r="I5235" s="1" t="s">
        <v>17172</v>
      </c>
      <c r="J5235" s="1" t="s">
        <v>17176</v>
      </c>
      <c r="K5235" s="1" t="s">
        <v>10</v>
      </c>
      <c r="L5235" s="1" t="s">
        <v>18199</v>
      </c>
      <c r="M5235" s="1" t="s">
        <v>5</v>
      </c>
      <c r="N5235" s="1" t="s">
        <v>10</v>
      </c>
      <c r="O5235" s="1" t="s">
        <v>38</v>
      </c>
      <c r="P5235" s="5" t="s">
        <v>10</v>
      </c>
    </row>
    <row r="5236" spans="1:16" x14ac:dyDescent="0.2">
      <c r="A5236" s="1" t="s">
        <v>10</v>
      </c>
      <c r="B5236" s="1" t="s">
        <v>10</v>
      </c>
      <c r="C5236" s="1" t="s">
        <v>18203</v>
      </c>
      <c r="D5236" s="1" t="s">
        <v>18204</v>
      </c>
      <c r="E5236" s="1" t="s">
        <v>18205</v>
      </c>
      <c r="F5236" s="1" t="s">
        <v>10</v>
      </c>
      <c r="G5236" s="1" t="s">
        <v>10</v>
      </c>
      <c r="H5236" s="1" t="s">
        <v>10</v>
      </c>
      <c r="I5236" s="1" t="s">
        <v>17172</v>
      </c>
      <c r="J5236" s="1" t="s">
        <v>17251</v>
      </c>
      <c r="K5236" s="1" t="s">
        <v>37</v>
      </c>
      <c r="L5236" s="1" t="s">
        <v>18202</v>
      </c>
      <c r="M5236" s="1" t="s">
        <v>5</v>
      </c>
      <c r="N5236" s="1" t="s">
        <v>10</v>
      </c>
      <c r="O5236" s="1" t="s">
        <v>38</v>
      </c>
      <c r="P5236" s="5" t="s">
        <v>31903</v>
      </c>
    </row>
    <row r="5237" spans="1:16" x14ac:dyDescent="0.2">
      <c r="A5237" s="1" t="s">
        <v>10</v>
      </c>
      <c r="B5237" s="1" t="s">
        <v>10</v>
      </c>
      <c r="C5237" s="1" t="s">
        <v>18207</v>
      </c>
      <c r="D5237" s="1" t="s">
        <v>18208</v>
      </c>
      <c r="E5237" s="1" t="s">
        <v>10</v>
      </c>
      <c r="F5237" s="1" t="s">
        <v>10</v>
      </c>
      <c r="G5237" s="1" t="s">
        <v>10</v>
      </c>
      <c r="H5237" s="1" t="s">
        <v>10</v>
      </c>
      <c r="I5237" s="1" t="s">
        <v>17172</v>
      </c>
      <c r="J5237" s="1" t="s">
        <v>17176</v>
      </c>
      <c r="K5237" s="1" t="s">
        <v>10</v>
      </c>
      <c r="L5237" s="1" t="s">
        <v>18206</v>
      </c>
      <c r="M5237" s="1" t="s">
        <v>5</v>
      </c>
      <c r="N5237" s="1" t="s">
        <v>10</v>
      </c>
      <c r="O5237" s="1" t="s">
        <v>8</v>
      </c>
      <c r="P5237" s="5" t="s">
        <v>10</v>
      </c>
    </row>
    <row r="5238" spans="1:16" x14ac:dyDescent="0.2">
      <c r="A5238" s="1" t="s">
        <v>10</v>
      </c>
      <c r="B5238" s="1" t="s">
        <v>10</v>
      </c>
      <c r="C5238" s="1" t="s">
        <v>18210</v>
      </c>
      <c r="D5238" s="1" t="s">
        <v>18210</v>
      </c>
      <c r="E5238" s="1" t="s">
        <v>10</v>
      </c>
      <c r="F5238" s="1" t="s">
        <v>10</v>
      </c>
      <c r="G5238" s="1" t="s">
        <v>10</v>
      </c>
      <c r="H5238" s="1" t="s">
        <v>10</v>
      </c>
      <c r="I5238" s="1" t="s">
        <v>17172</v>
      </c>
      <c r="J5238" s="1" t="s">
        <v>17176</v>
      </c>
      <c r="K5238" s="1" t="s">
        <v>10</v>
      </c>
      <c r="L5238" s="1" t="s">
        <v>18209</v>
      </c>
      <c r="M5238" s="1" t="s">
        <v>5</v>
      </c>
      <c r="N5238" s="1" t="s">
        <v>10</v>
      </c>
      <c r="O5238" s="1" t="s">
        <v>8</v>
      </c>
      <c r="P5238" s="5" t="s">
        <v>10</v>
      </c>
    </row>
    <row r="5239" spans="1:16" x14ac:dyDescent="0.2">
      <c r="A5239" s="1" t="s">
        <v>10</v>
      </c>
      <c r="B5239" s="1" t="s">
        <v>10</v>
      </c>
      <c r="C5239" s="1" t="s">
        <v>18212</v>
      </c>
      <c r="D5239" s="1" t="s">
        <v>18213</v>
      </c>
      <c r="E5239" s="1" t="s">
        <v>18214</v>
      </c>
      <c r="F5239" s="1" t="s">
        <v>10</v>
      </c>
      <c r="G5239" s="1" t="s">
        <v>10</v>
      </c>
      <c r="H5239" s="1" t="s">
        <v>10</v>
      </c>
      <c r="I5239" s="1" t="s">
        <v>17172</v>
      </c>
      <c r="J5239" s="1" t="s">
        <v>17176</v>
      </c>
      <c r="K5239" s="1" t="s">
        <v>47</v>
      </c>
      <c r="L5239" s="1" t="s">
        <v>18211</v>
      </c>
      <c r="M5239" s="1" t="s">
        <v>5</v>
      </c>
      <c r="N5239" s="1" t="s">
        <v>10</v>
      </c>
      <c r="O5239" s="1" t="s">
        <v>8</v>
      </c>
      <c r="P5239" s="5" t="s">
        <v>10</v>
      </c>
    </row>
    <row r="5240" spans="1:16" x14ac:dyDescent="0.2">
      <c r="A5240" s="1" t="s">
        <v>10</v>
      </c>
      <c r="B5240" s="1" t="s">
        <v>10</v>
      </c>
      <c r="C5240" s="1" t="s">
        <v>1547</v>
      </c>
      <c r="D5240" s="1" t="s">
        <v>18216</v>
      </c>
      <c r="E5240" s="1" t="s">
        <v>10</v>
      </c>
      <c r="F5240" s="1" t="s">
        <v>10</v>
      </c>
      <c r="G5240" s="1" t="s">
        <v>10</v>
      </c>
      <c r="H5240" s="1" t="s">
        <v>10</v>
      </c>
      <c r="I5240" s="1" t="s">
        <v>17172</v>
      </c>
      <c r="J5240" s="1" t="s">
        <v>17176</v>
      </c>
      <c r="K5240" s="1" t="s">
        <v>10</v>
      </c>
      <c r="L5240" s="1" t="s">
        <v>18215</v>
      </c>
      <c r="M5240" s="1" t="s">
        <v>5</v>
      </c>
      <c r="N5240" s="1" t="s">
        <v>10</v>
      </c>
      <c r="O5240" s="1" t="s">
        <v>8</v>
      </c>
      <c r="P5240" s="5" t="s">
        <v>10</v>
      </c>
    </row>
    <row r="5241" spans="1:16" x14ac:dyDescent="0.2">
      <c r="A5241" s="1" t="s">
        <v>10</v>
      </c>
      <c r="B5241" s="1" t="s">
        <v>10</v>
      </c>
      <c r="C5241" s="1" t="s">
        <v>18220</v>
      </c>
      <c r="D5241" s="1" t="s">
        <v>18221</v>
      </c>
      <c r="E5241" s="1" t="s">
        <v>10</v>
      </c>
      <c r="F5241" s="1" t="s">
        <v>10</v>
      </c>
      <c r="G5241" s="1" t="s">
        <v>10</v>
      </c>
      <c r="H5241" s="1" t="s">
        <v>10</v>
      </c>
      <c r="I5241" s="1" t="s">
        <v>17172</v>
      </c>
      <c r="J5241" s="1" t="s">
        <v>17176</v>
      </c>
      <c r="K5241" s="1" t="s">
        <v>10</v>
      </c>
      <c r="L5241" s="1" t="s">
        <v>18219</v>
      </c>
      <c r="M5241" s="1" t="s">
        <v>5</v>
      </c>
      <c r="N5241" s="1" t="s">
        <v>10</v>
      </c>
      <c r="O5241" s="1" t="s">
        <v>8</v>
      </c>
      <c r="P5241" s="5" t="s">
        <v>10</v>
      </c>
    </row>
    <row r="5242" spans="1:16" x14ac:dyDescent="0.2">
      <c r="A5242" s="1" t="s">
        <v>10</v>
      </c>
      <c r="B5242" s="1" t="s">
        <v>10</v>
      </c>
      <c r="C5242" s="1" t="s">
        <v>18223</v>
      </c>
      <c r="D5242" s="1" t="s">
        <v>18224</v>
      </c>
      <c r="E5242" s="1" t="s">
        <v>18226</v>
      </c>
      <c r="F5242" s="1" t="s">
        <v>10</v>
      </c>
      <c r="G5242" s="1" t="s">
        <v>10</v>
      </c>
      <c r="H5242" s="1" t="s">
        <v>10</v>
      </c>
      <c r="I5242" s="1" t="s">
        <v>17172</v>
      </c>
      <c r="J5242" s="1" t="s">
        <v>18225</v>
      </c>
      <c r="K5242" s="1" t="s">
        <v>747</v>
      </c>
      <c r="L5242" s="1" t="s">
        <v>18222</v>
      </c>
      <c r="M5242" s="1" t="s">
        <v>5</v>
      </c>
      <c r="N5242" s="1" t="s">
        <v>10</v>
      </c>
      <c r="O5242" s="1" t="s">
        <v>38</v>
      </c>
      <c r="P5242" s="5" t="s">
        <v>30549</v>
      </c>
    </row>
    <row r="5243" spans="1:16" x14ac:dyDescent="0.2">
      <c r="A5243" s="1" t="s">
        <v>10</v>
      </c>
      <c r="B5243" s="1" t="s">
        <v>10</v>
      </c>
      <c r="C5243" s="1" t="s">
        <v>18228</v>
      </c>
      <c r="D5243" s="1" t="s">
        <v>18228</v>
      </c>
      <c r="E5243" s="1" t="s">
        <v>10</v>
      </c>
      <c r="F5243" s="1" t="s">
        <v>10</v>
      </c>
      <c r="G5243" s="1" t="s">
        <v>10</v>
      </c>
      <c r="H5243" s="1" t="s">
        <v>10</v>
      </c>
      <c r="I5243" s="1" t="s">
        <v>17172</v>
      </c>
      <c r="J5243" s="1" t="s">
        <v>17176</v>
      </c>
      <c r="K5243" s="1" t="s">
        <v>10</v>
      </c>
      <c r="L5243" s="1" t="s">
        <v>18227</v>
      </c>
      <c r="M5243" s="1" t="s">
        <v>5</v>
      </c>
      <c r="N5243" s="1" t="s">
        <v>10</v>
      </c>
      <c r="O5243" s="1" t="s">
        <v>8</v>
      </c>
      <c r="P5243" s="5" t="s">
        <v>10</v>
      </c>
    </row>
    <row r="5244" spans="1:16" x14ac:dyDescent="0.2">
      <c r="A5244" s="1" t="s">
        <v>10</v>
      </c>
      <c r="B5244" s="1" t="s">
        <v>10</v>
      </c>
      <c r="C5244" s="1" t="s">
        <v>18230</v>
      </c>
      <c r="D5244" s="1" t="s">
        <v>18231</v>
      </c>
      <c r="E5244" s="1" t="s">
        <v>10</v>
      </c>
      <c r="F5244" s="1" t="s">
        <v>10</v>
      </c>
      <c r="G5244" s="1" t="s">
        <v>10</v>
      </c>
      <c r="H5244" s="1" t="s">
        <v>10</v>
      </c>
      <c r="I5244" s="1" t="s">
        <v>17172</v>
      </c>
      <c r="J5244" s="1" t="s">
        <v>17176</v>
      </c>
      <c r="K5244" s="1" t="s">
        <v>10</v>
      </c>
      <c r="L5244" s="1" t="s">
        <v>18229</v>
      </c>
      <c r="M5244" s="1" t="s">
        <v>5</v>
      </c>
      <c r="N5244" s="1" t="s">
        <v>10</v>
      </c>
      <c r="O5244" s="1" t="s">
        <v>8</v>
      </c>
      <c r="P5244" s="5" t="s">
        <v>10</v>
      </c>
    </row>
    <row r="5245" spans="1:16" x14ac:dyDescent="0.2">
      <c r="A5245" s="1" t="s">
        <v>10</v>
      </c>
      <c r="B5245" s="1" t="s">
        <v>10</v>
      </c>
      <c r="C5245" s="1" t="s">
        <v>18233</v>
      </c>
      <c r="D5245" s="1" t="s">
        <v>10</v>
      </c>
      <c r="E5245" s="1" t="s">
        <v>10</v>
      </c>
      <c r="F5245" s="1" t="s">
        <v>10</v>
      </c>
      <c r="G5245" s="1" t="s">
        <v>10</v>
      </c>
      <c r="H5245" s="1" t="s">
        <v>10</v>
      </c>
      <c r="I5245" s="1" t="s">
        <v>17172</v>
      </c>
      <c r="J5245" s="1" t="s">
        <v>17176</v>
      </c>
      <c r="K5245" s="1" t="s">
        <v>47</v>
      </c>
      <c r="L5245" s="1" t="s">
        <v>18232</v>
      </c>
      <c r="M5245" s="1" t="s">
        <v>5</v>
      </c>
      <c r="N5245" s="1" t="s">
        <v>10</v>
      </c>
      <c r="O5245" s="1" t="s">
        <v>38</v>
      </c>
      <c r="P5245" s="5" t="s">
        <v>30550</v>
      </c>
    </row>
    <row r="5246" spans="1:16" x14ac:dyDescent="0.2">
      <c r="A5246" s="1" t="s">
        <v>10</v>
      </c>
      <c r="B5246" s="1" t="s">
        <v>10</v>
      </c>
      <c r="C5246" s="1" t="s">
        <v>18235</v>
      </c>
      <c r="D5246" s="1" t="s">
        <v>18236</v>
      </c>
      <c r="E5246" s="1" t="s">
        <v>18237</v>
      </c>
      <c r="F5246" s="1" t="s">
        <v>10</v>
      </c>
      <c r="G5246" s="1" t="s">
        <v>10</v>
      </c>
      <c r="H5246" s="1" t="s">
        <v>10</v>
      </c>
      <c r="I5246" s="1" t="s">
        <v>17172</v>
      </c>
      <c r="J5246" s="1" t="s">
        <v>17333</v>
      </c>
      <c r="K5246" s="1" t="s">
        <v>37</v>
      </c>
      <c r="L5246" s="1" t="s">
        <v>18234</v>
      </c>
      <c r="M5246" s="1" t="s">
        <v>5</v>
      </c>
      <c r="N5246" s="1" t="s">
        <v>10</v>
      </c>
      <c r="O5246" s="1" t="s">
        <v>38</v>
      </c>
      <c r="P5246" s="5" t="s">
        <v>31904</v>
      </c>
    </row>
    <row r="5247" spans="1:16" x14ac:dyDescent="0.2">
      <c r="A5247" s="1" t="s">
        <v>10</v>
      </c>
      <c r="B5247" s="1" t="s">
        <v>10</v>
      </c>
      <c r="C5247" s="1" t="s">
        <v>18239</v>
      </c>
      <c r="D5247" s="1" t="s">
        <v>18240</v>
      </c>
      <c r="E5247" s="1" t="s">
        <v>18241</v>
      </c>
      <c r="F5247" s="1" t="s">
        <v>10</v>
      </c>
      <c r="G5247" s="1" t="s">
        <v>10</v>
      </c>
      <c r="H5247" s="1" t="s">
        <v>10</v>
      </c>
      <c r="I5247" s="1" t="s">
        <v>17172</v>
      </c>
      <c r="J5247" s="1" t="s">
        <v>17333</v>
      </c>
      <c r="K5247" s="1" t="s">
        <v>37</v>
      </c>
      <c r="L5247" s="1" t="s">
        <v>18238</v>
      </c>
      <c r="M5247" s="1" t="s">
        <v>5</v>
      </c>
      <c r="N5247" s="1" t="s">
        <v>10</v>
      </c>
      <c r="O5247" s="1" t="s">
        <v>38</v>
      </c>
      <c r="P5247" s="5" t="s">
        <v>31904</v>
      </c>
    </row>
    <row r="5248" spans="1:16" x14ac:dyDescent="0.2">
      <c r="A5248" s="1" t="s">
        <v>487</v>
      </c>
      <c r="B5248" s="1" t="s">
        <v>765</v>
      </c>
      <c r="C5248" s="1" t="s">
        <v>18243</v>
      </c>
      <c r="D5248" s="1" t="s">
        <v>18244</v>
      </c>
      <c r="E5248" s="1" t="s">
        <v>18245</v>
      </c>
      <c r="F5248" s="1" t="s">
        <v>10</v>
      </c>
      <c r="G5248" s="1" t="s">
        <v>10</v>
      </c>
      <c r="H5248" s="1" t="s">
        <v>10</v>
      </c>
      <c r="I5248" s="1" t="s">
        <v>17172</v>
      </c>
      <c r="J5248" s="1" t="s">
        <v>17465</v>
      </c>
      <c r="K5248" s="1" t="s">
        <v>12368</v>
      </c>
      <c r="L5248" s="1" t="s">
        <v>18242</v>
      </c>
      <c r="M5248" s="1" t="s">
        <v>5</v>
      </c>
      <c r="N5248" s="1" t="s">
        <v>10</v>
      </c>
      <c r="O5248" s="1" t="s">
        <v>38</v>
      </c>
      <c r="P5248" s="5" t="s">
        <v>14</v>
      </c>
    </row>
    <row r="5249" spans="1:16" x14ac:dyDescent="0.2">
      <c r="A5249" s="1" t="s">
        <v>42</v>
      </c>
      <c r="B5249" s="1" t="s">
        <v>1890</v>
      </c>
      <c r="C5249" s="1" t="s">
        <v>18247</v>
      </c>
      <c r="D5249" s="1" t="s">
        <v>18248</v>
      </c>
      <c r="E5249" s="1" t="s">
        <v>18249</v>
      </c>
      <c r="F5249" s="1" t="s">
        <v>10</v>
      </c>
      <c r="G5249" s="1" t="s">
        <v>10</v>
      </c>
      <c r="H5249" s="1" t="s">
        <v>10</v>
      </c>
      <c r="I5249" s="1" t="s">
        <v>17172</v>
      </c>
      <c r="J5249" s="1" t="s">
        <v>17214</v>
      </c>
      <c r="K5249" s="1" t="s">
        <v>47</v>
      </c>
      <c r="L5249" s="1" t="s">
        <v>18246</v>
      </c>
      <c r="M5249" s="1" t="s">
        <v>5</v>
      </c>
      <c r="N5249" s="1" t="s">
        <v>10</v>
      </c>
      <c r="O5249" s="1" t="s">
        <v>38</v>
      </c>
      <c r="P5249" s="5" t="s">
        <v>14</v>
      </c>
    </row>
    <row r="5250" spans="1:16" x14ac:dyDescent="0.2">
      <c r="A5250" s="1" t="s">
        <v>20</v>
      </c>
      <c r="B5250" s="1" t="s">
        <v>253</v>
      </c>
      <c r="C5250" s="1" t="s">
        <v>18251</v>
      </c>
      <c r="D5250" s="1" t="s">
        <v>18252</v>
      </c>
      <c r="E5250" s="1" t="s">
        <v>18253</v>
      </c>
      <c r="F5250" s="1" t="s">
        <v>27</v>
      </c>
      <c r="G5250" s="1" t="s">
        <v>10</v>
      </c>
      <c r="H5250" s="1" t="s">
        <v>18252</v>
      </c>
      <c r="I5250" s="1" t="s">
        <v>17172</v>
      </c>
      <c r="J5250" s="1" t="s">
        <v>17229</v>
      </c>
      <c r="K5250" s="1" t="s">
        <v>130</v>
      </c>
      <c r="L5250" s="1" t="s">
        <v>18250</v>
      </c>
      <c r="M5250" s="1" t="s">
        <v>5</v>
      </c>
      <c r="N5250" s="1" t="s">
        <v>10</v>
      </c>
      <c r="O5250" s="1" t="s">
        <v>8</v>
      </c>
      <c r="P5250" s="5" t="s">
        <v>31905</v>
      </c>
    </row>
    <row r="5251" spans="1:16" x14ac:dyDescent="0.2">
      <c r="A5251" s="1" t="s">
        <v>66</v>
      </c>
      <c r="B5251" s="1" t="s">
        <v>67</v>
      </c>
      <c r="C5251" s="1" t="s">
        <v>18255</v>
      </c>
      <c r="D5251" s="1" t="s">
        <v>18256</v>
      </c>
      <c r="E5251" s="1" t="s">
        <v>18257</v>
      </c>
      <c r="F5251" s="1" t="s">
        <v>10</v>
      </c>
      <c r="G5251" s="1" t="s">
        <v>10</v>
      </c>
      <c r="H5251" s="1" t="s">
        <v>10</v>
      </c>
      <c r="I5251" s="1" t="s">
        <v>17172</v>
      </c>
      <c r="J5251" s="1" t="s">
        <v>17224</v>
      </c>
      <c r="K5251" s="1" t="s">
        <v>113</v>
      </c>
      <c r="L5251" s="1" t="s">
        <v>18254</v>
      </c>
      <c r="M5251" s="1" t="s">
        <v>5</v>
      </c>
      <c r="N5251" s="1" t="s">
        <v>6</v>
      </c>
      <c r="O5251" s="1" t="s">
        <v>38</v>
      </c>
      <c r="P5251" s="5" t="s">
        <v>30551</v>
      </c>
    </row>
    <row r="5252" spans="1:16" x14ac:dyDescent="0.2">
      <c r="A5252" s="1" t="s">
        <v>194</v>
      </c>
      <c r="B5252" s="1" t="s">
        <v>6479</v>
      </c>
      <c r="C5252" s="1" t="s">
        <v>18259</v>
      </c>
      <c r="D5252" s="1" t="s">
        <v>18260</v>
      </c>
      <c r="E5252" s="1" t="s">
        <v>18261</v>
      </c>
      <c r="F5252" s="1" t="s">
        <v>10</v>
      </c>
      <c r="G5252" s="1" t="s">
        <v>10</v>
      </c>
      <c r="H5252" s="1" t="s">
        <v>10</v>
      </c>
      <c r="I5252" s="1" t="s">
        <v>17172</v>
      </c>
      <c r="J5252" s="1" t="s">
        <v>17224</v>
      </c>
      <c r="K5252" s="1" t="s">
        <v>113</v>
      </c>
      <c r="L5252" s="1" t="s">
        <v>18258</v>
      </c>
      <c r="M5252" s="1" t="s">
        <v>5</v>
      </c>
      <c r="N5252" s="1" t="s">
        <v>6</v>
      </c>
      <c r="O5252" s="1" t="s">
        <v>8</v>
      </c>
      <c r="P5252" s="5" t="s">
        <v>31330</v>
      </c>
    </row>
    <row r="5253" spans="1:16" x14ac:dyDescent="0.2">
      <c r="A5253" s="1" t="s">
        <v>194</v>
      </c>
      <c r="B5253" s="1" t="s">
        <v>6479</v>
      </c>
      <c r="C5253" s="1" t="s">
        <v>18263</v>
      </c>
      <c r="D5253" s="1" t="s">
        <v>10</v>
      </c>
      <c r="E5253" s="1" t="s">
        <v>18264</v>
      </c>
      <c r="F5253" s="1" t="s">
        <v>10</v>
      </c>
      <c r="G5253" s="1" t="s">
        <v>10</v>
      </c>
      <c r="H5253" s="1" t="s">
        <v>18265</v>
      </c>
      <c r="I5253" s="1" t="s">
        <v>17172</v>
      </c>
      <c r="J5253" s="1" t="s">
        <v>17224</v>
      </c>
      <c r="K5253" s="1" t="s">
        <v>113</v>
      </c>
      <c r="L5253" s="1" t="s">
        <v>18262</v>
      </c>
      <c r="M5253" s="1" t="s">
        <v>5</v>
      </c>
      <c r="N5253" s="1" t="s">
        <v>10</v>
      </c>
      <c r="O5253" s="1" t="s">
        <v>8</v>
      </c>
      <c r="P5253" s="5" t="s">
        <v>31330</v>
      </c>
    </row>
    <row r="5254" spans="1:16" x14ac:dyDescent="0.2">
      <c r="A5254" s="1" t="s">
        <v>20</v>
      </c>
      <c r="B5254" s="1" t="s">
        <v>445</v>
      </c>
      <c r="C5254" s="1" t="s">
        <v>18267</v>
      </c>
      <c r="D5254" s="1" t="s">
        <v>18268</v>
      </c>
      <c r="E5254" s="1" t="s">
        <v>18270</v>
      </c>
      <c r="F5254" s="1" t="s">
        <v>10</v>
      </c>
      <c r="G5254" s="1" t="s">
        <v>10</v>
      </c>
      <c r="H5254" s="1" t="s">
        <v>10</v>
      </c>
      <c r="I5254" s="1" t="s">
        <v>17172</v>
      </c>
      <c r="J5254" s="1" t="s">
        <v>17229</v>
      </c>
      <c r="K5254" s="1" t="s">
        <v>18269</v>
      </c>
      <c r="L5254" s="1" t="s">
        <v>18266</v>
      </c>
      <c r="M5254" s="1" t="s">
        <v>5</v>
      </c>
      <c r="N5254" s="1" t="s">
        <v>25</v>
      </c>
      <c r="O5254" s="1" t="s">
        <v>38</v>
      </c>
      <c r="P5254" s="5" t="s">
        <v>30552</v>
      </c>
    </row>
    <row r="5255" spans="1:16" x14ac:dyDescent="0.2">
      <c r="A5255" s="1" t="s">
        <v>66</v>
      </c>
      <c r="B5255" s="1" t="s">
        <v>67</v>
      </c>
      <c r="C5255" s="1" t="s">
        <v>18272</v>
      </c>
      <c r="D5255" s="1" t="s">
        <v>18273</v>
      </c>
      <c r="E5255" s="1" t="s">
        <v>18274</v>
      </c>
      <c r="F5255" s="1" t="s">
        <v>10</v>
      </c>
      <c r="G5255" s="1" t="s">
        <v>10</v>
      </c>
      <c r="H5255" s="1" t="s">
        <v>10</v>
      </c>
      <c r="I5255" s="1" t="s">
        <v>17172</v>
      </c>
      <c r="J5255" s="1" t="s">
        <v>17224</v>
      </c>
      <c r="K5255" s="1" t="s">
        <v>113</v>
      </c>
      <c r="L5255" s="1" t="s">
        <v>18271</v>
      </c>
      <c r="M5255" s="1" t="s">
        <v>5</v>
      </c>
      <c r="N5255" s="1" t="s">
        <v>6</v>
      </c>
      <c r="O5255" s="1" t="s">
        <v>38</v>
      </c>
      <c r="P5255" s="5" t="s">
        <v>30553</v>
      </c>
    </row>
    <row r="5256" spans="1:16" x14ac:dyDescent="0.2">
      <c r="A5256" s="1" t="s">
        <v>329</v>
      </c>
      <c r="B5256" s="1" t="s">
        <v>691</v>
      </c>
      <c r="C5256" s="1" t="s">
        <v>18276</v>
      </c>
      <c r="D5256" s="1" t="s">
        <v>18277</v>
      </c>
      <c r="E5256" s="1" t="s">
        <v>18278</v>
      </c>
      <c r="F5256" s="1" t="s">
        <v>10</v>
      </c>
      <c r="G5256" s="1" t="s">
        <v>10</v>
      </c>
      <c r="H5256" s="1" t="s">
        <v>18279</v>
      </c>
      <c r="I5256" s="1" t="s">
        <v>17172</v>
      </c>
      <c r="J5256" s="1" t="s">
        <v>17224</v>
      </c>
      <c r="K5256" s="1" t="s">
        <v>113</v>
      </c>
      <c r="L5256" s="1" t="s">
        <v>18275</v>
      </c>
      <c r="M5256" s="1" t="s">
        <v>5</v>
      </c>
      <c r="N5256" s="1" t="s">
        <v>6</v>
      </c>
      <c r="O5256" s="1" t="s">
        <v>8</v>
      </c>
      <c r="P5256" s="5" t="s">
        <v>31906</v>
      </c>
    </row>
    <row r="5257" spans="1:16" x14ac:dyDescent="0.2">
      <c r="A5257" s="1" t="s">
        <v>10</v>
      </c>
      <c r="B5257" s="1" t="s">
        <v>10</v>
      </c>
      <c r="C5257" s="1" t="s">
        <v>18281</v>
      </c>
      <c r="D5257" s="1" t="s">
        <v>16009</v>
      </c>
      <c r="E5257" s="1" t="s">
        <v>18282</v>
      </c>
      <c r="F5257" s="1" t="s">
        <v>10</v>
      </c>
      <c r="G5257" s="1" t="s">
        <v>10</v>
      </c>
      <c r="H5257" s="1" t="s">
        <v>10</v>
      </c>
      <c r="I5257" s="1" t="s">
        <v>17172</v>
      </c>
      <c r="J5257" s="1" t="s">
        <v>17229</v>
      </c>
      <c r="K5257" s="1" t="s">
        <v>7</v>
      </c>
      <c r="L5257" s="1" t="s">
        <v>18280</v>
      </c>
      <c r="M5257" s="1" t="s">
        <v>5</v>
      </c>
      <c r="N5257" s="1" t="s">
        <v>10</v>
      </c>
      <c r="O5257" s="1" t="s">
        <v>38</v>
      </c>
      <c r="P5257" s="5" t="s">
        <v>30554</v>
      </c>
    </row>
    <row r="5258" spans="1:16" x14ac:dyDescent="0.2">
      <c r="A5258" s="1" t="s">
        <v>20</v>
      </c>
      <c r="B5258" s="1" t="s">
        <v>253</v>
      </c>
      <c r="C5258" s="1" t="s">
        <v>18284</v>
      </c>
      <c r="D5258" s="1" t="s">
        <v>11932</v>
      </c>
      <c r="E5258" s="1" t="s">
        <v>18285</v>
      </c>
      <c r="F5258" s="1" t="s">
        <v>10</v>
      </c>
      <c r="G5258" s="1" t="s">
        <v>10</v>
      </c>
      <c r="H5258" s="1" t="s">
        <v>10</v>
      </c>
      <c r="I5258" s="1" t="s">
        <v>17172</v>
      </c>
      <c r="J5258" s="1" t="s">
        <v>18225</v>
      </c>
      <c r="K5258" s="1" t="s">
        <v>747</v>
      </c>
      <c r="L5258" s="1" t="s">
        <v>18283</v>
      </c>
      <c r="M5258" s="1" t="s">
        <v>5</v>
      </c>
      <c r="N5258" s="1" t="s">
        <v>10</v>
      </c>
      <c r="O5258" s="1" t="s">
        <v>38</v>
      </c>
      <c r="P5258" s="5" t="s">
        <v>31907</v>
      </c>
    </row>
    <row r="5259" spans="1:16" x14ac:dyDescent="0.2">
      <c r="A5259" s="1" t="s">
        <v>1385</v>
      </c>
      <c r="B5259" s="1" t="s">
        <v>1687</v>
      </c>
      <c r="C5259" s="1" t="s">
        <v>18287</v>
      </c>
      <c r="D5259" s="1" t="s">
        <v>18288</v>
      </c>
      <c r="E5259" s="1" t="s">
        <v>18289</v>
      </c>
      <c r="F5259" s="1" t="s">
        <v>10</v>
      </c>
      <c r="G5259" s="1" t="s">
        <v>10</v>
      </c>
      <c r="H5259" s="1" t="s">
        <v>10</v>
      </c>
      <c r="I5259" s="1" t="s">
        <v>17172</v>
      </c>
      <c r="J5259" s="1" t="s">
        <v>17176</v>
      </c>
      <c r="K5259" s="1" t="s">
        <v>47</v>
      </c>
      <c r="L5259" s="1" t="s">
        <v>18286</v>
      </c>
      <c r="M5259" s="1" t="s">
        <v>5</v>
      </c>
      <c r="N5259" s="1" t="s">
        <v>10</v>
      </c>
      <c r="O5259" s="1" t="s">
        <v>38</v>
      </c>
      <c r="P5259" s="5" t="s">
        <v>31907</v>
      </c>
    </row>
    <row r="5260" spans="1:16" x14ac:dyDescent="0.2">
      <c r="A5260" s="1" t="s">
        <v>10</v>
      </c>
      <c r="B5260" s="1" t="s">
        <v>10</v>
      </c>
      <c r="C5260" s="1" t="s">
        <v>18291</v>
      </c>
      <c r="D5260" s="1" t="s">
        <v>18292</v>
      </c>
      <c r="E5260" s="1" t="s">
        <v>18293</v>
      </c>
      <c r="F5260" s="1" t="s">
        <v>10</v>
      </c>
      <c r="G5260" s="1" t="s">
        <v>10</v>
      </c>
      <c r="H5260" s="1" t="s">
        <v>10</v>
      </c>
      <c r="I5260" s="1" t="s">
        <v>17172</v>
      </c>
      <c r="J5260" s="1" t="s">
        <v>17176</v>
      </c>
      <c r="K5260" s="1" t="s">
        <v>27</v>
      </c>
      <c r="L5260" s="1" t="s">
        <v>18290</v>
      </c>
      <c r="M5260" s="1" t="s">
        <v>5</v>
      </c>
      <c r="N5260" s="1" t="s">
        <v>10</v>
      </c>
      <c r="O5260" s="1" t="s">
        <v>38</v>
      </c>
      <c r="P5260" s="5" t="s">
        <v>31908</v>
      </c>
    </row>
    <row r="5261" spans="1:16" x14ac:dyDescent="0.2">
      <c r="A5261" s="1" t="s">
        <v>10</v>
      </c>
      <c r="B5261" s="1" t="s">
        <v>10</v>
      </c>
      <c r="C5261" s="1" t="s">
        <v>18295</v>
      </c>
      <c r="D5261" s="1" t="s">
        <v>18296</v>
      </c>
      <c r="E5261" s="1" t="s">
        <v>18297</v>
      </c>
      <c r="F5261" s="1" t="s">
        <v>10</v>
      </c>
      <c r="G5261" s="1" t="s">
        <v>10</v>
      </c>
      <c r="H5261" s="1" t="s">
        <v>10</v>
      </c>
      <c r="I5261" s="1" t="s">
        <v>17172</v>
      </c>
      <c r="J5261" s="1" t="s">
        <v>17251</v>
      </c>
      <c r="K5261" s="1" t="s">
        <v>130</v>
      </c>
      <c r="L5261" s="1" t="s">
        <v>18294</v>
      </c>
      <c r="M5261" s="1" t="s">
        <v>5</v>
      </c>
      <c r="N5261" s="1" t="s">
        <v>10</v>
      </c>
      <c r="O5261" s="1" t="s">
        <v>38</v>
      </c>
      <c r="P5261" s="5" t="s">
        <v>31909</v>
      </c>
    </row>
    <row r="5262" spans="1:16" x14ac:dyDescent="0.2">
      <c r="A5262" s="1" t="s">
        <v>10</v>
      </c>
      <c r="B5262" s="1" t="s">
        <v>10</v>
      </c>
      <c r="C5262" s="1" t="s">
        <v>18299</v>
      </c>
      <c r="D5262" s="1" t="s">
        <v>18299</v>
      </c>
      <c r="E5262" s="1" t="s">
        <v>18300</v>
      </c>
      <c r="F5262" s="1" t="s">
        <v>10</v>
      </c>
      <c r="G5262" s="1" t="s">
        <v>10</v>
      </c>
      <c r="H5262" s="1" t="s">
        <v>10</v>
      </c>
      <c r="I5262" s="1" t="s">
        <v>17172</v>
      </c>
      <c r="J5262" s="1" t="s">
        <v>17176</v>
      </c>
      <c r="K5262" s="1" t="s">
        <v>47</v>
      </c>
      <c r="L5262" s="1" t="s">
        <v>18298</v>
      </c>
      <c r="M5262" s="1" t="s">
        <v>5</v>
      </c>
      <c r="N5262" s="1" t="s">
        <v>10</v>
      </c>
      <c r="O5262" s="1" t="s">
        <v>38</v>
      </c>
      <c r="P5262" s="5" t="s">
        <v>32813</v>
      </c>
    </row>
    <row r="5263" spans="1:16" x14ac:dyDescent="0.2">
      <c r="A5263" s="1" t="s">
        <v>20</v>
      </c>
      <c r="B5263" s="1" t="s">
        <v>310</v>
      </c>
      <c r="C5263" s="1" t="s">
        <v>18302</v>
      </c>
      <c r="D5263" s="1" t="s">
        <v>18303</v>
      </c>
      <c r="E5263" s="1" t="s">
        <v>18304</v>
      </c>
      <c r="F5263" s="1" t="s">
        <v>10</v>
      </c>
      <c r="G5263" s="1" t="s">
        <v>10</v>
      </c>
      <c r="H5263" s="1" t="s">
        <v>10</v>
      </c>
      <c r="I5263" s="1" t="s">
        <v>17172</v>
      </c>
      <c r="J5263" s="1" t="s">
        <v>17442</v>
      </c>
      <c r="K5263" s="1" t="s">
        <v>27</v>
      </c>
      <c r="L5263" s="1" t="s">
        <v>18301</v>
      </c>
      <c r="M5263" s="1" t="s">
        <v>5</v>
      </c>
      <c r="N5263" s="1" t="s">
        <v>10</v>
      </c>
      <c r="O5263" s="1" t="s">
        <v>38</v>
      </c>
      <c r="P5263" s="5" t="s">
        <v>31878</v>
      </c>
    </row>
    <row r="5264" spans="1:16" x14ac:dyDescent="0.2">
      <c r="A5264" s="1" t="s">
        <v>20</v>
      </c>
      <c r="B5264" s="1" t="s">
        <v>445</v>
      </c>
      <c r="C5264" s="1" t="s">
        <v>18307</v>
      </c>
      <c r="D5264" s="1" t="s">
        <v>10852</v>
      </c>
      <c r="E5264" s="1" t="s">
        <v>18308</v>
      </c>
      <c r="F5264" s="1" t="s">
        <v>27</v>
      </c>
      <c r="G5264" s="1" t="s">
        <v>10</v>
      </c>
      <c r="H5264" s="1" t="s">
        <v>8284</v>
      </c>
      <c r="I5264" s="1" t="s">
        <v>17172</v>
      </c>
      <c r="J5264" s="1" t="s">
        <v>17229</v>
      </c>
      <c r="K5264" s="1" t="s">
        <v>7</v>
      </c>
      <c r="L5264" s="1" t="s">
        <v>18306</v>
      </c>
      <c r="M5264" s="1" t="s">
        <v>5</v>
      </c>
      <c r="N5264" s="1" t="s">
        <v>10</v>
      </c>
      <c r="O5264" s="1" t="s">
        <v>8</v>
      </c>
      <c r="P5264" s="5" t="s">
        <v>30555</v>
      </c>
    </row>
    <row r="5265" spans="1:16" x14ac:dyDescent="0.2">
      <c r="A5265" s="1" t="s">
        <v>10</v>
      </c>
      <c r="B5265" s="1" t="s">
        <v>10</v>
      </c>
      <c r="C5265" s="1" t="s">
        <v>18310</v>
      </c>
      <c r="D5265" s="1" t="s">
        <v>18311</v>
      </c>
      <c r="E5265" s="1" t="s">
        <v>18312</v>
      </c>
      <c r="F5265" s="1" t="s">
        <v>10</v>
      </c>
      <c r="G5265" s="1" t="s">
        <v>10</v>
      </c>
      <c r="H5265" s="1" t="s">
        <v>10</v>
      </c>
      <c r="I5265" s="1" t="s">
        <v>17172</v>
      </c>
      <c r="J5265" s="1" t="s">
        <v>17329</v>
      </c>
      <c r="K5265" s="1" t="s">
        <v>7</v>
      </c>
      <c r="L5265" s="1" t="s">
        <v>18309</v>
      </c>
      <c r="M5265" s="1" t="s">
        <v>5</v>
      </c>
      <c r="N5265" s="1" t="s">
        <v>10</v>
      </c>
      <c r="O5265" s="1" t="s">
        <v>38</v>
      </c>
      <c r="P5265" s="5" t="s">
        <v>31910</v>
      </c>
    </row>
    <row r="5266" spans="1:16" x14ac:dyDescent="0.2">
      <c r="A5266" s="1" t="s">
        <v>10</v>
      </c>
      <c r="B5266" s="1" t="s">
        <v>10</v>
      </c>
      <c r="C5266" s="1" t="s">
        <v>18314</v>
      </c>
      <c r="D5266" s="1" t="s">
        <v>10</v>
      </c>
      <c r="E5266" s="1" t="s">
        <v>18316</v>
      </c>
      <c r="F5266" s="1" t="s">
        <v>10</v>
      </c>
      <c r="G5266" s="1" t="s">
        <v>10</v>
      </c>
      <c r="H5266" s="1" t="s">
        <v>10</v>
      </c>
      <c r="I5266" s="1" t="s">
        <v>17172</v>
      </c>
      <c r="J5266" s="1" t="s">
        <v>18315</v>
      </c>
      <c r="K5266" s="1" t="s">
        <v>10</v>
      </c>
      <c r="L5266" s="1" t="s">
        <v>18313</v>
      </c>
      <c r="M5266" s="1" t="s">
        <v>5</v>
      </c>
      <c r="N5266" s="1" t="s">
        <v>10</v>
      </c>
      <c r="O5266" s="1" t="s">
        <v>38</v>
      </c>
      <c r="P5266" s="5" t="s">
        <v>31911</v>
      </c>
    </row>
    <row r="5267" spans="1:16" x14ac:dyDescent="0.2">
      <c r="A5267" s="1" t="s">
        <v>10</v>
      </c>
      <c r="B5267" s="1" t="s">
        <v>10</v>
      </c>
      <c r="C5267" s="1" t="s">
        <v>18319</v>
      </c>
      <c r="D5267" s="1" t="s">
        <v>18320</v>
      </c>
      <c r="E5267" s="1" t="s">
        <v>18321</v>
      </c>
      <c r="F5267" s="1" t="s">
        <v>10</v>
      </c>
      <c r="G5267" s="1" t="s">
        <v>10</v>
      </c>
      <c r="H5267" s="1" t="s">
        <v>10</v>
      </c>
      <c r="I5267" s="1" t="s">
        <v>17172</v>
      </c>
      <c r="J5267" s="1" t="s">
        <v>17214</v>
      </c>
      <c r="K5267" s="1" t="s">
        <v>47</v>
      </c>
      <c r="L5267" s="1" t="s">
        <v>18318</v>
      </c>
      <c r="M5267" s="1" t="s">
        <v>5</v>
      </c>
      <c r="N5267" s="1" t="s">
        <v>10</v>
      </c>
      <c r="O5267" s="1" t="s">
        <v>38</v>
      </c>
      <c r="P5267" s="5" t="s">
        <v>31912</v>
      </c>
    </row>
    <row r="5268" spans="1:16" x14ac:dyDescent="0.2">
      <c r="A5268" s="1" t="s">
        <v>10</v>
      </c>
      <c r="B5268" s="1" t="s">
        <v>10</v>
      </c>
      <c r="C5268" s="1" t="s">
        <v>18323</v>
      </c>
      <c r="D5268" s="1" t="s">
        <v>18324</v>
      </c>
      <c r="E5268" s="1" t="s">
        <v>18326</v>
      </c>
      <c r="F5268" s="1" t="s">
        <v>10</v>
      </c>
      <c r="G5268" s="1" t="s">
        <v>10</v>
      </c>
      <c r="H5268" s="1" t="s">
        <v>10</v>
      </c>
      <c r="I5268" s="1" t="s">
        <v>17172</v>
      </c>
      <c r="J5268" s="1" t="s">
        <v>18325</v>
      </c>
      <c r="K5268" s="1" t="s">
        <v>10</v>
      </c>
      <c r="L5268" s="1" t="s">
        <v>18322</v>
      </c>
      <c r="M5268" s="1" t="s">
        <v>5</v>
      </c>
      <c r="N5268" s="1" t="s">
        <v>10</v>
      </c>
      <c r="O5268" s="1" t="s">
        <v>38</v>
      </c>
      <c r="P5268" s="5" t="s">
        <v>10</v>
      </c>
    </row>
    <row r="5269" spans="1:16" x14ac:dyDescent="0.2">
      <c r="A5269" s="1" t="s">
        <v>42</v>
      </c>
      <c r="B5269" s="1" t="s">
        <v>1858</v>
      </c>
      <c r="C5269" s="1" t="s">
        <v>18328</v>
      </c>
      <c r="D5269" s="1" t="s">
        <v>18329</v>
      </c>
      <c r="E5269" s="1" t="s">
        <v>18330</v>
      </c>
      <c r="F5269" s="1" t="s">
        <v>10</v>
      </c>
      <c r="G5269" s="1" t="s">
        <v>10</v>
      </c>
      <c r="H5269" s="1" t="s">
        <v>10</v>
      </c>
      <c r="I5269" s="1" t="s">
        <v>17172</v>
      </c>
      <c r="J5269" s="1" t="s">
        <v>17176</v>
      </c>
      <c r="K5269" s="1" t="s">
        <v>130</v>
      </c>
      <c r="L5269" s="1" t="s">
        <v>18327</v>
      </c>
      <c r="M5269" s="1" t="s">
        <v>5</v>
      </c>
      <c r="N5269" s="1" t="s">
        <v>10</v>
      </c>
      <c r="O5269" s="1" t="s">
        <v>8</v>
      </c>
      <c r="P5269" s="5" t="s">
        <v>10</v>
      </c>
    </row>
    <row r="5270" spans="1:16" x14ac:dyDescent="0.2">
      <c r="A5270" s="1" t="s">
        <v>10</v>
      </c>
      <c r="B5270" s="1" t="s">
        <v>10</v>
      </c>
      <c r="C5270" s="1" t="s">
        <v>18332</v>
      </c>
      <c r="D5270" s="1" t="s">
        <v>18333</v>
      </c>
      <c r="E5270" s="1" t="s">
        <v>18334</v>
      </c>
      <c r="F5270" s="1" t="s">
        <v>10</v>
      </c>
      <c r="G5270" s="1" t="s">
        <v>10</v>
      </c>
      <c r="H5270" s="1" t="s">
        <v>10</v>
      </c>
      <c r="I5270" s="1" t="s">
        <v>17172</v>
      </c>
      <c r="J5270" s="1" t="s">
        <v>17176</v>
      </c>
      <c r="K5270" s="1" t="s">
        <v>7</v>
      </c>
      <c r="L5270" s="1" t="s">
        <v>18331</v>
      </c>
      <c r="M5270" s="1" t="s">
        <v>5</v>
      </c>
      <c r="N5270" s="1" t="s">
        <v>10</v>
      </c>
      <c r="O5270" s="1" t="s">
        <v>38</v>
      </c>
      <c r="P5270" s="5" t="s">
        <v>31913</v>
      </c>
    </row>
    <row r="5271" spans="1:16" x14ac:dyDescent="0.2">
      <c r="A5271" s="1" t="s">
        <v>329</v>
      </c>
      <c r="B5271" s="1" t="s">
        <v>439</v>
      </c>
      <c r="C5271" s="1" t="s">
        <v>2062</v>
      </c>
      <c r="D5271" s="1" t="s">
        <v>2062</v>
      </c>
      <c r="E5271" s="1" t="s">
        <v>18336</v>
      </c>
      <c r="F5271" s="1" t="s">
        <v>10</v>
      </c>
      <c r="G5271" s="1" t="s">
        <v>10</v>
      </c>
      <c r="H5271" s="1" t="s">
        <v>10</v>
      </c>
      <c r="I5271" s="1" t="s">
        <v>17172</v>
      </c>
      <c r="J5271" s="1" t="s">
        <v>17224</v>
      </c>
      <c r="K5271" s="1" t="s">
        <v>100</v>
      </c>
      <c r="L5271" s="1" t="s">
        <v>18335</v>
      </c>
      <c r="M5271" s="1" t="s">
        <v>5</v>
      </c>
      <c r="N5271" s="1" t="s">
        <v>6</v>
      </c>
      <c r="O5271" s="1" t="s">
        <v>8</v>
      </c>
      <c r="P5271" s="5" t="s">
        <v>31914</v>
      </c>
    </row>
    <row r="5272" spans="1:16" x14ac:dyDescent="0.2">
      <c r="A5272" s="1" t="s">
        <v>66</v>
      </c>
      <c r="B5272" s="1" t="s">
        <v>4741</v>
      </c>
      <c r="C5272" s="1" t="s">
        <v>18338</v>
      </c>
      <c r="D5272" s="1" t="s">
        <v>18339</v>
      </c>
      <c r="E5272" s="1" t="s">
        <v>18340</v>
      </c>
      <c r="F5272" s="1" t="s">
        <v>10</v>
      </c>
      <c r="G5272" s="1" t="s">
        <v>10</v>
      </c>
      <c r="H5272" s="1" t="s">
        <v>10</v>
      </c>
      <c r="I5272" s="1" t="s">
        <v>17172</v>
      </c>
      <c r="J5272" s="1" t="s">
        <v>17224</v>
      </c>
      <c r="K5272" s="1" t="s">
        <v>6533</v>
      </c>
      <c r="L5272" s="1" t="s">
        <v>18337</v>
      </c>
      <c r="M5272" s="1" t="s">
        <v>5</v>
      </c>
      <c r="N5272" s="1" t="s">
        <v>10</v>
      </c>
      <c r="O5272" s="1" t="s">
        <v>38</v>
      </c>
      <c r="P5272" s="5" t="s">
        <v>31554</v>
      </c>
    </row>
    <row r="5273" spans="1:16" x14ac:dyDescent="0.2">
      <c r="A5273" s="1" t="s">
        <v>194</v>
      </c>
      <c r="B5273" s="1" t="s">
        <v>4492</v>
      </c>
      <c r="C5273" s="1" t="s">
        <v>6790</v>
      </c>
      <c r="D5273" s="1" t="s">
        <v>6790</v>
      </c>
      <c r="E5273" s="1" t="s">
        <v>18342</v>
      </c>
      <c r="F5273" s="1" t="s">
        <v>474</v>
      </c>
      <c r="G5273" s="1" t="s">
        <v>476</v>
      </c>
      <c r="H5273" s="1" t="s">
        <v>10</v>
      </c>
      <c r="I5273" s="1" t="s">
        <v>17172</v>
      </c>
      <c r="J5273" s="1" t="s">
        <v>17224</v>
      </c>
      <c r="K5273" s="1" t="s">
        <v>586</v>
      </c>
      <c r="L5273" s="1" t="s">
        <v>18341</v>
      </c>
      <c r="M5273" s="1" t="s">
        <v>5</v>
      </c>
      <c r="N5273" s="1" t="s">
        <v>10</v>
      </c>
      <c r="O5273" s="1" t="s">
        <v>8</v>
      </c>
      <c r="P5273" s="5" t="s">
        <v>31915</v>
      </c>
    </row>
    <row r="5274" spans="1:16" x14ac:dyDescent="0.2">
      <c r="A5274" s="1" t="s">
        <v>10</v>
      </c>
      <c r="B5274" s="1" t="s">
        <v>10</v>
      </c>
      <c r="C5274" s="1" t="s">
        <v>18344</v>
      </c>
      <c r="D5274" s="1" t="s">
        <v>18344</v>
      </c>
      <c r="E5274" s="1" t="s">
        <v>18345</v>
      </c>
      <c r="F5274" s="1" t="s">
        <v>10</v>
      </c>
      <c r="G5274" s="1" t="s">
        <v>10</v>
      </c>
      <c r="H5274" s="1" t="s">
        <v>10</v>
      </c>
      <c r="I5274" s="1" t="s">
        <v>17172</v>
      </c>
      <c r="J5274" s="1" t="s">
        <v>17229</v>
      </c>
      <c r="K5274" s="1" t="s">
        <v>7</v>
      </c>
      <c r="L5274" s="1" t="s">
        <v>18343</v>
      </c>
      <c r="M5274" s="1" t="s">
        <v>5</v>
      </c>
      <c r="N5274" s="1" t="s">
        <v>10</v>
      </c>
      <c r="O5274" s="1" t="s">
        <v>8</v>
      </c>
      <c r="P5274" s="5" t="s">
        <v>10</v>
      </c>
    </row>
    <row r="5275" spans="1:16" x14ac:dyDescent="0.2">
      <c r="A5275" s="1" t="s">
        <v>194</v>
      </c>
      <c r="B5275" s="1" t="s">
        <v>6481</v>
      </c>
      <c r="C5275" s="1" t="s">
        <v>18347</v>
      </c>
      <c r="D5275" s="1" t="s">
        <v>18348</v>
      </c>
      <c r="E5275" s="1" t="s">
        <v>18349</v>
      </c>
      <c r="F5275" s="1" t="s">
        <v>10</v>
      </c>
      <c r="G5275" s="1" t="s">
        <v>10</v>
      </c>
      <c r="H5275" s="1" t="s">
        <v>10</v>
      </c>
      <c r="I5275" s="1" t="s">
        <v>17172</v>
      </c>
      <c r="J5275" s="1" t="s">
        <v>17224</v>
      </c>
      <c r="K5275" s="1" t="s">
        <v>113</v>
      </c>
      <c r="L5275" s="1" t="s">
        <v>18346</v>
      </c>
      <c r="M5275" s="1" t="s">
        <v>5</v>
      </c>
      <c r="N5275" s="1" t="s">
        <v>6</v>
      </c>
      <c r="O5275" s="1" t="s">
        <v>38</v>
      </c>
      <c r="P5275" s="5" t="s">
        <v>31916</v>
      </c>
    </row>
    <row r="5276" spans="1:16" x14ac:dyDescent="0.2">
      <c r="A5276" s="1" t="s">
        <v>194</v>
      </c>
      <c r="B5276" s="1" t="s">
        <v>6479</v>
      </c>
      <c r="C5276" s="1" t="s">
        <v>18351</v>
      </c>
      <c r="D5276" s="1" t="s">
        <v>18352</v>
      </c>
      <c r="E5276" s="1" t="s">
        <v>18353</v>
      </c>
      <c r="F5276" s="1" t="s">
        <v>10</v>
      </c>
      <c r="G5276" s="1" t="s">
        <v>10</v>
      </c>
      <c r="H5276" s="1" t="s">
        <v>10</v>
      </c>
      <c r="I5276" s="1" t="s">
        <v>17172</v>
      </c>
      <c r="J5276" s="1" t="s">
        <v>17224</v>
      </c>
      <c r="K5276" s="1" t="s">
        <v>113</v>
      </c>
      <c r="L5276" s="1" t="s">
        <v>18350</v>
      </c>
      <c r="M5276" s="1" t="s">
        <v>5</v>
      </c>
      <c r="N5276" s="1" t="s">
        <v>6</v>
      </c>
      <c r="O5276" s="1" t="s">
        <v>38</v>
      </c>
      <c r="P5276" s="5" t="s">
        <v>31757</v>
      </c>
    </row>
    <row r="5277" spans="1:16" x14ac:dyDescent="0.2">
      <c r="A5277" s="1" t="s">
        <v>194</v>
      </c>
      <c r="B5277" s="1" t="s">
        <v>7175</v>
      </c>
      <c r="C5277" s="1" t="s">
        <v>18355</v>
      </c>
      <c r="D5277" s="1" t="s">
        <v>18355</v>
      </c>
      <c r="E5277" s="1" t="s">
        <v>18356</v>
      </c>
      <c r="F5277" s="1" t="s">
        <v>10</v>
      </c>
      <c r="G5277" s="1" t="s">
        <v>10</v>
      </c>
      <c r="H5277" s="1" t="s">
        <v>10</v>
      </c>
      <c r="I5277" s="1" t="s">
        <v>17172</v>
      </c>
      <c r="J5277" s="1" t="s">
        <v>17224</v>
      </c>
      <c r="K5277" s="1" t="s">
        <v>113</v>
      </c>
      <c r="L5277" s="1" t="s">
        <v>18354</v>
      </c>
      <c r="M5277" s="1" t="s">
        <v>5</v>
      </c>
      <c r="N5277" s="1" t="s">
        <v>6</v>
      </c>
      <c r="O5277" s="1" t="s">
        <v>38</v>
      </c>
      <c r="P5277" s="5" t="s">
        <v>31916</v>
      </c>
    </row>
    <row r="5278" spans="1:16" x14ac:dyDescent="0.2">
      <c r="A5278" s="1" t="s">
        <v>66</v>
      </c>
      <c r="B5278" s="1" t="s">
        <v>4741</v>
      </c>
      <c r="C5278" s="1" t="s">
        <v>18358</v>
      </c>
      <c r="D5278" s="1" t="s">
        <v>18359</v>
      </c>
      <c r="E5278" s="1" t="s">
        <v>18360</v>
      </c>
      <c r="F5278" s="1" t="s">
        <v>10</v>
      </c>
      <c r="G5278" s="1" t="s">
        <v>10</v>
      </c>
      <c r="H5278" s="1" t="s">
        <v>10</v>
      </c>
      <c r="I5278" s="1" t="s">
        <v>17172</v>
      </c>
      <c r="J5278" s="1" t="s">
        <v>17224</v>
      </c>
      <c r="K5278" s="1" t="s">
        <v>113</v>
      </c>
      <c r="L5278" s="1" t="s">
        <v>18357</v>
      </c>
      <c r="M5278" s="1" t="s">
        <v>5</v>
      </c>
      <c r="N5278" s="1" t="s">
        <v>6</v>
      </c>
      <c r="O5278" s="1" t="s">
        <v>38</v>
      </c>
      <c r="P5278" s="5" t="s">
        <v>31554</v>
      </c>
    </row>
    <row r="5279" spans="1:16" x14ac:dyDescent="0.2">
      <c r="A5279" s="1" t="s">
        <v>10</v>
      </c>
      <c r="B5279" s="1" t="s">
        <v>10</v>
      </c>
      <c r="C5279" s="1" t="s">
        <v>18362</v>
      </c>
      <c r="D5279" s="1" t="s">
        <v>18363</v>
      </c>
      <c r="E5279" s="1" t="s">
        <v>18364</v>
      </c>
      <c r="F5279" s="1" t="s">
        <v>10</v>
      </c>
      <c r="G5279" s="1" t="s">
        <v>10</v>
      </c>
      <c r="H5279" s="1" t="s">
        <v>10</v>
      </c>
      <c r="I5279" s="1" t="s">
        <v>17172</v>
      </c>
      <c r="J5279" s="1" t="s">
        <v>17214</v>
      </c>
      <c r="K5279" s="1" t="s">
        <v>47</v>
      </c>
      <c r="L5279" s="1" t="s">
        <v>18361</v>
      </c>
      <c r="M5279" s="1" t="s">
        <v>5</v>
      </c>
      <c r="N5279" s="1" t="s">
        <v>10</v>
      </c>
      <c r="O5279" s="1" t="s">
        <v>38</v>
      </c>
      <c r="P5279" s="5" t="s">
        <v>31917</v>
      </c>
    </row>
    <row r="5280" spans="1:16" x14ac:dyDescent="0.2">
      <c r="A5280" s="1" t="s">
        <v>10</v>
      </c>
      <c r="B5280" s="1" t="s">
        <v>10</v>
      </c>
      <c r="C5280" s="1" t="s">
        <v>18366</v>
      </c>
      <c r="D5280" s="1" t="s">
        <v>18367</v>
      </c>
      <c r="E5280" s="1" t="s">
        <v>18368</v>
      </c>
      <c r="F5280" s="1" t="s">
        <v>10</v>
      </c>
      <c r="G5280" s="1" t="s">
        <v>10</v>
      </c>
      <c r="H5280" s="1" t="s">
        <v>10</v>
      </c>
      <c r="I5280" s="1" t="s">
        <v>17172</v>
      </c>
      <c r="J5280" s="1" t="s">
        <v>17176</v>
      </c>
      <c r="K5280" s="1" t="s">
        <v>10</v>
      </c>
      <c r="L5280" s="1" t="s">
        <v>18365</v>
      </c>
      <c r="M5280" s="1" t="s">
        <v>5</v>
      </c>
      <c r="N5280" s="1" t="s">
        <v>10</v>
      </c>
      <c r="O5280" s="1" t="s">
        <v>8</v>
      </c>
      <c r="P5280" s="5" t="s">
        <v>10</v>
      </c>
    </row>
    <row r="5281" spans="1:16" x14ac:dyDescent="0.2">
      <c r="A5281" s="1" t="s">
        <v>10</v>
      </c>
      <c r="B5281" s="1" t="s">
        <v>10</v>
      </c>
      <c r="C5281" s="1" t="s">
        <v>18370</v>
      </c>
      <c r="D5281" s="1" t="s">
        <v>18371</v>
      </c>
      <c r="E5281" s="1" t="s">
        <v>18372</v>
      </c>
      <c r="F5281" s="1" t="s">
        <v>10</v>
      </c>
      <c r="G5281" s="1" t="s">
        <v>10</v>
      </c>
      <c r="H5281" s="1" t="s">
        <v>10</v>
      </c>
      <c r="I5281" s="1" t="s">
        <v>17172</v>
      </c>
      <c r="J5281" s="1" t="s">
        <v>17176</v>
      </c>
      <c r="K5281" s="1" t="s">
        <v>47</v>
      </c>
      <c r="L5281" s="1" t="s">
        <v>18369</v>
      </c>
      <c r="M5281" s="1" t="s">
        <v>5</v>
      </c>
      <c r="N5281" s="1" t="s">
        <v>10</v>
      </c>
      <c r="O5281" s="1" t="s">
        <v>38</v>
      </c>
      <c r="P5281" s="5" t="s">
        <v>30556</v>
      </c>
    </row>
    <row r="5282" spans="1:16" x14ac:dyDescent="0.2">
      <c r="A5282" s="1" t="s">
        <v>42</v>
      </c>
      <c r="B5282" s="1" t="s">
        <v>1664</v>
      </c>
      <c r="C5282" s="1" t="s">
        <v>18374</v>
      </c>
      <c r="D5282" s="1" t="s">
        <v>18375</v>
      </c>
      <c r="E5282" s="1" t="s">
        <v>18376</v>
      </c>
      <c r="F5282" s="1" t="s">
        <v>10</v>
      </c>
      <c r="G5282" s="1" t="s">
        <v>10</v>
      </c>
      <c r="H5282" s="1" t="s">
        <v>18377</v>
      </c>
      <c r="I5282" s="1" t="s">
        <v>17172</v>
      </c>
      <c r="J5282" s="1" t="s">
        <v>17329</v>
      </c>
      <c r="K5282" s="1" t="s">
        <v>27</v>
      </c>
      <c r="L5282" s="1" t="s">
        <v>18373</v>
      </c>
      <c r="M5282" s="1" t="s">
        <v>5</v>
      </c>
      <c r="N5282" s="1" t="s">
        <v>10</v>
      </c>
      <c r="O5282" s="1" t="s">
        <v>8</v>
      </c>
      <c r="P5282" s="5" t="s">
        <v>31918</v>
      </c>
    </row>
    <row r="5283" spans="1:16" x14ac:dyDescent="0.2">
      <c r="A5283" s="1" t="s">
        <v>20</v>
      </c>
      <c r="B5283" s="1" t="s">
        <v>172</v>
      </c>
      <c r="C5283" s="1" t="s">
        <v>3886</v>
      </c>
      <c r="D5283" s="1" t="s">
        <v>3886</v>
      </c>
      <c r="E5283" s="1"/>
      <c r="F5283" s="1" t="s">
        <v>9</v>
      </c>
      <c r="G5283" s="1" t="s">
        <v>18</v>
      </c>
      <c r="H5283" s="1" t="s">
        <v>10</v>
      </c>
      <c r="I5283" s="1" t="s">
        <v>17172</v>
      </c>
      <c r="J5283" s="1" t="s">
        <v>17229</v>
      </c>
      <c r="K5283" s="1" t="s">
        <v>7</v>
      </c>
      <c r="L5283" s="1" t="s">
        <v>18378</v>
      </c>
      <c r="M5283" s="1" t="s">
        <v>5</v>
      </c>
      <c r="N5283" s="1" t="s">
        <v>10</v>
      </c>
      <c r="O5283" s="1" t="s">
        <v>8</v>
      </c>
      <c r="P5283" s="5" t="s">
        <v>31919</v>
      </c>
    </row>
    <row r="5284" spans="1:16" x14ac:dyDescent="0.2">
      <c r="A5284" s="1" t="s">
        <v>329</v>
      </c>
      <c r="B5284" s="1" t="s">
        <v>1976</v>
      </c>
      <c r="C5284" s="1" t="s">
        <v>18380</v>
      </c>
      <c r="D5284" s="1" t="s">
        <v>18381</v>
      </c>
      <c r="E5284" s="1" t="s">
        <v>18382</v>
      </c>
      <c r="F5284" s="1" t="s">
        <v>10</v>
      </c>
      <c r="G5284" s="1" t="s">
        <v>10</v>
      </c>
      <c r="H5284" s="1" t="s">
        <v>10</v>
      </c>
      <c r="I5284" s="1" t="s">
        <v>17172</v>
      </c>
      <c r="J5284" s="1" t="s">
        <v>17251</v>
      </c>
      <c r="K5284" s="1" t="s">
        <v>7</v>
      </c>
      <c r="L5284" s="1" t="s">
        <v>18379</v>
      </c>
      <c r="M5284" s="1" t="s">
        <v>5</v>
      </c>
      <c r="N5284" s="1" t="s">
        <v>10</v>
      </c>
      <c r="O5284" s="1" t="s">
        <v>8</v>
      </c>
      <c r="P5284" s="5" t="s">
        <v>10</v>
      </c>
    </row>
    <row r="5285" spans="1:16" x14ac:dyDescent="0.2">
      <c r="A5285" s="1" t="s">
        <v>329</v>
      </c>
      <c r="B5285" s="1" t="s">
        <v>1659</v>
      </c>
      <c r="C5285" s="1" t="s">
        <v>18385</v>
      </c>
      <c r="D5285" s="1" t="s">
        <v>18386</v>
      </c>
      <c r="E5285" s="1" t="s">
        <v>18387</v>
      </c>
      <c r="F5285" s="1" t="s">
        <v>27</v>
      </c>
      <c r="G5285" s="1" t="s">
        <v>10</v>
      </c>
      <c r="H5285" s="1" t="s">
        <v>18388</v>
      </c>
      <c r="I5285" s="1" t="s">
        <v>17172</v>
      </c>
      <c r="J5285" s="1" t="s">
        <v>17434</v>
      </c>
      <c r="K5285" s="1" t="s">
        <v>27</v>
      </c>
      <c r="L5285" s="1" t="s">
        <v>18384</v>
      </c>
      <c r="M5285" s="1" t="s">
        <v>5</v>
      </c>
      <c r="N5285" s="1" t="s">
        <v>10</v>
      </c>
      <c r="O5285" s="1" t="s">
        <v>8</v>
      </c>
      <c r="P5285" s="5" t="s">
        <v>10</v>
      </c>
    </row>
    <row r="5286" spans="1:16" x14ac:dyDescent="0.2">
      <c r="A5286" s="1" t="s">
        <v>329</v>
      </c>
      <c r="B5286" s="1" t="s">
        <v>1659</v>
      </c>
      <c r="C5286" s="1" t="s">
        <v>18390</v>
      </c>
      <c r="D5286" s="1" t="s">
        <v>18391</v>
      </c>
      <c r="E5286" s="1" t="s">
        <v>18392</v>
      </c>
      <c r="F5286" s="1" t="s">
        <v>27</v>
      </c>
      <c r="G5286" s="1" t="s">
        <v>10</v>
      </c>
      <c r="H5286" s="1" t="s">
        <v>18393</v>
      </c>
      <c r="I5286" s="1" t="s">
        <v>17172</v>
      </c>
      <c r="J5286" s="1" t="s">
        <v>17434</v>
      </c>
      <c r="K5286" s="1" t="s">
        <v>27</v>
      </c>
      <c r="L5286" s="1" t="s">
        <v>18389</v>
      </c>
      <c r="M5286" s="1" t="s">
        <v>5</v>
      </c>
      <c r="N5286" s="1" t="s">
        <v>10</v>
      </c>
      <c r="O5286" s="1" t="s">
        <v>8</v>
      </c>
      <c r="P5286" s="5" t="s">
        <v>30557</v>
      </c>
    </row>
    <row r="5287" spans="1:16" x14ac:dyDescent="0.2">
      <c r="A5287" s="1" t="s">
        <v>329</v>
      </c>
      <c r="B5287" s="1" t="s">
        <v>1659</v>
      </c>
      <c r="C5287" s="1" t="s">
        <v>18396</v>
      </c>
      <c r="D5287" s="1" t="s">
        <v>18397</v>
      </c>
      <c r="E5287" s="1" t="s">
        <v>18394</v>
      </c>
      <c r="F5287" s="1" t="s">
        <v>27</v>
      </c>
      <c r="G5287" s="1" t="s">
        <v>10</v>
      </c>
      <c r="H5287" s="1" t="s">
        <v>18398</v>
      </c>
      <c r="I5287" s="1" t="s">
        <v>17172</v>
      </c>
      <c r="J5287" s="1" t="s">
        <v>17434</v>
      </c>
      <c r="K5287" s="1" t="s">
        <v>27</v>
      </c>
      <c r="L5287" s="1" t="s">
        <v>18395</v>
      </c>
      <c r="M5287" s="1" t="s">
        <v>5</v>
      </c>
      <c r="N5287" s="1" t="s">
        <v>10</v>
      </c>
      <c r="O5287" s="1" t="s">
        <v>8</v>
      </c>
      <c r="P5287" s="5" t="s">
        <v>10</v>
      </c>
    </row>
    <row r="5288" spans="1:16" x14ac:dyDescent="0.2">
      <c r="A5288" s="1" t="s">
        <v>329</v>
      </c>
      <c r="B5288" s="1" t="s">
        <v>1659</v>
      </c>
      <c r="C5288" s="1" t="s">
        <v>18400</v>
      </c>
      <c r="D5288" s="1" t="s">
        <v>18401</v>
      </c>
      <c r="E5288" s="1" t="s">
        <v>18402</v>
      </c>
      <c r="F5288" s="1" t="s">
        <v>27</v>
      </c>
      <c r="G5288" s="1" t="s">
        <v>10</v>
      </c>
      <c r="H5288" s="1" t="s">
        <v>18403</v>
      </c>
      <c r="I5288" s="1" t="s">
        <v>17172</v>
      </c>
      <c r="J5288" s="1" t="s">
        <v>17434</v>
      </c>
      <c r="K5288" s="1" t="s">
        <v>27</v>
      </c>
      <c r="L5288" s="1" t="s">
        <v>18399</v>
      </c>
      <c r="M5288" s="1" t="s">
        <v>5</v>
      </c>
      <c r="N5288" s="1" t="s">
        <v>10</v>
      </c>
      <c r="O5288" s="1" t="s">
        <v>8</v>
      </c>
      <c r="P5288" s="5" t="s">
        <v>10</v>
      </c>
    </row>
    <row r="5289" spans="1:16" x14ac:dyDescent="0.2">
      <c r="A5289" s="1" t="s">
        <v>329</v>
      </c>
      <c r="B5289" s="1" t="s">
        <v>1659</v>
      </c>
      <c r="C5289" s="1" t="s">
        <v>18405</v>
      </c>
      <c r="D5289" s="1" t="s">
        <v>18406</v>
      </c>
      <c r="E5289" s="1"/>
      <c r="F5289" s="1" t="s">
        <v>27</v>
      </c>
      <c r="G5289" s="1" t="s">
        <v>10</v>
      </c>
      <c r="H5289" s="1" t="s">
        <v>18407</v>
      </c>
      <c r="I5289" s="1" t="s">
        <v>17172</v>
      </c>
      <c r="J5289" s="1" t="s">
        <v>17434</v>
      </c>
      <c r="K5289" s="1" t="s">
        <v>27</v>
      </c>
      <c r="L5289" s="1" t="s">
        <v>18404</v>
      </c>
      <c r="M5289" s="1" t="s">
        <v>5</v>
      </c>
      <c r="N5289" s="1" t="s">
        <v>10</v>
      </c>
      <c r="O5289" s="1" t="s">
        <v>8</v>
      </c>
      <c r="P5289" s="5" t="s">
        <v>10</v>
      </c>
    </row>
    <row r="5290" spans="1:16" x14ac:dyDescent="0.2">
      <c r="A5290" s="1" t="s">
        <v>10</v>
      </c>
      <c r="B5290" s="1" t="s">
        <v>10</v>
      </c>
      <c r="C5290" s="1" t="s">
        <v>18409</v>
      </c>
      <c r="D5290" s="1" t="s">
        <v>18410</v>
      </c>
      <c r="E5290" s="1" t="s">
        <v>18411</v>
      </c>
      <c r="F5290" s="1" t="s">
        <v>10</v>
      </c>
      <c r="G5290" s="1" t="s">
        <v>10</v>
      </c>
      <c r="H5290" s="1" t="s">
        <v>10</v>
      </c>
      <c r="I5290" s="1" t="s">
        <v>17172</v>
      </c>
      <c r="J5290" s="1" t="s">
        <v>17176</v>
      </c>
      <c r="K5290" s="1" t="s">
        <v>7</v>
      </c>
      <c r="L5290" s="1" t="s">
        <v>18408</v>
      </c>
      <c r="M5290" s="1" t="s">
        <v>5</v>
      </c>
      <c r="N5290" s="1" t="s">
        <v>10</v>
      </c>
      <c r="O5290" s="1" t="s">
        <v>38</v>
      </c>
      <c r="P5290" s="5" t="s">
        <v>30558</v>
      </c>
    </row>
    <row r="5291" spans="1:16" x14ac:dyDescent="0.2">
      <c r="A5291" s="1" t="s">
        <v>20</v>
      </c>
      <c r="B5291" s="1" t="s">
        <v>132</v>
      </c>
      <c r="C5291" s="1" t="s">
        <v>18413</v>
      </c>
      <c r="D5291" s="1" t="s">
        <v>14983</v>
      </c>
      <c r="E5291" s="1" t="s">
        <v>18414</v>
      </c>
      <c r="F5291" s="1" t="s">
        <v>27</v>
      </c>
      <c r="G5291" s="1" t="s">
        <v>18415</v>
      </c>
      <c r="H5291" s="1" t="s">
        <v>18416</v>
      </c>
      <c r="I5291" s="1" t="s">
        <v>17172</v>
      </c>
      <c r="J5291" s="1" t="s">
        <v>17229</v>
      </c>
      <c r="K5291" s="1" t="s">
        <v>7</v>
      </c>
      <c r="L5291" s="1" t="s">
        <v>18412</v>
      </c>
      <c r="M5291" s="1" t="s">
        <v>5</v>
      </c>
      <c r="N5291" s="1" t="s">
        <v>10</v>
      </c>
      <c r="O5291" s="1" t="s">
        <v>8</v>
      </c>
      <c r="P5291" s="5" t="s">
        <v>30559</v>
      </c>
    </row>
    <row r="5292" spans="1:16" x14ac:dyDescent="0.2">
      <c r="A5292" s="1" t="s">
        <v>10</v>
      </c>
      <c r="B5292" s="1" t="s">
        <v>10</v>
      </c>
      <c r="C5292" s="1" t="s">
        <v>18418</v>
      </c>
      <c r="D5292" s="1" t="s">
        <v>18419</v>
      </c>
      <c r="E5292" s="1" t="s">
        <v>18420</v>
      </c>
      <c r="F5292" s="1" t="s">
        <v>10</v>
      </c>
      <c r="G5292" s="1" t="s">
        <v>10</v>
      </c>
      <c r="H5292" s="1" t="s">
        <v>10</v>
      </c>
      <c r="I5292" s="1" t="s">
        <v>17172</v>
      </c>
      <c r="J5292" s="1" t="s">
        <v>17176</v>
      </c>
      <c r="K5292" s="1" t="s">
        <v>10</v>
      </c>
      <c r="L5292" s="1" t="s">
        <v>18417</v>
      </c>
      <c r="M5292" s="1" t="s">
        <v>5</v>
      </c>
      <c r="N5292" s="1" t="s">
        <v>10</v>
      </c>
      <c r="O5292" s="1" t="s">
        <v>38</v>
      </c>
      <c r="P5292" s="5" t="s">
        <v>31894</v>
      </c>
    </row>
    <row r="5293" spans="1:16" x14ac:dyDescent="0.2">
      <c r="A5293" s="1" t="s">
        <v>10</v>
      </c>
      <c r="B5293" s="1" t="s">
        <v>10</v>
      </c>
      <c r="C5293" s="1" t="s">
        <v>18422</v>
      </c>
      <c r="D5293" s="1" t="s">
        <v>10</v>
      </c>
      <c r="E5293" s="1" t="s">
        <v>18424</v>
      </c>
      <c r="F5293" s="1" t="s">
        <v>10</v>
      </c>
      <c r="G5293" s="1" t="s">
        <v>10</v>
      </c>
      <c r="H5293" s="1" t="s">
        <v>10</v>
      </c>
      <c r="I5293" s="1" t="s">
        <v>17172</v>
      </c>
      <c r="J5293" s="1" t="s">
        <v>17214</v>
      </c>
      <c r="K5293" s="1" t="s">
        <v>18423</v>
      </c>
      <c r="L5293" s="1" t="s">
        <v>18421</v>
      </c>
      <c r="M5293" s="1" t="s">
        <v>5</v>
      </c>
      <c r="N5293" s="1" t="s">
        <v>10</v>
      </c>
      <c r="O5293" s="1" t="s">
        <v>38</v>
      </c>
      <c r="P5293" s="5" t="s">
        <v>10</v>
      </c>
    </row>
    <row r="5294" spans="1:16" x14ac:dyDescent="0.2">
      <c r="A5294" s="1" t="s">
        <v>10</v>
      </c>
      <c r="B5294" s="1" t="s">
        <v>10</v>
      </c>
      <c r="C5294" s="1" t="s">
        <v>18426</v>
      </c>
      <c r="D5294" s="1" t="s">
        <v>18427</v>
      </c>
      <c r="E5294" s="1" t="s">
        <v>18428</v>
      </c>
      <c r="F5294" s="1" t="s">
        <v>10</v>
      </c>
      <c r="G5294" s="1" t="s">
        <v>10</v>
      </c>
      <c r="H5294" s="1" t="s">
        <v>10</v>
      </c>
      <c r="I5294" s="1" t="s">
        <v>17172</v>
      </c>
      <c r="J5294" s="1" t="s">
        <v>10</v>
      </c>
      <c r="K5294" s="1" t="s">
        <v>64</v>
      </c>
      <c r="L5294" s="1" t="s">
        <v>18425</v>
      </c>
      <c r="M5294" s="1" t="s">
        <v>5</v>
      </c>
      <c r="N5294" s="1" t="s">
        <v>10</v>
      </c>
      <c r="O5294" s="1" t="s">
        <v>38</v>
      </c>
      <c r="P5294" s="5" t="s">
        <v>30560</v>
      </c>
    </row>
    <row r="5295" spans="1:16" x14ac:dyDescent="0.2">
      <c r="A5295" s="1" t="s">
        <v>10</v>
      </c>
      <c r="B5295" s="1" t="s">
        <v>10</v>
      </c>
      <c r="C5295" s="1" t="s">
        <v>18430</v>
      </c>
      <c r="D5295" s="1" t="s">
        <v>18431</v>
      </c>
      <c r="E5295" s="1" t="s">
        <v>18432</v>
      </c>
      <c r="F5295" s="1" t="s">
        <v>10</v>
      </c>
      <c r="G5295" s="1" t="s">
        <v>10</v>
      </c>
      <c r="H5295" s="1" t="s">
        <v>10</v>
      </c>
      <c r="I5295" s="1" t="s">
        <v>17172</v>
      </c>
      <c r="J5295" s="1" t="s">
        <v>17176</v>
      </c>
      <c r="K5295" s="1" t="s">
        <v>47</v>
      </c>
      <c r="L5295" s="1" t="s">
        <v>18429</v>
      </c>
      <c r="M5295" s="1" t="s">
        <v>5</v>
      </c>
      <c r="N5295" s="1" t="s">
        <v>10</v>
      </c>
      <c r="O5295" s="1" t="s">
        <v>38</v>
      </c>
      <c r="P5295" s="5" t="s">
        <v>31920</v>
      </c>
    </row>
    <row r="5296" spans="1:16" x14ac:dyDescent="0.2">
      <c r="A5296" s="1" t="s">
        <v>32</v>
      </c>
      <c r="B5296" s="1" t="s">
        <v>140</v>
      </c>
      <c r="C5296" s="1" t="s">
        <v>18434</v>
      </c>
      <c r="D5296" s="1" t="s">
        <v>1022</v>
      </c>
      <c r="E5296" s="1" t="s">
        <v>18435</v>
      </c>
      <c r="F5296" s="1" t="s">
        <v>10</v>
      </c>
      <c r="G5296" s="1" t="s">
        <v>10</v>
      </c>
      <c r="H5296" s="1" t="s">
        <v>10</v>
      </c>
      <c r="I5296" s="1" t="s">
        <v>17172</v>
      </c>
      <c r="J5296" s="1" t="s">
        <v>17214</v>
      </c>
      <c r="K5296" s="1" t="s">
        <v>231</v>
      </c>
      <c r="L5296" s="1" t="s">
        <v>18433</v>
      </c>
      <c r="M5296" s="1" t="s">
        <v>5</v>
      </c>
      <c r="N5296" s="1" t="s">
        <v>10</v>
      </c>
      <c r="O5296" s="1" t="s">
        <v>38</v>
      </c>
      <c r="P5296" s="5" t="s">
        <v>29846</v>
      </c>
    </row>
    <row r="5297" spans="1:16" x14ac:dyDescent="0.2">
      <c r="A5297" s="1" t="s">
        <v>10</v>
      </c>
      <c r="B5297" s="1" t="s">
        <v>10</v>
      </c>
      <c r="C5297" s="1" t="s">
        <v>18437</v>
      </c>
      <c r="D5297" s="1" t="s">
        <v>18438</v>
      </c>
      <c r="E5297" s="1" t="s">
        <v>18439</v>
      </c>
      <c r="F5297" s="1" t="s">
        <v>10</v>
      </c>
      <c r="G5297" s="1" t="s">
        <v>10</v>
      </c>
      <c r="H5297" s="1" t="s">
        <v>10</v>
      </c>
      <c r="I5297" s="1" t="s">
        <v>17172</v>
      </c>
      <c r="J5297" s="1" t="s">
        <v>17176</v>
      </c>
      <c r="K5297" s="1" t="s">
        <v>47</v>
      </c>
      <c r="L5297" s="1" t="s">
        <v>18436</v>
      </c>
      <c r="M5297" s="1" t="s">
        <v>5</v>
      </c>
      <c r="N5297" s="1" t="s">
        <v>25</v>
      </c>
      <c r="O5297" s="1" t="s">
        <v>38</v>
      </c>
      <c r="P5297" s="5" t="s">
        <v>10</v>
      </c>
    </row>
    <row r="5298" spans="1:16" x14ac:dyDescent="0.2">
      <c r="A5298" s="1" t="s">
        <v>66</v>
      </c>
      <c r="B5298" s="1" t="s">
        <v>67</v>
      </c>
      <c r="C5298" s="1" t="s">
        <v>18441</v>
      </c>
      <c r="D5298" s="1" t="s">
        <v>18441</v>
      </c>
      <c r="E5298" s="1" t="s">
        <v>18442</v>
      </c>
      <c r="F5298" s="1" t="s">
        <v>10</v>
      </c>
      <c r="G5298" s="1" t="s">
        <v>10</v>
      </c>
      <c r="H5298" s="1" t="s">
        <v>10</v>
      </c>
      <c r="I5298" s="1" t="s">
        <v>17172</v>
      </c>
      <c r="J5298" s="1" t="s">
        <v>17224</v>
      </c>
      <c r="K5298" s="1" t="s">
        <v>113</v>
      </c>
      <c r="L5298" s="1" t="s">
        <v>18440</v>
      </c>
      <c r="M5298" s="1" t="s">
        <v>5</v>
      </c>
      <c r="N5298" s="1" t="s">
        <v>6</v>
      </c>
      <c r="O5298" s="1" t="s">
        <v>38</v>
      </c>
      <c r="P5298" s="5" t="s">
        <v>31554</v>
      </c>
    </row>
    <row r="5299" spans="1:16" x14ac:dyDescent="0.2">
      <c r="A5299" s="1" t="s">
        <v>32</v>
      </c>
      <c r="B5299" s="1" t="s">
        <v>3895</v>
      </c>
      <c r="C5299" s="1" t="s">
        <v>18444</v>
      </c>
      <c r="D5299" s="1" t="s">
        <v>18445</v>
      </c>
      <c r="E5299" s="1" t="s">
        <v>18446</v>
      </c>
      <c r="F5299" s="1" t="s">
        <v>10</v>
      </c>
      <c r="G5299" s="1" t="s">
        <v>10</v>
      </c>
      <c r="H5299" s="1" t="s">
        <v>10</v>
      </c>
      <c r="I5299" s="1" t="s">
        <v>17172</v>
      </c>
      <c r="J5299" s="1" t="s">
        <v>17224</v>
      </c>
      <c r="K5299" s="1" t="s">
        <v>113</v>
      </c>
      <c r="L5299" s="1" t="s">
        <v>18443</v>
      </c>
      <c r="M5299" s="1" t="s">
        <v>5</v>
      </c>
      <c r="N5299" s="1" t="s">
        <v>25</v>
      </c>
      <c r="O5299" s="1" t="s">
        <v>38</v>
      </c>
      <c r="P5299" s="5" t="s">
        <v>31921</v>
      </c>
    </row>
    <row r="5300" spans="1:16" x14ac:dyDescent="0.2">
      <c r="A5300" s="1" t="s">
        <v>10</v>
      </c>
      <c r="B5300" s="1" t="s">
        <v>10</v>
      </c>
      <c r="C5300" s="1" t="s">
        <v>17580</v>
      </c>
      <c r="D5300" s="1" t="s">
        <v>18448</v>
      </c>
      <c r="E5300" s="1" t="s">
        <v>18449</v>
      </c>
      <c r="F5300" s="1" t="s">
        <v>10</v>
      </c>
      <c r="G5300" s="1" t="s">
        <v>10</v>
      </c>
      <c r="H5300" s="1" t="s">
        <v>10</v>
      </c>
      <c r="I5300" s="1" t="s">
        <v>17172</v>
      </c>
      <c r="J5300" s="1" t="s">
        <v>17176</v>
      </c>
      <c r="K5300" s="1" t="s">
        <v>47</v>
      </c>
      <c r="L5300" s="1" t="s">
        <v>18447</v>
      </c>
      <c r="M5300" s="1" t="s">
        <v>5</v>
      </c>
      <c r="N5300" s="1" t="s">
        <v>10</v>
      </c>
      <c r="O5300" s="1" t="s">
        <v>38</v>
      </c>
      <c r="P5300" s="5" t="s">
        <v>10</v>
      </c>
    </row>
    <row r="5301" spans="1:16" x14ac:dyDescent="0.2">
      <c r="A5301" s="1" t="s">
        <v>10</v>
      </c>
      <c r="B5301" s="1" t="s">
        <v>10</v>
      </c>
      <c r="C5301" s="1" t="s">
        <v>18451</v>
      </c>
      <c r="D5301" s="1" t="s">
        <v>18452</v>
      </c>
      <c r="E5301" s="1" t="s">
        <v>18453</v>
      </c>
      <c r="F5301" s="1" t="s">
        <v>10</v>
      </c>
      <c r="G5301" s="1" t="s">
        <v>10</v>
      </c>
      <c r="H5301" s="1" t="s">
        <v>10</v>
      </c>
      <c r="I5301" s="1" t="s">
        <v>17172</v>
      </c>
      <c r="J5301" s="1" t="s">
        <v>17176</v>
      </c>
      <c r="K5301" s="1" t="s">
        <v>47</v>
      </c>
      <c r="L5301" s="1" t="s">
        <v>18450</v>
      </c>
      <c r="M5301" s="1" t="s">
        <v>5</v>
      </c>
      <c r="N5301" s="1" t="s">
        <v>10</v>
      </c>
      <c r="O5301" s="1" t="s">
        <v>38</v>
      </c>
      <c r="P5301" s="5" t="s">
        <v>10</v>
      </c>
    </row>
    <row r="5302" spans="1:16" x14ac:dyDescent="0.2">
      <c r="A5302" s="1" t="s">
        <v>10</v>
      </c>
      <c r="B5302" s="1" t="s">
        <v>10</v>
      </c>
      <c r="C5302" s="1" t="s">
        <v>18455</v>
      </c>
      <c r="D5302" s="1" t="s">
        <v>18456</v>
      </c>
      <c r="E5302" s="1"/>
      <c r="F5302" s="1" t="s">
        <v>10</v>
      </c>
      <c r="G5302" s="1" t="s">
        <v>10</v>
      </c>
      <c r="H5302" s="1" t="s">
        <v>10</v>
      </c>
      <c r="I5302" s="1" t="s">
        <v>17172</v>
      </c>
      <c r="J5302" s="1" t="s">
        <v>17229</v>
      </c>
      <c r="K5302" s="1" t="s">
        <v>7</v>
      </c>
      <c r="L5302" s="1" t="s">
        <v>18454</v>
      </c>
      <c r="M5302" s="1" t="s">
        <v>5</v>
      </c>
      <c r="N5302" s="1" t="s">
        <v>10</v>
      </c>
      <c r="O5302" s="1" t="s">
        <v>38</v>
      </c>
      <c r="P5302" s="5" t="s">
        <v>31922</v>
      </c>
    </row>
    <row r="5303" spans="1:16" x14ac:dyDescent="0.2">
      <c r="A5303" s="1" t="s">
        <v>10</v>
      </c>
      <c r="B5303" s="1" t="s">
        <v>10</v>
      </c>
      <c r="C5303" s="1" t="s">
        <v>17569</v>
      </c>
      <c r="D5303" s="1" t="s">
        <v>17570</v>
      </c>
      <c r="E5303" s="1"/>
      <c r="F5303" s="1" t="s">
        <v>10</v>
      </c>
      <c r="G5303" s="1" t="s">
        <v>10</v>
      </c>
      <c r="H5303" s="1" t="s">
        <v>10</v>
      </c>
      <c r="I5303" s="1" t="s">
        <v>17172</v>
      </c>
      <c r="J5303" s="1" t="s">
        <v>17176</v>
      </c>
      <c r="K5303" s="1" t="s">
        <v>47</v>
      </c>
      <c r="L5303" s="1" t="s">
        <v>18457</v>
      </c>
      <c r="M5303" s="1" t="s">
        <v>5</v>
      </c>
      <c r="N5303" s="1" t="s">
        <v>10</v>
      </c>
      <c r="O5303" s="1" t="s">
        <v>38</v>
      </c>
      <c r="P5303" s="5" t="s">
        <v>10</v>
      </c>
    </row>
    <row r="5304" spans="1:16" x14ac:dyDescent="0.2">
      <c r="A5304" s="1" t="s">
        <v>42</v>
      </c>
      <c r="B5304" s="1" t="s">
        <v>1890</v>
      </c>
      <c r="C5304" s="1" t="s">
        <v>18459</v>
      </c>
      <c r="D5304" s="1" t="s">
        <v>18460</v>
      </c>
      <c r="E5304" s="1" t="s">
        <v>18461</v>
      </c>
      <c r="F5304" s="1" t="s">
        <v>10</v>
      </c>
      <c r="G5304" s="1" t="s">
        <v>10</v>
      </c>
      <c r="H5304" s="1" t="s">
        <v>10</v>
      </c>
      <c r="I5304" s="1" t="s">
        <v>17172</v>
      </c>
      <c r="J5304" s="1" t="s">
        <v>17214</v>
      </c>
      <c r="K5304" s="1" t="s">
        <v>47</v>
      </c>
      <c r="L5304" s="1" t="s">
        <v>18458</v>
      </c>
      <c r="M5304" s="1" t="s">
        <v>5</v>
      </c>
      <c r="N5304" s="1" t="s">
        <v>10</v>
      </c>
      <c r="O5304" s="1" t="s">
        <v>38</v>
      </c>
      <c r="P5304" s="5" t="s">
        <v>31923</v>
      </c>
    </row>
    <row r="5305" spans="1:16" x14ac:dyDescent="0.2">
      <c r="A5305" s="1" t="s">
        <v>10</v>
      </c>
      <c r="B5305" s="1" t="s">
        <v>10</v>
      </c>
      <c r="C5305" s="1" t="s">
        <v>18463</v>
      </c>
      <c r="D5305" s="1" t="s">
        <v>18464</v>
      </c>
      <c r="E5305" s="1" t="s">
        <v>18465</v>
      </c>
      <c r="F5305" s="1" t="s">
        <v>10</v>
      </c>
      <c r="G5305" s="1" t="s">
        <v>10</v>
      </c>
      <c r="H5305" s="1" t="s">
        <v>10</v>
      </c>
      <c r="I5305" s="1" t="s">
        <v>17172</v>
      </c>
      <c r="J5305" s="1" t="s">
        <v>17176</v>
      </c>
      <c r="K5305" s="1" t="s">
        <v>47</v>
      </c>
      <c r="L5305" s="1" t="s">
        <v>18462</v>
      </c>
      <c r="M5305" s="1" t="s">
        <v>5</v>
      </c>
      <c r="N5305" s="1" t="s">
        <v>10</v>
      </c>
      <c r="O5305" s="1" t="s">
        <v>38</v>
      </c>
      <c r="P5305" s="5" t="s">
        <v>31924</v>
      </c>
    </row>
    <row r="5306" spans="1:16" x14ac:dyDescent="0.2">
      <c r="A5306" s="1" t="s">
        <v>10</v>
      </c>
      <c r="B5306" s="1" t="s">
        <v>10</v>
      </c>
      <c r="C5306" s="1" t="s">
        <v>18467</v>
      </c>
      <c r="D5306" s="1" t="s">
        <v>10</v>
      </c>
      <c r="E5306" s="1" t="s">
        <v>18468</v>
      </c>
      <c r="F5306" s="1" t="s">
        <v>10</v>
      </c>
      <c r="G5306" s="1" t="s">
        <v>10</v>
      </c>
      <c r="H5306" s="1" t="s">
        <v>10</v>
      </c>
      <c r="I5306" s="1" t="s">
        <v>17172</v>
      </c>
      <c r="J5306" s="1" t="s">
        <v>17343</v>
      </c>
      <c r="K5306" s="1" t="s">
        <v>10</v>
      </c>
      <c r="L5306" s="1" t="s">
        <v>18466</v>
      </c>
      <c r="M5306" s="1" t="s">
        <v>5</v>
      </c>
      <c r="N5306" s="1" t="s">
        <v>10</v>
      </c>
      <c r="O5306" s="1" t="s">
        <v>38</v>
      </c>
      <c r="P5306" s="5" t="s">
        <v>10</v>
      </c>
    </row>
    <row r="5307" spans="1:16" x14ac:dyDescent="0.2">
      <c r="A5307" s="1" t="s">
        <v>10</v>
      </c>
      <c r="B5307" s="1" t="s">
        <v>10</v>
      </c>
      <c r="C5307" s="1" t="s">
        <v>18470</v>
      </c>
      <c r="D5307" s="1" t="s">
        <v>10</v>
      </c>
      <c r="E5307" s="1" t="s">
        <v>18471</v>
      </c>
      <c r="F5307" s="1" t="s">
        <v>10</v>
      </c>
      <c r="G5307" s="1" t="s">
        <v>10</v>
      </c>
      <c r="H5307" s="1" t="s">
        <v>10</v>
      </c>
      <c r="I5307" s="1" t="s">
        <v>17172</v>
      </c>
      <c r="J5307" s="1" t="s">
        <v>17229</v>
      </c>
      <c r="K5307" s="1" t="s">
        <v>10</v>
      </c>
      <c r="L5307" s="1" t="s">
        <v>18469</v>
      </c>
      <c r="M5307" s="1" t="s">
        <v>5</v>
      </c>
      <c r="N5307" s="1" t="s">
        <v>10</v>
      </c>
      <c r="O5307" s="1" t="s">
        <v>38</v>
      </c>
      <c r="P5307" s="5"/>
    </row>
    <row r="5308" spans="1:16" x14ac:dyDescent="0.2">
      <c r="A5308" s="1" t="s">
        <v>10</v>
      </c>
      <c r="B5308" s="1" t="s">
        <v>10</v>
      </c>
      <c r="C5308" s="1" t="s">
        <v>18473</v>
      </c>
      <c r="D5308" s="1" t="s">
        <v>10</v>
      </c>
      <c r="E5308" s="1" t="s">
        <v>10</v>
      </c>
      <c r="F5308" s="1" t="s">
        <v>10</v>
      </c>
      <c r="G5308" s="1" t="s">
        <v>10</v>
      </c>
      <c r="H5308" s="1" t="s">
        <v>10</v>
      </c>
      <c r="I5308" s="1" t="s">
        <v>17172</v>
      </c>
      <c r="J5308" s="1" t="s">
        <v>17176</v>
      </c>
      <c r="K5308" s="1" t="s">
        <v>47</v>
      </c>
      <c r="L5308" s="1" t="s">
        <v>18472</v>
      </c>
      <c r="M5308" s="1" t="s">
        <v>5</v>
      </c>
      <c r="N5308" s="1" t="s">
        <v>10</v>
      </c>
      <c r="O5308" s="1" t="s">
        <v>38</v>
      </c>
      <c r="P5308" s="5" t="s">
        <v>10</v>
      </c>
    </row>
    <row r="5309" spans="1:16" x14ac:dyDescent="0.2">
      <c r="A5309" s="1" t="s">
        <v>10</v>
      </c>
      <c r="B5309" s="1" t="s">
        <v>10</v>
      </c>
      <c r="C5309" s="1" t="s">
        <v>18475</v>
      </c>
      <c r="D5309" s="1" t="s">
        <v>18476</v>
      </c>
      <c r="E5309" s="1" t="s">
        <v>18477</v>
      </c>
      <c r="F5309" s="1" t="s">
        <v>10</v>
      </c>
      <c r="G5309" s="1" t="s">
        <v>10</v>
      </c>
      <c r="H5309" s="1" t="s">
        <v>10</v>
      </c>
      <c r="I5309" s="1" t="s">
        <v>17172</v>
      </c>
      <c r="J5309" s="1" t="s">
        <v>17176</v>
      </c>
      <c r="K5309" s="1" t="s">
        <v>47</v>
      </c>
      <c r="L5309" s="1" t="s">
        <v>18474</v>
      </c>
      <c r="M5309" s="1" t="s">
        <v>5</v>
      </c>
      <c r="N5309" s="1" t="s">
        <v>10</v>
      </c>
      <c r="O5309" s="1" t="s">
        <v>38</v>
      </c>
      <c r="P5309" s="5" t="s">
        <v>10</v>
      </c>
    </row>
    <row r="5310" spans="1:16" x14ac:dyDescent="0.2">
      <c r="A5310" s="1" t="s">
        <v>10</v>
      </c>
      <c r="B5310" s="1" t="s">
        <v>10</v>
      </c>
      <c r="C5310" s="1" t="s">
        <v>18479</v>
      </c>
      <c r="D5310" s="1" t="s">
        <v>10149</v>
      </c>
      <c r="E5310" s="1" t="s">
        <v>18480</v>
      </c>
      <c r="F5310" s="1" t="s">
        <v>10</v>
      </c>
      <c r="G5310" s="1" t="s">
        <v>10</v>
      </c>
      <c r="H5310" s="1" t="s">
        <v>10</v>
      </c>
      <c r="I5310" s="1" t="s">
        <v>17172</v>
      </c>
      <c r="J5310" s="1" t="s">
        <v>17176</v>
      </c>
      <c r="K5310" s="1" t="s">
        <v>47</v>
      </c>
      <c r="L5310" s="1" t="s">
        <v>18478</v>
      </c>
      <c r="M5310" s="1" t="s">
        <v>5</v>
      </c>
      <c r="N5310" s="1" t="s">
        <v>10</v>
      </c>
      <c r="O5310" s="1" t="s">
        <v>38</v>
      </c>
      <c r="P5310" s="5" t="s">
        <v>29846</v>
      </c>
    </row>
    <row r="5311" spans="1:16" x14ac:dyDescent="0.2">
      <c r="A5311" s="1" t="s">
        <v>10</v>
      </c>
      <c r="B5311" s="1" t="s">
        <v>10</v>
      </c>
      <c r="C5311" s="1" t="s">
        <v>18482</v>
      </c>
      <c r="D5311" s="1" t="s">
        <v>10</v>
      </c>
      <c r="E5311" s="1" t="s">
        <v>18483</v>
      </c>
      <c r="F5311" s="1" t="s">
        <v>10</v>
      </c>
      <c r="G5311" s="1" t="s">
        <v>10</v>
      </c>
      <c r="H5311" s="1" t="s">
        <v>10</v>
      </c>
      <c r="I5311" s="1" t="s">
        <v>17172</v>
      </c>
      <c r="J5311" s="1" t="s">
        <v>17176</v>
      </c>
      <c r="K5311" s="1" t="s">
        <v>100</v>
      </c>
      <c r="L5311" s="1" t="s">
        <v>18481</v>
      </c>
      <c r="M5311" s="1" t="s">
        <v>5</v>
      </c>
      <c r="N5311" s="1" t="s">
        <v>10</v>
      </c>
      <c r="O5311" s="1" t="s">
        <v>38</v>
      </c>
      <c r="P5311" s="5" t="s">
        <v>31894</v>
      </c>
    </row>
    <row r="5312" spans="1:16" x14ac:dyDescent="0.2">
      <c r="A5312" s="1" t="s">
        <v>66</v>
      </c>
      <c r="B5312" s="1" t="s">
        <v>212</v>
      </c>
      <c r="C5312" s="1" t="s">
        <v>18485</v>
      </c>
      <c r="D5312" s="1" t="s">
        <v>18486</v>
      </c>
      <c r="E5312" s="1" t="s">
        <v>18488</v>
      </c>
      <c r="F5312" s="1" t="s">
        <v>27</v>
      </c>
      <c r="G5312" s="1" t="s">
        <v>10</v>
      </c>
      <c r="H5312" s="1" t="s">
        <v>18489</v>
      </c>
      <c r="I5312" s="1" t="s">
        <v>17172</v>
      </c>
      <c r="J5312" s="1" t="s">
        <v>17904</v>
      </c>
      <c r="K5312" s="1" t="s">
        <v>18487</v>
      </c>
      <c r="L5312" s="1" t="s">
        <v>18484</v>
      </c>
      <c r="M5312" s="1" t="s">
        <v>5</v>
      </c>
      <c r="N5312" s="1" t="s">
        <v>10</v>
      </c>
      <c r="O5312" s="1" t="s">
        <v>8</v>
      </c>
      <c r="P5312" s="5" t="s">
        <v>30561</v>
      </c>
    </row>
    <row r="5313" spans="1:16" x14ac:dyDescent="0.2">
      <c r="A5313" s="1" t="s">
        <v>10</v>
      </c>
      <c r="B5313" s="1" t="s">
        <v>10</v>
      </c>
      <c r="C5313" s="1" t="s">
        <v>18491</v>
      </c>
      <c r="D5313" s="1" t="s">
        <v>18492</v>
      </c>
      <c r="E5313" s="1" t="s">
        <v>17394</v>
      </c>
      <c r="F5313" s="1" t="s">
        <v>10</v>
      </c>
      <c r="G5313" s="1" t="s">
        <v>10</v>
      </c>
      <c r="H5313" s="1" t="s">
        <v>10</v>
      </c>
      <c r="I5313" s="1" t="s">
        <v>17172</v>
      </c>
      <c r="J5313" s="1" t="s">
        <v>17293</v>
      </c>
      <c r="K5313" s="1" t="s">
        <v>47</v>
      </c>
      <c r="L5313" s="1" t="s">
        <v>18490</v>
      </c>
      <c r="M5313" s="1" t="s">
        <v>5</v>
      </c>
      <c r="N5313" s="1" t="s">
        <v>10</v>
      </c>
      <c r="O5313" s="1" t="s">
        <v>38</v>
      </c>
      <c r="P5313" s="5" t="s">
        <v>31925</v>
      </c>
    </row>
    <row r="5314" spans="1:16" x14ac:dyDescent="0.2">
      <c r="A5314" s="1" t="s">
        <v>1984</v>
      </c>
      <c r="B5314" s="1" t="s">
        <v>18497</v>
      </c>
      <c r="C5314" s="1" t="s">
        <v>18494</v>
      </c>
      <c r="D5314" s="1" t="s">
        <v>18495</v>
      </c>
      <c r="E5314" s="1" t="s">
        <v>18496</v>
      </c>
      <c r="F5314" s="1" t="s">
        <v>10</v>
      </c>
      <c r="G5314" s="1" t="s">
        <v>10</v>
      </c>
      <c r="H5314" s="1" t="s">
        <v>10</v>
      </c>
      <c r="I5314" s="1" t="s">
        <v>17172</v>
      </c>
      <c r="J5314" s="1" t="s">
        <v>17224</v>
      </c>
      <c r="K5314" s="1" t="s">
        <v>113</v>
      </c>
      <c r="L5314" s="1" t="s">
        <v>18493</v>
      </c>
      <c r="M5314" s="1" t="s">
        <v>5</v>
      </c>
      <c r="N5314" s="1" t="s">
        <v>10</v>
      </c>
      <c r="O5314" s="1" t="s">
        <v>8</v>
      </c>
      <c r="P5314" s="5" t="s">
        <v>14</v>
      </c>
    </row>
    <row r="5315" spans="1:16" x14ac:dyDescent="0.2">
      <c r="A5315" s="1" t="s">
        <v>10</v>
      </c>
      <c r="B5315" s="1" t="s">
        <v>10</v>
      </c>
      <c r="C5315" s="1" t="s">
        <v>18499</v>
      </c>
      <c r="D5315" s="1" t="s">
        <v>18500</v>
      </c>
      <c r="E5315" s="1" t="s">
        <v>18501</v>
      </c>
      <c r="F5315" s="1" t="s">
        <v>10</v>
      </c>
      <c r="G5315" s="1" t="s">
        <v>10</v>
      </c>
      <c r="H5315" s="1" t="s">
        <v>18499</v>
      </c>
      <c r="I5315" s="1" t="s">
        <v>17172</v>
      </c>
      <c r="J5315" s="1" t="s">
        <v>17214</v>
      </c>
      <c r="K5315" s="1" t="s">
        <v>47</v>
      </c>
      <c r="L5315" s="1" t="s">
        <v>18498</v>
      </c>
      <c r="M5315" s="1" t="s">
        <v>5</v>
      </c>
      <c r="N5315" s="1" t="s">
        <v>6</v>
      </c>
      <c r="O5315" s="1" t="s">
        <v>38</v>
      </c>
      <c r="P5315" s="5" t="s">
        <v>10</v>
      </c>
    </row>
    <row r="5316" spans="1:16" x14ac:dyDescent="0.2">
      <c r="A5316" s="1" t="s">
        <v>66</v>
      </c>
      <c r="B5316" s="1" t="s">
        <v>67</v>
      </c>
      <c r="C5316" s="1" t="s">
        <v>18503</v>
      </c>
      <c r="D5316" s="1" t="s">
        <v>15340</v>
      </c>
      <c r="E5316" s="1" t="s">
        <v>18504</v>
      </c>
      <c r="F5316" s="1" t="s">
        <v>10</v>
      </c>
      <c r="G5316" s="1" t="s">
        <v>10</v>
      </c>
      <c r="H5316" s="1" t="s">
        <v>18505</v>
      </c>
      <c r="I5316" s="1" t="s">
        <v>17172</v>
      </c>
      <c r="J5316" s="1" t="s">
        <v>17224</v>
      </c>
      <c r="K5316" s="1" t="s">
        <v>113</v>
      </c>
      <c r="L5316" s="1" t="s">
        <v>18502</v>
      </c>
      <c r="M5316" s="1" t="s">
        <v>5</v>
      </c>
      <c r="N5316" s="1" t="s">
        <v>6</v>
      </c>
      <c r="O5316" s="1" t="s">
        <v>8</v>
      </c>
      <c r="P5316" s="5" t="s">
        <v>14</v>
      </c>
    </row>
    <row r="5317" spans="1:16" x14ac:dyDescent="0.2">
      <c r="A5317" s="1" t="s">
        <v>10</v>
      </c>
      <c r="B5317" s="1" t="s">
        <v>10</v>
      </c>
      <c r="C5317" s="1" t="s">
        <v>18507</v>
      </c>
      <c r="D5317" s="1" t="s">
        <v>18508</v>
      </c>
      <c r="E5317" s="1" t="s">
        <v>18509</v>
      </c>
      <c r="F5317" s="1" t="s">
        <v>10</v>
      </c>
      <c r="G5317" s="1" t="s">
        <v>10</v>
      </c>
      <c r="H5317" s="1" t="s">
        <v>10</v>
      </c>
      <c r="I5317" s="1" t="s">
        <v>17172</v>
      </c>
      <c r="J5317" s="1" t="s">
        <v>17176</v>
      </c>
      <c r="K5317" s="1" t="s">
        <v>10</v>
      </c>
      <c r="L5317" s="1" t="s">
        <v>18506</v>
      </c>
      <c r="M5317" s="1" t="s">
        <v>5</v>
      </c>
      <c r="N5317" s="1" t="s">
        <v>10</v>
      </c>
      <c r="O5317" s="1" t="s">
        <v>8</v>
      </c>
      <c r="P5317" s="5"/>
    </row>
    <row r="5318" spans="1:16" x14ac:dyDescent="0.2">
      <c r="A5318" s="1" t="s">
        <v>10</v>
      </c>
      <c r="B5318" s="1" t="s">
        <v>10</v>
      </c>
      <c r="C5318" s="1" t="s">
        <v>18511</v>
      </c>
      <c r="D5318" s="1" t="s">
        <v>10</v>
      </c>
      <c r="E5318" s="1" t="s">
        <v>18512</v>
      </c>
      <c r="F5318" s="1" t="s">
        <v>10</v>
      </c>
      <c r="G5318" s="1" t="s">
        <v>10</v>
      </c>
      <c r="H5318" s="1" t="s">
        <v>10</v>
      </c>
      <c r="I5318" s="1" t="s">
        <v>17172</v>
      </c>
      <c r="J5318" s="1" t="s">
        <v>17176</v>
      </c>
      <c r="K5318" s="1" t="s">
        <v>10</v>
      </c>
      <c r="L5318" s="1" t="s">
        <v>18510</v>
      </c>
      <c r="M5318" s="1" t="s">
        <v>5</v>
      </c>
      <c r="N5318" s="1" t="s">
        <v>10</v>
      </c>
      <c r="O5318" s="1" t="s">
        <v>8</v>
      </c>
      <c r="P5318" s="5"/>
    </row>
    <row r="5319" spans="1:16" x14ac:dyDescent="0.2">
      <c r="A5319" s="1" t="s">
        <v>10</v>
      </c>
      <c r="B5319" s="1" t="s">
        <v>10</v>
      </c>
      <c r="C5319" s="1" t="s">
        <v>18514</v>
      </c>
      <c r="D5319" s="1" t="s">
        <v>18515</v>
      </c>
      <c r="E5319" s="1"/>
      <c r="F5319" s="1" t="s">
        <v>10</v>
      </c>
      <c r="G5319" s="1" t="s">
        <v>10</v>
      </c>
      <c r="H5319" s="1" t="s">
        <v>10</v>
      </c>
      <c r="I5319" s="1" t="s">
        <v>17172</v>
      </c>
      <c r="J5319" s="1" t="s">
        <v>17176</v>
      </c>
      <c r="K5319" s="1" t="s">
        <v>47</v>
      </c>
      <c r="L5319" s="1" t="s">
        <v>18513</v>
      </c>
      <c r="M5319" s="1" t="s">
        <v>5</v>
      </c>
      <c r="N5319" s="1" t="s">
        <v>10</v>
      </c>
      <c r="O5319" s="1" t="s">
        <v>38</v>
      </c>
      <c r="P5319" s="5" t="s">
        <v>31926</v>
      </c>
    </row>
    <row r="5320" spans="1:16" x14ac:dyDescent="0.2">
      <c r="A5320" s="1" t="s">
        <v>10</v>
      </c>
      <c r="B5320" s="1" t="s">
        <v>10</v>
      </c>
      <c r="C5320" s="1" t="s">
        <v>18517</v>
      </c>
      <c r="D5320" s="1" t="s">
        <v>18518</v>
      </c>
      <c r="E5320" s="1" t="s">
        <v>18519</v>
      </c>
      <c r="F5320" s="1" t="s">
        <v>10</v>
      </c>
      <c r="G5320" s="1" t="s">
        <v>10</v>
      </c>
      <c r="H5320" s="1" t="s">
        <v>10</v>
      </c>
      <c r="I5320" s="1" t="s">
        <v>17172</v>
      </c>
      <c r="J5320" s="1" t="s">
        <v>17176</v>
      </c>
      <c r="K5320" s="1" t="s">
        <v>47</v>
      </c>
      <c r="L5320" s="1" t="s">
        <v>18516</v>
      </c>
      <c r="M5320" s="1" t="s">
        <v>5</v>
      </c>
      <c r="N5320" s="1" t="s">
        <v>10</v>
      </c>
      <c r="O5320" s="1" t="s">
        <v>38</v>
      </c>
      <c r="P5320" s="5" t="s">
        <v>10</v>
      </c>
    </row>
    <row r="5321" spans="1:16" x14ac:dyDescent="0.2">
      <c r="A5321" s="1" t="s">
        <v>10</v>
      </c>
      <c r="B5321" s="1" t="s">
        <v>10</v>
      </c>
      <c r="C5321" s="1" t="s">
        <v>18521</v>
      </c>
      <c r="D5321" s="1" t="s">
        <v>10693</v>
      </c>
      <c r="E5321" s="1"/>
      <c r="F5321" s="1" t="s">
        <v>10</v>
      </c>
      <c r="G5321" s="1" t="s">
        <v>10</v>
      </c>
      <c r="H5321" s="1" t="s">
        <v>10</v>
      </c>
      <c r="I5321" s="1" t="s">
        <v>17172</v>
      </c>
      <c r="J5321" s="1" t="s">
        <v>17251</v>
      </c>
      <c r="K5321" s="1" t="s">
        <v>47</v>
      </c>
      <c r="L5321" s="1" t="s">
        <v>18520</v>
      </c>
      <c r="M5321" s="1" t="s">
        <v>5</v>
      </c>
      <c r="N5321" s="1" t="s">
        <v>10</v>
      </c>
      <c r="O5321" s="1" t="s">
        <v>38</v>
      </c>
      <c r="P5321" s="5" t="s">
        <v>31927</v>
      </c>
    </row>
    <row r="5322" spans="1:16" x14ac:dyDescent="0.2">
      <c r="A5322" s="1" t="s">
        <v>66</v>
      </c>
      <c r="B5322" s="1" t="s">
        <v>4741</v>
      </c>
      <c r="C5322" s="1" t="s">
        <v>18523</v>
      </c>
      <c r="D5322" s="1" t="s">
        <v>18524</v>
      </c>
      <c r="E5322" s="1"/>
      <c r="F5322" s="1" t="s">
        <v>10</v>
      </c>
      <c r="G5322" s="1" t="s">
        <v>10</v>
      </c>
      <c r="H5322" s="1" t="s">
        <v>10</v>
      </c>
      <c r="I5322" s="1" t="s">
        <v>17172</v>
      </c>
      <c r="J5322" s="1" t="s">
        <v>17454</v>
      </c>
      <c r="K5322" s="1" t="s">
        <v>47</v>
      </c>
      <c r="L5322" s="1" t="s">
        <v>18522</v>
      </c>
      <c r="M5322" s="1" t="s">
        <v>5</v>
      </c>
      <c r="N5322" s="1" t="s">
        <v>10</v>
      </c>
      <c r="O5322" s="1" t="s">
        <v>38</v>
      </c>
      <c r="P5322" s="5" t="s">
        <v>31928</v>
      </c>
    </row>
    <row r="5323" spans="1:16" x14ac:dyDescent="0.2">
      <c r="A5323" s="1" t="s">
        <v>10</v>
      </c>
      <c r="B5323" s="1" t="s">
        <v>10</v>
      </c>
      <c r="C5323" s="1" t="s">
        <v>18526</v>
      </c>
      <c r="D5323" s="1" t="s">
        <v>18527</v>
      </c>
      <c r="E5323" s="1" t="s">
        <v>18528</v>
      </c>
      <c r="F5323" s="1" t="s">
        <v>10</v>
      </c>
      <c r="G5323" s="1" t="s">
        <v>10</v>
      </c>
      <c r="H5323" s="1" t="s">
        <v>10</v>
      </c>
      <c r="I5323" s="1" t="s">
        <v>17172</v>
      </c>
      <c r="J5323" s="1" t="s">
        <v>17370</v>
      </c>
      <c r="K5323" s="1" t="s">
        <v>47</v>
      </c>
      <c r="L5323" s="1" t="s">
        <v>18525</v>
      </c>
      <c r="M5323" s="1" t="s">
        <v>5</v>
      </c>
      <c r="N5323" s="1" t="s">
        <v>10</v>
      </c>
      <c r="O5323" s="1" t="s">
        <v>38</v>
      </c>
      <c r="P5323" s="5" t="s">
        <v>30562</v>
      </c>
    </row>
    <row r="5324" spans="1:16" x14ac:dyDescent="0.2">
      <c r="A5324" s="1" t="s">
        <v>10</v>
      </c>
      <c r="B5324" s="1" t="s">
        <v>10</v>
      </c>
      <c r="C5324" s="1" t="s">
        <v>18530</v>
      </c>
      <c r="D5324" s="1" t="s">
        <v>18531</v>
      </c>
      <c r="E5324" s="1" t="s">
        <v>18532</v>
      </c>
      <c r="F5324" s="1" t="s">
        <v>10</v>
      </c>
      <c r="G5324" s="1" t="s">
        <v>10</v>
      </c>
      <c r="H5324" s="1" t="s">
        <v>10</v>
      </c>
      <c r="I5324" s="1" t="s">
        <v>17172</v>
      </c>
      <c r="J5324" s="1" t="s">
        <v>17370</v>
      </c>
      <c r="K5324" s="1" t="s">
        <v>47</v>
      </c>
      <c r="L5324" s="1" t="s">
        <v>18529</v>
      </c>
      <c r="M5324" s="1" t="s">
        <v>5</v>
      </c>
      <c r="N5324" s="1" t="s">
        <v>6</v>
      </c>
      <c r="O5324" s="1" t="s">
        <v>38</v>
      </c>
      <c r="P5324" s="5" t="s">
        <v>29908</v>
      </c>
    </row>
    <row r="5325" spans="1:16" ht="38.25" x14ac:dyDescent="0.2">
      <c r="A5325" s="1" t="s">
        <v>10</v>
      </c>
      <c r="B5325" s="1" t="s">
        <v>10</v>
      </c>
      <c r="C5325" s="1" t="s">
        <v>18534</v>
      </c>
      <c r="D5325" s="1" t="s">
        <v>18535</v>
      </c>
      <c r="E5325" s="1"/>
      <c r="F5325" s="1" t="s">
        <v>10</v>
      </c>
      <c r="G5325" s="1" t="s">
        <v>10</v>
      </c>
      <c r="H5325" s="1" t="s">
        <v>10</v>
      </c>
      <c r="I5325" s="1" t="s">
        <v>17172</v>
      </c>
      <c r="J5325" s="1" t="s">
        <v>17176</v>
      </c>
      <c r="K5325" s="1" t="s">
        <v>47</v>
      </c>
      <c r="L5325" s="1" t="s">
        <v>18533</v>
      </c>
      <c r="M5325" s="1" t="s">
        <v>5</v>
      </c>
      <c r="N5325" s="1" t="s">
        <v>10</v>
      </c>
      <c r="O5325" s="1" t="s">
        <v>8</v>
      </c>
      <c r="P5325" s="9" t="s">
        <v>31929</v>
      </c>
    </row>
    <row r="5326" spans="1:16" ht="242.25" x14ac:dyDescent="0.2">
      <c r="A5326" s="1" t="s">
        <v>66</v>
      </c>
      <c r="B5326" s="1" t="s">
        <v>1117</v>
      </c>
      <c r="C5326" s="1" t="s">
        <v>18537</v>
      </c>
      <c r="D5326" s="1" t="s">
        <v>18538</v>
      </c>
      <c r="E5326" s="1" t="s">
        <v>18539</v>
      </c>
      <c r="F5326" s="1" t="s">
        <v>10</v>
      </c>
      <c r="G5326" s="1" t="s">
        <v>10</v>
      </c>
      <c r="H5326" s="1" t="s">
        <v>10</v>
      </c>
      <c r="I5326" s="1" t="s">
        <v>17172</v>
      </c>
      <c r="J5326" s="1" t="s">
        <v>17224</v>
      </c>
      <c r="K5326" s="1" t="s">
        <v>113</v>
      </c>
      <c r="L5326" s="1" t="s">
        <v>18536</v>
      </c>
      <c r="M5326" s="1" t="s">
        <v>5</v>
      </c>
      <c r="N5326" s="1" t="s">
        <v>6</v>
      </c>
      <c r="O5326" s="1" t="s">
        <v>38</v>
      </c>
      <c r="P5326" s="9" t="s">
        <v>31930</v>
      </c>
    </row>
    <row r="5327" spans="1:16" ht="38.25" x14ac:dyDescent="0.2">
      <c r="A5327" s="1" t="s">
        <v>66</v>
      </c>
      <c r="B5327" s="1" t="s">
        <v>67</v>
      </c>
      <c r="C5327" s="1" t="s">
        <v>18541</v>
      </c>
      <c r="D5327" s="1" t="s">
        <v>18542</v>
      </c>
      <c r="E5327" s="1" t="s">
        <v>18543</v>
      </c>
      <c r="F5327" s="1" t="s">
        <v>10</v>
      </c>
      <c r="G5327" s="1" t="s">
        <v>10</v>
      </c>
      <c r="H5327" s="1" t="s">
        <v>10</v>
      </c>
      <c r="I5327" s="1" t="s">
        <v>17172</v>
      </c>
      <c r="J5327" s="1" t="s">
        <v>17224</v>
      </c>
      <c r="K5327" s="1" t="s">
        <v>113</v>
      </c>
      <c r="L5327" s="1" t="s">
        <v>18540</v>
      </c>
      <c r="M5327" s="1" t="s">
        <v>5</v>
      </c>
      <c r="N5327" s="1" t="s">
        <v>6</v>
      </c>
      <c r="O5327" s="1" t="s">
        <v>38</v>
      </c>
      <c r="P5327" s="9" t="s">
        <v>31931</v>
      </c>
    </row>
    <row r="5328" spans="1:16" x14ac:dyDescent="0.2">
      <c r="A5328" s="1" t="s">
        <v>10</v>
      </c>
      <c r="B5328" s="1" t="s">
        <v>10</v>
      </c>
      <c r="C5328" s="1" t="s">
        <v>18545</v>
      </c>
      <c r="D5328" s="1" t="s">
        <v>18546</v>
      </c>
      <c r="E5328" s="1" t="s">
        <v>18547</v>
      </c>
      <c r="F5328" s="1" t="s">
        <v>10</v>
      </c>
      <c r="G5328" s="1" t="s">
        <v>10</v>
      </c>
      <c r="H5328" s="1" t="s">
        <v>10</v>
      </c>
      <c r="I5328" s="1" t="s">
        <v>17172</v>
      </c>
      <c r="J5328" s="1" t="s">
        <v>17229</v>
      </c>
      <c r="K5328" s="1" t="s">
        <v>130</v>
      </c>
      <c r="L5328" s="1" t="s">
        <v>18544</v>
      </c>
      <c r="M5328" s="1" t="s">
        <v>5</v>
      </c>
      <c r="N5328" s="1" t="s">
        <v>10</v>
      </c>
      <c r="O5328" s="1" t="s">
        <v>8</v>
      </c>
      <c r="P5328" s="5" t="s">
        <v>10</v>
      </c>
    </row>
    <row r="5329" spans="1:16" x14ac:dyDescent="0.2">
      <c r="A5329" s="1" t="s">
        <v>10</v>
      </c>
      <c r="B5329" s="1" t="s">
        <v>10</v>
      </c>
      <c r="C5329" s="1" t="s">
        <v>18549</v>
      </c>
      <c r="D5329" s="1" t="s">
        <v>18550</v>
      </c>
      <c r="E5329" s="1" t="s">
        <v>18551</v>
      </c>
      <c r="F5329" s="1" t="s">
        <v>10</v>
      </c>
      <c r="G5329" s="1" t="s">
        <v>10</v>
      </c>
      <c r="H5329" s="1" t="s">
        <v>10</v>
      </c>
      <c r="I5329" s="1" t="s">
        <v>17172</v>
      </c>
      <c r="J5329" s="1" t="s">
        <v>17229</v>
      </c>
      <c r="K5329" s="1" t="s">
        <v>113</v>
      </c>
      <c r="L5329" s="1" t="s">
        <v>18548</v>
      </c>
      <c r="M5329" s="1" t="s">
        <v>5</v>
      </c>
      <c r="N5329" s="1" t="s">
        <v>10</v>
      </c>
      <c r="O5329" s="1" t="s">
        <v>38</v>
      </c>
      <c r="P5329" s="5" t="s">
        <v>31932</v>
      </c>
    </row>
    <row r="5330" spans="1:16" ht="38.25" x14ac:dyDescent="0.2">
      <c r="A5330" s="1" t="s">
        <v>42</v>
      </c>
      <c r="B5330" s="1" t="s">
        <v>966</v>
      </c>
      <c r="C5330" s="1" t="s">
        <v>18553</v>
      </c>
      <c r="D5330" s="1" t="s">
        <v>18553</v>
      </c>
      <c r="E5330" s="1" t="s">
        <v>18554</v>
      </c>
      <c r="F5330" s="1" t="s">
        <v>414</v>
      </c>
      <c r="G5330" s="1" t="s">
        <v>10</v>
      </c>
      <c r="H5330" s="1" t="s">
        <v>10</v>
      </c>
      <c r="I5330" s="1" t="s">
        <v>17172</v>
      </c>
      <c r="J5330" s="1" t="s">
        <v>17224</v>
      </c>
      <c r="K5330" s="1" t="s">
        <v>130</v>
      </c>
      <c r="L5330" s="1" t="s">
        <v>18552</v>
      </c>
      <c r="M5330" s="1" t="s">
        <v>5</v>
      </c>
      <c r="N5330" s="1" t="s">
        <v>6</v>
      </c>
      <c r="O5330" s="1" t="s">
        <v>8</v>
      </c>
      <c r="P5330" s="9" t="s">
        <v>31933</v>
      </c>
    </row>
    <row r="5331" spans="1:16" x14ac:dyDescent="0.2">
      <c r="A5331" s="1" t="s">
        <v>66</v>
      </c>
      <c r="B5331" s="1" t="s">
        <v>4741</v>
      </c>
      <c r="C5331" s="1" t="s">
        <v>18556</v>
      </c>
      <c r="D5331" s="1" t="s">
        <v>18557</v>
      </c>
      <c r="E5331" s="1" t="s">
        <v>18558</v>
      </c>
      <c r="F5331" s="1" t="s">
        <v>10</v>
      </c>
      <c r="G5331" s="1" t="s">
        <v>10</v>
      </c>
      <c r="H5331" s="1" t="s">
        <v>10</v>
      </c>
      <c r="I5331" s="1" t="s">
        <v>17172</v>
      </c>
      <c r="J5331" s="1" t="s">
        <v>17224</v>
      </c>
      <c r="K5331" s="1" t="s">
        <v>64</v>
      </c>
      <c r="L5331" s="1" t="s">
        <v>18555</v>
      </c>
      <c r="M5331" s="1" t="s">
        <v>5</v>
      </c>
      <c r="N5331" s="1" t="s">
        <v>25</v>
      </c>
      <c r="O5331" s="1" t="s">
        <v>38</v>
      </c>
      <c r="P5331" s="5" t="s">
        <v>31934</v>
      </c>
    </row>
    <row r="5332" spans="1:16" x14ac:dyDescent="0.2">
      <c r="A5332" s="1" t="s">
        <v>66</v>
      </c>
      <c r="B5332" s="1" t="s">
        <v>67</v>
      </c>
      <c r="C5332" s="1" t="s">
        <v>18560</v>
      </c>
      <c r="D5332" s="1" t="s">
        <v>18561</v>
      </c>
      <c r="E5332" s="1" t="s">
        <v>18562</v>
      </c>
      <c r="F5332" s="1" t="s">
        <v>10</v>
      </c>
      <c r="G5332" s="1" t="s">
        <v>10</v>
      </c>
      <c r="H5332" s="1" t="s">
        <v>10</v>
      </c>
      <c r="I5332" s="1" t="s">
        <v>17172</v>
      </c>
      <c r="J5332" s="1" t="s">
        <v>17224</v>
      </c>
      <c r="K5332" s="1" t="s">
        <v>113</v>
      </c>
      <c r="L5332" s="1" t="s">
        <v>18559</v>
      </c>
      <c r="M5332" s="1" t="s">
        <v>5</v>
      </c>
      <c r="N5332" s="1" t="s">
        <v>6</v>
      </c>
      <c r="O5332" s="1" t="s">
        <v>38</v>
      </c>
      <c r="P5332" s="5" t="s">
        <v>31935</v>
      </c>
    </row>
    <row r="5333" spans="1:16" x14ac:dyDescent="0.2">
      <c r="A5333" s="1" t="s">
        <v>42</v>
      </c>
      <c r="B5333" s="1" t="s">
        <v>118</v>
      </c>
      <c r="C5333" s="1" t="s">
        <v>18564</v>
      </c>
      <c r="D5333" s="1" t="s">
        <v>3059</v>
      </c>
      <c r="E5333" s="1" t="s">
        <v>18565</v>
      </c>
      <c r="F5333" s="1" t="s">
        <v>10</v>
      </c>
      <c r="G5333" s="1" t="s">
        <v>10</v>
      </c>
      <c r="H5333" s="1" t="s">
        <v>10</v>
      </c>
      <c r="I5333" s="1" t="s">
        <v>17172</v>
      </c>
      <c r="J5333" s="1" t="s">
        <v>17224</v>
      </c>
      <c r="K5333" s="1" t="s">
        <v>113</v>
      </c>
      <c r="L5333" s="1" t="s">
        <v>18563</v>
      </c>
      <c r="M5333" s="1" t="s">
        <v>5</v>
      </c>
      <c r="N5333" s="1" t="s">
        <v>10</v>
      </c>
      <c r="O5333" s="1" t="s">
        <v>38</v>
      </c>
      <c r="P5333" s="5" t="s">
        <v>31936</v>
      </c>
    </row>
    <row r="5334" spans="1:16" x14ac:dyDescent="0.2">
      <c r="A5334" s="1" t="s">
        <v>66</v>
      </c>
      <c r="B5334" s="1" t="s">
        <v>67</v>
      </c>
      <c r="C5334" s="1" t="s">
        <v>18567</v>
      </c>
      <c r="D5334" s="1" t="s">
        <v>18568</v>
      </c>
      <c r="E5334" s="1" t="s">
        <v>18569</v>
      </c>
      <c r="F5334" s="1" t="s">
        <v>10</v>
      </c>
      <c r="G5334" s="1" t="s">
        <v>10</v>
      </c>
      <c r="H5334" s="1" t="s">
        <v>10</v>
      </c>
      <c r="I5334" s="1" t="s">
        <v>17172</v>
      </c>
      <c r="J5334" s="1" t="s">
        <v>17224</v>
      </c>
      <c r="K5334" s="1" t="s">
        <v>113</v>
      </c>
      <c r="L5334" s="1" t="s">
        <v>18566</v>
      </c>
      <c r="M5334" s="1" t="s">
        <v>5</v>
      </c>
      <c r="N5334" s="1" t="s">
        <v>6</v>
      </c>
      <c r="O5334" s="1" t="s">
        <v>38</v>
      </c>
      <c r="P5334" s="5" t="s">
        <v>30563</v>
      </c>
    </row>
    <row r="5335" spans="1:16" x14ac:dyDescent="0.2">
      <c r="A5335" s="1" t="s">
        <v>66</v>
      </c>
      <c r="B5335" s="1" t="s">
        <v>212</v>
      </c>
      <c r="C5335" s="1" t="s">
        <v>18571</v>
      </c>
      <c r="D5335" s="1" t="s">
        <v>18572</v>
      </c>
      <c r="E5335" s="1" t="s">
        <v>18573</v>
      </c>
      <c r="F5335" s="1" t="s">
        <v>10</v>
      </c>
      <c r="G5335" s="1" t="s">
        <v>10</v>
      </c>
      <c r="H5335" s="1" t="s">
        <v>10</v>
      </c>
      <c r="I5335" s="1" t="s">
        <v>17172</v>
      </c>
      <c r="J5335" s="1" t="s">
        <v>17224</v>
      </c>
      <c r="K5335" s="1" t="s">
        <v>113</v>
      </c>
      <c r="L5335" s="1" t="s">
        <v>18570</v>
      </c>
      <c r="M5335" s="1" t="s">
        <v>5</v>
      </c>
      <c r="N5335" s="1" t="s">
        <v>6</v>
      </c>
      <c r="O5335" s="1" t="s">
        <v>38</v>
      </c>
      <c r="P5335" s="5" t="s">
        <v>31937</v>
      </c>
    </row>
    <row r="5336" spans="1:16" x14ac:dyDescent="0.2">
      <c r="A5336" s="1" t="s">
        <v>66</v>
      </c>
      <c r="B5336" s="1" t="s">
        <v>67</v>
      </c>
      <c r="C5336" s="1" t="s">
        <v>18575</v>
      </c>
      <c r="D5336" s="1" t="s">
        <v>3961</v>
      </c>
      <c r="E5336" s="1" t="s">
        <v>18576</v>
      </c>
      <c r="F5336" s="1" t="s">
        <v>10</v>
      </c>
      <c r="G5336" s="1" t="s">
        <v>10</v>
      </c>
      <c r="H5336" s="1" t="s">
        <v>10</v>
      </c>
      <c r="I5336" s="1" t="s">
        <v>17172</v>
      </c>
      <c r="J5336" s="1" t="s">
        <v>17224</v>
      </c>
      <c r="K5336" s="1" t="s">
        <v>113</v>
      </c>
      <c r="L5336" s="1" t="s">
        <v>18574</v>
      </c>
      <c r="M5336" s="1" t="s">
        <v>5</v>
      </c>
      <c r="N5336" s="1" t="s">
        <v>6</v>
      </c>
      <c r="O5336" s="1" t="s">
        <v>38</v>
      </c>
      <c r="P5336" s="5" t="s">
        <v>30564</v>
      </c>
    </row>
    <row r="5337" spans="1:16" x14ac:dyDescent="0.2">
      <c r="A5337" s="1" t="s">
        <v>66</v>
      </c>
      <c r="B5337" s="1" t="s">
        <v>67</v>
      </c>
      <c r="C5337" s="1" t="s">
        <v>18578</v>
      </c>
      <c r="D5337" s="1" t="s">
        <v>18579</v>
      </c>
      <c r="E5337" s="1" t="s">
        <v>18580</v>
      </c>
      <c r="F5337" s="1" t="s">
        <v>10</v>
      </c>
      <c r="G5337" s="1" t="s">
        <v>10</v>
      </c>
      <c r="H5337" s="1" t="s">
        <v>10</v>
      </c>
      <c r="I5337" s="1" t="s">
        <v>17172</v>
      </c>
      <c r="J5337" s="1" t="s">
        <v>17214</v>
      </c>
      <c r="K5337" s="1" t="s">
        <v>47</v>
      </c>
      <c r="L5337" s="1" t="s">
        <v>18577</v>
      </c>
      <c r="M5337" s="1" t="s">
        <v>5</v>
      </c>
      <c r="N5337" s="1" t="s">
        <v>10</v>
      </c>
      <c r="O5337" s="1" t="s">
        <v>38</v>
      </c>
      <c r="P5337" s="5" t="s">
        <v>30565</v>
      </c>
    </row>
    <row r="5338" spans="1:16" x14ac:dyDescent="0.2">
      <c r="A5338" s="1" t="s">
        <v>10</v>
      </c>
      <c r="B5338" s="1" t="s">
        <v>10</v>
      </c>
      <c r="C5338" s="1" t="s">
        <v>18582</v>
      </c>
      <c r="D5338" s="1" t="s">
        <v>18583</v>
      </c>
      <c r="E5338" s="1"/>
      <c r="F5338" s="1" t="s">
        <v>10</v>
      </c>
      <c r="G5338" s="1" t="s">
        <v>10</v>
      </c>
      <c r="H5338" s="1" t="s">
        <v>10</v>
      </c>
      <c r="I5338" s="1" t="s">
        <v>17172</v>
      </c>
      <c r="J5338" s="1" t="s">
        <v>17176</v>
      </c>
      <c r="K5338" s="1" t="s">
        <v>47</v>
      </c>
      <c r="L5338" s="1" t="s">
        <v>18581</v>
      </c>
      <c r="M5338" s="1" t="s">
        <v>5</v>
      </c>
      <c r="N5338" s="1" t="s">
        <v>10</v>
      </c>
      <c r="O5338" s="1" t="s">
        <v>38</v>
      </c>
      <c r="P5338" s="5" t="s">
        <v>30566</v>
      </c>
    </row>
    <row r="5339" spans="1:16" x14ac:dyDescent="0.2">
      <c r="A5339" s="1" t="s">
        <v>66</v>
      </c>
      <c r="B5339" s="1" t="s">
        <v>276</v>
      </c>
      <c r="C5339" s="1" t="s">
        <v>18585</v>
      </c>
      <c r="D5339" s="1" t="s">
        <v>18586</v>
      </c>
      <c r="E5339" s="1" t="s">
        <v>18587</v>
      </c>
      <c r="F5339" s="1" t="s">
        <v>10</v>
      </c>
      <c r="G5339" s="1" t="s">
        <v>10</v>
      </c>
      <c r="H5339" s="1" t="s">
        <v>10</v>
      </c>
      <c r="I5339" s="1" t="s">
        <v>17172</v>
      </c>
      <c r="J5339" s="1" t="s">
        <v>17224</v>
      </c>
      <c r="K5339" s="1" t="s">
        <v>113</v>
      </c>
      <c r="L5339" s="1" t="s">
        <v>18584</v>
      </c>
      <c r="M5339" s="1" t="s">
        <v>5</v>
      </c>
      <c r="N5339" s="1" t="s">
        <v>25</v>
      </c>
      <c r="O5339" s="1" t="s">
        <v>38</v>
      </c>
      <c r="P5339" s="5" t="s">
        <v>30567</v>
      </c>
    </row>
    <row r="5340" spans="1:16" x14ac:dyDescent="0.2">
      <c r="A5340" s="1" t="s">
        <v>66</v>
      </c>
      <c r="B5340" s="1" t="s">
        <v>67</v>
      </c>
      <c r="C5340" s="1" t="s">
        <v>18589</v>
      </c>
      <c r="D5340" s="1" t="s">
        <v>18590</v>
      </c>
      <c r="E5340" s="1" t="s">
        <v>18591</v>
      </c>
      <c r="F5340" s="1" t="s">
        <v>10</v>
      </c>
      <c r="G5340" s="1" t="s">
        <v>10</v>
      </c>
      <c r="H5340" s="1" t="s">
        <v>10</v>
      </c>
      <c r="I5340" s="1" t="s">
        <v>17172</v>
      </c>
      <c r="J5340" s="1" t="s">
        <v>17224</v>
      </c>
      <c r="K5340" s="1" t="s">
        <v>113</v>
      </c>
      <c r="L5340" s="1" t="s">
        <v>18588</v>
      </c>
      <c r="M5340" s="1" t="s">
        <v>5</v>
      </c>
      <c r="N5340" s="1" t="s">
        <v>6</v>
      </c>
      <c r="O5340" s="1" t="s">
        <v>38</v>
      </c>
      <c r="P5340" s="5" t="s">
        <v>31938</v>
      </c>
    </row>
    <row r="5341" spans="1:16" x14ac:dyDescent="0.2">
      <c r="A5341" s="1" t="s">
        <v>66</v>
      </c>
      <c r="B5341" s="1" t="s">
        <v>212</v>
      </c>
      <c r="C5341" s="1" t="s">
        <v>18593</v>
      </c>
      <c r="D5341" s="1" t="s">
        <v>18594</v>
      </c>
      <c r="E5341" s="1" t="s">
        <v>18595</v>
      </c>
      <c r="F5341" s="1" t="s">
        <v>10</v>
      </c>
      <c r="G5341" s="1" t="s">
        <v>10</v>
      </c>
      <c r="H5341" s="1" t="s">
        <v>10</v>
      </c>
      <c r="I5341" s="1" t="s">
        <v>17172</v>
      </c>
      <c r="J5341" s="1" t="s">
        <v>17224</v>
      </c>
      <c r="K5341" s="1" t="s">
        <v>7</v>
      </c>
      <c r="L5341" s="1" t="s">
        <v>18592</v>
      </c>
      <c r="M5341" s="1" t="s">
        <v>5</v>
      </c>
      <c r="N5341" s="1" t="s">
        <v>6</v>
      </c>
      <c r="O5341" s="1" t="s">
        <v>38</v>
      </c>
      <c r="P5341" s="5" t="s">
        <v>31936</v>
      </c>
    </row>
    <row r="5342" spans="1:16" x14ac:dyDescent="0.2">
      <c r="A5342" s="1" t="s">
        <v>20</v>
      </c>
      <c r="B5342" s="1" t="s">
        <v>445</v>
      </c>
      <c r="C5342" s="1" t="s">
        <v>18597</v>
      </c>
      <c r="D5342" s="1" t="s">
        <v>18598</v>
      </c>
      <c r="E5342" s="1" t="s">
        <v>18599</v>
      </c>
      <c r="F5342" s="1" t="s">
        <v>27</v>
      </c>
      <c r="G5342" s="1" t="s">
        <v>10</v>
      </c>
      <c r="H5342" s="1" t="s">
        <v>10</v>
      </c>
      <c r="I5342" s="1" t="s">
        <v>17172</v>
      </c>
      <c r="J5342" s="1" t="s">
        <v>17224</v>
      </c>
      <c r="K5342" s="1" t="s">
        <v>113</v>
      </c>
      <c r="L5342" s="1" t="s">
        <v>18596</v>
      </c>
      <c r="M5342" s="1" t="s">
        <v>5</v>
      </c>
      <c r="N5342" s="1" t="s">
        <v>6</v>
      </c>
      <c r="O5342" s="1" t="s">
        <v>8</v>
      </c>
      <c r="P5342" s="5" t="s">
        <v>31939</v>
      </c>
    </row>
    <row r="5343" spans="1:16" x14ac:dyDescent="0.2">
      <c r="A5343" s="1" t="s">
        <v>20</v>
      </c>
      <c r="B5343" s="1" t="s">
        <v>3530</v>
      </c>
      <c r="C5343" s="1" t="s">
        <v>18601</v>
      </c>
      <c r="D5343" s="1" t="s">
        <v>18602</v>
      </c>
      <c r="E5343" s="1" t="s">
        <v>18603</v>
      </c>
      <c r="F5343" s="1" t="s">
        <v>27</v>
      </c>
      <c r="G5343" s="1" t="s">
        <v>10</v>
      </c>
      <c r="H5343" s="1" t="s">
        <v>10</v>
      </c>
      <c r="I5343" s="1" t="s">
        <v>17172</v>
      </c>
      <c r="J5343" s="1" t="s">
        <v>17224</v>
      </c>
      <c r="K5343" s="1" t="s">
        <v>113</v>
      </c>
      <c r="L5343" s="1" t="s">
        <v>18600</v>
      </c>
      <c r="M5343" s="1" t="s">
        <v>5</v>
      </c>
      <c r="N5343" s="1" t="s">
        <v>6</v>
      </c>
      <c r="O5343" s="1" t="s">
        <v>8</v>
      </c>
      <c r="P5343" s="5" t="s">
        <v>31940</v>
      </c>
    </row>
    <row r="5344" spans="1:16" x14ac:dyDescent="0.2">
      <c r="A5344" s="1" t="s">
        <v>66</v>
      </c>
      <c r="B5344" s="1" t="s">
        <v>212</v>
      </c>
      <c r="C5344" s="1" t="s">
        <v>18605</v>
      </c>
      <c r="D5344" s="1" t="s">
        <v>18606</v>
      </c>
      <c r="E5344" s="1" t="s">
        <v>18607</v>
      </c>
      <c r="F5344" s="1" t="s">
        <v>10</v>
      </c>
      <c r="G5344" s="1" t="s">
        <v>10</v>
      </c>
      <c r="H5344" s="1" t="s">
        <v>10</v>
      </c>
      <c r="I5344" s="1" t="s">
        <v>17172</v>
      </c>
      <c r="J5344" s="1" t="s">
        <v>17224</v>
      </c>
      <c r="K5344" s="1" t="s">
        <v>113</v>
      </c>
      <c r="L5344" s="1" t="s">
        <v>18604</v>
      </c>
      <c r="M5344" s="1" t="s">
        <v>5</v>
      </c>
      <c r="N5344" s="1" t="s">
        <v>6</v>
      </c>
      <c r="O5344" s="1" t="s">
        <v>38</v>
      </c>
      <c r="P5344" s="5" t="s">
        <v>30568</v>
      </c>
    </row>
    <row r="5345" spans="1:16" x14ac:dyDescent="0.2">
      <c r="A5345" s="1" t="s">
        <v>66</v>
      </c>
      <c r="B5345" s="1" t="s">
        <v>67</v>
      </c>
      <c r="C5345" s="1" t="s">
        <v>18609</v>
      </c>
      <c r="D5345" s="1" t="s">
        <v>18610</v>
      </c>
      <c r="E5345" s="1" t="s">
        <v>18611</v>
      </c>
      <c r="F5345" s="1" t="s">
        <v>10</v>
      </c>
      <c r="G5345" s="1" t="s">
        <v>10</v>
      </c>
      <c r="H5345" s="1" t="s">
        <v>10</v>
      </c>
      <c r="I5345" s="1" t="s">
        <v>17172</v>
      </c>
      <c r="J5345" s="1" t="s">
        <v>17224</v>
      </c>
      <c r="K5345" s="1" t="s">
        <v>113</v>
      </c>
      <c r="L5345" s="1" t="s">
        <v>18608</v>
      </c>
      <c r="M5345" s="1" t="s">
        <v>5</v>
      </c>
      <c r="N5345" s="1" t="s">
        <v>6</v>
      </c>
      <c r="O5345" s="1" t="s">
        <v>38</v>
      </c>
      <c r="P5345" s="5" t="s">
        <v>31554</v>
      </c>
    </row>
    <row r="5346" spans="1:16" x14ac:dyDescent="0.2">
      <c r="A5346" s="1" t="s">
        <v>10</v>
      </c>
      <c r="B5346" s="1" t="s">
        <v>10</v>
      </c>
      <c r="C5346" s="1" t="s">
        <v>18613</v>
      </c>
      <c r="D5346" s="1" t="s">
        <v>18614</v>
      </c>
      <c r="E5346" s="1" t="s">
        <v>18615</v>
      </c>
      <c r="F5346" s="1" t="s">
        <v>10</v>
      </c>
      <c r="G5346" s="1" t="s">
        <v>10</v>
      </c>
      <c r="H5346" s="1" t="s">
        <v>10</v>
      </c>
      <c r="I5346" s="1" t="s">
        <v>17172</v>
      </c>
      <c r="J5346" s="1" t="s">
        <v>17333</v>
      </c>
      <c r="K5346" s="1" t="s">
        <v>113</v>
      </c>
      <c r="L5346" s="1" t="s">
        <v>18612</v>
      </c>
      <c r="M5346" s="1" t="s">
        <v>5</v>
      </c>
      <c r="N5346" s="1" t="s">
        <v>10</v>
      </c>
      <c r="O5346" s="1" t="s">
        <v>38</v>
      </c>
      <c r="P5346" s="5" t="s">
        <v>31941</v>
      </c>
    </row>
    <row r="5347" spans="1:16" x14ac:dyDescent="0.2">
      <c r="A5347" s="1" t="s">
        <v>329</v>
      </c>
      <c r="B5347" s="1" t="s">
        <v>2120</v>
      </c>
      <c r="C5347" s="1" t="s">
        <v>18617</v>
      </c>
      <c r="D5347" s="1" t="s">
        <v>18618</v>
      </c>
      <c r="E5347" s="1" t="s">
        <v>18619</v>
      </c>
      <c r="F5347" s="1" t="s">
        <v>10</v>
      </c>
      <c r="G5347" s="1" t="s">
        <v>10</v>
      </c>
      <c r="H5347" s="1" t="s">
        <v>10</v>
      </c>
      <c r="I5347" s="1" t="s">
        <v>17172</v>
      </c>
      <c r="J5347" s="1" t="s">
        <v>17329</v>
      </c>
      <c r="K5347" s="1" t="s">
        <v>113</v>
      </c>
      <c r="L5347" s="1" t="s">
        <v>18616</v>
      </c>
      <c r="M5347" s="1" t="s">
        <v>5</v>
      </c>
      <c r="N5347" s="1" t="s">
        <v>10</v>
      </c>
      <c r="O5347" s="1" t="s">
        <v>38</v>
      </c>
      <c r="P5347" s="5" t="s">
        <v>31942</v>
      </c>
    </row>
    <row r="5348" spans="1:16" ht="25.5" x14ac:dyDescent="0.2">
      <c r="A5348" s="1" t="s">
        <v>66</v>
      </c>
      <c r="B5348" s="1" t="s">
        <v>574</v>
      </c>
      <c r="C5348" s="1" t="s">
        <v>18621</v>
      </c>
      <c r="D5348" s="1" t="s">
        <v>18622</v>
      </c>
      <c r="E5348" s="1" t="s">
        <v>18623</v>
      </c>
      <c r="F5348" s="1" t="s">
        <v>10</v>
      </c>
      <c r="G5348" s="1" t="s">
        <v>10</v>
      </c>
      <c r="H5348" s="1" t="s">
        <v>10</v>
      </c>
      <c r="I5348" s="1" t="s">
        <v>17172</v>
      </c>
      <c r="J5348" s="1" t="s">
        <v>17224</v>
      </c>
      <c r="K5348" s="1" t="s">
        <v>113</v>
      </c>
      <c r="L5348" s="1" t="s">
        <v>18620</v>
      </c>
      <c r="M5348" s="1" t="s">
        <v>5</v>
      </c>
      <c r="N5348" s="1" t="s">
        <v>25</v>
      </c>
      <c r="O5348" s="1" t="s">
        <v>38</v>
      </c>
      <c r="P5348" s="9" t="s">
        <v>31943</v>
      </c>
    </row>
    <row r="5349" spans="1:16" x14ac:dyDescent="0.2">
      <c r="A5349" s="1" t="s">
        <v>10</v>
      </c>
      <c r="B5349" s="1" t="s">
        <v>10</v>
      </c>
      <c r="C5349" s="1" t="s">
        <v>18625</v>
      </c>
      <c r="D5349" s="1" t="s">
        <v>11932</v>
      </c>
      <c r="E5349" s="1" t="s">
        <v>18626</v>
      </c>
      <c r="F5349" s="1" t="s">
        <v>10</v>
      </c>
      <c r="G5349" s="1" t="s">
        <v>10</v>
      </c>
      <c r="H5349" s="1" t="s">
        <v>10</v>
      </c>
      <c r="I5349" s="1" t="s">
        <v>17172</v>
      </c>
      <c r="J5349" s="1" t="s">
        <v>17251</v>
      </c>
      <c r="K5349" s="1" t="s">
        <v>113</v>
      </c>
      <c r="L5349" s="1" t="s">
        <v>18624</v>
      </c>
      <c r="M5349" s="1" t="s">
        <v>5</v>
      </c>
      <c r="N5349" s="1" t="s">
        <v>10</v>
      </c>
      <c r="O5349" s="1" t="s">
        <v>38</v>
      </c>
      <c r="P5349" s="5" t="s">
        <v>30569</v>
      </c>
    </row>
    <row r="5350" spans="1:16" x14ac:dyDescent="0.2">
      <c r="A5350" s="1" t="s">
        <v>66</v>
      </c>
      <c r="B5350" s="1" t="s">
        <v>67</v>
      </c>
      <c r="C5350" s="1" t="s">
        <v>18628</v>
      </c>
      <c r="D5350" s="1" t="s">
        <v>8051</v>
      </c>
      <c r="E5350" s="1" t="s">
        <v>18629</v>
      </c>
      <c r="F5350" s="1" t="s">
        <v>10</v>
      </c>
      <c r="G5350" s="1" t="s">
        <v>10</v>
      </c>
      <c r="H5350" s="1" t="s">
        <v>10</v>
      </c>
      <c r="I5350" s="1" t="s">
        <v>17172</v>
      </c>
      <c r="J5350" s="1" t="s">
        <v>17224</v>
      </c>
      <c r="K5350" s="1" t="s">
        <v>7</v>
      </c>
      <c r="L5350" s="1" t="s">
        <v>18627</v>
      </c>
      <c r="M5350" s="1" t="s">
        <v>5</v>
      </c>
      <c r="N5350" s="1" t="s">
        <v>6</v>
      </c>
      <c r="O5350" s="1" t="s">
        <v>38</v>
      </c>
      <c r="P5350" s="5" t="s">
        <v>30570</v>
      </c>
    </row>
    <row r="5351" spans="1:16" x14ac:dyDescent="0.2">
      <c r="A5351" s="1" t="s">
        <v>66</v>
      </c>
      <c r="B5351" s="1" t="s">
        <v>67</v>
      </c>
      <c r="C5351" s="1" t="s">
        <v>18631</v>
      </c>
      <c r="D5351" s="1" t="s">
        <v>18632</v>
      </c>
      <c r="E5351" s="1" t="s">
        <v>18633</v>
      </c>
      <c r="F5351" s="1" t="s">
        <v>10</v>
      </c>
      <c r="G5351" s="1" t="s">
        <v>10</v>
      </c>
      <c r="H5351" s="1" t="s">
        <v>10</v>
      </c>
      <c r="I5351" s="1" t="s">
        <v>17172</v>
      </c>
      <c r="J5351" s="1" t="s">
        <v>17224</v>
      </c>
      <c r="K5351" s="1" t="s">
        <v>113</v>
      </c>
      <c r="L5351" s="1" t="s">
        <v>18630</v>
      </c>
      <c r="M5351" s="1" t="s">
        <v>5</v>
      </c>
      <c r="N5351" s="1" t="s">
        <v>25</v>
      </c>
      <c r="O5351" s="1" t="s">
        <v>38</v>
      </c>
      <c r="P5351" s="5" t="s">
        <v>31944</v>
      </c>
    </row>
    <row r="5352" spans="1:16" x14ac:dyDescent="0.2">
      <c r="A5352" s="1" t="s">
        <v>66</v>
      </c>
      <c r="B5352" s="1" t="s">
        <v>67</v>
      </c>
      <c r="C5352" s="1" t="s">
        <v>18635</v>
      </c>
      <c r="D5352" s="1" t="s">
        <v>18636</v>
      </c>
      <c r="E5352" s="1" t="s">
        <v>18637</v>
      </c>
      <c r="F5352" s="1" t="s">
        <v>10</v>
      </c>
      <c r="G5352" s="1" t="s">
        <v>10</v>
      </c>
      <c r="H5352" s="1" t="s">
        <v>10</v>
      </c>
      <c r="I5352" s="1" t="s">
        <v>17172</v>
      </c>
      <c r="J5352" s="1" t="s">
        <v>17224</v>
      </c>
      <c r="K5352" s="1" t="s">
        <v>7</v>
      </c>
      <c r="L5352" s="1" t="s">
        <v>18634</v>
      </c>
      <c r="M5352" s="1" t="s">
        <v>5</v>
      </c>
      <c r="N5352" s="1" t="s">
        <v>25</v>
      </c>
      <c r="O5352" s="1" t="s">
        <v>38</v>
      </c>
      <c r="P5352" s="5" t="s">
        <v>31945</v>
      </c>
    </row>
    <row r="5353" spans="1:16" x14ac:dyDescent="0.2">
      <c r="A5353" s="1" t="s">
        <v>32</v>
      </c>
      <c r="B5353" s="1" t="s">
        <v>33</v>
      </c>
      <c r="C5353" s="1" t="s">
        <v>18639</v>
      </c>
      <c r="D5353" s="1" t="s">
        <v>18640</v>
      </c>
      <c r="E5353" s="1" t="s">
        <v>18641</v>
      </c>
      <c r="F5353" s="1" t="s">
        <v>10</v>
      </c>
      <c r="G5353" s="1" t="s">
        <v>10</v>
      </c>
      <c r="H5353" s="1" t="s">
        <v>10</v>
      </c>
      <c r="I5353" s="1" t="s">
        <v>17172</v>
      </c>
      <c r="J5353" s="1" t="s">
        <v>17224</v>
      </c>
      <c r="K5353" s="1" t="s">
        <v>113</v>
      </c>
      <c r="L5353" s="1" t="s">
        <v>18638</v>
      </c>
      <c r="M5353" s="1" t="s">
        <v>5</v>
      </c>
      <c r="N5353" s="1" t="s">
        <v>6</v>
      </c>
      <c r="O5353" s="1" t="s">
        <v>38</v>
      </c>
      <c r="P5353" s="5" t="s">
        <v>30571</v>
      </c>
    </row>
    <row r="5354" spans="1:16" x14ac:dyDescent="0.2">
      <c r="A5354" s="1" t="s">
        <v>10</v>
      </c>
      <c r="B5354" s="1" t="s">
        <v>10</v>
      </c>
      <c r="C5354" s="1" t="s">
        <v>18643</v>
      </c>
      <c r="D5354" s="1" t="s">
        <v>18644</v>
      </c>
      <c r="E5354" s="1" t="s">
        <v>18645</v>
      </c>
      <c r="F5354" s="1" t="s">
        <v>10</v>
      </c>
      <c r="G5354" s="1" t="s">
        <v>10</v>
      </c>
      <c r="H5354" s="1" t="s">
        <v>10</v>
      </c>
      <c r="I5354" s="1" t="s">
        <v>17172</v>
      </c>
      <c r="J5354" s="1" t="s">
        <v>17251</v>
      </c>
      <c r="K5354" s="1" t="s">
        <v>586</v>
      </c>
      <c r="L5354" s="1" t="s">
        <v>18642</v>
      </c>
      <c r="M5354" s="1" t="s">
        <v>5</v>
      </c>
      <c r="N5354" s="1" t="s">
        <v>10</v>
      </c>
      <c r="O5354" s="1" t="s">
        <v>38</v>
      </c>
      <c r="P5354" s="5" t="s">
        <v>30572</v>
      </c>
    </row>
    <row r="5355" spans="1:16" x14ac:dyDescent="0.2">
      <c r="A5355" s="1" t="s">
        <v>10</v>
      </c>
      <c r="B5355" s="1" t="s">
        <v>10</v>
      </c>
      <c r="C5355" s="1" t="s">
        <v>18647</v>
      </c>
      <c r="D5355" s="1" t="s">
        <v>10</v>
      </c>
      <c r="E5355" s="1" t="s">
        <v>18648</v>
      </c>
      <c r="F5355" s="1" t="s">
        <v>10</v>
      </c>
      <c r="G5355" s="1" t="s">
        <v>10</v>
      </c>
      <c r="H5355" s="1" t="s">
        <v>10</v>
      </c>
      <c r="I5355" s="1" t="s">
        <v>17172</v>
      </c>
      <c r="J5355" s="1" t="s">
        <v>17176</v>
      </c>
      <c r="K5355" s="1" t="s">
        <v>47</v>
      </c>
      <c r="L5355" s="1" t="s">
        <v>18646</v>
      </c>
      <c r="M5355" s="1" t="s">
        <v>5</v>
      </c>
      <c r="N5355" s="1" t="s">
        <v>10</v>
      </c>
      <c r="O5355" s="1" t="s">
        <v>38</v>
      </c>
      <c r="P5355" s="5" t="s">
        <v>10</v>
      </c>
    </row>
    <row r="5356" spans="1:16" x14ac:dyDescent="0.2">
      <c r="A5356" s="1" t="s">
        <v>10</v>
      </c>
      <c r="B5356" s="1" t="s">
        <v>10</v>
      </c>
      <c r="C5356" s="1" t="s">
        <v>18650</v>
      </c>
      <c r="D5356" s="1" t="s">
        <v>18651</v>
      </c>
      <c r="E5356" s="1" t="s">
        <v>18652</v>
      </c>
      <c r="F5356" s="1" t="s">
        <v>10</v>
      </c>
      <c r="G5356" s="1" t="s">
        <v>10</v>
      </c>
      <c r="H5356" s="1" t="s">
        <v>10</v>
      </c>
      <c r="I5356" s="1" t="s">
        <v>17172</v>
      </c>
      <c r="J5356" s="1" t="s">
        <v>17343</v>
      </c>
      <c r="K5356" s="1" t="s">
        <v>586</v>
      </c>
      <c r="L5356" s="1" t="s">
        <v>18649</v>
      </c>
      <c r="M5356" s="1" t="s">
        <v>5</v>
      </c>
      <c r="N5356" s="1" t="s">
        <v>10</v>
      </c>
      <c r="O5356" s="1" t="s">
        <v>38</v>
      </c>
      <c r="P5356" s="5" t="s">
        <v>10</v>
      </c>
    </row>
    <row r="5357" spans="1:16" x14ac:dyDescent="0.2">
      <c r="A5357" s="1" t="s">
        <v>20</v>
      </c>
      <c r="B5357" s="1" t="s">
        <v>445</v>
      </c>
      <c r="C5357" s="1" t="s">
        <v>18654</v>
      </c>
      <c r="D5357" s="1" t="s">
        <v>18655</v>
      </c>
      <c r="E5357" s="1" t="s">
        <v>18656</v>
      </c>
      <c r="F5357" s="1" t="s">
        <v>10</v>
      </c>
      <c r="G5357" s="1" t="s">
        <v>10</v>
      </c>
      <c r="H5357" s="1" t="s">
        <v>10</v>
      </c>
      <c r="I5357" s="1" t="s">
        <v>17172</v>
      </c>
      <c r="J5357" s="1" t="s">
        <v>17176</v>
      </c>
      <c r="K5357" s="1" t="s">
        <v>7</v>
      </c>
      <c r="L5357" s="1" t="s">
        <v>18653</v>
      </c>
      <c r="M5357" s="1" t="s">
        <v>5</v>
      </c>
      <c r="N5357" s="1" t="s">
        <v>10</v>
      </c>
      <c r="O5357" s="1" t="s">
        <v>38</v>
      </c>
      <c r="P5357" s="5" t="s">
        <v>30573</v>
      </c>
    </row>
    <row r="5358" spans="1:16" x14ac:dyDescent="0.2">
      <c r="A5358" s="1" t="s">
        <v>10</v>
      </c>
      <c r="B5358" s="1" t="s">
        <v>10</v>
      </c>
      <c r="C5358" s="1" t="s">
        <v>18658</v>
      </c>
      <c r="D5358" s="1" t="s">
        <v>10</v>
      </c>
      <c r="E5358" s="1" t="s">
        <v>18648</v>
      </c>
      <c r="F5358" s="1" t="s">
        <v>10</v>
      </c>
      <c r="G5358" s="1" t="s">
        <v>10</v>
      </c>
      <c r="H5358" s="1" t="s">
        <v>10</v>
      </c>
      <c r="I5358" s="1" t="s">
        <v>17172</v>
      </c>
      <c r="J5358" s="1" t="s">
        <v>17176</v>
      </c>
      <c r="K5358" s="1" t="s">
        <v>10</v>
      </c>
      <c r="L5358" s="1" t="s">
        <v>18657</v>
      </c>
      <c r="M5358" s="1" t="s">
        <v>5</v>
      </c>
      <c r="N5358" s="1" t="s">
        <v>10</v>
      </c>
      <c r="O5358" s="1" t="s">
        <v>38</v>
      </c>
      <c r="P5358" s="5" t="s">
        <v>29821</v>
      </c>
    </row>
    <row r="5359" spans="1:16" x14ac:dyDescent="0.2">
      <c r="A5359" s="1" t="s">
        <v>10</v>
      </c>
      <c r="B5359" s="1" t="s">
        <v>10</v>
      </c>
      <c r="C5359" s="1" t="s">
        <v>18660</v>
      </c>
      <c r="D5359" s="1" t="s">
        <v>10</v>
      </c>
      <c r="E5359" s="1" t="s">
        <v>18648</v>
      </c>
      <c r="F5359" s="1" t="s">
        <v>10</v>
      </c>
      <c r="G5359" s="1" t="s">
        <v>10</v>
      </c>
      <c r="H5359" s="1" t="s">
        <v>10</v>
      </c>
      <c r="I5359" s="1" t="s">
        <v>17172</v>
      </c>
      <c r="J5359" s="1" t="s">
        <v>17176</v>
      </c>
      <c r="K5359" s="1" t="s">
        <v>47</v>
      </c>
      <c r="L5359" s="1" t="s">
        <v>18659</v>
      </c>
      <c r="M5359" s="1" t="s">
        <v>5</v>
      </c>
      <c r="N5359" s="1" t="s">
        <v>10</v>
      </c>
      <c r="O5359" s="1" t="s">
        <v>8</v>
      </c>
      <c r="P5359" s="5" t="s">
        <v>10</v>
      </c>
    </row>
    <row r="5360" spans="1:16" x14ac:dyDescent="0.2">
      <c r="A5360" s="1" t="s">
        <v>10</v>
      </c>
      <c r="B5360" s="1" t="s">
        <v>10</v>
      </c>
      <c r="C5360" s="1" t="s">
        <v>18662</v>
      </c>
      <c r="D5360" s="1" t="s">
        <v>10</v>
      </c>
      <c r="E5360" s="1" t="s">
        <v>18648</v>
      </c>
      <c r="F5360" s="1" t="s">
        <v>10</v>
      </c>
      <c r="G5360" s="1" t="s">
        <v>10</v>
      </c>
      <c r="H5360" s="1" t="s">
        <v>10</v>
      </c>
      <c r="I5360" s="1" t="s">
        <v>17172</v>
      </c>
      <c r="J5360" s="1" t="s">
        <v>17176</v>
      </c>
      <c r="K5360" s="1" t="s">
        <v>10</v>
      </c>
      <c r="L5360" s="1" t="s">
        <v>18661</v>
      </c>
      <c r="M5360" s="1" t="s">
        <v>5</v>
      </c>
      <c r="N5360" s="1" t="s">
        <v>10</v>
      </c>
      <c r="O5360" s="1" t="s">
        <v>38</v>
      </c>
      <c r="P5360" s="5" t="s">
        <v>29821</v>
      </c>
    </row>
    <row r="5361" spans="1:16" x14ac:dyDescent="0.2">
      <c r="A5361" s="1" t="s">
        <v>20</v>
      </c>
      <c r="B5361" s="1" t="s">
        <v>4373</v>
      </c>
      <c r="C5361" s="1" t="s">
        <v>18664</v>
      </c>
      <c r="D5361" s="1" t="s">
        <v>18664</v>
      </c>
      <c r="E5361" s="1" t="s">
        <v>18666</v>
      </c>
      <c r="F5361" s="1" t="s">
        <v>10</v>
      </c>
      <c r="G5361" s="1" t="s">
        <v>10</v>
      </c>
      <c r="H5361" s="1" t="s">
        <v>10</v>
      </c>
      <c r="I5361" s="1" t="s">
        <v>17172</v>
      </c>
      <c r="J5361" s="1" t="s">
        <v>18665</v>
      </c>
      <c r="K5361" s="1" t="s">
        <v>7</v>
      </c>
      <c r="L5361" s="1" t="s">
        <v>18663</v>
      </c>
      <c r="M5361" s="1" t="s">
        <v>5</v>
      </c>
      <c r="N5361" s="1" t="s">
        <v>10</v>
      </c>
      <c r="O5361" s="1" t="s">
        <v>38</v>
      </c>
      <c r="P5361" s="5" t="s">
        <v>31946</v>
      </c>
    </row>
    <row r="5362" spans="1:16" x14ac:dyDescent="0.2">
      <c r="A5362" s="1" t="s">
        <v>42</v>
      </c>
      <c r="B5362" s="1" t="s">
        <v>966</v>
      </c>
      <c r="C5362" s="1" t="s">
        <v>18668</v>
      </c>
      <c r="D5362" s="1" t="s">
        <v>7089</v>
      </c>
      <c r="E5362" s="1"/>
      <c r="F5362" s="1" t="s">
        <v>10</v>
      </c>
      <c r="G5362" s="1" t="s">
        <v>10</v>
      </c>
      <c r="H5362" s="1" t="s">
        <v>18670</v>
      </c>
      <c r="I5362" s="1" t="s">
        <v>17172</v>
      </c>
      <c r="J5362" s="1" t="s">
        <v>17251</v>
      </c>
      <c r="K5362" s="1" t="s">
        <v>18669</v>
      </c>
      <c r="L5362" s="1" t="s">
        <v>18667</v>
      </c>
      <c r="M5362" s="1" t="s">
        <v>5</v>
      </c>
      <c r="N5362" s="1" t="s">
        <v>10</v>
      </c>
      <c r="O5362" s="1" t="s">
        <v>8</v>
      </c>
      <c r="P5362" s="5" t="s">
        <v>31794</v>
      </c>
    </row>
    <row r="5363" spans="1:16" x14ac:dyDescent="0.2">
      <c r="A5363" s="1" t="s">
        <v>10</v>
      </c>
      <c r="B5363" s="1" t="s">
        <v>10</v>
      </c>
      <c r="C5363" s="1" t="s">
        <v>18672</v>
      </c>
      <c r="D5363" s="1" t="s">
        <v>10</v>
      </c>
      <c r="E5363" s="1" t="s">
        <v>18673</v>
      </c>
      <c r="F5363" s="1" t="s">
        <v>10</v>
      </c>
      <c r="G5363" s="1" t="s">
        <v>10</v>
      </c>
      <c r="H5363" s="1" t="s">
        <v>18672</v>
      </c>
      <c r="I5363" s="1" t="s">
        <v>17172</v>
      </c>
      <c r="J5363" s="1" t="s">
        <v>10</v>
      </c>
      <c r="K5363" s="1" t="s">
        <v>10</v>
      </c>
      <c r="L5363" s="1" t="s">
        <v>18671</v>
      </c>
      <c r="M5363" s="1" t="s">
        <v>5</v>
      </c>
      <c r="N5363" s="1" t="s">
        <v>10</v>
      </c>
      <c r="O5363" s="1" t="s">
        <v>8</v>
      </c>
      <c r="P5363" s="5" t="s">
        <v>10</v>
      </c>
    </row>
    <row r="5364" spans="1:16" x14ac:dyDescent="0.2">
      <c r="A5364" s="1" t="s">
        <v>194</v>
      </c>
      <c r="B5364" s="1" t="s">
        <v>4492</v>
      </c>
      <c r="C5364" s="1" t="s">
        <v>18675</v>
      </c>
      <c r="D5364" s="1" t="s">
        <v>10</v>
      </c>
      <c r="E5364" s="1" t="s">
        <v>18676</v>
      </c>
      <c r="F5364" s="1" t="s">
        <v>10</v>
      </c>
      <c r="G5364" s="1" t="s">
        <v>10</v>
      </c>
      <c r="H5364" s="1" t="s">
        <v>10</v>
      </c>
      <c r="I5364" s="1" t="s">
        <v>17172</v>
      </c>
      <c r="J5364" s="1" t="s">
        <v>17429</v>
      </c>
      <c r="K5364" s="1" t="s">
        <v>586</v>
      </c>
      <c r="L5364" s="1" t="s">
        <v>18674</v>
      </c>
      <c r="M5364" s="1" t="s">
        <v>5</v>
      </c>
      <c r="N5364" s="1" t="s">
        <v>10</v>
      </c>
      <c r="O5364" s="1" t="s">
        <v>8</v>
      </c>
      <c r="P5364" s="5" t="s">
        <v>18677</v>
      </c>
    </row>
    <row r="5365" spans="1:16" x14ac:dyDescent="0.2">
      <c r="A5365" s="1" t="s">
        <v>194</v>
      </c>
      <c r="B5365" s="1" t="s">
        <v>195</v>
      </c>
      <c r="C5365" s="1" t="s">
        <v>18679</v>
      </c>
      <c r="D5365" s="1" t="s">
        <v>10</v>
      </c>
      <c r="E5365" s="1" t="s">
        <v>18680</v>
      </c>
      <c r="F5365" s="1" t="s">
        <v>10</v>
      </c>
      <c r="G5365" s="1" t="s">
        <v>10</v>
      </c>
      <c r="H5365" s="1" t="s">
        <v>10</v>
      </c>
      <c r="I5365" s="1" t="s">
        <v>17172</v>
      </c>
      <c r="J5365" s="1" t="s">
        <v>17429</v>
      </c>
      <c r="K5365" s="1" t="s">
        <v>586</v>
      </c>
      <c r="L5365" s="1" t="s">
        <v>18678</v>
      </c>
      <c r="M5365" s="1" t="s">
        <v>5</v>
      </c>
      <c r="N5365" s="1" t="s">
        <v>10</v>
      </c>
      <c r="O5365" s="1" t="s">
        <v>8</v>
      </c>
      <c r="P5365" s="5" t="s">
        <v>30574</v>
      </c>
    </row>
    <row r="5366" spans="1:16" x14ac:dyDescent="0.2">
      <c r="A5366" s="1" t="s">
        <v>423</v>
      </c>
      <c r="B5366" s="1" t="s">
        <v>424</v>
      </c>
      <c r="C5366" s="1" t="s">
        <v>18682</v>
      </c>
      <c r="D5366" s="1" t="s">
        <v>10</v>
      </c>
      <c r="E5366" s="1" t="s">
        <v>18683</v>
      </c>
      <c r="F5366" s="1" t="s">
        <v>10</v>
      </c>
      <c r="G5366" s="1" t="s">
        <v>10</v>
      </c>
      <c r="H5366" s="1" t="s">
        <v>18682</v>
      </c>
      <c r="I5366" s="1" t="s">
        <v>17172</v>
      </c>
      <c r="J5366" s="1" t="s">
        <v>18665</v>
      </c>
      <c r="K5366" s="1" t="s">
        <v>64</v>
      </c>
      <c r="L5366" s="1" t="s">
        <v>18681</v>
      </c>
      <c r="M5366" s="1" t="s">
        <v>5</v>
      </c>
      <c r="N5366" s="1" t="s">
        <v>10</v>
      </c>
      <c r="O5366" s="1" t="s">
        <v>8</v>
      </c>
      <c r="P5366" s="5" t="s">
        <v>10</v>
      </c>
    </row>
    <row r="5367" spans="1:16" x14ac:dyDescent="0.2">
      <c r="A5367" s="1" t="s">
        <v>10</v>
      </c>
      <c r="B5367" s="1" t="s">
        <v>10</v>
      </c>
      <c r="C5367" s="1" t="s">
        <v>18685</v>
      </c>
      <c r="D5367" s="1" t="s">
        <v>18686</v>
      </c>
      <c r="E5367" s="1" t="s">
        <v>18687</v>
      </c>
      <c r="F5367" s="1" t="s">
        <v>10</v>
      </c>
      <c r="G5367" s="1" t="s">
        <v>10</v>
      </c>
      <c r="H5367" s="1" t="s">
        <v>10</v>
      </c>
      <c r="I5367" s="1" t="s">
        <v>17172</v>
      </c>
      <c r="J5367" s="1" t="s">
        <v>10</v>
      </c>
      <c r="K5367" s="1" t="s">
        <v>10</v>
      </c>
      <c r="L5367" s="1" t="s">
        <v>18684</v>
      </c>
      <c r="M5367" s="1" t="s">
        <v>5</v>
      </c>
      <c r="N5367" s="1" t="s">
        <v>10</v>
      </c>
      <c r="O5367" s="1" t="s">
        <v>8</v>
      </c>
      <c r="P5367" s="5" t="s">
        <v>10</v>
      </c>
    </row>
    <row r="5368" spans="1:16" x14ac:dyDescent="0.2">
      <c r="A5368" s="1" t="s">
        <v>10</v>
      </c>
      <c r="B5368" s="1" t="s">
        <v>10</v>
      </c>
      <c r="C5368" s="1" t="s">
        <v>18689</v>
      </c>
      <c r="D5368" s="1" t="s">
        <v>18690</v>
      </c>
      <c r="E5368" s="1" t="s">
        <v>18691</v>
      </c>
      <c r="F5368" s="1" t="s">
        <v>10</v>
      </c>
      <c r="G5368" s="1" t="s">
        <v>10</v>
      </c>
      <c r="H5368" s="1" t="s">
        <v>10</v>
      </c>
      <c r="I5368" s="1" t="s">
        <v>17172</v>
      </c>
      <c r="J5368" s="1" t="s">
        <v>10</v>
      </c>
      <c r="K5368" s="1" t="s">
        <v>10</v>
      </c>
      <c r="L5368" s="1" t="s">
        <v>18688</v>
      </c>
      <c r="M5368" s="1" t="s">
        <v>5</v>
      </c>
      <c r="N5368" s="1" t="s">
        <v>10</v>
      </c>
      <c r="O5368" s="1" t="s">
        <v>8</v>
      </c>
      <c r="P5368" s="5" t="s">
        <v>10</v>
      </c>
    </row>
    <row r="5369" spans="1:16" x14ac:dyDescent="0.2">
      <c r="A5369" s="1" t="s">
        <v>10</v>
      </c>
      <c r="B5369" s="1" t="s">
        <v>10</v>
      </c>
      <c r="C5369" s="1" t="s">
        <v>18693</v>
      </c>
      <c r="D5369" s="1" t="s">
        <v>18694</v>
      </c>
      <c r="E5369" s="1" t="s">
        <v>18695</v>
      </c>
      <c r="F5369" s="1" t="s">
        <v>10</v>
      </c>
      <c r="G5369" s="1" t="s">
        <v>10</v>
      </c>
      <c r="H5369" s="1" t="s">
        <v>10</v>
      </c>
      <c r="I5369" s="1" t="s">
        <v>17172</v>
      </c>
      <c r="J5369" s="1" t="s">
        <v>10</v>
      </c>
      <c r="K5369" s="1" t="s">
        <v>10</v>
      </c>
      <c r="L5369" s="1" t="s">
        <v>18692</v>
      </c>
      <c r="M5369" s="1" t="s">
        <v>5</v>
      </c>
      <c r="N5369" s="1" t="s">
        <v>10</v>
      </c>
      <c r="O5369" s="1" t="s">
        <v>8</v>
      </c>
      <c r="P5369" s="5" t="s">
        <v>10</v>
      </c>
    </row>
    <row r="5370" spans="1:16" x14ac:dyDescent="0.2">
      <c r="A5370" s="1" t="s">
        <v>10</v>
      </c>
      <c r="B5370" s="1" t="s">
        <v>10</v>
      </c>
      <c r="C5370" s="1" t="s">
        <v>18697</v>
      </c>
      <c r="D5370" s="1" t="s">
        <v>18698</v>
      </c>
      <c r="E5370" s="1" t="s">
        <v>18699</v>
      </c>
      <c r="F5370" s="1" t="s">
        <v>10</v>
      </c>
      <c r="G5370" s="1" t="s">
        <v>10</v>
      </c>
      <c r="H5370" s="1" t="s">
        <v>10</v>
      </c>
      <c r="I5370" s="1" t="s">
        <v>17172</v>
      </c>
      <c r="J5370" s="1" t="s">
        <v>10</v>
      </c>
      <c r="K5370" s="1" t="s">
        <v>10</v>
      </c>
      <c r="L5370" s="1" t="s">
        <v>18696</v>
      </c>
      <c r="M5370" s="1" t="s">
        <v>5</v>
      </c>
      <c r="N5370" s="1" t="s">
        <v>10</v>
      </c>
      <c r="O5370" s="1" t="s">
        <v>8</v>
      </c>
      <c r="P5370" s="5" t="s">
        <v>10</v>
      </c>
    </row>
    <row r="5371" spans="1:16" x14ac:dyDescent="0.2">
      <c r="A5371" s="1" t="s">
        <v>20</v>
      </c>
      <c r="B5371" s="1" t="s">
        <v>93</v>
      </c>
      <c r="C5371" s="1" t="s">
        <v>18701</v>
      </c>
      <c r="D5371" s="1" t="s">
        <v>2479</v>
      </c>
      <c r="E5371" s="1"/>
      <c r="F5371" s="1" t="s">
        <v>10</v>
      </c>
      <c r="G5371" s="1" t="s">
        <v>10</v>
      </c>
      <c r="H5371" s="1" t="s">
        <v>10</v>
      </c>
      <c r="I5371" s="1" t="s">
        <v>17172</v>
      </c>
      <c r="J5371" s="1" t="s">
        <v>17465</v>
      </c>
      <c r="K5371" s="1" t="s">
        <v>7</v>
      </c>
      <c r="L5371" s="1" t="s">
        <v>18700</v>
      </c>
      <c r="M5371" s="1" t="s">
        <v>5</v>
      </c>
      <c r="N5371" s="1" t="s">
        <v>10</v>
      </c>
      <c r="O5371" s="1" t="s">
        <v>8</v>
      </c>
      <c r="P5371" s="5" t="s">
        <v>30543</v>
      </c>
    </row>
    <row r="5372" spans="1:16" x14ac:dyDescent="0.2">
      <c r="A5372" s="1" t="s">
        <v>42</v>
      </c>
      <c r="B5372" s="1" t="s">
        <v>7648</v>
      </c>
      <c r="C5372" s="1" t="s">
        <v>18703</v>
      </c>
      <c r="D5372" s="1" t="s">
        <v>18704</v>
      </c>
      <c r="E5372" s="1" t="s">
        <v>18705</v>
      </c>
      <c r="F5372" s="1" t="s">
        <v>10</v>
      </c>
      <c r="G5372" s="1" t="s">
        <v>10</v>
      </c>
      <c r="H5372" s="1" t="s">
        <v>10</v>
      </c>
      <c r="I5372" s="1" t="s">
        <v>17172</v>
      </c>
      <c r="J5372" s="1" t="s">
        <v>17224</v>
      </c>
      <c r="K5372" s="1" t="s">
        <v>113</v>
      </c>
      <c r="L5372" s="1" t="s">
        <v>18702</v>
      </c>
      <c r="M5372" s="1" t="s">
        <v>5</v>
      </c>
      <c r="N5372" s="1" t="s">
        <v>6</v>
      </c>
      <c r="O5372" s="1" t="s">
        <v>38</v>
      </c>
      <c r="P5372" s="5" t="s">
        <v>31947</v>
      </c>
    </row>
    <row r="5373" spans="1:16" x14ac:dyDescent="0.2">
      <c r="A5373" s="1" t="s">
        <v>66</v>
      </c>
      <c r="B5373" s="1" t="s">
        <v>1117</v>
      </c>
      <c r="C5373" s="1" t="s">
        <v>18707</v>
      </c>
      <c r="D5373" s="1" t="s">
        <v>18708</v>
      </c>
      <c r="E5373" s="1" t="s">
        <v>18709</v>
      </c>
      <c r="F5373" s="1" t="s">
        <v>10</v>
      </c>
      <c r="G5373" s="1" t="s">
        <v>10</v>
      </c>
      <c r="H5373" s="1" t="s">
        <v>10</v>
      </c>
      <c r="I5373" s="1" t="s">
        <v>17172</v>
      </c>
      <c r="J5373" s="1" t="s">
        <v>17224</v>
      </c>
      <c r="K5373" s="1" t="s">
        <v>113</v>
      </c>
      <c r="L5373" s="1" t="s">
        <v>18706</v>
      </c>
      <c r="M5373" s="1" t="s">
        <v>5</v>
      </c>
      <c r="N5373" s="1" t="s">
        <v>6</v>
      </c>
      <c r="O5373" s="1" t="s">
        <v>8</v>
      </c>
      <c r="P5373" s="5" t="s">
        <v>14</v>
      </c>
    </row>
    <row r="5374" spans="1:16" x14ac:dyDescent="0.2">
      <c r="A5374" s="1" t="s">
        <v>66</v>
      </c>
      <c r="B5374" s="1" t="s">
        <v>67</v>
      </c>
      <c r="C5374" s="1" t="s">
        <v>18711</v>
      </c>
      <c r="D5374" s="1" t="s">
        <v>18712</v>
      </c>
      <c r="E5374" s="1" t="s">
        <v>18713</v>
      </c>
      <c r="F5374" s="1" t="s">
        <v>10</v>
      </c>
      <c r="G5374" s="1" t="s">
        <v>10</v>
      </c>
      <c r="H5374" s="1" t="s">
        <v>10</v>
      </c>
      <c r="I5374" s="1" t="s">
        <v>17172</v>
      </c>
      <c r="J5374" s="1" t="s">
        <v>17224</v>
      </c>
      <c r="K5374" s="1" t="s">
        <v>7381</v>
      </c>
      <c r="L5374" s="1" t="s">
        <v>18710</v>
      </c>
      <c r="M5374" s="1" t="s">
        <v>5</v>
      </c>
      <c r="N5374" s="1" t="s">
        <v>6</v>
      </c>
      <c r="O5374" s="1" t="s">
        <v>38</v>
      </c>
      <c r="P5374" s="5" t="s">
        <v>31948</v>
      </c>
    </row>
    <row r="5375" spans="1:16" x14ac:dyDescent="0.2">
      <c r="A5375" s="1" t="s">
        <v>20</v>
      </c>
      <c r="B5375" s="1" t="s">
        <v>253</v>
      </c>
      <c r="C5375" s="1" t="s">
        <v>17760</v>
      </c>
      <c r="D5375" s="1" t="s">
        <v>17761</v>
      </c>
      <c r="E5375" s="1"/>
      <c r="F5375" s="1" t="s">
        <v>10</v>
      </c>
      <c r="G5375" s="1" t="s">
        <v>10</v>
      </c>
      <c r="H5375" s="1" t="s">
        <v>10</v>
      </c>
      <c r="I5375" s="1" t="s">
        <v>17172</v>
      </c>
      <c r="J5375" s="1" t="s">
        <v>17293</v>
      </c>
      <c r="K5375" s="1" t="s">
        <v>18715</v>
      </c>
      <c r="L5375" s="1" t="s">
        <v>18714</v>
      </c>
      <c r="M5375" s="1" t="s">
        <v>5</v>
      </c>
      <c r="N5375" s="1" t="s">
        <v>25</v>
      </c>
      <c r="O5375" s="1" t="s">
        <v>8</v>
      </c>
      <c r="P5375" s="5" t="s">
        <v>30575</v>
      </c>
    </row>
    <row r="5376" spans="1:16" x14ac:dyDescent="0.2">
      <c r="A5376" s="1" t="s">
        <v>329</v>
      </c>
      <c r="B5376" s="1" t="s">
        <v>1659</v>
      </c>
      <c r="C5376" s="1" t="s">
        <v>18717</v>
      </c>
      <c r="D5376" s="1" t="s">
        <v>18718</v>
      </c>
      <c r="E5376" s="1" t="s">
        <v>18719</v>
      </c>
      <c r="F5376" s="1" t="s">
        <v>10</v>
      </c>
      <c r="G5376" s="1" t="s">
        <v>10</v>
      </c>
      <c r="H5376" s="1" t="s">
        <v>10</v>
      </c>
      <c r="I5376" s="1" t="s">
        <v>17172</v>
      </c>
      <c r="J5376" s="1" t="s">
        <v>17434</v>
      </c>
      <c r="K5376" s="1" t="s">
        <v>47</v>
      </c>
      <c r="L5376" s="1" t="s">
        <v>18716</v>
      </c>
      <c r="M5376" s="1" t="s">
        <v>5</v>
      </c>
      <c r="N5376" s="1" t="s">
        <v>10</v>
      </c>
      <c r="O5376" s="1" t="s">
        <v>38</v>
      </c>
      <c r="P5376" s="5"/>
    </row>
    <row r="5377" spans="1:16" x14ac:dyDescent="0.2">
      <c r="A5377" s="1" t="s">
        <v>329</v>
      </c>
      <c r="B5377" s="1" t="s">
        <v>340</v>
      </c>
      <c r="C5377" s="1" t="s">
        <v>18721</v>
      </c>
      <c r="D5377" s="1" t="s">
        <v>18722</v>
      </c>
      <c r="E5377" s="1" t="s">
        <v>18724</v>
      </c>
      <c r="F5377" s="1" t="s">
        <v>10</v>
      </c>
      <c r="G5377" s="1" t="s">
        <v>10</v>
      </c>
      <c r="H5377" s="1" t="s">
        <v>10</v>
      </c>
      <c r="I5377" s="1" t="s">
        <v>17172</v>
      </c>
      <c r="J5377" s="1" t="s">
        <v>18723</v>
      </c>
      <c r="K5377" s="1" t="s">
        <v>130</v>
      </c>
      <c r="L5377" s="1" t="s">
        <v>18720</v>
      </c>
      <c r="M5377" s="1" t="s">
        <v>5</v>
      </c>
      <c r="N5377" s="1" t="s">
        <v>10</v>
      </c>
      <c r="O5377" s="1" t="s">
        <v>38</v>
      </c>
      <c r="P5377" s="5"/>
    </row>
    <row r="5378" spans="1:16" x14ac:dyDescent="0.2">
      <c r="A5378" s="1" t="s">
        <v>66</v>
      </c>
      <c r="B5378" s="1" t="s">
        <v>1812</v>
      </c>
      <c r="C5378" s="1" t="s">
        <v>18726</v>
      </c>
      <c r="D5378" s="1" t="s">
        <v>18317</v>
      </c>
      <c r="E5378" s="1" t="s">
        <v>18727</v>
      </c>
      <c r="F5378" s="1" t="s">
        <v>10</v>
      </c>
      <c r="G5378" s="1" t="s">
        <v>10</v>
      </c>
      <c r="H5378" s="1" t="s">
        <v>10</v>
      </c>
      <c r="I5378" s="1" t="s">
        <v>17172</v>
      </c>
      <c r="J5378" s="1" t="s">
        <v>18315</v>
      </c>
      <c r="K5378" s="1" t="s">
        <v>7</v>
      </c>
      <c r="L5378" s="1" t="s">
        <v>18725</v>
      </c>
      <c r="M5378" s="1" t="s">
        <v>5</v>
      </c>
      <c r="N5378" s="1" t="s">
        <v>10</v>
      </c>
      <c r="O5378" s="1" t="s">
        <v>8</v>
      </c>
      <c r="P5378" s="5"/>
    </row>
    <row r="5379" spans="1:16" x14ac:dyDescent="0.2">
      <c r="A5379" s="1" t="s">
        <v>66</v>
      </c>
      <c r="B5379" s="1" t="s">
        <v>67</v>
      </c>
      <c r="C5379" s="1" t="s">
        <v>18729</v>
      </c>
      <c r="D5379" s="1" t="s">
        <v>18729</v>
      </c>
      <c r="E5379" s="1" t="s">
        <v>18730</v>
      </c>
      <c r="F5379" s="1" t="s">
        <v>10</v>
      </c>
      <c r="G5379" s="1" t="s">
        <v>10</v>
      </c>
      <c r="H5379" s="1" t="s">
        <v>10</v>
      </c>
      <c r="I5379" s="1" t="s">
        <v>17172</v>
      </c>
      <c r="J5379" s="1" t="s">
        <v>17224</v>
      </c>
      <c r="K5379" s="1" t="s">
        <v>113</v>
      </c>
      <c r="L5379" s="1" t="s">
        <v>18728</v>
      </c>
      <c r="M5379" s="1" t="s">
        <v>5</v>
      </c>
      <c r="N5379" s="1" t="s">
        <v>6</v>
      </c>
      <c r="O5379" s="1" t="s">
        <v>8</v>
      </c>
      <c r="P5379" s="5" t="s">
        <v>14</v>
      </c>
    </row>
    <row r="5380" spans="1:16" x14ac:dyDescent="0.2">
      <c r="A5380" s="1" t="s">
        <v>66</v>
      </c>
      <c r="B5380" s="1" t="s">
        <v>67</v>
      </c>
      <c r="C5380" s="1" t="s">
        <v>18732</v>
      </c>
      <c r="D5380" s="1" t="s">
        <v>18733</v>
      </c>
      <c r="E5380" s="1" t="s">
        <v>18734</v>
      </c>
      <c r="F5380" s="1" t="s">
        <v>10</v>
      </c>
      <c r="G5380" s="1" t="s">
        <v>10</v>
      </c>
      <c r="H5380" s="1" t="s">
        <v>10</v>
      </c>
      <c r="I5380" s="1" t="s">
        <v>17172</v>
      </c>
      <c r="J5380" s="1" t="s">
        <v>17224</v>
      </c>
      <c r="K5380" s="1" t="s">
        <v>7381</v>
      </c>
      <c r="L5380" s="1" t="s">
        <v>18731</v>
      </c>
      <c r="M5380" s="1" t="s">
        <v>5</v>
      </c>
      <c r="N5380" s="1" t="s">
        <v>6</v>
      </c>
      <c r="O5380" s="1" t="s">
        <v>8</v>
      </c>
      <c r="P5380" s="5" t="s">
        <v>31949</v>
      </c>
    </row>
    <row r="5381" spans="1:16" x14ac:dyDescent="0.2">
      <c r="A5381" s="1" t="s">
        <v>329</v>
      </c>
      <c r="B5381" s="1" t="s">
        <v>340</v>
      </c>
      <c r="C5381" s="1" t="s">
        <v>18736</v>
      </c>
      <c r="D5381" s="1" t="s">
        <v>18737</v>
      </c>
      <c r="E5381" s="1" t="s">
        <v>18738</v>
      </c>
      <c r="F5381" s="1" t="s">
        <v>10</v>
      </c>
      <c r="G5381" s="1" t="s">
        <v>10</v>
      </c>
      <c r="H5381" s="1" t="s">
        <v>10</v>
      </c>
      <c r="I5381" s="1" t="s">
        <v>17172</v>
      </c>
      <c r="J5381" s="1" t="s">
        <v>17251</v>
      </c>
      <c r="K5381" s="1" t="s">
        <v>14695</v>
      </c>
      <c r="L5381" s="1" t="s">
        <v>18735</v>
      </c>
      <c r="M5381" s="1" t="s">
        <v>5</v>
      </c>
      <c r="N5381" s="1" t="s">
        <v>6</v>
      </c>
      <c r="O5381" s="1" t="s">
        <v>38</v>
      </c>
      <c r="P5381" s="5" t="s">
        <v>31554</v>
      </c>
    </row>
    <row r="5382" spans="1:16" x14ac:dyDescent="0.2">
      <c r="A5382" s="1" t="s">
        <v>66</v>
      </c>
      <c r="B5382" s="1" t="s">
        <v>67</v>
      </c>
      <c r="C5382" s="1" t="s">
        <v>18740</v>
      </c>
      <c r="D5382" s="1" t="s">
        <v>18741</v>
      </c>
      <c r="E5382" s="1" t="s">
        <v>18742</v>
      </c>
      <c r="F5382" s="1" t="s">
        <v>10</v>
      </c>
      <c r="G5382" s="1" t="s">
        <v>10</v>
      </c>
      <c r="H5382" s="1" t="s">
        <v>10</v>
      </c>
      <c r="I5382" s="1" t="s">
        <v>17172</v>
      </c>
      <c r="J5382" s="1" t="s">
        <v>17224</v>
      </c>
      <c r="K5382" s="1" t="s">
        <v>113</v>
      </c>
      <c r="L5382" s="1" t="s">
        <v>18739</v>
      </c>
      <c r="M5382" s="1" t="s">
        <v>5</v>
      </c>
      <c r="N5382" s="1" t="s">
        <v>6</v>
      </c>
      <c r="O5382" s="1" t="s">
        <v>38</v>
      </c>
      <c r="P5382" s="5" t="s">
        <v>31950</v>
      </c>
    </row>
    <row r="5383" spans="1:16" x14ac:dyDescent="0.2">
      <c r="A5383" s="1" t="s">
        <v>42</v>
      </c>
      <c r="B5383" s="1" t="s">
        <v>50</v>
      </c>
      <c r="C5383" s="1" t="s">
        <v>18744</v>
      </c>
      <c r="D5383" s="1" t="s">
        <v>18745</v>
      </c>
      <c r="E5383" s="1"/>
      <c r="F5383" s="1" t="s">
        <v>10</v>
      </c>
      <c r="G5383" s="1" t="s">
        <v>10</v>
      </c>
      <c r="H5383" s="1" t="s">
        <v>10</v>
      </c>
      <c r="I5383" s="1" t="s">
        <v>17172</v>
      </c>
      <c r="J5383" s="1" t="s">
        <v>17293</v>
      </c>
      <c r="K5383" s="1" t="s">
        <v>18746</v>
      </c>
      <c r="L5383" s="1" t="s">
        <v>18743</v>
      </c>
      <c r="M5383" s="1" t="s">
        <v>5</v>
      </c>
      <c r="N5383" s="1" t="s">
        <v>25</v>
      </c>
      <c r="O5383" s="1" t="s">
        <v>38</v>
      </c>
      <c r="P5383" s="5" t="s">
        <v>10</v>
      </c>
    </row>
    <row r="5384" spans="1:16" x14ac:dyDescent="0.2">
      <c r="A5384" s="1" t="s">
        <v>2187</v>
      </c>
      <c r="B5384" s="1" t="s">
        <v>2206</v>
      </c>
      <c r="C5384" s="1" t="s">
        <v>17118</v>
      </c>
      <c r="D5384" s="1" t="s">
        <v>10</v>
      </c>
      <c r="E5384" s="1"/>
      <c r="F5384" s="1" t="s">
        <v>10</v>
      </c>
      <c r="G5384" s="1" t="s">
        <v>10</v>
      </c>
      <c r="H5384" s="1" t="s">
        <v>10</v>
      </c>
      <c r="I5384" s="1" t="s">
        <v>17172</v>
      </c>
      <c r="J5384" s="1" t="s">
        <v>17520</v>
      </c>
      <c r="K5384" s="1" t="s">
        <v>18669</v>
      </c>
      <c r="L5384" s="1" t="s">
        <v>18747</v>
      </c>
      <c r="M5384" s="1" t="s">
        <v>5</v>
      </c>
      <c r="N5384" s="1" t="s">
        <v>10</v>
      </c>
      <c r="O5384" s="1" t="s">
        <v>8</v>
      </c>
      <c r="P5384" s="5"/>
    </row>
    <row r="5385" spans="1:16" x14ac:dyDescent="0.2">
      <c r="A5385" s="1" t="s">
        <v>66</v>
      </c>
      <c r="B5385" s="1" t="s">
        <v>67</v>
      </c>
      <c r="C5385" s="1" t="s">
        <v>18749</v>
      </c>
      <c r="D5385" s="1" t="s">
        <v>18750</v>
      </c>
      <c r="E5385" s="1" t="s">
        <v>18751</v>
      </c>
      <c r="F5385" s="1" t="s">
        <v>10</v>
      </c>
      <c r="G5385" s="1" t="s">
        <v>10</v>
      </c>
      <c r="H5385" s="1" t="s">
        <v>10</v>
      </c>
      <c r="I5385" s="1" t="s">
        <v>17172</v>
      </c>
      <c r="J5385" s="1" t="s">
        <v>17224</v>
      </c>
      <c r="K5385" s="1" t="s">
        <v>113</v>
      </c>
      <c r="L5385" s="1" t="s">
        <v>18748</v>
      </c>
      <c r="M5385" s="1" t="s">
        <v>5</v>
      </c>
      <c r="N5385" s="1" t="s">
        <v>6</v>
      </c>
      <c r="O5385" s="1" t="s">
        <v>8</v>
      </c>
      <c r="P5385" s="5" t="s">
        <v>31951</v>
      </c>
    </row>
    <row r="5386" spans="1:16" x14ac:dyDescent="0.2">
      <c r="A5386" s="1" t="s">
        <v>194</v>
      </c>
      <c r="B5386" s="1" t="s">
        <v>6481</v>
      </c>
      <c r="C5386" s="1" t="s">
        <v>18729</v>
      </c>
      <c r="D5386" s="1" t="s">
        <v>18729</v>
      </c>
      <c r="E5386" s="1" t="s">
        <v>18753</v>
      </c>
      <c r="F5386" s="1" t="s">
        <v>10</v>
      </c>
      <c r="G5386" s="1" t="s">
        <v>10</v>
      </c>
      <c r="H5386" s="1" t="s">
        <v>10</v>
      </c>
      <c r="I5386" s="1" t="s">
        <v>17172</v>
      </c>
      <c r="J5386" s="1" t="s">
        <v>17224</v>
      </c>
      <c r="K5386" s="1" t="s">
        <v>113</v>
      </c>
      <c r="L5386" s="1" t="s">
        <v>18752</v>
      </c>
      <c r="M5386" s="1" t="s">
        <v>5</v>
      </c>
      <c r="N5386" s="1" t="s">
        <v>6</v>
      </c>
      <c r="O5386" s="1" t="s">
        <v>8</v>
      </c>
      <c r="P5386" s="5" t="s">
        <v>31952</v>
      </c>
    </row>
    <row r="5387" spans="1:16" x14ac:dyDescent="0.2">
      <c r="A5387" s="1" t="s">
        <v>66</v>
      </c>
      <c r="B5387" s="1" t="s">
        <v>67</v>
      </c>
      <c r="C5387" s="1" t="s">
        <v>18755</v>
      </c>
      <c r="D5387" s="1" t="s">
        <v>18756</v>
      </c>
      <c r="E5387" s="1" t="s">
        <v>18757</v>
      </c>
      <c r="F5387" s="1" t="s">
        <v>10</v>
      </c>
      <c r="G5387" s="1" t="s">
        <v>10</v>
      </c>
      <c r="H5387" s="1" t="s">
        <v>10</v>
      </c>
      <c r="I5387" s="1" t="s">
        <v>17172</v>
      </c>
      <c r="J5387" s="1" t="s">
        <v>17224</v>
      </c>
      <c r="K5387" s="1" t="s">
        <v>113</v>
      </c>
      <c r="L5387" s="1" t="s">
        <v>18754</v>
      </c>
      <c r="M5387" s="1" t="s">
        <v>5</v>
      </c>
      <c r="N5387" s="1" t="s">
        <v>6</v>
      </c>
      <c r="O5387" s="1" t="s">
        <v>8</v>
      </c>
      <c r="P5387" s="5" t="s">
        <v>31953</v>
      </c>
    </row>
    <row r="5388" spans="1:16" x14ac:dyDescent="0.2">
      <c r="A5388" s="1" t="s">
        <v>194</v>
      </c>
      <c r="B5388" s="1" t="s">
        <v>6481</v>
      </c>
      <c r="C5388" s="1" t="s">
        <v>18759</v>
      </c>
      <c r="D5388" s="1" t="s">
        <v>18760</v>
      </c>
      <c r="E5388" s="1" t="s">
        <v>18761</v>
      </c>
      <c r="F5388" s="1" t="s">
        <v>10</v>
      </c>
      <c r="G5388" s="1" t="s">
        <v>10</v>
      </c>
      <c r="H5388" s="1" t="s">
        <v>10</v>
      </c>
      <c r="I5388" s="1" t="s">
        <v>17172</v>
      </c>
      <c r="J5388" s="1" t="s">
        <v>17224</v>
      </c>
      <c r="K5388" s="1" t="s">
        <v>113</v>
      </c>
      <c r="L5388" s="1" t="s">
        <v>18758</v>
      </c>
      <c r="M5388" s="1" t="s">
        <v>5</v>
      </c>
      <c r="N5388" s="1" t="s">
        <v>6</v>
      </c>
      <c r="O5388" s="1" t="s">
        <v>8</v>
      </c>
      <c r="P5388" s="5" t="s">
        <v>14</v>
      </c>
    </row>
    <row r="5389" spans="1:16" x14ac:dyDescent="0.2">
      <c r="A5389" s="1" t="s">
        <v>66</v>
      </c>
      <c r="B5389" s="1" t="s">
        <v>1117</v>
      </c>
      <c r="C5389" s="1" t="s">
        <v>18763</v>
      </c>
      <c r="D5389" s="1" t="s">
        <v>18764</v>
      </c>
      <c r="E5389" s="1" t="s">
        <v>18765</v>
      </c>
      <c r="F5389" s="1" t="s">
        <v>10</v>
      </c>
      <c r="G5389" s="1" t="s">
        <v>10</v>
      </c>
      <c r="H5389" s="1" t="s">
        <v>10</v>
      </c>
      <c r="I5389" s="1" t="s">
        <v>17172</v>
      </c>
      <c r="J5389" s="1" t="s">
        <v>17224</v>
      </c>
      <c r="K5389" s="1" t="s">
        <v>113</v>
      </c>
      <c r="L5389" s="1" t="s">
        <v>18762</v>
      </c>
      <c r="M5389" s="1" t="s">
        <v>5</v>
      </c>
      <c r="N5389" s="1" t="s">
        <v>25</v>
      </c>
      <c r="O5389" s="1" t="s">
        <v>38</v>
      </c>
      <c r="P5389" s="5" t="s">
        <v>31954</v>
      </c>
    </row>
    <row r="5390" spans="1:16" x14ac:dyDescent="0.2">
      <c r="A5390" s="1" t="s">
        <v>329</v>
      </c>
      <c r="B5390" s="1" t="s">
        <v>330</v>
      </c>
      <c r="C5390" s="1" t="s">
        <v>18767</v>
      </c>
      <c r="D5390" s="1" t="s">
        <v>10</v>
      </c>
      <c r="E5390" s="1" t="s">
        <v>18768</v>
      </c>
      <c r="F5390" s="1" t="s">
        <v>10</v>
      </c>
      <c r="G5390" s="1" t="s">
        <v>10</v>
      </c>
      <c r="H5390" s="1" t="s">
        <v>10</v>
      </c>
      <c r="I5390" s="1" t="s">
        <v>17172</v>
      </c>
      <c r="J5390" s="1" t="s">
        <v>17520</v>
      </c>
      <c r="K5390" s="1" t="s">
        <v>100</v>
      </c>
      <c r="L5390" s="1" t="s">
        <v>18766</v>
      </c>
      <c r="M5390" s="1" t="s">
        <v>5</v>
      </c>
      <c r="N5390" s="1" t="s">
        <v>6</v>
      </c>
      <c r="O5390" s="1" t="s">
        <v>8</v>
      </c>
      <c r="P5390" s="5" t="s">
        <v>10</v>
      </c>
    </row>
    <row r="5391" spans="1:16" x14ac:dyDescent="0.2">
      <c r="A5391" s="1" t="s">
        <v>20</v>
      </c>
      <c r="B5391" s="1" t="s">
        <v>99</v>
      </c>
      <c r="C5391" s="1" t="s">
        <v>1657</v>
      </c>
      <c r="D5391" s="1" t="s">
        <v>10</v>
      </c>
      <c r="E5391" s="1" t="s">
        <v>18770</v>
      </c>
      <c r="F5391" s="1" t="s">
        <v>10</v>
      </c>
      <c r="G5391" s="1" t="s">
        <v>10</v>
      </c>
      <c r="H5391" s="1" t="s">
        <v>10</v>
      </c>
      <c r="I5391" s="1" t="s">
        <v>17172</v>
      </c>
      <c r="J5391" s="1" t="s">
        <v>17229</v>
      </c>
      <c r="K5391" s="1" t="s">
        <v>6469</v>
      </c>
      <c r="L5391" s="1" t="s">
        <v>18769</v>
      </c>
      <c r="M5391" s="1" t="s">
        <v>5</v>
      </c>
      <c r="N5391" s="1" t="s">
        <v>6</v>
      </c>
      <c r="O5391" s="1" t="s">
        <v>8</v>
      </c>
      <c r="P5391" s="5" t="s">
        <v>31955</v>
      </c>
    </row>
    <row r="5392" spans="1:16" x14ac:dyDescent="0.2">
      <c r="A5392" s="1" t="s">
        <v>66</v>
      </c>
      <c r="B5392" s="1" t="s">
        <v>1117</v>
      </c>
      <c r="C5392" s="1" t="s">
        <v>18772</v>
      </c>
      <c r="D5392" s="1" t="s">
        <v>18773</v>
      </c>
      <c r="E5392" s="1" t="s">
        <v>18774</v>
      </c>
      <c r="F5392" s="1" t="s">
        <v>10</v>
      </c>
      <c r="G5392" s="1" t="s">
        <v>10</v>
      </c>
      <c r="H5392" s="1" t="s">
        <v>10</v>
      </c>
      <c r="I5392" s="1" t="s">
        <v>17172</v>
      </c>
      <c r="J5392" s="1" t="s">
        <v>17224</v>
      </c>
      <c r="K5392" s="1" t="s">
        <v>113</v>
      </c>
      <c r="L5392" s="1" t="s">
        <v>18771</v>
      </c>
      <c r="M5392" s="1" t="s">
        <v>5</v>
      </c>
      <c r="N5392" s="1" t="s">
        <v>6</v>
      </c>
      <c r="O5392" s="1" t="s">
        <v>8</v>
      </c>
      <c r="P5392" s="5" t="s">
        <v>10</v>
      </c>
    </row>
    <row r="5393" spans="1:16" x14ac:dyDescent="0.2">
      <c r="A5393" s="1" t="s">
        <v>42</v>
      </c>
      <c r="B5393" s="1" t="s">
        <v>2091</v>
      </c>
      <c r="C5393" s="1" t="s">
        <v>18776</v>
      </c>
      <c r="D5393" s="1" t="s">
        <v>18777</v>
      </c>
      <c r="E5393" s="1" t="s">
        <v>18778</v>
      </c>
      <c r="F5393" s="1" t="s">
        <v>10</v>
      </c>
      <c r="G5393" s="1" t="s">
        <v>10</v>
      </c>
      <c r="H5393" s="1" t="s">
        <v>10</v>
      </c>
      <c r="I5393" s="1" t="s">
        <v>17172</v>
      </c>
      <c r="J5393" s="1" t="s">
        <v>17442</v>
      </c>
      <c r="K5393" s="1" t="s">
        <v>113</v>
      </c>
      <c r="L5393" s="1" t="s">
        <v>18775</v>
      </c>
      <c r="M5393" s="1" t="s">
        <v>5</v>
      </c>
      <c r="N5393" s="1" t="s">
        <v>6</v>
      </c>
      <c r="O5393" s="1" t="s">
        <v>8</v>
      </c>
      <c r="P5393" s="5" t="s">
        <v>31956</v>
      </c>
    </row>
    <row r="5394" spans="1:16" x14ac:dyDescent="0.2">
      <c r="A5394" s="1" t="s">
        <v>20</v>
      </c>
      <c r="B5394" s="1" t="s">
        <v>253</v>
      </c>
      <c r="C5394" s="1" t="s">
        <v>18780</v>
      </c>
      <c r="D5394" s="1" t="s">
        <v>18781</v>
      </c>
      <c r="E5394" s="1"/>
      <c r="F5394" s="1" t="s">
        <v>10</v>
      </c>
      <c r="G5394" s="1" t="s">
        <v>10</v>
      </c>
      <c r="H5394" s="1" t="s">
        <v>10</v>
      </c>
      <c r="I5394" s="1" t="s">
        <v>17172</v>
      </c>
      <c r="J5394" s="1" t="s">
        <v>17293</v>
      </c>
      <c r="K5394" s="1" t="s">
        <v>7</v>
      </c>
      <c r="L5394" s="1" t="s">
        <v>18779</v>
      </c>
      <c r="M5394" s="1" t="s">
        <v>5</v>
      </c>
      <c r="N5394" s="1" t="s">
        <v>25</v>
      </c>
      <c r="O5394" s="1" t="s">
        <v>8</v>
      </c>
      <c r="P5394" s="5" t="s">
        <v>30575</v>
      </c>
    </row>
    <row r="5395" spans="1:16" x14ac:dyDescent="0.2">
      <c r="A5395" s="1" t="s">
        <v>329</v>
      </c>
      <c r="B5395" s="1" t="s">
        <v>1168</v>
      </c>
      <c r="C5395" s="1" t="s">
        <v>18783</v>
      </c>
      <c r="D5395" s="1" t="s">
        <v>10</v>
      </c>
      <c r="E5395" s="1" t="s">
        <v>18784</v>
      </c>
      <c r="F5395" s="1" t="s">
        <v>10</v>
      </c>
      <c r="G5395" s="1" t="s">
        <v>10</v>
      </c>
      <c r="H5395" s="1" t="s">
        <v>10</v>
      </c>
      <c r="I5395" s="1" t="s">
        <v>17172</v>
      </c>
      <c r="J5395" s="1" t="s">
        <v>17251</v>
      </c>
      <c r="K5395" s="1" t="s">
        <v>3841</v>
      </c>
      <c r="L5395" s="1" t="s">
        <v>18782</v>
      </c>
      <c r="M5395" s="1" t="s">
        <v>5</v>
      </c>
      <c r="N5395" s="1" t="s">
        <v>6</v>
      </c>
      <c r="O5395" s="1" t="s">
        <v>8</v>
      </c>
      <c r="P5395" s="5" t="s">
        <v>10</v>
      </c>
    </row>
    <row r="5396" spans="1:16" x14ac:dyDescent="0.2">
      <c r="A5396" s="1" t="s">
        <v>194</v>
      </c>
      <c r="B5396" s="1" t="s">
        <v>195</v>
      </c>
      <c r="C5396" s="1" t="s">
        <v>18786</v>
      </c>
      <c r="D5396" s="1" t="s">
        <v>18787</v>
      </c>
      <c r="E5396" s="1" t="s">
        <v>18788</v>
      </c>
      <c r="F5396" s="1" t="s">
        <v>10</v>
      </c>
      <c r="G5396" s="1" t="s">
        <v>10</v>
      </c>
      <c r="H5396" s="1" t="s">
        <v>10</v>
      </c>
      <c r="I5396" s="1" t="s">
        <v>17172</v>
      </c>
      <c r="J5396" s="1" t="s">
        <v>17329</v>
      </c>
      <c r="K5396" s="1" t="s">
        <v>2555</v>
      </c>
      <c r="L5396" s="1" t="s">
        <v>18785</v>
      </c>
      <c r="M5396" s="1" t="s">
        <v>5</v>
      </c>
      <c r="N5396" s="1" t="s">
        <v>6</v>
      </c>
      <c r="O5396" s="1" t="s">
        <v>38</v>
      </c>
      <c r="P5396" s="5" t="s">
        <v>10</v>
      </c>
    </row>
    <row r="5397" spans="1:16" x14ac:dyDescent="0.2">
      <c r="A5397" s="1" t="s">
        <v>66</v>
      </c>
      <c r="B5397" s="1" t="s">
        <v>67</v>
      </c>
      <c r="C5397" s="1" t="s">
        <v>18790</v>
      </c>
      <c r="D5397" s="1" t="s">
        <v>18790</v>
      </c>
      <c r="E5397" s="1" t="s">
        <v>18791</v>
      </c>
      <c r="F5397" s="1" t="s">
        <v>10</v>
      </c>
      <c r="G5397" s="1" t="s">
        <v>10</v>
      </c>
      <c r="H5397" s="1" t="s">
        <v>10</v>
      </c>
      <c r="I5397" s="1" t="s">
        <v>17172</v>
      </c>
      <c r="J5397" s="1" t="s">
        <v>17224</v>
      </c>
      <c r="K5397" s="1" t="s">
        <v>7381</v>
      </c>
      <c r="L5397" s="1" t="s">
        <v>18789</v>
      </c>
      <c r="M5397" s="1" t="s">
        <v>5</v>
      </c>
      <c r="N5397" s="1" t="s">
        <v>25</v>
      </c>
      <c r="O5397" s="1" t="s">
        <v>38</v>
      </c>
      <c r="P5397" s="5" t="s">
        <v>31957</v>
      </c>
    </row>
    <row r="5398" spans="1:16" x14ac:dyDescent="0.2">
      <c r="A5398" s="1" t="s">
        <v>20</v>
      </c>
      <c r="B5398" s="1" t="s">
        <v>93</v>
      </c>
      <c r="C5398" s="1" t="s">
        <v>18793</v>
      </c>
      <c r="D5398" s="1" t="s">
        <v>18794</v>
      </c>
      <c r="E5398" s="1" t="s">
        <v>18795</v>
      </c>
      <c r="F5398" s="1" t="s">
        <v>10</v>
      </c>
      <c r="G5398" s="1" t="s">
        <v>10</v>
      </c>
      <c r="H5398" s="1" t="s">
        <v>10</v>
      </c>
      <c r="I5398" s="1" t="s">
        <v>17172</v>
      </c>
      <c r="J5398" s="1" t="s">
        <v>17224</v>
      </c>
      <c r="K5398" s="1" t="s">
        <v>18669</v>
      </c>
      <c r="L5398" s="1" t="s">
        <v>18792</v>
      </c>
      <c r="M5398" s="1" t="s">
        <v>5</v>
      </c>
      <c r="N5398" s="1" t="s">
        <v>25</v>
      </c>
      <c r="O5398" s="1" t="s">
        <v>8</v>
      </c>
      <c r="P5398" s="5" t="s">
        <v>31958</v>
      </c>
    </row>
    <row r="5399" spans="1:16" x14ac:dyDescent="0.2">
      <c r="A5399" s="1" t="s">
        <v>66</v>
      </c>
      <c r="B5399" s="1" t="s">
        <v>67</v>
      </c>
      <c r="C5399" s="1" t="s">
        <v>18797</v>
      </c>
      <c r="D5399" s="1" t="s">
        <v>18798</v>
      </c>
      <c r="E5399" s="1" t="s">
        <v>18799</v>
      </c>
      <c r="F5399" s="1" t="s">
        <v>10</v>
      </c>
      <c r="G5399" s="1" t="s">
        <v>10</v>
      </c>
      <c r="H5399" s="1" t="s">
        <v>10</v>
      </c>
      <c r="I5399" s="1" t="s">
        <v>17172</v>
      </c>
      <c r="J5399" s="1" t="s">
        <v>17224</v>
      </c>
      <c r="K5399" s="1" t="s">
        <v>18669</v>
      </c>
      <c r="L5399" s="1" t="s">
        <v>18796</v>
      </c>
      <c r="M5399" s="1" t="s">
        <v>5</v>
      </c>
      <c r="N5399" s="1" t="s">
        <v>25</v>
      </c>
      <c r="O5399" s="1" t="s">
        <v>38</v>
      </c>
      <c r="P5399" s="5" t="s">
        <v>31554</v>
      </c>
    </row>
    <row r="5400" spans="1:16" x14ac:dyDescent="0.2">
      <c r="A5400" s="1" t="s">
        <v>42</v>
      </c>
      <c r="B5400" s="1" t="s">
        <v>50</v>
      </c>
      <c r="C5400" s="1" t="s">
        <v>18801</v>
      </c>
      <c r="D5400" s="1" t="s">
        <v>18802</v>
      </c>
      <c r="E5400" s="1" t="s">
        <v>18803</v>
      </c>
      <c r="F5400" s="1" t="s">
        <v>10</v>
      </c>
      <c r="G5400" s="1" t="s">
        <v>10</v>
      </c>
      <c r="H5400" s="1" t="s">
        <v>10</v>
      </c>
      <c r="I5400" s="1" t="s">
        <v>17172</v>
      </c>
      <c r="J5400" s="1" t="s">
        <v>17329</v>
      </c>
      <c r="K5400" s="1" t="s">
        <v>2555</v>
      </c>
      <c r="L5400" s="1" t="s">
        <v>18800</v>
      </c>
      <c r="M5400" s="1" t="s">
        <v>5</v>
      </c>
      <c r="N5400" s="1" t="s">
        <v>6</v>
      </c>
      <c r="O5400" s="1" t="s">
        <v>38</v>
      </c>
      <c r="P5400" s="5" t="s">
        <v>10</v>
      </c>
    </row>
    <row r="5401" spans="1:16" x14ac:dyDescent="0.2">
      <c r="A5401" s="1" t="s">
        <v>329</v>
      </c>
      <c r="B5401" s="1" t="s">
        <v>691</v>
      </c>
      <c r="C5401" s="1" t="s">
        <v>18805</v>
      </c>
      <c r="D5401" s="1" t="s">
        <v>18806</v>
      </c>
      <c r="E5401" s="1" t="s">
        <v>18807</v>
      </c>
      <c r="F5401" s="1" t="s">
        <v>10</v>
      </c>
      <c r="G5401" s="1" t="s">
        <v>10</v>
      </c>
      <c r="H5401" s="1" t="s">
        <v>10</v>
      </c>
      <c r="I5401" s="1" t="s">
        <v>17172</v>
      </c>
      <c r="J5401" s="1" t="s">
        <v>17176</v>
      </c>
      <c r="K5401" s="1" t="s">
        <v>64</v>
      </c>
      <c r="L5401" s="1" t="s">
        <v>18804</v>
      </c>
      <c r="M5401" s="1" t="s">
        <v>5</v>
      </c>
      <c r="N5401" s="1" t="s">
        <v>10</v>
      </c>
      <c r="O5401" s="1" t="s">
        <v>8</v>
      </c>
      <c r="P5401" s="5"/>
    </row>
    <row r="5402" spans="1:16" x14ac:dyDescent="0.2">
      <c r="A5402" s="1" t="s">
        <v>66</v>
      </c>
      <c r="B5402" s="1" t="s">
        <v>574</v>
      </c>
      <c r="C5402" s="1" t="s">
        <v>18809</v>
      </c>
      <c r="D5402" s="1" t="s">
        <v>18810</v>
      </c>
      <c r="E5402" s="1" t="s">
        <v>18811</v>
      </c>
      <c r="F5402" s="1" t="s">
        <v>10</v>
      </c>
      <c r="G5402" s="1" t="s">
        <v>10</v>
      </c>
      <c r="H5402" s="1" t="s">
        <v>10</v>
      </c>
      <c r="I5402" s="1" t="s">
        <v>17172</v>
      </c>
      <c r="J5402" s="1" t="s">
        <v>17224</v>
      </c>
      <c r="K5402" s="1" t="s">
        <v>113</v>
      </c>
      <c r="L5402" s="1" t="s">
        <v>18808</v>
      </c>
      <c r="M5402" s="1" t="s">
        <v>5</v>
      </c>
      <c r="N5402" s="1" t="s">
        <v>6</v>
      </c>
      <c r="O5402" s="1" t="s">
        <v>8</v>
      </c>
      <c r="P5402" s="5" t="s">
        <v>31959</v>
      </c>
    </row>
    <row r="5403" spans="1:16" x14ac:dyDescent="0.2">
      <c r="A5403" s="1" t="s">
        <v>66</v>
      </c>
      <c r="B5403" s="1" t="s">
        <v>1117</v>
      </c>
      <c r="C5403" s="1" t="s">
        <v>18813</v>
      </c>
      <c r="D5403" s="1" t="s">
        <v>10</v>
      </c>
      <c r="E5403" s="1" t="s">
        <v>18814</v>
      </c>
      <c r="F5403" s="1" t="s">
        <v>10</v>
      </c>
      <c r="G5403" s="1" t="s">
        <v>10</v>
      </c>
      <c r="H5403" s="1" t="s">
        <v>10</v>
      </c>
      <c r="I5403" s="1" t="s">
        <v>17172</v>
      </c>
      <c r="J5403" s="1" t="s">
        <v>17229</v>
      </c>
      <c r="K5403" s="1" t="s">
        <v>443</v>
      </c>
      <c r="L5403" s="1" t="s">
        <v>18812</v>
      </c>
      <c r="M5403" s="1" t="s">
        <v>5</v>
      </c>
      <c r="N5403" s="1" t="s">
        <v>6</v>
      </c>
      <c r="O5403" s="1" t="s">
        <v>8</v>
      </c>
      <c r="P5403" s="5" t="s">
        <v>18815</v>
      </c>
    </row>
    <row r="5404" spans="1:16" x14ac:dyDescent="0.2">
      <c r="A5404" s="1" t="s">
        <v>487</v>
      </c>
      <c r="B5404" s="1" t="s">
        <v>488</v>
      </c>
      <c r="C5404" s="1" t="s">
        <v>18817</v>
      </c>
      <c r="D5404" s="1" t="s">
        <v>10</v>
      </c>
      <c r="E5404" s="1" t="s">
        <v>18818</v>
      </c>
      <c r="F5404" s="1" t="s">
        <v>10</v>
      </c>
      <c r="G5404" s="1" t="s">
        <v>10</v>
      </c>
      <c r="H5404" s="1" t="s">
        <v>10</v>
      </c>
      <c r="I5404" s="1" t="s">
        <v>17172</v>
      </c>
      <c r="J5404" s="1" t="s">
        <v>17176</v>
      </c>
      <c r="K5404" s="1" t="s">
        <v>64</v>
      </c>
      <c r="L5404" s="1" t="s">
        <v>18816</v>
      </c>
      <c r="M5404" s="1" t="s">
        <v>5</v>
      </c>
      <c r="N5404" s="1" t="s">
        <v>10</v>
      </c>
      <c r="O5404" s="1" t="s">
        <v>8</v>
      </c>
      <c r="P5404" s="5"/>
    </row>
    <row r="5405" spans="1:16" x14ac:dyDescent="0.2">
      <c r="A5405" s="1" t="s">
        <v>329</v>
      </c>
      <c r="B5405" s="1" t="s">
        <v>2622</v>
      </c>
      <c r="C5405" s="1" t="s">
        <v>18820</v>
      </c>
      <c r="D5405" s="1" t="s">
        <v>18821</v>
      </c>
      <c r="E5405" s="1" t="s">
        <v>18822</v>
      </c>
      <c r="F5405" s="1" t="s">
        <v>10</v>
      </c>
      <c r="G5405" s="1" t="s">
        <v>10</v>
      </c>
      <c r="H5405" s="1" t="s">
        <v>10</v>
      </c>
      <c r="I5405" s="1" t="s">
        <v>17172</v>
      </c>
      <c r="J5405" s="1" t="s">
        <v>17214</v>
      </c>
      <c r="K5405" s="1" t="s">
        <v>27</v>
      </c>
      <c r="L5405" s="1" t="s">
        <v>18819</v>
      </c>
      <c r="M5405" s="1" t="s">
        <v>5</v>
      </c>
      <c r="N5405" s="1" t="s">
        <v>6</v>
      </c>
      <c r="O5405" s="1" t="s">
        <v>8</v>
      </c>
      <c r="P5405" s="5" t="s">
        <v>14</v>
      </c>
    </row>
    <row r="5406" spans="1:16" x14ac:dyDescent="0.2">
      <c r="A5406" s="1" t="s">
        <v>66</v>
      </c>
      <c r="B5406" s="1" t="s">
        <v>1117</v>
      </c>
      <c r="C5406" s="1" t="s">
        <v>18824</v>
      </c>
      <c r="D5406" s="1" t="s">
        <v>10</v>
      </c>
      <c r="E5406" s="1" t="s">
        <v>18825</v>
      </c>
      <c r="F5406" s="1" t="s">
        <v>10</v>
      </c>
      <c r="G5406" s="1" t="s">
        <v>10</v>
      </c>
      <c r="H5406" s="1" t="s">
        <v>10</v>
      </c>
      <c r="I5406" s="1" t="s">
        <v>17172</v>
      </c>
      <c r="J5406" s="1" t="s">
        <v>17229</v>
      </c>
      <c r="K5406" s="1" t="s">
        <v>443</v>
      </c>
      <c r="L5406" s="1" t="s">
        <v>18823</v>
      </c>
      <c r="M5406" s="1" t="s">
        <v>5</v>
      </c>
      <c r="N5406" s="1" t="s">
        <v>6</v>
      </c>
      <c r="O5406" s="1" t="s">
        <v>8</v>
      </c>
      <c r="P5406" s="5" t="s">
        <v>10</v>
      </c>
    </row>
    <row r="5407" spans="1:16" x14ac:dyDescent="0.2">
      <c r="A5407" s="1" t="s">
        <v>194</v>
      </c>
      <c r="B5407" s="1" t="s">
        <v>6723</v>
      </c>
      <c r="C5407" s="1" t="s">
        <v>18827</v>
      </c>
      <c r="D5407" s="1" t="s">
        <v>18828</v>
      </c>
      <c r="E5407" s="1" t="s">
        <v>18829</v>
      </c>
      <c r="F5407" s="1" t="s">
        <v>10</v>
      </c>
      <c r="G5407" s="1" t="s">
        <v>10</v>
      </c>
      <c r="H5407" s="1" t="s">
        <v>10</v>
      </c>
      <c r="I5407" s="1" t="s">
        <v>17172</v>
      </c>
      <c r="J5407" s="1" t="s">
        <v>17429</v>
      </c>
      <c r="K5407" s="1" t="s">
        <v>586</v>
      </c>
      <c r="L5407" s="1" t="s">
        <v>18826</v>
      </c>
      <c r="M5407" s="1" t="s">
        <v>5</v>
      </c>
      <c r="N5407" s="1" t="s">
        <v>10</v>
      </c>
      <c r="O5407" s="1" t="s">
        <v>8</v>
      </c>
      <c r="P5407" s="5" t="s">
        <v>10</v>
      </c>
    </row>
    <row r="5408" spans="1:16" x14ac:dyDescent="0.2">
      <c r="A5408" s="1" t="s">
        <v>194</v>
      </c>
      <c r="B5408" s="1" t="s">
        <v>6723</v>
      </c>
      <c r="C5408" s="1" t="s">
        <v>18831</v>
      </c>
      <c r="D5408" s="1" t="s">
        <v>18832</v>
      </c>
      <c r="E5408" s="1" t="s">
        <v>18834</v>
      </c>
      <c r="F5408" s="1" t="s">
        <v>10</v>
      </c>
      <c r="G5408" s="1" t="s">
        <v>10</v>
      </c>
      <c r="H5408" s="1" t="s">
        <v>10</v>
      </c>
      <c r="I5408" s="1" t="s">
        <v>17172</v>
      </c>
      <c r="J5408" s="1" t="s">
        <v>17429</v>
      </c>
      <c r="K5408" s="1" t="s">
        <v>18833</v>
      </c>
      <c r="L5408" s="1" t="s">
        <v>18830</v>
      </c>
      <c r="M5408" s="1" t="s">
        <v>5</v>
      </c>
      <c r="N5408" s="1" t="s">
        <v>6</v>
      </c>
      <c r="O5408" s="1" t="s">
        <v>8</v>
      </c>
      <c r="P5408" s="5" t="s">
        <v>18835</v>
      </c>
    </row>
    <row r="5409" spans="1:16" x14ac:dyDescent="0.2">
      <c r="A5409" s="1" t="s">
        <v>66</v>
      </c>
      <c r="B5409" s="1" t="s">
        <v>67</v>
      </c>
      <c r="C5409" s="1" t="s">
        <v>18837</v>
      </c>
      <c r="D5409" s="1" t="s">
        <v>18838</v>
      </c>
      <c r="E5409" s="1" t="s">
        <v>18837</v>
      </c>
      <c r="F5409" s="1" t="s">
        <v>10</v>
      </c>
      <c r="G5409" s="1" t="s">
        <v>10</v>
      </c>
      <c r="H5409" s="1" t="s">
        <v>10</v>
      </c>
      <c r="I5409" s="1" t="s">
        <v>17172</v>
      </c>
      <c r="J5409" s="1" t="s">
        <v>17224</v>
      </c>
      <c r="K5409" s="1" t="s">
        <v>113</v>
      </c>
      <c r="L5409" s="1" t="s">
        <v>18836</v>
      </c>
      <c r="M5409" s="1" t="s">
        <v>5</v>
      </c>
      <c r="N5409" s="1" t="s">
        <v>6</v>
      </c>
      <c r="O5409" s="1" t="s">
        <v>38</v>
      </c>
      <c r="P5409" s="5" t="s">
        <v>31960</v>
      </c>
    </row>
    <row r="5410" spans="1:16" x14ac:dyDescent="0.2">
      <c r="A5410" s="1" t="s">
        <v>66</v>
      </c>
      <c r="B5410" s="1" t="s">
        <v>574</v>
      </c>
      <c r="C5410" s="1" t="s">
        <v>18840</v>
      </c>
      <c r="D5410" s="1" t="s">
        <v>18841</v>
      </c>
      <c r="E5410" s="1" t="s">
        <v>18842</v>
      </c>
      <c r="F5410" s="1" t="s">
        <v>10</v>
      </c>
      <c r="G5410" s="1" t="s">
        <v>10</v>
      </c>
      <c r="H5410" s="1" t="s">
        <v>10</v>
      </c>
      <c r="I5410" s="1" t="s">
        <v>17172</v>
      </c>
      <c r="J5410" s="1" t="s">
        <v>17224</v>
      </c>
      <c r="K5410" s="1" t="s">
        <v>113</v>
      </c>
      <c r="L5410" s="1" t="s">
        <v>18839</v>
      </c>
      <c r="M5410" s="1" t="s">
        <v>5</v>
      </c>
      <c r="N5410" s="1" t="s">
        <v>6</v>
      </c>
      <c r="O5410" s="1" t="s">
        <v>38</v>
      </c>
      <c r="P5410" s="5" t="s">
        <v>31961</v>
      </c>
    </row>
    <row r="5411" spans="1:16" x14ac:dyDescent="0.2">
      <c r="A5411" s="1" t="s">
        <v>10</v>
      </c>
      <c r="B5411" s="1" t="s">
        <v>10</v>
      </c>
      <c r="C5411" s="1" t="s">
        <v>18844</v>
      </c>
      <c r="D5411" s="1" t="s">
        <v>18845</v>
      </c>
      <c r="E5411" s="1"/>
      <c r="F5411" s="1" t="s">
        <v>10</v>
      </c>
      <c r="G5411" s="1" t="s">
        <v>10</v>
      </c>
      <c r="H5411" s="1" t="s">
        <v>10</v>
      </c>
      <c r="I5411" s="1" t="s">
        <v>17172</v>
      </c>
      <c r="J5411" s="1" t="s">
        <v>17251</v>
      </c>
      <c r="K5411" s="1" t="s">
        <v>244</v>
      </c>
      <c r="L5411" s="1" t="s">
        <v>18843</v>
      </c>
      <c r="M5411" s="1" t="s">
        <v>5</v>
      </c>
      <c r="N5411" s="1" t="s">
        <v>10</v>
      </c>
      <c r="O5411" s="1" t="s">
        <v>38</v>
      </c>
      <c r="P5411" s="5" t="s">
        <v>29943</v>
      </c>
    </row>
    <row r="5412" spans="1:16" x14ac:dyDescent="0.2">
      <c r="A5412" s="1" t="s">
        <v>20</v>
      </c>
      <c r="B5412" s="1" t="s">
        <v>445</v>
      </c>
      <c r="C5412" s="1" t="s">
        <v>18847</v>
      </c>
      <c r="D5412" s="1" t="s">
        <v>18848</v>
      </c>
      <c r="E5412" s="1" t="s">
        <v>18849</v>
      </c>
      <c r="F5412" s="1" t="s">
        <v>27</v>
      </c>
      <c r="G5412" s="1" t="s">
        <v>10</v>
      </c>
      <c r="H5412" s="1" t="s">
        <v>18850</v>
      </c>
      <c r="I5412" s="1" t="s">
        <v>17172</v>
      </c>
      <c r="J5412" s="1" t="s">
        <v>17229</v>
      </c>
      <c r="K5412" s="1" t="s">
        <v>443</v>
      </c>
      <c r="L5412" s="1" t="s">
        <v>18846</v>
      </c>
      <c r="M5412" s="1" t="s">
        <v>5</v>
      </c>
      <c r="N5412" s="1" t="s">
        <v>10</v>
      </c>
      <c r="O5412" s="1" t="s">
        <v>8</v>
      </c>
      <c r="P5412" s="5" t="s">
        <v>31962</v>
      </c>
    </row>
    <row r="5413" spans="1:16" x14ac:dyDescent="0.2">
      <c r="A5413" s="1" t="s">
        <v>10</v>
      </c>
      <c r="B5413" s="1" t="s">
        <v>10</v>
      </c>
      <c r="C5413" s="1" t="s">
        <v>18852</v>
      </c>
      <c r="D5413" s="1" t="s">
        <v>18853</v>
      </c>
      <c r="E5413" s="1" t="s">
        <v>10</v>
      </c>
      <c r="F5413" s="1" t="s">
        <v>10</v>
      </c>
      <c r="G5413" s="1" t="s">
        <v>10</v>
      </c>
      <c r="H5413" s="1" t="s">
        <v>10</v>
      </c>
      <c r="I5413" s="1" t="s">
        <v>17172</v>
      </c>
      <c r="J5413" s="1" t="s">
        <v>17176</v>
      </c>
      <c r="K5413" s="1" t="s">
        <v>10</v>
      </c>
      <c r="L5413" s="1" t="s">
        <v>18851</v>
      </c>
      <c r="M5413" s="1" t="s">
        <v>5</v>
      </c>
      <c r="N5413" s="1" t="s">
        <v>10</v>
      </c>
      <c r="O5413" s="1" t="s">
        <v>38</v>
      </c>
      <c r="P5413" s="5" t="s">
        <v>10</v>
      </c>
    </row>
    <row r="5414" spans="1:16" x14ac:dyDescent="0.2">
      <c r="A5414" s="1" t="s">
        <v>487</v>
      </c>
      <c r="B5414" s="1" t="s">
        <v>765</v>
      </c>
      <c r="C5414" s="1" t="s">
        <v>18855</v>
      </c>
      <c r="D5414" s="1" t="s">
        <v>18856</v>
      </c>
      <c r="E5414" s="1" t="s">
        <v>18857</v>
      </c>
      <c r="F5414" s="1" t="s">
        <v>10</v>
      </c>
      <c r="G5414" s="1" t="s">
        <v>10</v>
      </c>
      <c r="H5414" s="1" t="s">
        <v>10</v>
      </c>
      <c r="I5414" s="1" t="s">
        <v>17172</v>
      </c>
      <c r="J5414" s="1" t="s">
        <v>17465</v>
      </c>
      <c r="K5414" s="1" t="s">
        <v>12368</v>
      </c>
      <c r="L5414" s="1" t="s">
        <v>18854</v>
      </c>
      <c r="M5414" s="1" t="s">
        <v>5</v>
      </c>
      <c r="N5414" s="1" t="s">
        <v>10</v>
      </c>
      <c r="O5414" s="1" t="s">
        <v>38</v>
      </c>
      <c r="P5414" s="5" t="s">
        <v>14</v>
      </c>
    </row>
    <row r="5415" spans="1:16" x14ac:dyDescent="0.2">
      <c r="A5415" s="1" t="s">
        <v>42</v>
      </c>
      <c r="B5415" s="1" t="s">
        <v>1890</v>
      </c>
      <c r="C5415" s="1" t="s">
        <v>18859</v>
      </c>
      <c r="D5415" s="1" t="s">
        <v>18860</v>
      </c>
      <c r="E5415" s="1" t="s">
        <v>18861</v>
      </c>
      <c r="F5415" s="1" t="s">
        <v>10</v>
      </c>
      <c r="G5415" s="1" t="s">
        <v>10</v>
      </c>
      <c r="H5415" s="1" t="s">
        <v>10</v>
      </c>
      <c r="I5415" s="1" t="s">
        <v>17172</v>
      </c>
      <c r="J5415" s="1" t="s">
        <v>17214</v>
      </c>
      <c r="K5415" s="1" t="s">
        <v>47</v>
      </c>
      <c r="L5415" s="1" t="s">
        <v>18858</v>
      </c>
      <c r="M5415" s="1" t="s">
        <v>5</v>
      </c>
      <c r="N5415" s="1" t="s">
        <v>10</v>
      </c>
      <c r="O5415" s="1" t="s">
        <v>38</v>
      </c>
      <c r="P5415" s="5" t="s">
        <v>31859</v>
      </c>
    </row>
    <row r="5416" spans="1:16" x14ac:dyDescent="0.2">
      <c r="A5416" s="1" t="s">
        <v>10</v>
      </c>
      <c r="B5416" s="1" t="s">
        <v>10</v>
      </c>
      <c r="C5416" s="1" t="s">
        <v>18863</v>
      </c>
      <c r="D5416" s="1" t="s">
        <v>18864</v>
      </c>
      <c r="E5416" s="1" t="s">
        <v>10</v>
      </c>
      <c r="F5416" s="1" t="s">
        <v>10</v>
      </c>
      <c r="G5416" s="1" t="s">
        <v>10</v>
      </c>
      <c r="H5416" s="1" t="s">
        <v>10</v>
      </c>
      <c r="I5416" s="1" t="s">
        <v>17172</v>
      </c>
      <c r="J5416" s="1" t="s">
        <v>17176</v>
      </c>
      <c r="K5416" s="1" t="s">
        <v>47</v>
      </c>
      <c r="L5416" s="1" t="s">
        <v>18862</v>
      </c>
      <c r="M5416" s="1" t="s">
        <v>5</v>
      </c>
      <c r="N5416" s="1" t="s">
        <v>10</v>
      </c>
      <c r="O5416" s="1" t="s">
        <v>38</v>
      </c>
      <c r="P5416" s="5" t="s">
        <v>10</v>
      </c>
    </row>
    <row r="5417" spans="1:16" x14ac:dyDescent="0.2">
      <c r="A5417" s="1" t="s">
        <v>10</v>
      </c>
      <c r="B5417" s="1" t="s">
        <v>10</v>
      </c>
      <c r="C5417" s="1" t="s">
        <v>18866</v>
      </c>
      <c r="D5417" s="1" t="s">
        <v>18867</v>
      </c>
      <c r="E5417" s="1" t="s">
        <v>18868</v>
      </c>
      <c r="F5417" s="1" t="s">
        <v>10</v>
      </c>
      <c r="G5417" s="1" t="s">
        <v>10</v>
      </c>
      <c r="H5417" s="1" t="s">
        <v>10</v>
      </c>
      <c r="I5417" s="1" t="s">
        <v>17172</v>
      </c>
      <c r="J5417" s="1" t="s">
        <v>17176</v>
      </c>
      <c r="K5417" s="1" t="s">
        <v>47</v>
      </c>
      <c r="L5417" s="1" t="s">
        <v>18865</v>
      </c>
      <c r="M5417" s="1" t="s">
        <v>5</v>
      </c>
      <c r="N5417" s="1" t="s">
        <v>10</v>
      </c>
      <c r="O5417" s="1" t="s">
        <v>8</v>
      </c>
      <c r="P5417" s="5" t="s">
        <v>10</v>
      </c>
    </row>
    <row r="5418" spans="1:16" x14ac:dyDescent="0.2">
      <c r="A5418" s="1" t="s">
        <v>10</v>
      </c>
      <c r="B5418" s="1" t="s">
        <v>10</v>
      </c>
      <c r="C5418" s="1" t="s">
        <v>18870</v>
      </c>
      <c r="D5418" s="1" t="s">
        <v>18871</v>
      </c>
      <c r="E5418" s="1" t="s">
        <v>18872</v>
      </c>
      <c r="F5418" s="1" t="s">
        <v>10</v>
      </c>
      <c r="G5418" s="1" t="s">
        <v>10</v>
      </c>
      <c r="H5418" s="1" t="s">
        <v>10</v>
      </c>
      <c r="I5418" s="1" t="s">
        <v>17172</v>
      </c>
      <c r="J5418" s="1" t="s">
        <v>17176</v>
      </c>
      <c r="K5418" s="1" t="s">
        <v>47</v>
      </c>
      <c r="L5418" s="1" t="s">
        <v>18869</v>
      </c>
      <c r="M5418" s="1" t="s">
        <v>5</v>
      </c>
      <c r="N5418" s="1" t="s">
        <v>10</v>
      </c>
      <c r="O5418" s="1" t="s">
        <v>8</v>
      </c>
      <c r="P5418" s="5" t="s">
        <v>10</v>
      </c>
    </row>
    <row r="5419" spans="1:16" x14ac:dyDescent="0.2">
      <c r="A5419" s="1" t="s">
        <v>10</v>
      </c>
      <c r="B5419" s="1" t="s">
        <v>10</v>
      </c>
      <c r="C5419" s="1" t="s">
        <v>18874</v>
      </c>
      <c r="D5419" s="1" t="s">
        <v>10</v>
      </c>
      <c r="E5419" s="1" t="s">
        <v>18875</v>
      </c>
      <c r="F5419" s="1" t="s">
        <v>10</v>
      </c>
      <c r="G5419" s="1" t="s">
        <v>10</v>
      </c>
      <c r="H5419" s="1" t="s">
        <v>10</v>
      </c>
      <c r="I5419" s="1" t="s">
        <v>17172</v>
      </c>
      <c r="J5419" s="1" t="s">
        <v>17176</v>
      </c>
      <c r="K5419" s="1" t="s">
        <v>47</v>
      </c>
      <c r="L5419" s="1" t="s">
        <v>18873</v>
      </c>
      <c r="M5419" s="1" t="s">
        <v>5</v>
      </c>
      <c r="N5419" s="1" t="s">
        <v>10</v>
      </c>
      <c r="O5419" s="1" t="s">
        <v>8</v>
      </c>
      <c r="P5419" s="5" t="s">
        <v>10</v>
      </c>
    </row>
    <row r="5420" spans="1:16" x14ac:dyDescent="0.2">
      <c r="A5420" s="1" t="s">
        <v>10</v>
      </c>
      <c r="B5420" s="1" t="s">
        <v>10</v>
      </c>
      <c r="C5420" s="1" t="s">
        <v>18877</v>
      </c>
      <c r="D5420" s="1" t="s">
        <v>18878</v>
      </c>
      <c r="E5420" s="1" t="s">
        <v>18879</v>
      </c>
      <c r="F5420" s="1" t="s">
        <v>10</v>
      </c>
      <c r="G5420" s="1" t="s">
        <v>10</v>
      </c>
      <c r="H5420" s="1" t="s">
        <v>10</v>
      </c>
      <c r="I5420" s="1" t="s">
        <v>17172</v>
      </c>
      <c r="J5420" s="1" t="s">
        <v>17176</v>
      </c>
      <c r="K5420" s="1" t="s">
        <v>47</v>
      </c>
      <c r="L5420" s="1" t="s">
        <v>18876</v>
      </c>
      <c r="M5420" s="1" t="s">
        <v>5</v>
      </c>
      <c r="N5420" s="1" t="s">
        <v>10</v>
      </c>
      <c r="O5420" s="1" t="s">
        <v>8</v>
      </c>
      <c r="P5420" s="5" t="s">
        <v>10</v>
      </c>
    </row>
    <row r="5421" spans="1:16" x14ac:dyDescent="0.2">
      <c r="A5421" s="1" t="s">
        <v>10</v>
      </c>
      <c r="B5421" s="1" t="s">
        <v>10</v>
      </c>
      <c r="C5421" s="1" t="s">
        <v>18881</v>
      </c>
      <c r="D5421" s="1" t="s">
        <v>18882</v>
      </c>
      <c r="E5421" s="1" t="s">
        <v>10</v>
      </c>
      <c r="F5421" s="1" t="s">
        <v>10</v>
      </c>
      <c r="G5421" s="1" t="s">
        <v>10</v>
      </c>
      <c r="H5421" s="1" t="s">
        <v>10</v>
      </c>
      <c r="I5421" s="1" t="s">
        <v>17172</v>
      </c>
      <c r="J5421" s="1" t="s">
        <v>17176</v>
      </c>
      <c r="K5421" s="1" t="s">
        <v>47</v>
      </c>
      <c r="L5421" s="1" t="s">
        <v>18880</v>
      </c>
      <c r="M5421" s="1" t="s">
        <v>5</v>
      </c>
      <c r="N5421" s="1" t="s">
        <v>10</v>
      </c>
      <c r="O5421" s="1" t="s">
        <v>38</v>
      </c>
      <c r="P5421" s="5" t="s">
        <v>10</v>
      </c>
    </row>
    <row r="5422" spans="1:16" x14ac:dyDescent="0.2">
      <c r="A5422" s="1" t="s">
        <v>10</v>
      </c>
      <c r="B5422" s="1" t="s">
        <v>10</v>
      </c>
      <c r="C5422" s="1" t="s">
        <v>18884</v>
      </c>
      <c r="D5422" s="1" t="s">
        <v>18885</v>
      </c>
      <c r="E5422" s="1" t="s">
        <v>18886</v>
      </c>
      <c r="F5422" s="1" t="s">
        <v>10</v>
      </c>
      <c r="G5422" s="1" t="s">
        <v>10</v>
      </c>
      <c r="H5422" s="1" t="s">
        <v>10</v>
      </c>
      <c r="I5422" s="1" t="s">
        <v>17172</v>
      </c>
      <c r="J5422" s="1" t="s">
        <v>17176</v>
      </c>
      <c r="K5422" s="1" t="s">
        <v>47</v>
      </c>
      <c r="L5422" s="1" t="s">
        <v>18883</v>
      </c>
      <c r="M5422" s="1" t="s">
        <v>5</v>
      </c>
      <c r="N5422" s="1" t="s">
        <v>10</v>
      </c>
      <c r="O5422" s="1" t="s">
        <v>8</v>
      </c>
      <c r="P5422" s="5" t="s">
        <v>10</v>
      </c>
    </row>
    <row r="5423" spans="1:16" x14ac:dyDescent="0.2">
      <c r="A5423" s="1" t="s">
        <v>10</v>
      </c>
      <c r="B5423" s="1" t="s">
        <v>10</v>
      </c>
      <c r="C5423" s="1" t="s">
        <v>18888</v>
      </c>
      <c r="D5423" s="1" t="s">
        <v>18889</v>
      </c>
      <c r="E5423" s="1" t="s">
        <v>18890</v>
      </c>
      <c r="F5423" s="1" t="s">
        <v>10</v>
      </c>
      <c r="G5423" s="1" t="s">
        <v>10</v>
      </c>
      <c r="H5423" s="1" t="s">
        <v>10</v>
      </c>
      <c r="I5423" s="1" t="s">
        <v>17172</v>
      </c>
      <c r="J5423" s="1" t="s">
        <v>17176</v>
      </c>
      <c r="K5423" s="1" t="s">
        <v>37</v>
      </c>
      <c r="L5423" s="1" t="s">
        <v>18887</v>
      </c>
      <c r="M5423" s="1" t="s">
        <v>5</v>
      </c>
      <c r="N5423" s="1" t="s">
        <v>10</v>
      </c>
      <c r="O5423" s="1" t="s">
        <v>38</v>
      </c>
      <c r="P5423" s="5" t="s">
        <v>10</v>
      </c>
    </row>
    <row r="5424" spans="1:16" x14ac:dyDescent="0.2">
      <c r="A5424" s="1" t="s">
        <v>42</v>
      </c>
      <c r="B5424" s="1" t="s">
        <v>1890</v>
      </c>
      <c r="C5424" s="1" t="s">
        <v>18892</v>
      </c>
      <c r="D5424" s="1" t="s">
        <v>18893</v>
      </c>
      <c r="E5424" s="1" t="s">
        <v>18894</v>
      </c>
      <c r="F5424" s="1" t="s">
        <v>10</v>
      </c>
      <c r="G5424" s="1" t="s">
        <v>10</v>
      </c>
      <c r="H5424" s="1" t="s">
        <v>10</v>
      </c>
      <c r="I5424" s="1" t="s">
        <v>17172</v>
      </c>
      <c r="J5424" s="1" t="s">
        <v>17214</v>
      </c>
      <c r="K5424" s="1" t="s">
        <v>47</v>
      </c>
      <c r="L5424" s="1" t="s">
        <v>18891</v>
      </c>
      <c r="M5424" s="1" t="s">
        <v>5</v>
      </c>
      <c r="N5424" s="1" t="s">
        <v>10</v>
      </c>
      <c r="O5424" s="1" t="s">
        <v>38</v>
      </c>
      <c r="P5424" s="5" t="s">
        <v>31859</v>
      </c>
    </row>
    <row r="5425" spans="1:16" x14ac:dyDescent="0.2">
      <c r="A5425" s="1" t="s">
        <v>66</v>
      </c>
      <c r="B5425" s="1" t="s">
        <v>67</v>
      </c>
      <c r="C5425" s="1" t="s">
        <v>18896</v>
      </c>
      <c r="D5425" s="1" t="s">
        <v>18897</v>
      </c>
      <c r="E5425" s="1" t="s">
        <v>18898</v>
      </c>
      <c r="F5425" s="1" t="s">
        <v>27</v>
      </c>
      <c r="G5425" s="1" t="s">
        <v>10</v>
      </c>
      <c r="H5425" s="1" t="s">
        <v>18899</v>
      </c>
      <c r="I5425" s="1" t="s">
        <v>17172</v>
      </c>
      <c r="J5425" s="1" t="s">
        <v>17224</v>
      </c>
      <c r="K5425" s="1" t="s">
        <v>7</v>
      </c>
      <c r="L5425" s="1" t="s">
        <v>18895</v>
      </c>
      <c r="M5425" s="1" t="s">
        <v>5</v>
      </c>
      <c r="N5425" s="1" t="s">
        <v>6</v>
      </c>
      <c r="O5425" s="1" t="s">
        <v>8</v>
      </c>
      <c r="P5425" s="5" t="s">
        <v>30576</v>
      </c>
    </row>
    <row r="5426" spans="1:16" x14ac:dyDescent="0.2">
      <c r="A5426" s="1" t="s">
        <v>66</v>
      </c>
      <c r="B5426" s="1" t="s">
        <v>1117</v>
      </c>
      <c r="C5426" s="1" t="s">
        <v>18901</v>
      </c>
      <c r="D5426" s="1" t="s">
        <v>18902</v>
      </c>
      <c r="E5426" s="1" t="s">
        <v>18903</v>
      </c>
      <c r="F5426" s="1" t="s">
        <v>10</v>
      </c>
      <c r="G5426" s="1" t="s">
        <v>10</v>
      </c>
      <c r="H5426" s="1" t="s">
        <v>10</v>
      </c>
      <c r="I5426" s="1" t="s">
        <v>17172</v>
      </c>
      <c r="J5426" s="1" t="s">
        <v>17224</v>
      </c>
      <c r="K5426" s="1" t="s">
        <v>113</v>
      </c>
      <c r="L5426" s="1" t="s">
        <v>18900</v>
      </c>
      <c r="M5426" s="1" t="s">
        <v>5</v>
      </c>
      <c r="N5426" s="1" t="s">
        <v>10</v>
      </c>
      <c r="O5426" s="1" t="s">
        <v>8</v>
      </c>
      <c r="P5426" s="5" t="s">
        <v>31963</v>
      </c>
    </row>
    <row r="5427" spans="1:16" x14ac:dyDescent="0.2">
      <c r="A5427" s="1" t="s">
        <v>10</v>
      </c>
      <c r="B5427" s="1" t="s">
        <v>10</v>
      </c>
      <c r="C5427" s="1" t="s">
        <v>18905</v>
      </c>
      <c r="D5427" s="1" t="s">
        <v>18906</v>
      </c>
      <c r="E5427" s="1" t="s">
        <v>18907</v>
      </c>
      <c r="F5427" s="1" t="s">
        <v>10</v>
      </c>
      <c r="G5427" s="1" t="s">
        <v>10</v>
      </c>
      <c r="H5427" s="1" t="s">
        <v>10</v>
      </c>
      <c r="I5427" s="1" t="s">
        <v>17172</v>
      </c>
      <c r="J5427" s="1" t="s">
        <v>17329</v>
      </c>
      <c r="K5427" s="1" t="s">
        <v>113</v>
      </c>
      <c r="L5427" s="1" t="s">
        <v>18904</v>
      </c>
      <c r="M5427" s="1" t="s">
        <v>5</v>
      </c>
      <c r="N5427" s="1" t="s">
        <v>10</v>
      </c>
      <c r="O5427" s="1" t="s">
        <v>38</v>
      </c>
      <c r="P5427" s="5" t="s">
        <v>30577</v>
      </c>
    </row>
    <row r="5428" spans="1:16" x14ac:dyDescent="0.2">
      <c r="A5428" s="1" t="s">
        <v>66</v>
      </c>
      <c r="B5428" s="1" t="s">
        <v>67</v>
      </c>
      <c r="C5428" s="1" t="s">
        <v>18909</v>
      </c>
      <c r="D5428" s="1" t="s">
        <v>18910</v>
      </c>
      <c r="E5428" s="1" t="s">
        <v>18911</v>
      </c>
      <c r="F5428" s="1" t="s">
        <v>10</v>
      </c>
      <c r="G5428" s="1" t="s">
        <v>10</v>
      </c>
      <c r="H5428" s="1" t="s">
        <v>10</v>
      </c>
      <c r="I5428" s="1" t="s">
        <v>17172</v>
      </c>
      <c r="J5428" s="1" t="s">
        <v>17224</v>
      </c>
      <c r="K5428" s="1" t="s">
        <v>113</v>
      </c>
      <c r="L5428" s="1" t="s">
        <v>18908</v>
      </c>
      <c r="M5428" s="1" t="s">
        <v>5</v>
      </c>
      <c r="N5428" s="1" t="s">
        <v>6</v>
      </c>
      <c r="O5428" s="1" t="s">
        <v>38</v>
      </c>
      <c r="P5428" s="5" t="s">
        <v>31964</v>
      </c>
    </row>
    <row r="5429" spans="1:16" x14ac:dyDescent="0.2">
      <c r="A5429" s="1" t="s">
        <v>66</v>
      </c>
      <c r="B5429" s="1" t="s">
        <v>67</v>
      </c>
      <c r="C5429" s="1" t="s">
        <v>18913</v>
      </c>
      <c r="D5429" s="1" t="s">
        <v>18914</v>
      </c>
      <c r="E5429" s="1" t="s">
        <v>18915</v>
      </c>
      <c r="F5429" s="1" t="s">
        <v>10</v>
      </c>
      <c r="G5429" s="1" t="s">
        <v>10</v>
      </c>
      <c r="H5429" s="1" t="s">
        <v>10</v>
      </c>
      <c r="I5429" s="1" t="s">
        <v>17172</v>
      </c>
      <c r="J5429" s="1" t="s">
        <v>17224</v>
      </c>
      <c r="K5429" s="1" t="s">
        <v>37</v>
      </c>
      <c r="L5429" s="1" t="s">
        <v>18912</v>
      </c>
      <c r="M5429" s="1" t="s">
        <v>5</v>
      </c>
      <c r="N5429" s="1" t="s">
        <v>6</v>
      </c>
      <c r="O5429" s="1" t="s">
        <v>38</v>
      </c>
      <c r="P5429" s="5" t="s">
        <v>31554</v>
      </c>
    </row>
    <row r="5430" spans="1:16" x14ac:dyDescent="0.2">
      <c r="A5430" s="1" t="s">
        <v>66</v>
      </c>
      <c r="B5430" s="1" t="s">
        <v>67</v>
      </c>
      <c r="C5430" s="1" t="s">
        <v>18917</v>
      </c>
      <c r="D5430" s="1" t="s">
        <v>18918</v>
      </c>
      <c r="E5430" s="1" t="s">
        <v>18919</v>
      </c>
      <c r="F5430" s="1" t="s">
        <v>10</v>
      </c>
      <c r="G5430" s="1" t="s">
        <v>10</v>
      </c>
      <c r="H5430" s="1" t="s">
        <v>10</v>
      </c>
      <c r="I5430" s="1" t="s">
        <v>17172</v>
      </c>
      <c r="J5430" s="1" t="s">
        <v>17224</v>
      </c>
      <c r="K5430" s="1" t="s">
        <v>113</v>
      </c>
      <c r="L5430" s="1" t="s">
        <v>18916</v>
      </c>
      <c r="M5430" s="1" t="s">
        <v>5</v>
      </c>
      <c r="N5430" s="1" t="s">
        <v>6</v>
      </c>
      <c r="O5430" s="1" t="s">
        <v>38</v>
      </c>
      <c r="P5430" s="5" t="s">
        <v>31965</v>
      </c>
    </row>
    <row r="5431" spans="1:16" x14ac:dyDescent="0.2">
      <c r="A5431" s="1" t="s">
        <v>66</v>
      </c>
      <c r="B5431" s="1" t="s">
        <v>574</v>
      </c>
      <c r="C5431" s="1" t="s">
        <v>10550</v>
      </c>
      <c r="D5431" s="1" t="s">
        <v>7139</v>
      </c>
      <c r="E5431" s="1" t="s">
        <v>18922</v>
      </c>
      <c r="F5431" s="1" t="s">
        <v>10</v>
      </c>
      <c r="G5431" s="1" t="s">
        <v>10</v>
      </c>
      <c r="H5431" s="1" t="s">
        <v>10</v>
      </c>
      <c r="I5431" s="1" t="s">
        <v>17172</v>
      </c>
      <c r="J5431" s="1" t="s">
        <v>17224</v>
      </c>
      <c r="K5431" s="1" t="s">
        <v>7902</v>
      </c>
      <c r="L5431" s="1" t="s">
        <v>18921</v>
      </c>
      <c r="M5431" s="1" t="s">
        <v>5</v>
      </c>
      <c r="N5431" s="1" t="s">
        <v>10</v>
      </c>
      <c r="O5431" s="1" t="s">
        <v>38</v>
      </c>
      <c r="P5431" s="5" t="s">
        <v>31966</v>
      </c>
    </row>
    <row r="5432" spans="1:16" x14ac:dyDescent="0.2">
      <c r="A5432" s="1" t="s">
        <v>20</v>
      </c>
      <c r="B5432" s="1" t="s">
        <v>4373</v>
      </c>
      <c r="C5432" s="1" t="s">
        <v>18924</v>
      </c>
      <c r="D5432" s="1" t="s">
        <v>7164</v>
      </c>
      <c r="E5432" s="1" t="s">
        <v>18925</v>
      </c>
      <c r="F5432" s="1" t="s">
        <v>27</v>
      </c>
      <c r="G5432" s="1" t="s">
        <v>10</v>
      </c>
      <c r="H5432" s="1" t="s">
        <v>10</v>
      </c>
      <c r="I5432" s="1" t="s">
        <v>17172</v>
      </c>
      <c r="J5432" s="1" t="s">
        <v>17224</v>
      </c>
      <c r="K5432" s="1" t="s">
        <v>113</v>
      </c>
      <c r="L5432" s="1" t="s">
        <v>18923</v>
      </c>
      <c r="M5432" s="1" t="s">
        <v>5</v>
      </c>
      <c r="N5432" s="1" t="s">
        <v>6</v>
      </c>
      <c r="O5432" s="1" t="s">
        <v>8</v>
      </c>
      <c r="P5432" s="5" t="s">
        <v>31967</v>
      </c>
    </row>
    <row r="5433" spans="1:16" x14ac:dyDescent="0.2">
      <c r="A5433" s="1" t="s">
        <v>20</v>
      </c>
      <c r="B5433" s="1" t="s">
        <v>99</v>
      </c>
      <c r="C5433" s="1" t="s">
        <v>18927</v>
      </c>
      <c r="D5433" s="1" t="s">
        <v>18928</v>
      </c>
      <c r="E5433" s="1" t="s">
        <v>18929</v>
      </c>
      <c r="F5433" s="1" t="s">
        <v>17428</v>
      </c>
      <c r="G5433" s="1" t="s">
        <v>10</v>
      </c>
      <c r="H5433" s="1" t="s">
        <v>10</v>
      </c>
      <c r="I5433" s="1" t="s">
        <v>17172</v>
      </c>
      <c r="J5433" s="1" t="s">
        <v>17224</v>
      </c>
      <c r="K5433" s="1" t="s">
        <v>64</v>
      </c>
      <c r="L5433" s="1" t="s">
        <v>18926</v>
      </c>
      <c r="M5433" s="1" t="s">
        <v>5</v>
      </c>
      <c r="N5433" s="1" t="s">
        <v>6</v>
      </c>
      <c r="O5433" s="1" t="s">
        <v>8</v>
      </c>
      <c r="P5433" s="5" t="s">
        <v>31968</v>
      </c>
    </row>
    <row r="5434" spans="1:16" x14ac:dyDescent="0.2">
      <c r="A5434" s="1" t="s">
        <v>329</v>
      </c>
      <c r="B5434" s="1" t="s">
        <v>10</v>
      </c>
      <c r="C5434" s="1" t="s">
        <v>18931</v>
      </c>
      <c r="D5434" s="1" t="s">
        <v>18932</v>
      </c>
      <c r="E5434" s="1" t="s">
        <v>18933</v>
      </c>
      <c r="F5434" s="1" t="s">
        <v>10</v>
      </c>
      <c r="G5434" s="1" t="s">
        <v>10</v>
      </c>
      <c r="H5434" s="1" t="s">
        <v>18934</v>
      </c>
      <c r="I5434" s="1" t="s">
        <v>17172</v>
      </c>
      <c r="J5434" s="1" t="s">
        <v>17251</v>
      </c>
      <c r="K5434" s="1" t="s">
        <v>37</v>
      </c>
      <c r="L5434" s="1" t="s">
        <v>18930</v>
      </c>
      <c r="M5434" s="1" t="s">
        <v>5</v>
      </c>
      <c r="N5434" s="1" t="s">
        <v>10</v>
      </c>
      <c r="O5434" s="1" t="s">
        <v>8</v>
      </c>
      <c r="P5434" s="5" t="s">
        <v>31969</v>
      </c>
    </row>
    <row r="5435" spans="1:16" x14ac:dyDescent="0.2">
      <c r="A5435" s="1" t="s">
        <v>194</v>
      </c>
      <c r="B5435" s="1" t="s">
        <v>4497</v>
      </c>
      <c r="C5435" s="1" t="s">
        <v>18936</v>
      </c>
      <c r="D5435" s="1" t="s">
        <v>18937</v>
      </c>
      <c r="E5435" s="1" t="s">
        <v>18938</v>
      </c>
      <c r="F5435" s="1" t="s">
        <v>10</v>
      </c>
      <c r="G5435" s="1" t="s">
        <v>10</v>
      </c>
      <c r="H5435" s="1" t="s">
        <v>18939</v>
      </c>
      <c r="I5435" s="1" t="s">
        <v>17172</v>
      </c>
      <c r="J5435" s="1" t="s">
        <v>17224</v>
      </c>
      <c r="K5435" s="1" t="s">
        <v>113</v>
      </c>
      <c r="L5435" s="1" t="s">
        <v>18935</v>
      </c>
      <c r="M5435" s="1" t="s">
        <v>5</v>
      </c>
      <c r="N5435" s="1" t="s">
        <v>10</v>
      </c>
      <c r="O5435" s="1" t="s">
        <v>8</v>
      </c>
      <c r="P5435" s="5" t="s">
        <v>31330</v>
      </c>
    </row>
    <row r="5436" spans="1:16" x14ac:dyDescent="0.2">
      <c r="A5436" s="1" t="s">
        <v>10</v>
      </c>
      <c r="B5436" s="1" t="s">
        <v>10</v>
      </c>
      <c r="C5436" s="1" t="s">
        <v>18941</v>
      </c>
      <c r="D5436" s="1" t="s">
        <v>9258</v>
      </c>
      <c r="E5436" s="1" t="s">
        <v>18942</v>
      </c>
      <c r="F5436" s="1" t="s">
        <v>10</v>
      </c>
      <c r="G5436" s="1" t="s">
        <v>10</v>
      </c>
      <c r="H5436" s="1" t="s">
        <v>10</v>
      </c>
      <c r="I5436" s="1" t="s">
        <v>17172</v>
      </c>
      <c r="J5436" s="1" t="s">
        <v>17333</v>
      </c>
      <c r="K5436" s="1" t="s">
        <v>37</v>
      </c>
      <c r="L5436" s="1" t="s">
        <v>18940</v>
      </c>
      <c r="M5436" s="1" t="s">
        <v>5</v>
      </c>
      <c r="N5436" s="1" t="s">
        <v>10</v>
      </c>
      <c r="O5436" s="1" t="s">
        <v>38</v>
      </c>
      <c r="P5436" s="5" t="s">
        <v>31970</v>
      </c>
    </row>
    <row r="5437" spans="1:16" x14ac:dyDescent="0.2">
      <c r="A5437" s="1" t="s">
        <v>1385</v>
      </c>
      <c r="B5437" s="1" t="s">
        <v>2028</v>
      </c>
      <c r="C5437" s="1" t="s">
        <v>18944</v>
      </c>
      <c r="D5437" s="1" t="s">
        <v>18945</v>
      </c>
      <c r="E5437" s="1" t="s">
        <v>18946</v>
      </c>
      <c r="F5437" s="1" t="s">
        <v>10</v>
      </c>
      <c r="G5437" s="1" t="s">
        <v>10</v>
      </c>
      <c r="H5437" s="1" t="s">
        <v>10</v>
      </c>
      <c r="I5437" s="1" t="s">
        <v>17172</v>
      </c>
      <c r="J5437" s="1" t="s">
        <v>17224</v>
      </c>
      <c r="K5437" s="1" t="s">
        <v>7</v>
      </c>
      <c r="L5437" s="1" t="s">
        <v>18943</v>
      </c>
      <c r="M5437" s="1" t="s">
        <v>5</v>
      </c>
      <c r="N5437" s="1" t="s">
        <v>10</v>
      </c>
      <c r="O5437" s="1" t="s">
        <v>8</v>
      </c>
      <c r="P5437" s="5" t="s">
        <v>31971</v>
      </c>
    </row>
    <row r="5438" spans="1:16" x14ac:dyDescent="0.2">
      <c r="A5438" s="1" t="s">
        <v>66</v>
      </c>
      <c r="B5438" s="1" t="s">
        <v>67</v>
      </c>
      <c r="C5438" s="1" t="s">
        <v>18948</v>
      </c>
      <c r="D5438" s="1" t="s">
        <v>18949</v>
      </c>
      <c r="E5438" s="1" t="s">
        <v>18950</v>
      </c>
      <c r="F5438" s="1" t="s">
        <v>10</v>
      </c>
      <c r="G5438" s="1" t="s">
        <v>10</v>
      </c>
      <c r="H5438" s="1" t="s">
        <v>10</v>
      </c>
      <c r="I5438" s="1" t="s">
        <v>17172</v>
      </c>
      <c r="J5438" s="1" t="s">
        <v>17224</v>
      </c>
      <c r="K5438" s="1" t="s">
        <v>113</v>
      </c>
      <c r="L5438" s="1" t="s">
        <v>18947</v>
      </c>
      <c r="M5438" s="1" t="s">
        <v>5</v>
      </c>
      <c r="N5438" s="1" t="s">
        <v>10</v>
      </c>
      <c r="O5438" s="1" t="s">
        <v>38</v>
      </c>
      <c r="P5438" s="5" t="s">
        <v>31554</v>
      </c>
    </row>
    <row r="5439" spans="1:16" x14ac:dyDescent="0.2">
      <c r="A5439" s="1" t="s">
        <v>10</v>
      </c>
      <c r="B5439" s="1" t="s">
        <v>10</v>
      </c>
      <c r="C5439" s="1" t="s">
        <v>18952</v>
      </c>
      <c r="D5439" s="1" t="s">
        <v>10</v>
      </c>
      <c r="E5439" s="1" t="s">
        <v>10</v>
      </c>
      <c r="F5439" s="1" t="s">
        <v>10</v>
      </c>
      <c r="G5439" s="1" t="s">
        <v>10</v>
      </c>
      <c r="H5439" s="1" t="s">
        <v>10</v>
      </c>
      <c r="I5439" s="1" t="s">
        <v>17172</v>
      </c>
      <c r="J5439" s="1" t="s">
        <v>17176</v>
      </c>
      <c r="K5439" s="1" t="s">
        <v>10</v>
      </c>
      <c r="L5439" s="1" t="s">
        <v>18951</v>
      </c>
      <c r="M5439" s="1" t="s">
        <v>5</v>
      </c>
      <c r="N5439" s="1" t="s">
        <v>10</v>
      </c>
      <c r="O5439" s="1" t="s">
        <v>8</v>
      </c>
      <c r="P5439" s="5" t="s">
        <v>10</v>
      </c>
    </row>
    <row r="5440" spans="1:16" x14ac:dyDescent="0.2">
      <c r="A5440" s="1" t="s">
        <v>10</v>
      </c>
      <c r="B5440" s="1" t="s">
        <v>10</v>
      </c>
      <c r="C5440" s="1" t="s">
        <v>18954</v>
      </c>
      <c r="D5440" s="1" t="s">
        <v>10</v>
      </c>
      <c r="E5440" s="1" t="s">
        <v>10</v>
      </c>
      <c r="F5440" s="1" t="s">
        <v>10</v>
      </c>
      <c r="G5440" s="1" t="s">
        <v>10</v>
      </c>
      <c r="H5440" s="1" t="s">
        <v>10</v>
      </c>
      <c r="I5440" s="1" t="s">
        <v>17172</v>
      </c>
      <c r="J5440" s="1" t="s">
        <v>17176</v>
      </c>
      <c r="K5440" s="1" t="s">
        <v>10</v>
      </c>
      <c r="L5440" s="1" t="s">
        <v>18953</v>
      </c>
      <c r="M5440" s="1" t="s">
        <v>5</v>
      </c>
      <c r="N5440" s="1" t="s">
        <v>10</v>
      </c>
      <c r="O5440" s="1" t="s">
        <v>8</v>
      </c>
      <c r="P5440" s="5" t="s">
        <v>10</v>
      </c>
    </row>
    <row r="5441" spans="1:16" x14ac:dyDescent="0.2">
      <c r="A5441" s="1" t="s">
        <v>10</v>
      </c>
      <c r="B5441" s="1" t="s">
        <v>10</v>
      </c>
      <c r="C5441" s="1" t="s">
        <v>18956</v>
      </c>
      <c r="D5441" s="1" t="s">
        <v>18957</v>
      </c>
      <c r="E5441" s="1" t="s">
        <v>18958</v>
      </c>
      <c r="F5441" s="1" t="s">
        <v>10</v>
      </c>
      <c r="G5441" s="1" t="s">
        <v>10</v>
      </c>
      <c r="H5441" s="1" t="s">
        <v>10</v>
      </c>
      <c r="I5441" s="1" t="s">
        <v>17172</v>
      </c>
      <c r="J5441" s="1" t="s">
        <v>17442</v>
      </c>
      <c r="K5441" s="1" t="s">
        <v>47</v>
      </c>
      <c r="L5441" s="1" t="s">
        <v>18955</v>
      </c>
      <c r="M5441" s="1" t="s">
        <v>5</v>
      </c>
      <c r="N5441" s="1" t="s">
        <v>10</v>
      </c>
      <c r="O5441" s="1" t="s">
        <v>38</v>
      </c>
      <c r="P5441" s="5" t="s">
        <v>31972</v>
      </c>
    </row>
    <row r="5442" spans="1:16" x14ac:dyDescent="0.2">
      <c r="A5442" s="1" t="s">
        <v>66</v>
      </c>
      <c r="B5442" s="1" t="s">
        <v>67</v>
      </c>
      <c r="C5442" s="1" t="s">
        <v>18960</v>
      </c>
      <c r="D5442" s="1" t="s">
        <v>18961</v>
      </c>
      <c r="E5442" s="1" t="s">
        <v>18962</v>
      </c>
      <c r="F5442" s="1" t="s">
        <v>10</v>
      </c>
      <c r="G5442" s="1" t="s">
        <v>10</v>
      </c>
      <c r="H5442" s="1" t="s">
        <v>10</v>
      </c>
      <c r="I5442" s="1" t="s">
        <v>17172</v>
      </c>
      <c r="J5442" s="1" t="s">
        <v>17329</v>
      </c>
      <c r="K5442" s="1" t="s">
        <v>113</v>
      </c>
      <c r="L5442" s="1" t="s">
        <v>18959</v>
      </c>
      <c r="M5442" s="1" t="s">
        <v>5</v>
      </c>
      <c r="N5442" s="1" t="s">
        <v>6</v>
      </c>
      <c r="O5442" s="1" t="s">
        <v>8</v>
      </c>
      <c r="P5442" s="5" t="s">
        <v>14</v>
      </c>
    </row>
    <row r="5443" spans="1:16" x14ac:dyDescent="0.2">
      <c r="A5443" s="1" t="s">
        <v>1385</v>
      </c>
      <c r="B5443" s="1" t="s">
        <v>2028</v>
      </c>
      <c r="C5443" s="1" t="s">
        <v>18964</v>
      </c>
      <c r="D5443" s="1" t="s">
        <v>18965</v>
      </c>
      <c r="E5443" s="1" t="s">
        <v>18966</v>
      </c>
      <c r="F5443" s="1" t="s">
        <v>10</v>
      </c>
      <c r="G5443" s="1" t="s">
        <v>10</v>
      </c>
      <c r="H5443" s="1" t="s">
        <v>18967</v>
      </c>
      <c r="I5443" s="1" t="s">
        <v>17172</v>
      </c>
      <c r="J5443" s="1" t="s">
        <v>17224</v>
      </c>
      <c r="K5443" s="1" t="s">
        <v>113</v>
      </c>
      <c r="L5443" s="1" t="s">
        <v>18963</v>
      </c>
      <c r="M5443" s="1" t="s">
        <v>5</v>
      </c>
      <c r="N5443" s="1" t="s">
        <v>6</v>
      </c>
      <c r="O5443" s="1" t="s">
        <v>8</v>
      </c>
      <c r="P5443" s="5" t="s">
        <v>31973</v>
      </c>
    </row>
    <row r="5444" spans="1:16" x14ac:dyDescent="0.2">
      <c r="A5444" s="1" t="s">
        <v>66</v>
      </c>
      <c r="B5444" s="1" t="s">
        <v>67</v>
      </c>
      <c r="C5444" s="1" t="s">
        <v>18969</v>
      </c>
      <c r="D5444" s="1" t="s">
        <v>18970</v>
      </c>
      <c r="E5444" s="1" t="s">
        <v>18971</v>
      </c>
      <c r="F5444" s="1" t="s">
        <v>10</v>
      </c>
      <c r="G5444" s="1" t="s">
        <v>10</v>
      </c>
      <c r="H5444" s="1" t="s">
        <v>10</v>
      </c>
      <c r="I5444" s="1" t="s">
        <v>17172</v>
      </c>
      <c r="J5444" s="1" t="s">
        <v>17224</v>
      </c>
      <c r="K5444" s="1" t="s">
        <v>113</v>
      </c>
      <c r="L5444" s="1" t="s">
        <v>18968</v>
      </c>
      <c r="M5444" s="1" t="s">
        <v>5</v>
      </c>
      <c r="N5444" s="1" t="s">
        <v>6</v>
      </c>
      <c r="O5444" s="1" t="s">
        <v>38</v>
      </c>
      <c r="P5444" s="5" t="s">
        <v>31974</v>
      </c>
    </row>
    <row r="5445" spans="1:16" x14ac:dyDescent="0.2">
      <c r="A5445" s="1" t="s">
        <v>10</v>
      </c>
      <c r="B5445" s="1" t="s">
        <v>10</v>
      </c>
      <c r="C5445" s="1" t="s">
        <v>18973</v>
      </c>
      <c r="D5445" s="1" t="s">
        <v>18973</v>
      </c>
      <c r="E5445" s="1" t="s">
        <v>18974</v>
      </c>
      <c r="F5445" s="1" t="s">
        <v>10</v>
      </c>
      <c r="G5445" s="1" t="s">
        <v>10</v>
      </c>
      <c r="H5445" s="1" t="s">
        <v>10</v>
      </c>
      <c r="I5445" s="1" t="s">
        <v>17172</v>
      </c>
      <c r="J5445" s="1" t="s">
        <v>17333</v>
      </c>
      <c r="K5445" s="1" t="s">
        <v>113</v>
      </c>
      <c r="L5445" s="1" t="s">
        <v>18972</v>
      </c>
      <c r="M5445" s="1" t="s">
        <v>5</v>
      </c>
      <c r="N5445" s="1" t="s">
        <v>10</v>
      </c>
      <c r="O5445" s="1" t="s">
        <v>38</v>
      </c>
      <c r="P5445" s="5" t="s">
        <v>30578</v>
      </c>
    </row>
    <row r="5446" spans="1:16" x14ac:dyDescent="0.2">
      <c r="A5446" s="1" t="s">
        <v>10</v>
      </c>
      <c r="B5446" s="1" t="s">
        <v>10</v>
      </c>
      <c r="C5446" s="1" t="s">
        <v>18976</v>
      </c>
      <c r="D5446" s="1" t="s">
        <v>18977</v>
      </c>
      <c r="E5446" s="1" t="s">
        <v>18978</v>
      </c>
      <c r="F5446" s="1" t="s">
        <v>10</v>
      </c>
      <c r="G5446" s="1" t="s">
        <v>10</v>
      </c>
      <c r="H5446" s="1" t="s">
        <v>10</v>
      </c>
      <c r="I5446" s="1" t="s">
        <v>17172</v>
      </c>
      <c r="J5446" s="1" t="s">
        <v>17343</v>
      </c>
      <c r="K5446" s="1" t="s">
        <v>47</v>
      </c>
      <c r="L5446" s="1" t="s">
        <v>18975</v>
      </c>
      <c r="M5446" s="1" t="s">
        <v>5</v>
      </c>
      <c r="N5446" s="1" t="s">
        <v>10</v>
      </c>
      <c r="O5446" s="1" t="s">
        <v>38</v>
      </c>
      <c r="P5446" s="5" t="s">
        <v>10</v>
      </c>
    </row>
    <row r="5447" spans="1:16" x14ac:dyDescent="0.2">
      <c r="A5447" s="1" t="s">
        <v>10</v>
      </c>
      <c r="B5447" s="1" t="s">
        <v>10</v>
      </c>
      <c r="C5447" s="1" t="s">
        <v>18980</v>
      </c>
      <c r="D5447" s="1" t="s">
        <v>18981</v>
      </c>
      <c r="E5447" s="1" t="s">
        <v>18982</v>
      </c>
      <c r="F5447" s="1" t="s">
        <v>10</v>
      </c>
      <c r="G5447" s="1" t="s">
        <v>10</v>
      </c>
      <c r="H5447" s="1" t="s">
        <v>10</v>
      </c>
      <c r="I5447" s="1" t="s">
        <v>17172</v>
      </c>
      <c r="J5447" s="1" t="s">
        <v>17333</v>
      </c>
      <c r="K5447" s="1" t="s">
        <v>37</v>
      </c>
      <c r="L5447" s="1" t="s">
        <v>18979</v>
      </c>
      <c r="M5447" s="1" t="s">
        <v>5</v>
      </c>
      <c r="N5447" s="1" t="s">
        <v>10</v>
      </c>
      <c r="O5447" s="1" t="s">
        <v>38</v>
      </c>
      <c r="P5447" s="5" t="s">
        <v>31975</v>
      </c>
    </row>
    <row r="5448" spans="1:16" x14ac:dyDescent="0.2">
      <c r="A5448" s="1" t="s">
        <v>20</v>
      </c>
      <c r="B5448" s="1" t="s">
        <v>172</v>
      </c>
      <c r="C5448" s="1" t="s">
        <v>18984</v>
      </c>
      <c r="D5448" s="1" t="s">
        <v>18985</v>
      </c>
      <c r="E5448" s="1" t="s">
        <v>18986</v>
      </c>
      <c r="F5448" s="1" t="s">
        <v>10</v>
      </c>
      <c r="G5448" s="1" t="s">
        <v>10</v>
      </c>
      <c r="H5448" s="1" t="s">
        <v>10</v>
      </c>
      <c r="I5448" s="1" t="s">
        <v>17172</v>
      </c>
      <c r="J5448" s="1" t="s">
        <v>17224</v>
      </c>
      <c r="K5448" s="1" t="s">
        <v>7</v>
      </c>
      <c r="L5448" s="1" t="s">
        <v>18983</v>
      </c>
      <c r="M5448" s="1" t="s">
        <v>5</v>
      </c>
      <c r="N5448" s="1" t="s">
        <v>6</v>
      </c>
      <c r="O5448" s="1" t="s">
        <v>38</v>
      </c>
      <c r="P5448" s="5" t="s">
        <v>31976</v>
      </c>
    </row>
    <row r="5449" spans="1:16" x14ac:dyDescent="0.2">
      <c r="A5449" s="1" t="s">
        <v>20</v>
      </c>
      <c r="B5449" s="1" t="s">
        <v>445</v>
      </c>
      <c r="C5449" s="1" t="s">
        <v>18988</v>
      </c>
      <c r="D5449" s="1" t="s">
        <v>18989</v>
      </c>
      <c r="E5449" s="1" t="s">
        <v>18990</v>
      </c>
      <c r="F5449" s="1" t="s">
        <v>10</v>
      </c>
      <c r="G5449" s="1" t="s">
        <v>10</v>
      </c>
      <c r="H5449" s="1" t="s">
        <v>10</v>
      </c>
      <c r="I5449" s="1" t="s">
        <v>17172</v>
      </c>
      <c r="J5449" s="1" t="s">
        <v>18225</v>
      </c>
      <c r="K5449" s="1" t="s">
        <v>747</v>
      </c>
      <c r="L5449" s="1" t="s">
        <v>18987</v>
      </c>
      <c r="M5449" s="1" t="s">
        <v>5</v>
      </c>
      <c r="N5449" s="1" t="s">
        <v>10</v>
      </c>
      <c r="O5449" s="1" t="s">
        <v>38</v>
      </c>
      <c r="P5449" s="5" t="s">
        <v>31977</v>
      </c>
    </row>
    <row r="5450" spans="1:16" x14ac:dyDescent="0.2">
      <c r="A5450" s="1" t="s">
        <v>20</v>
      </c>
      <c r="B5450" s="1" t="s">
        <v>253</v>
      </c>
      <c r="C5450" s="1" t="s">
        <v>18992</v>
      </c>
      <c r="D5450" s="1" t="s">
        <v>10</v>
      </c>
      <c r="E5450" s="1" t="s">
        <v>18993</v>
      </c>
      <c r="F5450" s="1" t="s">
        <v>10</v>
      </c>
      <c r="G5450" s="1" t="s">
        <v>10</v>
      </c>
      <c r="H5450" s="1" t="s">
        <v>10</v>
      </c>
      <c r="I5450" s="1" t="s">
        <v>17172</v>
      </c>
      <c r="J5450" s="1" t="s">
        <v>17214</v>
      </c>
      <c r="K5450" s="1" t="s">
        <v>47</v>
      </c>
      <c r="L5450" s="1" t="s">
        <v>18991</v>
      </c>
      <c r="M5450" s="1" t="s">
        <v>5</v>
      </c>
      <c r="N5450" s="1" t="s">
        <v>10</v>
      </c>
      <c r="O5450" s="1" t="s">
        <v>38</v>
      </c>
      <c r="P5450" s="5" t="s">
        <v>31978</v>
      </c>
    </row>
    <row r="5451" spans="1:16" x14ac:dyDescent="0.2">
      <c r="A5451" s="1" t="s">
        <v>20</v>
      </c>
      <c r="B5451" s="1" t="s">
        <v>253</v>
      </c>
      <c r="C5451" s="1" t="s">
        <v>18995</v>
      </c>
      <c r="D5451" s="1" t="s">
        <v>18996</v>
      </c>
      <c r="E5451" s="1" t="s">
        <v>18997</v>
      </c>
      <c r="F5451" s="1" t="s">
        <v>10</v>
      </c>
      <c r="G5451" s="1" t="s">
        <v>10</v>
      </c>
      <c r="H5451" s="1" t="s">
        <v>10</v>
      </c>
      <c r="I5451" s="1" t="s">
        <v>17172</v>
      </c>
      <c r="J5451" s="1" t="s">
        <v>18225</v>
      </c>
      <c r="K5451" s="1" t="s">
        <v>747</v>
      </c>
      <c r="L5451" s="1" t="s">
        <v>18994</v>
      </c>
      <c r="M5451" s="1" t="s">
        <v>5</v>
      </c>
      <c r="N5451" s="1" t="s">
        <v>10</v>
      </c>
      <c r="O5451" s="1" t="s">
        <v>38</v>
      </c>
      <c r="P5451" s="5" t="s">
        <v>31979</v>
      </c>
    </row>
    <row r="5452" spans="1:16" x14ac:dyDescent="0.2">
      <c r="A5452" s="1" t="s">
        <v>10</v>
      </c>
      <c r="B5452" s="1" t="s">
        <v>10</v>
      </c>
      <c r="C5452" s="1" t="s">
        <v>18999</v>
      </c>
      <c r="D5452" s="1" t="s">
        <v>930</v>
      </c>
      <c r="E5452" s="1" t="s">
        <v>19000</v>
      </c>
      <c r="F5452" s="1" t="s">
        <v>10</v>
      </c>
      <c r="G5452" s="1" t="s">
        <v>10</v>
      </c>
      <c r="H5452" s="1" t="s">
        <v>10</v>
      </c>
      <c r="I5452" s="1" t="s">
        <v>17172</v>
      </c>
      <c r="J5452" s="1" t="s">
        <v>17176</v>
      </c>
      <c r="K5452" s="1" t="s">
        <v>747</v>
      </c>
      <c r="L5452" s="1" t="s">
        <v>18998</v>
      </c>
      <c r="M5452" s="1" t="s">
        <v>5</v>
      </c>
      <c r="N5452" s="1" t="s">
        <v>10</v>
      </c>
      <c r="O5452" s="1" t="s">
        <v>38</v>
      </c>
      <c r="P5452" s="5" t="s">
        <v>31909</v>
      </c>
    </row>
    <row r="5453" spans="1:16" x14ac:dyDescent="0.2">
      <c r="A5453" s="1" t="s">
        <v>10</v>
      </c>
      <c r="B5453" s="1" t="s">
        <v>10</v>
      </c>
      <c r="C5453" s="1" t="s">
        <v>19002</v>
      </c>
      <c r="D5453" s="1" t="s">
        <v>19003</v>
      </c>
      <c r="E5453" s="1" t="s">
        <v>19005</v>
      </c>
      <c r="F5453" s="1" t="s">
        <v>10</v>
      </c>
      <c r="G5453" s="1" t="s">
        <v>10</v>
      </c>
      <c r="H5453" s="1" t="s">
        <v>10</v>
      </c>
      <c r="I5453" s="1" t="s">
        <v>17172</v>
      </c>
      <c r="J5453" s="1" t="s">
        <v>19004</v>
      </c>
      <c r="K5453" s="1" t="s">
        <v>113</v>
      </c>
      <c r="L5453" s="1" t="s">
        <v>19001</v>
      </c>
      <c r="M5453" s="1" t="s">
        <v>5</v>
      </c>
      <c r="N5453" s="1" t="s">
        <v>10</v>
      </c>
      <c r="O5453" s="1" t="s">
        <v>38</v>
      </c>
      <c r="P5453" s="5" t="s">
        <v>10</v>
      </c>
    </row>
    <row r="5454" spans="1:16" x14ac:dyDescent="0.2">
      <c r="A5454" s="1" t="s">
        <v>20</v>
      </c>
      <c r="B5454" s="1" t="s">
        <v>93</v>
      </c>
      <c r="C5454" s="1" t="s">
        <v>19007</v>
      </c>
      <c r="D5454" s="1" t="s">
        <v>19008</v>
      </c>
      <c r="E5454" s="1" t="s">
        <v>19009</v>
      </c>
      <c r="F5454" s="1" t="s">
        <v>10</v>
      </c>
      <c r="G5454" s="1" t="s">
        <v>10</v>
      </c>
      <c r="H5454" s="1" t="s">
        <v>10</v>
      </c>
      <c r="I5454" s="1" t="s">
        <v>17172</v>
      </c>
      <c r="J5454" s="1" t="s">
        <v>17454</v>
      </c>
      <c r="K5454" s="1" t="s">
        <v>7</v>
      </c>
      <c r="L5454" s="1" t="s">
        <v>19006</v>
      </c>
      <c r="M5454" s="1" t="s">
        <v>5</v>
      </c>
      <c r="N5454" s="1" t="s">
        <v>10</v>
      </c>
      <c r="O5454" s="1" t="s">
        <v>38</v>
      </c>
      <c r="P5454" s="5" t="s">
        <v>31980</v>
      </c>
    </row>
    <row r="5455" spans="1:16" x14ac:dyDescent="0.2">
      <c r="A5455" s="1" t="s">
        <v>10</v>
      </c>
      <c r="B5455" s="1" t="s">
        <v>10</v>
      </c>
      <c r="C5455" s="1" t="s">
        <v>19011</v>
      </c>
      <c r="D5455" s="1" t="s">
        <v>19011</v>
      </c>
      <c r="E5455" s="1" t="s">
        <v>19012</v>
      </c>
      <c r="F5455" s="1" t="s">
        <v>10</v>
      </c>
      <c r="G5455" s="1" t="s">
        <v>10</v>
      </c>
      <c r="H5455" s="1" t="s">
        <v>10</v>
      </c>
      <c r="I5455" s="1" t="s">
        <v>17172</v>
      </c>
      <c r="J5455" s="1" t="s">
        <v>17329</v>
      </c>
      <c r="K5455" s="1" t="s">
        <v>37</v>
      </c>
      <c r="L5455" s="1" t="s">
        <v>19010</v>
      </c>
      <c r="M5455" s="1" t="s">
        <v>5</v>
      </c>
      <c r="N5455" s="1" t="s">
        <v>10</v>
      </c>
      <c r="O5455" s="1" t="s">
        <v>38</v>
      </c>
      <c r="P5455" s="5" t="s">
        <v>31876</v>
      </c>
    </row>
    <row r="5456" spans="1:16" x14ac:dyDescent="0.2">
      <c r="A5456" s="1" t="s">
        <v>10</v>
      </c>
      <c r="B5456" s="1" t="s">
        <v>10</v>
      </c>
      <c r="C5456" s="1" t="s">
        <v>19014</v>
      </c>
      <c r="D5456" s="1" t="s">
        <v>19014</v>
      </c>
      <c r="E5456" s="1" t="s">
        <v>19015</v>
      </c>
      <c r="F5456" s="1" t="s">
        <v>10</v>
      </c>
      <c r="G5456" s="1" t="s">
        <v>10</v>
      </c>
      <c r="H5456" s="1" t="s">
        <v>10</v>
      </c>
      <c r="I5456" s="1" t="s">
        <v>17172</v>
      </c>
      <c r="J5456" s="1" t="s">
        <v>17454</v>
      </c>
      <c r="K5456" s="1" t="s">
        <v>747</v>
      </c>
      <c r="L5456" s="1" t="s">
        <v>19013</v>
      </c>
      <c r="M5456" s="1" t="s">
        <v>5</v>
      </c>
      <c r="N5456" s="1" t="s">
        <v>10</v>
      </c>
      <c r="O5456" s="1" t="s">
        <v>38</v>
      </c>
      <c r="P5456" s="5" t="s">
        <v>30579</v>
      </c>
    </row>
    <row r="5457" spans="1:16" x14ac:dyDescent="0.2">
      <c r="A5457" s="1" t="s">
        <v>10</v>
      </c>
      <c r="B5457" s="1" t="s">
        <v>10</v>
      </c>
      <c r="C5457" s="1" t="s">
        <v>19017</v>
      </c>
      <c r="D5457" s="1" t="s">
        <v>19017</v>
      </c>
      <c r="E5457" s="1" t="s">
        <v>19018</v>
      </c>
      <c r="F5457" s="1" t="s">
        <v>10</v>
      </c>
      <c r="G5457" s="1" t="s">
        <v>10</v>
      </c>
      <c r="H5457" s="1" t="s">
        <v>10</v>
      </c>
      <c r="I5457" s="1" t="s">
        <v>17172</v>
      </c>
      <c r="J5457" s="1" t="s">
        <v>17229</v>
      </c>
      <c r="K5457" s="1" t="s">
        <v>7</v>
      </c>
      <c r="L5457" s="1" t="s">
        <v>19016</v>
      </c>
      <c r="M5457" s="1" t="s">
        <v>5</v>
      </c>
      <c r="N5457" s="1" t="s">
        <v>10</v>
      </c>
      <c r="O5457" s="1" t="s">
        <v>38</v>
      </c>
      <c r="P5457" s="5" t="s">
        <v>31981</v>
      </c>
    </row>
    <row r="5458" spans="1:16" x14ac:dyDescent="0.2">
      <c r="A5458" s="1" t="s">
        <v>10</v>
      </c>
      <c r="B5458" s="1" t="s">
        <v>10</v>
      </c>
      <c r="C5458" s="1" t="s">
        <v>19020</v>
      </c>
      <c r="D5458" s="1" t="s">
        <v>19021</v>
      </c>
      <c r="E5458" s="1" t="s">
        <v>19022</v>
      </c>
      <c r="F5458" s="1" t="s">
        <v>10</v>
      </c>
      <c r="G5458" s="1" t="s">
        <v>10</v>
      </c>
      <c r="H5458" s="1" t="s">
        <v>10</v>
      </c>
      <c r="I5458" s="1" t="s">
        <v>17172</v>
      </c>
      <c r="J5458" s="1" t="s">
        <v>17229</v>
      </c>
      <c r="K5458" s="1" t="s">
        <v>7</v>
      </c>
      <c r="L5458" s="1" t="s">
        <v>19019</v>
      </c>
      <c r="M5458" s="1" t="s">
        <v>5</v>
      </c>
      <c r="N5458" s="1" t="s">
        <v>10</v>
      </c>
      <c r="O5458" s="1" t="s">
        <v>38</v>
      </c>
      <c r="P5458" s="5" t="s">
        <v>31982</v>
      </c>
    </row>
    <row r="5459" spans="1:16" ht="76.5" x14ac:dyDescent="0.2">
      <c r="A5459" s="1" t="s">
        <v>10</v>
      </c>
      <c r="B5459" s="1" t="s">
        <v>10</v>
      </c>
      <c r="C5459" s="1" t="s">
        <v>19024</v>
      </c>
      <c r="D5459" s="1" t="s">
        <v>19025</v>
      </c>
      <c r="E5459" s="1" t="s">
        <v>19026</v>
      </c>
      <c r="F5459" s="1" t="s">
        <v>10</v>
      </c>
      <c r="G5459" s="1" t="s">
        <v>10</v>
      </c>
      <c r="H5459" s="1" t="s">
        <v>10</v>
      </c>
      <c r="I5459" s="1" t="s">
        <v>17172</v>
      </c>
      <c r="J5459" s="1" t="s">
        <v>17176</v>
      </c>
      <c r="K5459" s="1" t="s">
        <v>64</v>
      </c>
      <c r="L5459" s="1" t="s">
        <v>19023</v>
      </c>
      <c r="M5459" s="1" t="s">
        <v>5</v>
      </c>
      <c r="N5459" s="1" t="s">
        <v>10</v>
      </c>
      <c r="O5459" s="1" t="s">
        <v>38</v>
      </c>
      <c r="P5459" s="9" t="s">
        <v>31983</v>
      </c>
    </row>
    <row r="5460" spans="1:16" x14ac:dyDescent="0.2">
      <c r="A5460" s="1" t="s">
        <v>10</v>
      </c>
      <c r="B5460" s="1" t="s">
        <v>10</v>
      </c>
      <c r="C5460" s="1" t="s">
        <v>19028</v>
      </c>
      <c r="D5460" s="1" t="s">
        <v>19029</v>
      </c>
      <c r="E5460" s="1" t="s">
        <v>19030</v>
      </c>
      <c r="F5460" s="1" t="s">
        <v>10</v>
      </c>
      <c r="G5460" s="1" t="s">
        <v>10</v>
      </c>
      <c r="H5460" s="1" t="s">
        <v>10</v>
      </c>
      <c r="I5460" s="1" t="s">
        <v>17172</v>
      </c>
      <c r="J5460" s="1" t="s">
        <v>17333</v>
      </c>
      <c r="K5460" s="1" t="s">
        <v>37</v>
      </c>
      <c r="L5460" s="1" t="s">
        <v>19027</v>
      </c>
      <c r="M5460" s="1" t="s">
        <v>5</v>
      </c>
      <c r="N5460" s="1" t="s">
        <v>10</v>
      </c>
      <c r="O5460" s="1" t="s">
        <v>38</v>
      </c>
      <c r="P5460" s="5" t="s">
        <v>31982</v>
      </c>
    </row>
    <row r="5461" spans="1:16" x14ac:dyDescent="0.2">
      <c r="A5461" s="1" t="s">
        <v>10</v>
      </c>
      <c r="B5461" s="1" t="s">
        <v>10</v>
      </c>
      <c r="C5461" s="1" t="s">
        <v>19032</v>
      </c>
      <c r="D5461" s="1" t="s">
        <v>19033</v>
      </c>
      <c r="E5461" s="1" t="s">
        <v>19034</v>
      </c>
      <c r="F5461" s="1" t="s">
        <v>10</v>
      </c>
      <c r="G5461" s="1" t="s">
        <v>10</v>
      </c>
      <c r="H5461" s="1" t="s">
        <v>10</v>
      </c>
      <c r="I5461" s="1" t="s">
        <v>17172</v>
      </c>
      <c r="J5461" s="1" t="s">
        <v>17214</v>
      </c>
      <c r="K5461" s="1" t="s">
        <v>47</v>
      </c>
      <c r="L5461" s="1" t="s">
        <v>19031</v>
      </c>
      <c r="M5461" s="1" t="s">
        <v>5</v>
      </c>
      <c r="N5461" s="1" t="s">
        <v>10</v>
      </c>
      <c r="O5461" s="1" t="s">
        <v>38</v>
      </c>
      <c r="P5461" s="5" t="s">
        <v>30580</v>
      </c>
    </row>
    <row r="5462" spans="1:16" x14ac:dyDescent="0.2">
      <c r="A5462" s="1" t="s">
        <v>10</v>
      </c>
      <c r="B5462" s="1" t="s">
        <v>10</v>
      </c>
      <c r="C5462" s="1" t="s">
        <v>17936</v>
      </c>
      <c r="D5462" s="1" t="s">
        <v>17936</v>
      </c>
      <c r="E5462" s="1" t="s">
        <v>19037</v>
      </c>
      <c r="F5462" s="1" t="s">
        <v>10</v>
      </c>
      <c r="G5462" s="1" t="s">
        <v>10</v>
      </c>
      <c r="H5462" s="1" t="s">
        <v>10</v>
      </c>
      <c r="I5462" s="1" t="s">
        <v>17172</v>
      </c>
      <c r="J5462" s="1" t="s">
        <v>17333</v>
      </c>
      <c r="K5462" s="1" t="s">
        <v>37</v>
      </c>
      <c r="L5462" s="1" t="s">
        <v>19036</v>
      </c>
      <c r="M5462" s="1" t="s">
        <v>5</v>
      </c>
      <c r="N5462" s="1" t="s">
        <v>10</v>
      </c>
      <c r="O5462" s="1" t="s">
        <v>38</v>
      </c>
      <c r="P5462" s="5" t="s">
        <v>31874</v>
      </c>
    </row>
    <row r="5463" spans="1:16" x14ac:dyDescent="0.2">
      <c r="A5463" s="1" t="s">
        <v>10</v>
      </c>
      <c r="B5463" s="1" t="s">
        <v>10</v>
      </c>
      <c r="C5463" s="1" t="s">
        <v>19039</v>
      </c>
      <c r="D5463" s="1" t="s">
        <v>19040</v>
      </c>
      <c r="E5463" s="1" t="s">
        <v>19041</v>
      </c>
      <c r="F5463" s="1" t="s">
        <v>10</v>
      </c>
      <c r="G5463" s="1" t="s">
        <v>10</v>
      </c>
      <c r="H5463" s="1" t="s">
        <v>10</v>
      </c>
      <c r="I5463" s="1" t="s">
        <v>17172</v>
      </c>
      <c r="J5463" s="1" t="s">
        <v>17333</v>
      </c>
      <c r="K5463" s="1" t="s">
        <v>37</v>
      </c>
      <c r="L5463" s="1" t="s">
        <v>19038</v>
      </c>
      <c r="M5463" s="1" t="s">
        <v>5</v>
      </c>
      <c r="N5463" s="1" t="s">
        <v>10</v>
      </c>
      <c r="O5463" s="1" t="s">
        <v>38</v>
      </c>
      <c r="P5463" s="5" t="s">
        <v>31982</v>
      </c>
    </row>
    <row r="5464" spans="1:16" x14ac:dyDescent="0.2">
      <c r="A5464" s="1" t="s">
        <v>10</v>
      </c>
      <c r="B5464" s="1" t="s">
        <v>10</v>
      </c>
      <c r="C5464" s="1" t="s">
        <v>19043</v>
      </c>
      <c r="D5464" s="1" t="s">
        <v>19044</v>
      </c>
      <c r="E5464" s="1" t="s">
        <v>19045</v>
      </c>
      <c r="F5464" s="1" t="s">
        <v>10</v>
      </c>
      <c r="G5464" s="1" t="s">
        <v>10</v>
      </c>
      <c r="H5464" s="1" t="s">
        <v>10</v>
      </c>
      <c r="I5464" s="1" t="s">
        <v>17172</v>
      </c>
      <c r="J5464" s="1" t="s">
        <v>17224</v>
      </c>
      <c r="K5464" s="1" t="s">
        <v>113</v>
      </c>
      <c r="L5464" s="1" t="s">
        <v>19042</v>
      </c>
      <c r="M5464" s="1" t="s">
        <v>5</v>
      </c>
      <c r="N5464" s="1" t="s">
        <v>10</v>
      </c>
      <c r="O5464" s="1" t="s">
        <v>38</v>
      </c>
      <c r="P5464" s="5" t="s">
        <v>30542</v>
      </c>
    </row>
    <row r="5465" spans="1:16" x14ac:dyDescent="0.2">
      <c r="A5465" s="1" t="s">
        <v>10</v>
      </c>
      <c r="B5465" s="1" t="s">
        <v>10</v>
      </c>
      <c r="C5465" s="1" t="s">
        <v>19047</v>
      </c>
      <c r="D5465" s="1" t="s">
        <v>19048</v>
      </c>
      <c r="E5465" s="1" t="s">
        <v>19049</v>
      </c>
      <c r="F5465" s="1" t="s">
        <v>10</v>
      </c>
      <c r="G5465" s="1" t="s">
        <v>10</v>
      </c>
      <c r="H5465" s="1" t="s">
        <v>10</v>
      </c>
      <c r="I5465" s="1" t="s">
        <v>17172</v>
      </c>
      <c r="J5465" s="1" t="s">
        <v>17333</v>
      </c>
      <c r="K5465" s="1" t="s">
        <v>37</v>
      </c>
      <c r="L5465" s="1" t="s">
        <v>19046</v>
      </c>
      <c r="M5465" s="1" t="s">
        <v>5</v>
      </c>
      <c r="N5465" s="1" t="s">
        <v>10</v>
      </c>
      <c r="O5465" s="1" t="s">
        <v>38</v>
      </c>
      <c r="P5465" s="5" t="s">
        <v>31981</v>
      </c>
    </row>
    <row r="5466" spans="1:16" x14ac:dyDescent="0.2">
      <c r="A5466" s="1" t="s">
        <v>10</v>
      </c>
      <c r="B5466" s="1" t="s">
        <v>10</v>
      </c>
      <c r="C5466" s="1" t="s">
        <v>19051</v>
      </c>
      <c r="D5466" s="1" t="s">
        <v>417</v>
      </c>
      <c r="E5466" s="1" t="s">
        <v>19052</v>
      </c>
      <c r="F5466" s="1" t="s">
        <v>10</v>
      </c>
      <c r="G5466" s="1" t="s">
        <v>10</v>
      </c>
      <c r="H5466" s="1" t="s">
        <v>10</v>
      </c>
      <c r="I5466" s="1" t="s">
        <v>17172</v>
      </c>
      <c r="J5466" s="1" t="s">
        <v>17214</v>
      </c>
      <c r="K5466" s="1" t="s">
        <v>47</v>
      </c>
      <c r="L5466" s="1" t="s">
        <v>19050</v>
      </c>
      <c r="M5466" s="1" t="s">
        <v>5</v>
      </c>
      <c r="N5466" s="1" t="s">
        <v>10</v>
      </c>
      <c r="O5466" s="1" t="s">
        <v>38</v>
      </c>
      <c r="P5466" s="5" t="s">
        <v>31981</v>
      </c>
    </row>
    <row r="5467" spans="1:16" x14ac:dyDescent="0.2">
      <c r="A5467" s="1" t="s">
        <v>10</v>
      </c>
      <c r="B5467" s="1" t="s">
        <v>10</v>
      </c>
      <c r="C5467" s="1" t="s">
        <v>19054</v>
      </c>
      <c r="D5467" s="1" t="s">
        <v>19055</v>
      </c>
      <c r="E5467" s="1" t="s">
        <v>19056</v>
      </c>
      <c r="F5467" s="1" t="s">
        <v>10</v>
      </c>
      <c r="G5467" s="1" t="s">
        <v>10</v>
      </c>
      <c r="H5467" s="1" t="s">
        <v>10</v>
      </c>
      <c r="I5467" s="1" t="s">
        <v>17172</v>
      </c>
      <c r="J5467" s="1" t="s">
        <v>17214</v>
      </c>
      <c r="K5467" s="1" t="s">
        <v>47</v>
      </c>
      <c r="L5467" s="1" t="s">
        <v>19053</v>
      </c>
      <c r="M5467" s="1" t="s">
        <v>5</v>
      </c>
      <c r="N5467" s="1" t="s">
        <v>10</v>
      </c>
      <c r="O5467" s="1" t="s">
        <v>38</v>
      </c>
      <c r="P5467" s="5" t="s">
        <v>30581</v>
      </c>
    </row>
    <row r="5468" spans="1:16" x14ac:dyDescent="0.2">
      <c r="A5468" s="1" t="s">
        <v>10</v>
      </c>
      <c r="B5468" s="1" t="s">
        <v>10</v>
      </c>
      <c r="C5468" s="1" t="s">
        <v>19058</v>
      </c>
      <c r="D5468" s="1" t="s">
        <v>19059</v>
      </c>
      <c r="E5468" s="1" t="s">
        <v>19060</v>
      </c>
      <c r="F5468" s="1" t="s">
        <v>10</v>
      </c>
      <c r="G5468" s="1" t="s">
        <v>10</v>
      </c>
      <c r="H5468" s="1" t="s">
        <v>10</v>
      </c>
      <c r="I5468" s="1" t="s">
        <v>17172</v>
      </c>
      <c r="J5468" s="1" t="s">
        <v>17176</v>
      </c>
      <c r="K5468" s="1" t="s">
        <v>64</v>
      </c>
      <c r="L5468" s="1" t="s">
        <v>19057</v>
      </c>
      <c r="M5468" s="1" t="s">
        <v>5</v>
      </c>
      <c r="N5468" s="1" t="s">
        <v>10</v>
      </c>
      <c r="O5468" s="1" t="s">
        <v>38</v>
      </c>
      <c r="P5468" s="5" t="s">
        <v>31982</v>
      </c>
    </row>
    <row r="5469" spans="1:16" x14ac:dyDescent="0.2">
      <c r="A5469" s="1" t="s">
        <v>10</v>
      </c>
      <c r="B5469" s="1" t="s">
        <v>10</v>
      </c>
      <c r="C5469" s="1" t="s">
        <v>19062</v>
      </c>
      <c r="D5469" s="1" t="s">
        <v>19063</v>
      </c>
      <c r="E5469" s="1" t="s">
        <v>19064</v>
      </c>
      <c r="F5469" s="1" t="s">
        <v>10</v>
      </c>
      <c r="G5469" s="1" t="s">
        <v>10</v>
      </c>
      <c r="H5469" s="1" t="s">
        <v>10</v>
      </c>
      <c r="I5469" s="1" t="s">
        <v>17172</v>
      </c>
      <c r="J5469" s="1" t="s">
        <v>17343</v>
      </c>
      <c r="K5469" s="1" t="s">
        <v>586</v>
      </c>
      <c r="L5469" s="1" t="s">
        <v>19061</v>
      </c>
      <c r="M5469" s="1" t="s">
        <v>5</v>
      </c>
      <c r="N5469" s="1" t="s">
        <v>10</v>
      </c>
      <c r="O5469" s="1" t="s">
        <v>38</v>
      </c>
      <c r="P5469" s="5" t="s">
        <v>31984</v>
      </c>
    </row>
    <row r="5470" spans="1:16" x14ac:dyDescent="0.2">
      <c r="A5470" s="1" t="s">
        <v>10</v>
      </c>
      <c r="B5470" s="1" t="s">
        <v>10</v>
      </c>
      <c r="C5470" s="1" t="s">
        <v>19066</v>
      </c>
      <c r="D5470" s="1" t="s">
        <v>19033</v>
      </c>
      <c r="E5470" s="1" t="s">
        <v>19067</v>
      </c>
      <c r="F5470" s="1" t="s">
        <v>10</v>
      </c>
      <c r="G5470" s="1" t="s">
        <v>10</v>
      </c>
      <c r="H5470" s="1" t="s">
        <v>10</v>
      </c>
      <c r="I5470" s="1" t="s">
        <v>17172</v>
      </c>
      <c r="J5470" s="1" t="s">
        <v>17214</v>
      </c>
      <c r="K5470" s="1" t="s">
        <v>47</v>
      </c>
      <c r="L5470" s="1" t="s">
        <v>19065</v>
      </c>
      <c r="M5470" s="1" t="s">
        <v>5</v>
      </c>
      <c r="N5470" s="1" t="s">
        <v>10</v>
      </c>
      <c r="O5470" s="1" t="s">
        <v>38</v>
      </c>
      <c r="P5470" s="5" t="s">
        <v>30580</v>
      </c>
    </row>
    <row r="5471" spans="1:16" x14ac:dyDescent="0.2">
      <c r="A5471" s="1" t="s">
        <v>10</v>
      </c>
      <c r="B5471" s="1" t="s">
        <v>10</v>
      </c>
      <c r="C5471" s="1" t="s">
        <v>19069</v>
      </c>
      <c r="D5471" s="1" t="s">
        <v>19070</v>
      </c>
      <c r="E5471" s="1" t="s">
        <v>19069</v>
      </c>
      <c r="F5471" s="1" t="s">
        <v>10</v>
      </c>
      <c r="G5471" s="1" t="s">
        <v>10</v>
      </c>
      <c r="H5471" s="1" t="s">
        <v>10</v>
      </c>
      <c r="I5471" s="1" t="s">
        <v>17172</v>
      </c>
      <c r="J5471" s="1" t="s">
        <v>17214</v>
      </c>
      <c r="K5471" s="1" t="s">
        <v>47</v>
      </c>
      <c r="L5471" s="1" t="s">
        <v>19068</v>
      </c>
      <c r="M5471" s="1" t="s">
        <v>5</v>
      </c>
      <c r="N5471" s="1" t="s">
        <v>10</v>
      </c>
      <c r="O5471" s="1" t="s">
        <v>38</v>
      </c>
      <c r="P5471" s="5" t="s">
        <v>31874</v>
      </c>
    </row>
    <row r="5472" spans="1:16" x14ac:dyDescent="0.2">
      <c r="A5472" s="1" t="s">
        <v>10</v>
      </c>
      <c r="B5472" s="1" t="s">
        <v>10</v>
      </c>
      <c r="C5472" s="1" t="s">
        <v>19072</v>
      </c>
      <c r="D5472" s="1" t="s">
        <v>19073</v>
      </c>
      <c r="E5472" s="1" t="s">
        <v>19074</v>
      </c>
      <c r="F5472" s="1" t="s">
        <v>10</v>
      </c>
      <c r="G5472" s="1" t="s">
        <v>10</v>
      </c>
      <c r="H5472" s="1" t="s">
        <v>10</v>
      </c>
      <c r="I5472" s="1" t="s">
        <v>17172</v>
      </c>
      <c r="J5472" s="1" t="s">
        <v>17214</v>
      </c>
      <c r="K5472" s="1" t="s">
        <v>47</v>
      </c>
      <c r="L5472" s="1" t="s">
        <v>19071</v>
      </c>
      <c r="M5472" s="1" t="s">
        <v>5</v>
      </c>
      <c r="N5472" s="1" t="s">
        <v>10</v>
      </c>
      <c r="O5472" s="1" t="s">
        <v>38</v>
      </c>
      <c r="P5472" s="5" t="s">
        <v>31982</v>
      </c>
    </row>
    <row r="5473" spans="1:16" x14ac:dyDescent="0.2">
      <c r="A5473" s="1" t="s">
        <v>10</v>
      </c>
      <c r="B5473" s="1" t="s">
        <v>10</v>
      </c>
      <c r="C5473" s="1" t="s">
        <v>19076</v>
      </c>
      <c r="D5473" s="1" t="s">
        <v>7833</v>
      </c>
      <c r="E5473" s="1" t="s">
        <v>19077</v>
      </c>
      <c r="F5473" s="1" t="s">
        <v>10</v>
      </c>
      <c r="G5473" s="1" t="s">
        <v>10</v>
      </c>
      <c r="H5473" s="1" t="s">
        <v>10</v>
      </c>
      <c r="I5473" s="1" t="s">
        <v>17172</v>
      </c>
      <c r="J5473" s="1" t="s">
        <v>17333</v>
      </c>
      <c r="K5473" s="1" t="s">
        <v>113</v>
      </c>
      <c r="L5473" s="1" t="s">
        <v>19075</v>
      </c>
      <c r="M5473" s="1" t="s">
        <v>5</v>
      </c>
      <c r="N5473" s="1" t="s">
        <v>10</v>
      </c>
      <c r="O5473" s="1" t="s">
        <v>38</v>
      </c>
      <c r="P5473" s="5" t="s">
        <v>31874</v>
      </c>
    </row>
    <row r="5474" spans="1:16" x14ac:dyDescent="0.2">
      <c r="A5474" s="1" t="s">
        <v>10</v>
      </c>
      <c r="B5474" s="1" t="s">
        <v>10</v>
      </c>
      <c r="C5474" s="1" t="s">
        <v>19079</v>
      </c>
      <c r="D5474" s="1" t="s">
        <v>19080</v>
      </c>
      <c r="E5474" s="1" t="s">
        <v>19081</v>
      </c>
      <c r="F5474" s="1" t="s">
        <v>10</v>
      </c>
      <c r="G5474" s="1" t="s">
        <v>10</v>
      </c>
      <c r="H5474" s="1" t="s">
        <v>10</v>
      </c>
      <c r="I5474" s="1" t="s">
        <v>17172</v>
      </c>
      <c r="J5474" s="1" t="s">
        <v>17214</v>
      </c>
      <c r="K5474" s="1" t="s">
        <v>47</v>
      </c>
      <c r="L5474" s="1" t="s">
        <v>19078</v>
      </c>
      <c r="M5474" s="1" t="s">
        <v>5</v>
      </c>
      <c r="N5474" s="1" t="s">
        <v>10</v>
      </c>
      <c r="O5474" s="1" t="s">
        <v>38</v>
      </c>
      <c r="P5474" s="5" t="s">
        <v>31982</v>
      </c>
    </row>
    <row r="5475" spans="1:16" x14ac:dyDescent="0.2">
      <c r="A5475" s="1" t="s">
        <v>10</v>
      </c>
      <c r="B5475" s="1" t="s">
        <v>10</v>
      </c>
      <c r="C5475" s="1" t="s">
        <v>19083</v>
      </c>
      <c r="D5475" s="1" t="s">
        <v>3187</v>
      </c>
      <c r="E5475" s="1" t="s">
        <v>19084</v>
      </c>
      <c r="F5475" s="1" t="s">
        <v>10</v>
      </c>
      <c r="G5475" s="1" t="s">
        <v>10</v>
      </c>
      <c r="H5475" s="1" t="s">
        <v>10</v>
      </c>
      <c r="I5475" s="1" t="s">
        <v>17172</v>
      </c>
      <c r="J5475" s="1" t="s">
        <v>17214</v>
      </c>
      <c r="K5475" s="1" t="s">
        <v>47</v>
      </c>
      <c r="L5475" s="1" t="s">
        <v>19082</v>
      </c>
      <c r="M5475" s="1" t="s">
        <v>5</v>
      </c>
      <c r="N5475" s="1" t="s">
        <v>10</v>
      </c>
      <c r="O5475" s="1" t="s">
        <v>38</v>
      </c>
      <c r="P5475" s="5" t="s">
        <v>31981</v>
      </c>
    </row>
    <row r="5476" spans="1:16" x14ac:dyDescent="0.2">
      <c r="A5476" s="1" t="s">
        <v>10</v>
      </c>
      <c r="B5476" s="1" t="s">
        <v>10</v>
      </c>
      <c r="C5476" s="1" t="s">
        <v>19086</v>
      </c>
      <c r="D5476" s="1" t="s">
        <v>19087</v>
      </c>
      <c r="E5476" s="1" t="s">
        <v>19088</v>
      </c>
      <c r="F5476" s="1" t="s">
        <v>10</v>
      </c>
      <c r="G5476" s="1" t="s">
        <v>10</v>
      </c>
      <c r="H5476" s="1" t="s">
        <v>10</v>
      </c>
      <c r="I5476" s="1" t="s">
        <v>17172</v>
      </c>
      <c r="J5476" s="1" t="s">
        <v>17214</v>
      </c>
      <c r="K5476" s="1" t="s">
        <v>47</v>
      </c>
      <c r="L5476" s="1" t="s">
        <v>19085</v>
      </c>
      <c r="M5476" s="1" t="s">
        <v>5</v>
      </c>
      <c r="N5476" s="1" t="s">
        <v>10</v>
      </c>
      <c r="O5476" s="1" t="s">
        <v>38</v>
      </c>
      <c r="P5476" s="5" t="s">
        <v>31985</v>
      </c>
    </row>
    <row r="5477" spans="1:16" x14ac:dyDescent="0.2">
      <c r="A5477" s="1" t="s">
        <v>20</v>
      </c>
      <c r="B5477" s="1" t="s">
        <v>132</v>
      </c>
      <c r="C5477" s="1" t="s">
        <v>19090</v>
      </c>
      <c r="D5477" s="1" t="s">
        <v>19091</v>
      </c>
      <c r="E5477" s="1" t="s">
        <v>19092</v>
      </c>
      <c r="F5477" s="1" t="s">
        <v>10</v>
      </c>
      <c r="G5477" s="1" t="s">
        <v>10</v>
      </c>
      <c r="H5477" s="1" t="s">
        <v>10</v>
      </c>
      <c r="I5477" s="1" t="s">
        <v>17172</v>
      </c>
      <c r="J5477" s="1" t="s">
        <v>17434</v>
      </c>
      <c r="K5477" s="1" t="s">
        <v>7</v>
      </c>
      <c r="L5477" s="1" t="s">
        <v>19089</v>
      </c>
      <c r="M5477" s="1" t="s">
        <v>5</v>
      </c>
      <c r="N5477" s="1" t="s">
        <v>10</v>
      </c>
      <c r="O5477" s="1" t="s">
        <v>8</v>
      </c>
      <c r="P5477" s="5" t="s">
        <v>10</v>
      </c>
    </row>
    <row r="5478" spans="1:16" x14ac:dyDescent="0.2">
      <c r="A5478" s="1" t="s">
        <v>10</v>
      </c>
      <c r="B5478" s="1" t="s">
        <v>10</v>
      </c>
      <c r="C5478" s="1" t="s">
        <v>19094</v>
      </c>
      <c r="D5478" s="1" t="s">
        <v>19095</v>
      </c>
      <c r="E5478" s="1" t="s">
        <v>19096</v>
      </c>
      <c r="F5478" s="1" t="s">
        <v>10</v>
      </c>
      <c r="G5478" s="1" t="s">
        <v>10</v>
      </c>
      <c r="H5478" s="1" t="s">
        <v>10</v>
      </c>
      <c r="I5478" s="1" t="s">
        <v>17172</v>
      </c>
      <c r="J5478" s="1" t="s">
        <v>17465</v>
      </c>
      <c r="K5478" s="1" t="s">
        <v>7</v>
      </c>
      <c r="L5478" s="1" t="s">
        <v>19093</v>
      </c>
      <c r="M5478" s="1" t="s">
        <v>5</v>
      </c>
      <c r="N5478" s="1" t="s">
        <v>10</v>
      </c>
      <c r="O5478" s="1" t="s">
        <v>38</v>
      </c>
      <c r="P5478" s="5" t="s">
        <v>31986</v>
      </c>
    </row>
    <row r="5479" spans="1:16" x14ac:dyDescent="0.2">
      <c r="A5479" s="1" t="s">
        <v>20</v>
      </c>
      <c r="B5479" s="1" t="s">
        <v>253</v>
      </c>
      <c r="C5479" s="1" t="s">
        <v>19098</v>
      </c>
      <c r="D5479" s="1" t="s">
        <v>19099</v>
      </c>
      <c r="E5479" s="1" t="s">
        <v>19100</v>
      </c>
      <c r="F5479" s="1" t="s">
        <v>10</v>
      </c>
      <c r="G5479" s="1" t="s">
        <v>10</v>
      </c>
      <c r="H5479" s="1" t="s">
        <v>10</v>
      </c>
      <c r="I5479" s="1" t="s">
        <v>17172</v>
      </c>
      <c r="J5479" s="1" t="s">
        <v>17214</v>
      </c>
      <c r="K5479" s="1" t="s">
        <v>47</v>
      </c>
      <c r="L5479" s="1" t="s">
        <v>19097</v>
      </c>
      <c r="M5479" s="1" t="s">
        <v>5</v>
      </c>
      <c r="N5479" s="1" t="s">
        <v>10</v>
      </c>
      <c r="O5479" s="1" t="s">
        <v>38</v>
      </c>
      <c r="P5479" s="5" t="s">
        <v>31987</v>
      </c>
    </row>
    <row r="5480" spans="1:16" x14ac:dyDescent="0.2">
      <c r="A5480" s="1" t="s">
        <v>20</v>
      </c>
      <c r="B5480" s="1" t="s">
        <v>309</v>
      </c>
      <c r="C5480" s="1" t="s">
        <v>19102</v>
      </c>
      <c r="D5480" s="1" t="s">
        <v>10</v>
      </c>
      <c r="E5480" s="1" t="s">
        <v>19103</v>
      </c>
      <c r="F5480" s="1" t="s">
        <v>10</v>
      </c>
      <c r="G5480" s="1" t="s">
        <v>10</v>
      </c>
      <c r="H5480" s="1" t="s">
        <v>10</v>
      </c>
      <c r="I5480" s="1" t="s">
        <v>17172</v>
      </c>
      <c r="J5480" s="1" t="s">
        <v>17214</v>
      </c>
      <c r="K5480" s="1" t="s">
        <v>47</v>
      </c>
      <c r="L5480" s="1" t="s">
        <v>19101</v>
      </c>
      <c r="M5480" s="1" t="s">
        <v>5</v>
      </c>
      <c r="N5480" s="1" t="s">
        <v>10</v>
      </c>
      <c r="O5480" s="1" t="s">
        <v>38</v>
      </c>
      <c r="P5480" s="5" t="s">
        <v>31988</v>
      </c>
    </row>
    <row r="5481" spans="1:16" x14ac:dyDescent="0.2">
      <c r="A5481" s="1" t="s">
        <v>10</v>
      </c>
      <c r="B5481" s="1" t="s">
        <v>10</v>
      </c>
      <c r="C5481" s="1" t="s">
        <v>19105</v>
      </c>
      <c r="D5481" s="1" t="s">
        <v>10</v>
      </c>
      <c r="E5481" s="1" t="s">
        <v>19106</v>
      </c>
      <c r="F5481" s="1" t="s">
        <v>10</v>
      </c>
      <c r="G5481" s="1" t="s">
        <v>10</v>
      </c>
      <c r="H5481" s="1" t="s">
        <v>10</v>
      </c>
      <c r="I5481" s="1" t="s">
        <v>17172</v>
      </c>
      <c r="J5481" s="1" t="s">
        <v>17214</v>
      </c>
      <c r="K5481" s="1" t="s">
        <v>47</v>
      </c>
      <c r="L5481" s="1" t="s">
        <v>19104</v>
      </c>
      <c r="M5481" s="1" t="s">
        <v>5</v>
      </c>
      <c r="N5481" s="1" t="s">
        <v>10</v>
      </c>
      <c r="O5481" s="1" t="s">
        <v>38</v>
      </c>
      <c r="P5481" s="5" t="s">
        <v>10</v>
      </c>
    </row>
    <row r="5482" spans="1:16" x14ac:dyDescent="0.2">
      <c r="A5482" s="1" t="s">
        <v>10</v>
      </c>
      <c r="B5482" s="1" t="s">
        <v>10</v>
      </c>
      <c r="C5482" s="1" t="s">
        <v>19108</v>
      </c>
      <c r="D5482" s="1" t="s">
        <v>4820</v>
      </c>
      <c r="E5482" s="1" t="s">
        <v>19109</v>
      </c>
      <c r="F5482" s="1" t="s">
        <v>10</v>
      </c>
      <c r="G5482" s="1" t="s">
        <v>10</v>
      </c>
      <c r="H5482" s="1" t="s">
        <v>10</v>
      </c>
      <c r="I5482" s="1" t="s">
        <v>17172</v>
      </c>
      <c r="J5482" s="1" t="s">
        <v>17229</v>
      </c>
      <c r="K5482" s="1" t="s">
        <v>130</v>
      </c>
      <c r="L5482" s="1" t="s">
        <v>19107</v>
      </c>
      <c r="M5482" s="1" t="s">
        <v>5</v>
      </c>
      <c r="N5482" s="1" t="s">
        <v>10</v>
      </c>
      <c r="O5482" s="1" t="s">
        <v>38</v>
      </c>
      <c r="P5482" s="5" t="s">
        <v>30549</v>
      </c>
    </row>
    <row r="5483" spans="1:16" x14ac:dyDescent="0.2">
      <c r="A5483" s="1" t="s">
        <v>10</v>
      </c>
      <c r="B5483" s="1" t="s">
        <v>10</v>
      </c>
      <c r="C5483" s="1" t="s">
        <v>19111</v>
      </c>
      <c r="D5483" s="1" t="s">
        <v>19112</v>
      </c>
      <c r="E5483" s="1" t="s">
        <v>19113</v>
      </c>
      <c r="F5483" s="1" t="s">
        <v>10</v>
      </c>
      <c r="G5483" s="1" t="s">
        <v>10</v>
      </c>
      <c r="H5483" s="1" t="s">
        <v>10</v>
      </c>
      <c r="I5483" s="1" t="s">
        <v>17172</v>
      </c>
      <c r="J5483" s="1" t="s">
        <v>17251</v>
      </c>
      <c r="K5483" s="1" t="s">
        <v>47</v>
      </c>
      <c r="L5483" s="1" t="s">
        <v>19110</v>
      </c>
      <c r="M5483" s="1" t="s">
        <v>5</v>
      </c>
      <c r="N5483" s="1" t="s">
        <v>10</v>
      </c>
      <c r="O5483" s="1" t="s">
        <v>38</v>
      </c>
      <c r="P5483" s="5" t="s">
        <v>31843</v>
      </c>
    </row>
    <row r="5484" spans="1:16" x14ac:dyDescent="0.2">
      <c r="A5484" s="1" t="s">
        <v>10</v>
      </c>
      <c r="B5484" s="1" t="s">
        <v>10</v>
      </c>
      <c r="C5484" s="1" t="s">
        <v>19115</v>
      </c>
      <c r="D5484" s="1" t="s">
        <v>11530</v>
      </c>
      <c r="E5484" s="1" t="s">
        <v>19116</v>
      </c>
      <c r="F5484" s="1" t="s">
        <v>10</v>
      </c>
      <c r="G5484" s="1" t="s">
        <v>10</v>
      </c>
      <c r="H5484" s="1" t="s">
        <v>10</v>
      </c>
      <c r="I5484" s="1" t="s">
        <v>17172</v>
      </c>
      <c r="J5484" s="1" t="s">
        <v>17251</v>
      </c>
      <c r="K5484" s="1" t="s">
        <v>47</v>
      </c>
      <c r="L5484" s="1" t="s">
        <v>19114</v>
      </c>
      <c r="M5484" s="1" t="s">
        <v>5</v>
      </c>
      <c r="N5484" s="1" t="s">
        <v>10</v>
      </c>
      <c r="O5484" s="1" t="s">
        <v>38</v>
      </c>
      <c r="P5484" s="5" t="s">
        <v>30582</v>
      </c>
    </row>
    <row r="5485" spans="1:16" x14ac:dyDescent="0.2">
      <c r="A5485" s="1" t="s">
        <v>10</v>
      </c>
      <c r="B5485" s="1" t="s">
        <v>10</v>
      </c>
      <c r="C5485" s="1" t="s">
        <v>19118</v>
      </c>
      <c r="D5485" s="1" t="s">
        <v>19119</v>
      </c>
      <c r="E5485" s="1" t="s">
        <v>19120</v>
      </c>
      <c r="F5485" s="1" t="s">
        <v>10</v>
      </c>
      <c r="G5485" s="1" t="s">
        <v>10</v>
      </c>
      <c r="H5485" s="1" t="s">
        <v>10</v>
      </c>
      <c r="I5485" s="1" t="s">
        <v>17172</v>
      </c>
      <c r="J5485" s="1" t="s">
        <v>17176</v>
      </c>
      <c r="K5485" s="1" t="s">
        <v>47</v>
      </c>
      <c r="L5485" s="1" t="s">
        <v>19117</v>
      </c>
      <c r="M5485" s="1" t="s">
        <v>5</v>
      </c>
      <c r="N5485" s="1" t="s">
        <v>10</v>
      </c>
      <c r="O5485" s="1" t="s">
        <v>38</v>
      </c>
      <c r="P5485" s="5" t="s">
        <v>29846</v>
      </c>
    </row>
    <row r="5486" spans="1:16" x14ac:dyDescent="0.2">
      <c r="A5486" s="1" t="s">
        <v>10</v>
      </c>
      <c r="B5486" s="1" t="s">
        <v>10</v>
      </c>
      <c r="C5486" s="1" t="s">
        <v>19122</v>
      </c>
      <c r="D5486" s="1" t="s">
        <v>19123</v>
      </c>
      <c r="E5486" s="1" t="s">
        <v>19124</v>
      </c>
      <c r="F5486" s="1" t="s">
        <v>10</v>
      </c>
      <c r="G5486" s="1" t="s">
        <v>10</v>
      </c>
      <c r="H5486" s="1" t="s">
        <v>10</v>
      </c>
      <c r="I5486" s="1" t="s">
        <v>17172</v>
      </c>
      <c r="J5486" s="1" t="s">
        <v>17251</v>
      </c>
      <c r="K5486" s="1" t="s">
        <v>47</v>
      </c>
      <c r="L5486" s="1" t="s">
        <v>19121</v>
      </c>
      <c r="M5486" s="1" t="s">
        <v>5</v>
      </c>
      <c r="N5486" s="1" t="s">
        <v>10</v>
      </c>
      <c r="O5486" s="1" t="s">
        <v>38</v>
      </c>
      <c r="P5486" s="5" t="s">
        <v>31989</v>
      </c>
    </row>
    <row r="5487" spans="1:16" x14ac:dyDescent="0.2">
      <c r="A5487" s="1" t="s">
        <v>10</v>
      </c>
      <c r="B5487" s="1" t="s">
        <v>10</v>
      </c>
      <c r="C5487" s="1" t="s">
        <v>19126</v>
      </c>
      <c r="D5487" s="1" t="s">
        <v>19127</v>
      </c>
      <c r="E5487" s="1" t="s">
        <v>19128</v>
      </c>
      <c r="F5487" s="1" t="s">
        <v>10</v>
      </c>
      <c r="G5487" s="1" t="s">
        <v>10</v>
      </c>
      <c r="H5487" s="1" t="s">
        <v>10</v>
      </c>
      <c r="I5487" s="1" t="s">
        <v>17172</v>
      </c>
      <c r="J5487" s="1" t="s">
        <v>17251</v>
      </c>
      <c r="K5487" s="1" t="s">
        <v>47</v>
      </c>
      <c r="L5487" s="1" t="s">
        <v>19125</v>
      </c>
      <c r="M5487" s="1" t="s">
        <v>5</v>
      </c>
      <c r="N5487" s="1" t="s">
        <v>10</v>
      </c>
      <c r="O5487" s="1" t="s">
        <v>38</v>
      </c>
      <c r="P5487" s="5" t="s">
        <v>31990</v>
      </c>
    </row>
    <row r="5488" spans="1:16" x14ac:dyDescent="0.2">
      <c r="A5488" s="1" t="s">
        <v>10</v>
      </c>
      <c r="B5488" s="1" t="s">
        <v>10</v>
      </c>
      <c r="C5488" s="1" t="s">
        <v>19130</v>
      </c>
      <c r="D5488" s="1" t="s">
        <v>19131</v>
      </c>
      <c r="E5488" s="1" t="s">
        <v>19132</v>
      </c>
      <c r="F5488" s="1" t="s">
        <v>10</v>
      </c>
      <c r="G5488" s="1" t="s">
        <v>10</v>
      </c>
      <c r="H5488" s="1" t="s">
        <v>10</v>
      </c>
      <c r="I5488" s="1" t="s">
        <v>17172</v>
      </c>
      <c r="J5488" s="1" t="s">
        <v>17229</v>
      </c>
      <c r="K5488" s="1" t="s">
        <v>7</v>
      </c>
      <c r="L5488" s="1" t="s">
        <v>19129</v>
      </c>
      <c r="M5488" s="1" t="s">
        <v>5</v>
      </c>
      <c r="N5488" s="1" t="s">
        <v>10</v>
      </c>
      <c r="O5488" s="1" t="s">
        <v>38</v>
      </c>
      <c r="P5488" s="5" t="s">
        <v>30558</v>
      </c>
    </row>
    <row r="5489" spans="1:16" x14ac:dyDescent="0.2">
      <c r="A5489" s="1" t="s">
        <v>10</v>
      </c>
      <c r="B5489" s="1" t="s">
        <v>10</v>
      </c>
      <c r="C5489" s="1" t="s">
        <v>19134</v>
      </c>
      <c r="D5489" s="1" t="s">
        <v>19135</v>
      </c>
      <c r="E5489" s="1"/>
      <c r="F5489" s="1" t="s">
        <v>10</v>
      </c>
      <c r="G5489" s="1" t="s">
        <v>10</v>
      </c>
      <c r="H5489" s="1" t="s">
        <v>10</v>
      </c>
      <c r="I5489" s="1" t="s">
        <v>17172</v>
      </c>
      <c r="J5489" s="1" t="s">
        <v>17229</v>
      </c>
      <c r="K5489" s="1" t="s">
        <v>7</v>
      </c>
      <c r="L5489" s="1" t="s">
        <v>19133</v>
      </c>
      <c r="M5489" s="1" t="s">
        <v>5</v>
      </c>
      <c r="N5489" s="1" t="s">
        <v>10</v>
      </c>
      <c r="O5489" s="1" t="s">
        <v>38</v>
      </c>
      <c r="P5489" s="5" t="s">
        <v>31991</v>
      </c>
    </row>
    <row r="5490" spans="1:16" x14ac:dyDescent="0.2">
      <c r="A5490" s="1" t="s">
        <v>329</v>
      </c>
      <c r="B5490" s="1" t="s">
        <v>1738</v>
      </c>
      <c r="C5490" s="1" t="s">
        <v>19138</v>
      </c>
      <c r="D5490" s="1" t="s">
        <v>10</v>
      </c>
      <c r="E5490" s="1" t="s">
        <v>19139</v>
      </c>
      <c r="F5490" s="1" t="s">
        <v>10</v>
      </c>
      <c r="G5490" s="1" t="s">
        <v>10</v>
      </c>
      <c r="H5490" s="1" t="s">
        <v>19140</v>
      </c>
      <c r="I5490" s="1" t="s">
        <v>17172</v>
      </c>
      <c r="J5490" s="1" t="s">
        <v>17224</v>
      </c>
      <c r="K5490" s="1" t="s">
        <v>7</v>
      </c>
      <c r="L5490" s="1" t="s">
        <v>19137</v>
      </c>
      <c r="M5490" s="1" t="s">
        <v>5</v>
      </c>
      <c r="N5490" s="1" t="s">
        <v>6</v>
      </c>
      <c r="O5490" s="1" t="s">
        <v>8</v>
      </c>
      <c r="P5490" s="5" t="s">
        <v>31992</v>
      </c>
    </row>
    <row r="5491" spans="1:16" ht="38.25" x14ac:dyDescent="0.2">
      <c r="A5491" s="1" t="s">
        <v>66</v>
      </c>
      <c r="B5491" s="1" t="s">
        <v>67</v>
      </c>
      <c r="C5491" s="1" t="s">
        <v>19142</v>
      </c>
      <c r="D5491" s="1" t="s">
        <v>19143</v>
      </c>
      <c r="E5491" s="1"/>
      <c r="F5491" s="1" t="s">
        <v>10</v>
      </c>
      <c r="G5491" s="1" t="s">
        <v>10</v>
      </c>
      <c r="H5491" s="1" t="s">
        <v>10</v>
      </c>
      <c r="I5491" s="1" t="s">
        <v>17172</v>
      </c>
      <c r="J5491" s="1" t="s">
        <v>17224</v>
      </c>
      <c r="K5491" s="1" t="s">
        <v>231</v>
      </c>
      <c r="L5491" s="1" t="s">
        <v>19141</v>
      </c>
      <c r="M5491" s="1" t="s">
        <v>5</v>
      </c>
      <c r="N5491" s="1" t="s">
        <v>6</v>
      </c>
      <c r="O5491" s="1" t="s">
        <v>38</v>
      </c>
      <c r="P5491" s="9" t="s">
        <v>31993</v>
      </c>
    </row>
    <row r="5492" spans="1:16" x14ac:dyDescent="0.2">
      <c r="A5492" s="1" t="s">
        <v>10</v>
      </c>
      <c r="B5492" s="1" t="s">
        <v>10</v>
      </c>
      <c r="C5492" s="1" t="s">
        <v>14180</v>
      </c>
      <c r="D5492" s="1" t="s">
        <v>14180</v>
      </c>
      <c r="E5492" s="1" t="s">
        <v>19145</v>
      </c>
      <c r="F5492" s="1" t="s">
        <v>10</v>
      </c>
      <c r="G5492" s="1" t="s">
        <v>10</v>
      </c>
      <c r="H5492" s="1" t="s">
        <v>10</v>
      </c>
      <c r="I5492" s="1" t="s">
        <v>17172</v>
      </c>
      <c r="J5492" s="1" t="s">
        <v>17251</v>
      </c>
      <c r="K5492" s="1" t="s">
        <v>113</v>
      </c>
      <c r="L5492" s="1" t="s">
        <v>19144</v>
      </c>
      <c r="M5492" s="1" t="s">
        <v>5</v>
      </c>
      <c r="N5492" s="1" t="s">
        <v>10</v>
      </c>
      <c r="O5492" s="1" t="s">
        <v>38</v>
      </c>
      <c r="P5492" s="5" t="s">
        <v>31994</v>
      </c>
    </row>
    <row r="5493" spans="1:16" x14ac:dyDescent="0.2">
      <c r="A5493" s="1" t="s">
        <v>10</v>
      </c>
      <c r="B5493" s="1" t="s">
        <v>10</v>
      </c>
      <c r="C5493" s="1" t="s">
        <v>19147</v>
      </c>
      <c r="D5493" s="1" t="s">
        <v>19148</v>
      </c>
      <c r="E5493" s="1" t="s">
        <v>19149</v>
      </c>
      <c r="F5493" s="1" t="s">
        <v>10</v>
      </c>
      <c r="G5493" s="1" t="s">
        <v>10</v>
      </c>
      <c r="H5493" s="1" t="s">
        <v>10</v>
      </c>
      <c r="I5493" s="1" t="s">
        <v>17172</v>
      </c>
      <c r="J5493" s="1" t="s">
        <v>17520</v>
      </c>
      <c r="K5493" s="1" t="s">
        <v>64</v>
      </c>
      <c r="L5493" s="1" t="s">
        <v>19146</v>
      </c>
      <c r="M5493" s="1" t="s">
        <v>5</v>
      </c>
      <c r="N5493" s="1" t="s">
        <v>10</v>
      </c>
      <c r="O5493" s="1" t="s">
        <v>38</v>
      </c>
      <c r="P5493" s="5"/>
    </row>
    <row r="5494" spans="1:16" x14ac:dyDescent="0.2">
      <c r="A5494" s="1" t="s">
        <v>10</v>
      </c>
      <c r="B5494" s="1" t="s">
        <v>10</v>
      </c>
      <c r="C5494" s="1" t="s">
        <v>19151</v>
      </c>
      <c r="D5494" s="1" t="s">
        <v>19152</v>
      </c>
      <c r="E5494" s="1" t="s">
        <v>19153</v>
      </c>
      <c r="F5494" s="1" t="s">
        <v>10</v>
      </c>
      <c r="G5494" s="1" t="s">
        <v>10</v>
      </c>
      <c r="H5494" s="1" t="s">
        <v>10</v>
      </c>
      <c r="I5494" s="1" t="s">
        <v>17172</v>
      </c>
      <c r="J5494" s="1" t="s">
        <v>17442</v>
      </c>
      <c r="K5494" s="1" t="s">
        <v>64</v>
      </c>
      <c r="L5494" s="1" t="s">
        <v>19150</v>
      </c>
      <c r="M5494" s="1" t="s">
        <v>5</v>
      </c>
      <c r="N5494" s="1" t="s">
        <v>10</v>
      </c>
      <c r="O5494" s="1" t="s">
        <v>38</v>
      </c>
      <c r="P5494" s="5" t="s">
        <v>14</v>
      </c>
    </row>
    <row r="5495" spans="1:16" x14ac:dyDescent="0.2">
      <c r="A5495" s="1" t="s">
        <v>10</v>
      </c>
      <c r="B5495" s="1" t="s">
        <v>10</v>
      </c>
      <c r="C5495" s="1" t="s">
        <v>19155</v>
      </c>
      <c r="D5495" s="1" t="s">
        <v>19155</v>
      </c>
      <c r="E5495" s="1" t="s">
        <v>19156</v>
      </c>
      <c r="F5495" s="1" t="s">
        <v>10</v>
      </c>
      <c r="G5495" s="1" t="s">
        <v>10</v>
      </c>
      <c r="H5495" s="1" t="s">
        <v>10</v>
      </c>
      <c r="I5495" s="1" t="s">
        <v>17172</v>
      </c>
      <c r="J5495" s="1" t="s">
        <v>17442</v>
      </c>
      <c r="K5495" s="1" t="s">
        <v>113</v>
      </c>
      <c r="L5495" s="1" t="s">
        <v>19154</v>
      </c>
      <c r="M5495" s="1" t="s">
        <v>5</v>
      </c>
      <c r="N5495" s="1" t="s">
        <v>10</v>
      </c>
      <c r="O5495" s="1" t="s">
        <v>38</v>
      </c>
      <c r="P5495" s="5" t="s">
        <v>31995</v>
      </c>
    </row>
    <row r="5496" spans="1:16" x14ac:dyDescent="0.2">
      <c r="A5496" s="1" t="s">
        <v>10</v>
      </c>
      <c r="B5496" s="1" t="s">
        <v>10</v>
      </c>
      <c r="C5496" s="1" t="s">
        <v>19158</v>
      </c>
      <c r="D5496" s="1" t="s">
        <v>19158</v>
      </c>
      <c r="E5496" s="1" t="s">
        <v>19159</v>
      </c>
      <c r="F5496" s="1" t="s">
        <v>10</v>
      </c>
      <c r="G5496" s="1" t="s">
        <v>10</v>
      </c>
      <c r="H5496" s="1" t="s">
        <v>10</v>
      </c>
      <c r="I5496" s="1" t="s">
        <v>17172</v>
      </c>
      <c r="J5496" s="1" t="s">
        <v>17214</v>
      </c>
      <c r="K5496" s="1" t="s">
        <v>47</v>
      </c>
      <c r="L5496" s="1" t="s">
        <v>19157</v>
      </c>
      <c r="M5496" s="1" t="s">
        <v>5</v>
      </c>
      <c r="N5496" s="1" t="s">
        <v>10</v>
      </c>
      <c r="O5496" s="1" t="s">
        <v>38</v>
      </c>
      <c r="P5496" s="5" t="s">
        <v>31996</v>
      </c>
    </row>
    <row r="5497" spans="1:16" x14ac:dyDescent="0.2">
      <c r="A5497" s="1" t="s">
        <v>66</v>
      </c>
      <c r="B5497" s="1" t="s">
        <v>574</v>
      </c>
      <c r="C5497" s="1" t="s">
        <v>19161</v>
      </c>
      <c r="D5497" s="1" t="s">
        <v>19162</v>
      </c>
      <c r="E5497" s="1" t="s">
        <v>19163</v>
      </c>
      <c r="F5497" s="1" t="s">
        <v>10</v>
      </c>
      <c r="G5497" s="1" t="s">
        <v>10</v>
      </c>
      <c r="H5497" s="1" t="s">
        <v>10</v>
      </c>
      <c r="I5497" s="1" t="s">
        <v>17172</v>
      </c>
      <c r="J5497" s="1" t="s">
        <v>17224</v>
      </c>
      <c r="K5497" s="1" t="s">
        <v>113</v>
      </c>
      <c r="L5497" s="1" t="s">
        <v>19160</v>
      </c>
      <c r="M5497" s="1" t="s">
        <v>5</v>
      </c>
      <c r="N5497" s="1" t="s">
        <v>6</v>
      </c>
      <c r="O5497" s="1" t="s">
        <v>38</v>
      </c>
      <c r="P5497" s="5" t="s">
        <v>31997</v>
      </c>
    </row>
    <row r="5498" spans="1:16" x14ac:dyDescent="0.2">
      <c r="A5498" s="1" t="s">
        <v>10</v>
      </c>
      <c r="B5498" s="1" t="s">
        <v>10</v>
      </c>
      <c r="C5498" s="1" t="s">
        <v>19165</v>
      </c>
      <c r="D5498" s="1" t="s">
        <v>19165</v>
      </c>
      <c r="E5498" s="1" t="s">
        <v>19166</v>
      </c>
      <c r="F5498" s="1" t="s">
        <v>10</v>
      </c>
      <c r="G5498" s="1" t="s">
        <v>10</v>
      </c>
      <c r="H5498" s="1" t="s">
        <v>10</v>
      </c>
      <c r="I5498" s="1" t="s">
        <v>17172</v>
      </c>
      <c r="J5498" s="1" t="s">
        <v>17214</v>
      </c>
      <c r="K5498" s="1" t="s">
        <v>47</v>
      </c>
      <c r="L5498" s="1" t="s">
        <v>19164</v>
      </c>
      <c r="M5498" s="1" t="s">
        <v>5</v>
      </c>
      <c r="N5498" s="1" t="s">
        <v>10</v>
      </c>
      <c r="O5498" s="1" t="s">
        <v>38</v>
      </c>
      <c r="P5498" s="5" t="s">
        <v>31996</v>
      </c>
    </row>
    <row r="5499" spans="1:16" x14ac:dyDescent="0.2">
      <c r="A5499" s="1" t="s">
        <v>10</v>
      </c>
      <c r="B5499" s="1" t="s">
        <v>10</v>
      </c>
      <c r="C5499" s="1" t="s">
        <v>19168</v>
      </c>
      <c r="D5499" s="1" t="s">
        <v>19168</v>
      </c>
      <c r="E5499" s="1" t="s">
        <v>19169</v>
      </c>
      <c r="F5499" s="1" t="s">
        <v>10</v>
      </c>
      <c r="G5499" s="1" t="s">
        <v>10</v>
      </c>
      <c r="H5499" s="1" t="s">
        <v>10</v>
      </c>
      <c r="I5499" s="1" t="s">
        <v>17172</v>
      </c>
      <c r="J5499" s="1" t="s">
        <v>17333</v>
      </c>
      <c r="K5499" s="1" t="s">
        <v>37</v>
      </c>
      <c r="L5499" s="1" t="s">
        <v>19167</v>
      </c>
      <c r="M5499" s="1" t="s">
        <v>5</v>
      </c>
      <c r="N5499" s="1" t="s">
        <v>10</v>
      </c>
      <c r="O5499" s="1" t="s">
        <v>38</v>
      </c>
      <c r="P5499" s="5" t="s">
        <v>30583</v>
      </c>
    </row>
    <row r="5500" spans="1:16" x14ac:dyDescent="0.2">
      <c r="A5500" s="1" t="s">
        <v>66</v>
      </c>
      <c r="B5500" s="1" t="s">
        <v>574</v>
      </c>
      <c r="C5500" s="1" t="s">
        <v>19171</v>
      </c>
      <c r="D5500" s="1" t="s">
        <v>19172</v>
      </c>
      <c r="E5500" s="1" t="s">
        <v>19173</v>
      </c>
      <c r="F5500" s="1" t="s">
        <v>10</v>
      </c>
      <c r="G5500" s="1" t="s">
        <v>10</v>
      </c>
      <c r="H5500" s="1" t="s">
        <v>10</v>
      </c>
      <c r="I5500" s="1" t="s">
        <v>17172</v>
      </c>
      <c r="J5500" s="1" t="s">
        <v>17520</v>
      </c>
      <c r="K5500" s="1" t="s">
        <v>113</v>
      </c>
      <c r="L5500" s="1" t="s">
        <v>19170</v>
      </c>
      <c r="M5500" s="1" t="s">
        <v>5</v>
      </c>
      <c r="N5500" s="1" t="s">
        <v>10</v>
      </c>
      <c r="O5500" s="1" t="s">
        <v>38</v>
      </c>
      <c r="P5500" s="5" t="s">
        <v>31998</v>
      </c>
    </row>
    <row r="5501" spans="1:16" x14ac:dyDescent="0.2">
      <c r="A5501" s="1" t="s">
        <v>10</v>
      </c>
      <c r="B5501" s="1" t="s">
        <v>10</v>
      </c>
      <c r="C5501" s="1" t="s">
        <v>19175</v>
      </c>
      <c r="D5501" s="1" t="s">
        <v>19175</v>
      </c>
      <c r="E5501" s="1" t="s">
        <v>19176</v>
      </c>
      <c r="F5501" s="1" t="s">
        <v>27</v>
      </c>
      <c r="G5501" s="1" t="s">
        <v>10</v>
      </c>
      <c r="H5501" s="1" t="s">
        <v>19177</v>
      </c>
      <c r="I5501" s="1" t="s">
        <v>17172</v>
      </c>
      <c r="J5501" s="1" t="s">
        <v>17224</v>
      </c>
      <c r="K5501" s="1" t="s">
        <v>64</v>
      </c>
      <c r="L5501" s="1" t="s">
        <v>19174</v>
      </c>
      <c r="M5501" s="1" t="s">
        <v>5</v>
      </c>
      <c r="N5501" s="1" t="s">
        <v>10</v>
      </c>
      <c r="O5501" s="1" t="s">
        <v>8</v>
      </c>
      <c r="P5501" s="5" t="s">
        <v>31999</v>
      </c>
    </row>
    <row r="5502" spans="1:16" x14ac:dyDescent="0.2">
      <c r="A5502" s="1" t="s">
        <v>10</v>
      </c>
      <c r="B5502" s="1" t="s">
        <v>10</v>
      </c>
      <c r="C5502" s="1" t="s">
        <v>19179</v>
      </c>
      <c r="D5502" s="1" t="s">
        <v>19180</v>
      </c>
      <c r="E5502" s="1" t="s">
        <v>19181</v>
      </c>
      <c r="F5502" s="1" t="s">
        <v>27</v>
      </c>
      <c r="G5502" s="1" t="s">
        <v>10</v>
      </c>
      <c r="H5502" s="1" t="s">
        <v>19182</v>
      </c>
      <c r="I5502" s="1" t="s">
        <v>17172</v>
      </c>
      <c r="J5502" s="1" t="s">
        <v>17465</v>
      </c>
      <c r="K5502" s="1" t="s">
        <v>27</v>
      </c>
      <c r="L5502" s="1" t="s">
        <v>19178</v>
      </c>
      <c r="M5502" s="1" t="s">
        <v>5</v>
      </c>
      <c r="N5502" s="1" t="s">
        <v>10</v>
      </c>
      <c r="O5502" s="1" t="s">
        <v>8</v>
      </c>
      <c r="P5502" s="5" t="s">
        <v>31999</v>
      </c>
    </row>
    <row r="5503" spans="1:16" x14ac:dyDescent="0.2">
      <c r="A5503" s="1" t="s">
        <v>10</v>
      </c>
      <c r="B5503" s="1" t="s">
        <v>10</v>
      </c>
      <c r="C5503" s="1" t="s">
        <v>19184</v>
      </c>
      <c r="D5503" s="1" t="s">
        <v>19185</v>
      </c>
      <c r="E5503" s="1" t="s">
        <v>19186</v>
      </c>
      <c r="F5503" s="1" t="s">
        <v>27</v>
      </c>
      <c r="G5503" s="1" t="s">
        <v>10</v>
      </c>
      <c r="H5503" s="1" t="s">
        <v>19187</v>
      </c>
      <c r="I5503" s="1" t="s">
        <v>17172</v>
      </c>
      <c r="J5503" s="1" t="s">
        <v>17224</v>
      </c>
      <c r="K5503" s="1" t="s">
        <v>27</v>
      </c>
      <c r="L5503" s="1" t="s">
        <v>19183</v>
      </c>
      <c r="M5503" s="1" t="s">
        <v>5</v>
      </c>
      <c r="N5503" s="1" t="s">
        <v>10</v>
      </c>
      <c r="O5503" s="1" t="s">
        <v>8</v>
      </c>
      <c r="P5503" s="5" t="s">
        <v>31999</v>
      </c>
    </row>
    <row r="5504" spans="1:16" x14ac:dyDescent="0.2">
      <c r="A5504" s="1" t="s">
        <v>66</v>
      </c>
      <c r="B5504" s="1" t="s">
        <v>67</v>
      </c>
      <c r="C5504" s="1" t="s">
        <v>19189</v>
      </c>
      <c r="D5504" s="1" t="s">
        <v>19190</v>
      </c>
      <c r="E5504" s="1" t="s">
        <v>19191</v>
      </c>
      <c r="F5504" s="1" t="s">
        <v>10</v>
      </c>
      <c r="G5504" s="1" t="s">
        <v>10</v>
      </c>
      <c r="H5504" s="1" t="s">
        <v>10</v>
      </c>
      <c r="I5504" s="1" t="s">
        <v>17172</v>
      </c>
      <c r="J5504" s="1" t="s">
        <v>17224</v>
      </c>
      <c r="K5504" s="1" t="s">
        <v>64</v>
      </c>
      <c r="L5504" s="1" t="s">
        <v>19188</v>
      </c>
      <c r="M5504" s="1" t="s">
        <v>5</v>
      </c>
      <c r="N5504" s="1" t="s">
        <v>6</v>
      </c>
      <c r="O5504" s="1" t="s">
        <v>38</v>
      </c>
      <c r="P5504" s="5" t="s">
        <v>32000</v>
      </c>
    </row>
    <row r="5505" spans="1:16" x14ac:dyDescent="0.2">
      <c r="A5505" s="1" t="s">
        <v>32</v>
      </c>
      <c r="B5505" s="1" t="s">
        <v>8065</v>
      </c>
      <c r="C5505" s="1" t="s">
        <v>19193</v>
      </c>
      <c r="D5505" s="1" t="s">
        <v>19194</v>
      </c>
      <c r="E5505" s="1" t="s">
        <v>19195</v>
      </c>
      <c r="F5505" s="1" t="s">
        <v>10</v>
      </c>
      <c r="G5505" s="1" t="s">
        <v>10</v>
      </c>
      <c r="H5505" s="1" t="s">
        <v>10</v>
      </c>
      <c r="I5505" s="1" t="s">
        <v>17172</v>
      </c>
      <c r="J5505" s="1" t="s">
        <v>17224</v>
      </c>
      <c r="K5505" s="1" t="s">
        <v>113</v>
      </c>
      <c r="L5505" s="1" t="s">
        <v>19192</v>
      </c>
      <c r="M5505" s="1" t="s">
        <v>5</v>
      </c>
      <c r="N5505" s="1" t="s">
        <v>6</v>
      </c>
      <c r="O5505" s="1" t="s">
        <v>38</v>
      </c>
      <c r="P5505" s="5" t="s">
        <v>32001</v>
      </c>
    </row>
    <row r="5506" spans="1:16" x14ac:dyDescent="0.2">
      <c r="A5506" s="1" t="s">
        <v>32</v>
      </c>
      <c r="B5506" s="1" t="s">
        <v>3895</v>
      </c>
      <c r="C5506" s="1" t="s">
        <v>19197</v>
      </c>
      <c r="D5506" s="1" t="s">
        <v>19197</v>
      </c>
      <c r="E5506" s="1" t="s">
        <v>19198</v>
      </c>
      <c r="F5506" s="1" t="s">
        <v>10</v>
      </c>
      <c r="G5506" s="1" t="s">
        <v>10</v>
      </c>
      <c r="H5506" s="1" t="s">
        <v>10</v>
      </c>
      <c r="I5506" s="1" t="s">
        <v>17172</v>
      </c>
      <c r="J5506" s="1" t="s">
        <v>17224</v>
      </c>
      <c r="K5506" s="1" t="s">
        <v>113</v>
      </c>
      <c r="L5506" s="1" t="s">
        <v>19196</v>
      </c>
      <c r="M5506" s="1" t="s">
        <v>5</v>
      </c>
      <c r="N5506" s="1" t="s">
        <v>6</v>
      </c>
      <c r="O5506" s="1" t="s">
        <v>38</v>
      </c>
      <c r="P5506" s="5" t="s">
        <v>32002</v>
      </c>
    </row>
    <row r="5507" spans="1:16" x14ac:dyDescent="0.2">
      <c r="A5507" s="1" t="s">
        <v>32</v>
      </c>
      <c r="B5507" s="1" t="s">
        <v>8065</v>
      </c>
      <c r="C5507" s="1" t="s">
        <v>19200</v>
      </c>
      <c r="D5507" s="1" t="s">
        <v>19201</v>
      </c>
      <c r="E5507" s="1" t="s">
        <v>19202</v>
      </c>
      <c r="F5507" s="1" t="s">
        <v>10</v>
      </c>
      <c r="G5507" s="1" t="s">
        <v>10</v>
      </c>
      <c r="H5507" s="1" t="s">
        <v>10</v>
      </c>
      <c r="I5507" s="1" t="s">
        <v>17172</v>
      </c>
      <c r="J5507" s="1" t="s">
        <v>17224</v>
      </c>
      <c r="K5507" s="1" t="s">
        <v>113</v>
      </c>
      <c r="L5507" s="1" t="s">
        <v>19199</v>
      </c>
      <c r="M5507" s="1" t="s">
        <v>5</v>
      </c>
      <c r="N5507" s="1" t="s">
        <v>6</v>
      </c>
      <c r="O5507" s="1" t="s">
        <v>38</v>
      </c>
      <c r="P5507" s="5" t="s">
        <v>32003</v>
      </c>
    </row>
    <row r="5508" spans="1:16" x14ac:dyDescent="0.2">
      <c r="A5508" s="1" t="s">
        <v>20</v>
      </c>
      <c r="B5508" s="1" t="s">
        <v>4373</v>
      </c>
      <c r="C5508" s="1" t="s">
        <v>19204</v>
      </c>
      <c r="D5508" s="1" t="s">
        <v>19204</v>
      </c>
      <c r="E5508" s="1" t="s">
        <v>19205</v>
      </c>
      <c r="F5508" s="1" t="s">
        <v>10</v>
      </c>
      <c r="G5508" s="1" t="s">
        <v>10</v>
      </c>
      <c r="H5508" s="1" t="s">
        <v>10</v>
      </c>
      <c r="I5508" s="1" t="s">
        <v>17172</v>
      </c>
      <c r="J5508" s="1" t="s">
        <v>17224</v>
      </c>
      <c r="K5508" s="1" t="s">
        <v>64</v>
      </c>
      <c r="L5508" s="1" t="s">
        <v>19203</v>
      </c>
      <c r="M5508" s="1" t="s">
        <v>5</v>
      </c>
      <c r="N5508" s="1" t="s">
        <v>10</v>
      </c>
      <c r="O5508" s="1" t="s">
        <v>38</v>
      </c>
      <c r="P5508" s="5" t="s">
        <v>32004</v>
      </c>
    </row>
    <row r="5509" spans="1:16" x14ac:dyDescent="0.2">
      <c r="A5509" s="1" t="s">
        <v>66</v>
      </c>
      <c r="B5509" s="1" t="s">
        <v>67</v>
      </c>
      <c r="C5509" s="1" t="s">
        <v>19207</v>
      </c>
      <c r="D5509" s="1" t="s">
        <v>19208</v>
      </c>
      <c r="E5509" s="1" t="s">
        <v>19209</v>
      </c>
      <c r="F5509" s="1" t="s">
        <v>10</v>
      </c>
      <c r="G5509" s="1" t="s">
        <v>10</v>
      </c>
      <c r="H5509" s="1" t="s">
        <v>10</v>
      </c>
      <c r="I5509" s="1" t="s">
        <v>17172</v>
      </c>
      <c r="J5509" s="1" t="s">
        <v>17224</v>
      </c>
      <c r="K5509" s="1" t="s">
        <v>113</v>
      </c>
      <c r="L5509" s="1" t="s">
        <v>19206</v>
      </c>
      <c r="M5509" s="1" t="s">
        <v>5</v>
      </c>
      <c r="N5509" s="1" t="s">
        <v>6</v>
      </c>
      <c r="O5509" s="1" t="s">
        <v>38</v>
      </c>
      <c r="P5509" s="5" t="s">
        <v>32005</v>
      </c>
    </row>
    <row r="5510" spans="1:16" x14ac:dyDescent="0.2">
      <c r="A5510" s="1" t="s">
        <v>10</v>
      </c>
      <c r="B5510" s="1" t="s">
        <v>10</v>
      </c>
      <c r="C5510" s="1" t="s">
        <v>19211</v>
      </c>
      <c r="D5510" s="1" t="s">
        <v>19212</v>
      </c>
      <c r="E5510" s="1" t="s">
        <v>19213</v>
      </c>
      <c r="F5510" s="1" t="s">
        <v>10</v>
      </c>
      <c r="G5510" s="1" t="s">
        <v>10</v>
      </c>
      <c r="H5510" s="1" t="s">
        <v>10</v>
      </c>
      <c r="I5510" s="1" t="s">
        <v>17172</v>
      </c>
      <c r="J5510" s="1" t="s">
        <v>17214</v>
      </c>
      <c r="K5510" s="1" t="s">
        <v>47</v>
      </c>
      <c r="L5510" s="1" t="s">
        <v>19210</v>
      </c>
      <c r="M5510" s="1" t="s">
        <v>5</v>
      </c>
      <c r="N5510" s="1" t="s">
        <v>10</v>
      </c>
      <c r="O5510" s="1" t="s">
        <v>38</v>
      </c>
      <c r="P5510" s="5" t="s">
        <v>31917</v>
      </c>
    </row>
    <row r="5511" spans="1:16" x14ac:dyDescent="0.2">
      <c r="A5511" s="1" t="s">
        <v>10</v>
      </c>
      <c r="B5511" s="1" t="s">
        <v>10</v>
      </c>
      <c r="C5511" s="1" t="s">
        <v>19215</v>
      </c>
      <c r="D5511" s="1" t="s">
        <v>19216</v>
      </c>
      <c r="E5511" s="1" t="s">
        <v>19217</v>
      </c>
      <c r="F5511" s="1" t="s">
        <v>10</v>
      </c>
      <c r="G5511" s="1" t="s">
        <v>10</v>
      </c>
      <c r="H5511" s="1" t="s">
        <v>10</v>
      </c>
      <c r="I5511" s="1" t="s">
        <v>17172</v>
      </c>
      <c r="J5511" s="1" t="s">
        <v>17214</v>
      </c>
      <c r="K5511" s="1" t="s">
        <v>47</v>
      </c>
      <c r="L5511" s="1" t="s">
        <v>19214</v>
      </c>
      <c r="M5511" s="1" t="s">
        <v>5</v>
      </c>
      <c r="N5511" s="1" t="s">
        <v>10</v>
      </c>
      <c r="O5511" s="1" t="s">
        <v>38</v>
      </c>
      <c r="P5511" s="5" t="s">
        <v>31917</v>
      </c>
    </row>
    <row r="5512" spans="1:16" x14ac:dyDescent="0.2">
      <c r="A5512" s="1" t="s">
        <v>10</v>
      </c>
      <c r="B5512" s="1" t="s">
        <v>10</v>
      </c>
      <c r="C5512" s="1" t="s">
        <v>19219</v>
      </c>
      <c r="D5512" s="1" t="s">
        <v>19220</v>
      </c>
      <c r="E5512" s="1" t="s">
        <v>19221</v>
      </c>
      <c r="F5512" s="1" t="s">
        <v>10</v>
      </c>
      <c r="G5512" s="1" t="s">
        <v>10</v>
      </c>
      <c r="H5512" s="1" t="s">
        <v>10</v>
      </c>
      <c r="I5512" s="1" t="s">
        <v>17172</v>
      </c>
      <c r="J5512" s="1" t="s">
        <v>17293</v>
      </c>
      <c r="K5512" s="1" t="s">
        <v>47</v>
      </c>
      <c r="L5512" s="1" t="s">
        <v>19218</v>
      </c>
      <c r="M5512" s="1" t="s">
        <v>5</v>
      </c>
      <c r="N5512" s="1" t="s">
        <v>10</v>
      </c>
      <c r="O5512" s="1" t="s">
        <v>38</v>
      </c>
      <c r="P5512" s="5" t="s">
        <v>31917</v>
      </c>
    </row>
    <row r="5513" spans="1:16" x14ac:dyDescent="0.2">
      <c r="A5513" s="1" t="s">
        <v>10</v>
      </c>
      <c r="B5513" s="1" t="s">
        <v>10</v>
      </c>
      <c r="C5513" s="1" t="s">
        <v>19223</v>
      </c>
      <c r="D5513" s="1" t="s">
        <v>19224</v>
      </c>
      <c r="E5513" s="1" t="s">
        <v>19225</v>
      </c>
      <c r="F5513" s="1" t="s">
        <v>10</v>
      </c>
      <c r="G5513" s="1" t="s">
        <v>10</v>
      </c>
      <c r="H5513" s="1" t="s">
        <v>10</v>
      </c>
      <c r="I5513" s="1" t="s">
        <v>17172</v>
      </c>
      <c r="J5513" s="1" t="s">
        <v>17214</v>
      </c>
      <c r="K5513" s="1" t="s">
        <v>47</v>
      </c>
      <c r="L5513" s="1" t="s">
        <v>19222</v>
      </c>
      <c r="M5513" s="1" t="s">
        <v>5</v>
      </c>
      <c r="N5513" s="1" t="s">
        <v>10</v>
      </c>
      <c r="O5513" s="1" t="s">
        <v>38</v>
      </c>
      <c r="P5513" s="5" t="s">
        <v>31917</v>
      </c>
    </row>
    <row r="5514" spans="1:16" x14ac:dyDescent="0.2">
      <c r="A5514" s="1" t="s">
        <v>10</v>
      </c>
      <c r="B5514" s="1" t="s">
        <v>10</v>
      </c>
      <c r="C5514" s="1" t="s">
        <v>19227</v>
      </c>
      <c r="D5514" s="1" t="s">
        <v>19228</v>
      </c>
      <c r="E5514" s="1"/>
      <c r="F5514" s="1" t="s">
        <v>10</v>
      </c>
      <c r="G5514" s="1" t="s">
        <v>10</v>
      </c>
      <c r="H5514" s="1" t="s">
        <v>10</v>
      </c>
      <c r="I5514" s="1" t="s">
        <v>17172</v>
      </c>
      <c r="J5514" s="1" t="s">
        <v>17176</v>
      </c>
      <c r="K5514" s="1" t="s">
        <v>47</v>
      </c>
      <c r="L5514" s="1" t="s">
        <v>19226</v>
      </c>
      <c r="M5514" s="1" t="s">
        <v>5</v>
      </c>
      <c r="N5514" s="1" t="s">
        <v>10</v>
      </c>
      <c r="O5514" s="1" t="s">
        <v>38</v>
      </c>
      <c r="P5514" s="5" t="s">
        <v>10</v>
      </c>
    </row>
    <row r="5515" spans="1:16" x14ac:dyDescent="0.2">
      <c r="A5515" s="1" t="s">
        <v>42</v>
      </c>
      <c r="B5515" s="1" t="s">
        <v>966</v>
      </c>
      <c r="C5515" s="1" t="s">
        <v>19231</v>
      </c>
      <c r="D5515" s="1" t="s">
        <v>19231</v>
      </c>
      <c r="E5515" s="1"/>
      <c r="F5515" s="1" t="s">
        <v>10</v>
      </c>
      <c r="G5515" s="1" t="s">
        <v>10</v>
      </c>
      <c r="H5515" s="1" t="s">
        <v>6665</v>
      </c>
      <c r="I5515" s="1" t="s">
        <v>19229</v>
      </c>
      <c r="J5515" s="1" t="s">
        <v>19</v>
      </c>
      <c r="K5515" s="1" t="s">
        <v>19232</v>
      </c>
      <c r="L5515" s="1" t="s">
        <v>19230</v>
      </c>
      <c r="M5515" s="1" t="s">
        <v>5</v>
      </c>
      <c r="N5515" s="1" t="s">
        <v>1009</v>
      </c>
      <c r="O5515" s="1" t="s">
        <v>8</v>
      </c>
      <c r="P5515" s="5" t="s">
        <v>29846</v>
      </c>
    </row>
    <row r="5516" spans="1:16" x14ac:dyDescent="0.2">
      <c r="A5516" s="1" t="s">
        <v>42</v>
      </c>
      <c r="B5516" s="1" t="s">
        <v>109</v>
      </c>
      <c r="C5516" s="1" t="s">
        <v>19234</v>
      </c>
      <c r="D5516" s="1" t="s">
        <v>19234</v>
      </c>
      <c r="E5516" s="1"/>
      <c r="F5516" s="1" t="s">
        <v>10</v>
      </c>
      <c r="G5516" s="1" t="s">
        <v>10</v>
      </c>
      <c r="H5516" s="1" t="s">
        <v>10</v>
      </c>
      <c r="I5516" s="1" t="s">
        <v>19229</v>
      </c>
      <c r="J5516" s="1" t="s">
        <v>19235</v>
      </c>
      <c r="K5516" s="1" t="s">
        <v>27</v>
      </c>
      <c r="L5516" s="1" t="s">
        <v>19233</v>
      </c>
      <c r="M5516" s="1" t="s">
        <v>5</v>
      </c>
      <c r="N5516" s="1" t="s">
        <v>25</v>
      </c>
      <c r="O5516" s="1" t="s">
        <v>38</v>
      </c>
      <c r="P5516" s="5" t="s">
        <v>29821</v>
      </c>
    </row>
    <row r="5517" spans="1:16" x14ac:dyDescent="0.2">
      <c r="A5517" s="1" t="s">
        <v>42</v>
      </c>
      <c r="B5517" s="1" t="s">
        <v>1377</v>
      </c>
      <c r="C5517" s="1" t="s">
        <v>19237</v>
      </c>
      <c r="D5517" s="1" t="s">
        <v>19238</v>
      </c>
      <c r="E5517" s="1"/>
      <c r="F5517" s="1" t="s">
        <v>522</v>
      </c>
      <c r="G5517" s="1" t="s">
        <v>10</v>
      </c>
      <c r="H5517" s="1" t="s">
        <v>19239</v>
      </c>
      <c r="I5517" s="1" t="s">
        <v>19229</v>
      </c>
      <c r="J5517" s="1" t="s">
        <v>19</v>
      </c>
      <c r="K5517" s="1" t="s">
        <v>130</v>
      </c>
      <c r="L5517" s="1" t="s">
        <v>19236</v>
      </c>
      <c r="M5517" s="1" t="s">
        <v>5</v>
      </c>
      <c r="N5517" s="1" t="s">
        <v>25</v>
      </c>
      <c r="O5517" s="1" t="s">
        <v>8</v>
      </c>
      <c r="P5517" s="5" t="s">
        <v>29821</v>
      </c>
    </row>
    <row r="5518" spans="1:16" x14ac:dyDescent="0.2">
      <c r="A5518" s="1" t="s">
        <v>20</v>
      </c>
      <c r="B5518" s="1" t="s">
        <v>253</v>
      </c>
      <c r="C5518" s="1" t="s">
        <v>11330</v>
      </c>
      <c r="D5518" s="1" t="s">
        <v>11330</v>
      </c>
      <c r="E5518" s="1"/>
      <c r="F5518" s="1" t="s">
        <v>10</v>
      </c>
      <c r="G5518" s="1" t="s">
        <v>10</v>
      </c>
      <c r="H5518" s="1" t="s">
        <v>19241</v>
      </c>
      <c r="I5518" s="1" t="s">
        <v>19229</v>
      </c>
      <c r="J5518" s="1" t="s">
        <v>19</v>
      </c>
      <c r="K5518" s="1" t="s">
        <v>7</v>
      </c>
      <c r="L5518" s="1" t="s">
        <v>19240</v>
      </c>
      <c r="M5518" s="1" t="s">
        <v>5</v>
      </c>
      <c r="N5518" s="1" t="s">
        <v>25</v>
      </c>
      <c r="O5518" s="1" t="s">
        <v>8</v>
      </c>
      <c r="P5518" s="5" t="s">
        <v>29846</v>
      </c>
    </row>
    <row r="5519" spans="1:16" x14ac:dyDescent="0.2">
      <c r="A5519" s="1" t="s">
        <v>66</v>
      </c>
      <c r="B5519" s="1" t="s">
        <v>574</v>
      </c>
      <c r="C5519" s="1" t="s">
        <v>19243</v>
      </c>
      <c r="D5519" s="1" t="s">
        <v>19243</v>
      </c>
      <c r="E5519" s="1"/>
      <c r="F5519" s="1" t="s">
        <v>27</v>
      </c>
      <c r="G5519" s="1" t="s">
        <v>10</v>
      </c>
      <c r="H5519" s="1" t="s">
        <v>19245</v>
      </c>
      <c r="I5519" s="1" t="s">
        <v>19229</v>
      </c>
      <c r="J5519" s="1" t="s">
        <v>19</v>
      </c>
      <c r="K5519" s="1" t="s">
        <v>19244</v>
      </c>
      <c r="L5519" s="1" t="s">
        <v>19242</v>
      </c>
      <c r="M5519" s="1" t="s">
        <v>5</v>
      </c>
      <c r="N5519" s="1" t="s">
        <v>1009</v>
      </c>
      <c r="O5519" s="1" t="s">
        <v>8</v>
      </c>
      <c r="P5519" s="5" t="s">
        <v>30447</v>
      </c>
    </row>
    <row r="5520" spans="1:16" x14ac:dyDescent="0.2">
      <c r="A5520" s="1" t="s">
        <v>20</v>
      </c>
      <c r="B5520" s="1" t="s">
        <v>93</v>
      </c>
      <c r="C5520" s="1" t="s">
        <v>4187</v>
      </c>
      <c r="D5520" s="1" t="s">
        <v>7123</v>
      </c>
      <c r="E5520" s="1"/>
      <c r="F5520" s="1" t="s">
        <v>10</v>
      </c>
      <c r="G5520" s="1" t="s">
        <v>10</v>
      </c>
      <c r="H5520" s="1" t="s">
        <v>19248</v>
      </c>
      <c r="I5520" s="1" t="s">
        <v>19229</v>
      </c>
      <c r="J5520" s="1" t="s">
        <v>19247</v>
      </c>
      <c r="K5520" s="1" t="s">
        <v>27</v>
      </c>
      <c r="L5520" s="1" t="s">
        <v>19246</v>
      </c>
      <c r="M5520" s="1" t="s">
        <v>5</v>
      </c>
      <c r="N5520" s="1" t="s">
        <v>1009</v>
      </c>
      <c r="O5520" s="1" t="s">
        <v>8</v>
      </c>
      <c r="P5520" s="5" t="s">
        <v>30398</v>
      </c>
    </row>
    <row r="5521" spans="1:16" x14ac:dyDescent="0.2">
      <c r="A5521" s="1" t="s">
        <v>20</v>
      </c>
      <c r="B5521" s="1" t="s">
        <v>93</v>
      </c>
      <c r="C5521" s="1" t="s">
        <v>19250</v>
      </c>
      <c r="D5521" s="1" t="s">
        <v>19250</v>
      </c>
      <c r="E5521" s="1"/>
      <c r="F5521" s="1" t="s">
        <v>522</v>
      </c>
      <c r="G5521" s="1" t="s">
        <v>1049</v>
      </c>
      <c r="H5521" s="1" t="s">
        <v>10</v>
      </c>
      <c r="I5521" s="1" t="s">
        <v>19229</v>
      </c>
      <c r="J5521" s="1" t="s">
        <v>19</v>
      </c>
      <c r="K5521" s="1" t="s">
        <v>7</v>
      </c>
      <c r="L5521" s="1" t="s">
        <v>19249</v>
      </c>
      <c r="M5521" s="1" t="s">
        <v>5</v>
      </c>
      <c r="N5521" s="1" t="s">
        <v>25</v>
      </c>
      <c r="O5521" s="1" t="s">
        <v>8</v>
      </c>
      <c r="P5521" s="5" t="s">
        <v>29821</v>
      </c>
    </row>
    <row r="5522" spans="1:16" x14ac:dyDescent="0.2">
      <c r="A5522" s="1" t="s">
        <v>20</v>
      </c>
      <c r="B5522" s="1" t="s">
        <v>21</v>
      </c>
      <c r="C5522" s="1" t="s">
        <v>11097</v>
      </c>
      <c r="D5522" s="1" t="s">
        <v>11097</v>
      </c>
      <c r="E5522" s="1"/>
      <c r="F5522" s="1" t="s">
        <v>522</v>
      </c>
      <c r="G5522" s="1" t="s">
        <v>10</v>
      </c>
      <c r="H5522" s="1" t="s">
        <v>19253</v>
      </c>
      <c r="I5522" s="1" t="s">
        <v>19229</v>
      </c>
      <c r="J5522" s="1" t="s">
        <v>19</v>
      </c>
      <c r="K5522" s="1" t="s">
        <v>7</v>
      </c>
      <c r="L5522" s="1" t="s">
        <v>19252</v>
      </c>
      <c r="M5522" s="1" t="s">
        <v>5</v>
      </c>
      <c r="N5522" s="1" t="s">
        <v>10</v>
      </c>
      <c r="O5522" s="1" t="s">
        <v>8</v>
      </c>
      <c r="P5522" s="5" t="s">
        <v>29821</v>
      </c>
    </row>
    <row r="5523" spans="1:16" x14ac:dyDescent="0.2">
      <c r="A5523" s="1" t="s">
        <v>20</v>
      </c>
      <c r="B5523" s="1" t="s">
        <v>93</v>
      </c>
      <c r="C5523" s="1" t="s">
        <v>1261</v>
      </c>
      <c r="D5523" s="1" t="s">
        <v>1261</v>
      </c>
      <c r="E5523" s="1" t="s">
        <v>19251</v>
      </c>
      <c r="F5523" s="1" t="s">
        <v>27</v>
      </c>
      <c r="G5523" s="1" t="s">
        <v>10</v>
      </c>
      <c r="H5523" s="1" t="s">
        <v>19255</v>
      </c>
      <c r="I5523" s="1" t="s">
        <v>19229</v>
      </c>
      <c r="J5523" s="1" t="s">
        <v>19</v>
      </c>
      <c r="K5523" s="1" t="s">
        <v>7</v>
      </c>
      <c r="L5523" s="1" t="s">
        <v>19254</v>
      </c>
      <c r="M5523" s="1" t="s">
        <v>5</v>
      </c>
      <c r="N5523" s="1" t="s">
        <v>1009</v>
      </c>
      <c r="O5523" s="1" t="s">
        <v>8</v>
      </c>
      <c r="P5523" s="5" t="s">
        <v>29943</v>
      </c>
    </row>
    <row r="5524" spans="1:16" x14ac:dyDescent="0.2">
      <c r="A5524" s="1" t="s">
        <v>42</v>
      </c>
      <c r="B5524" s="1" t="s">
        <v>50</v>
      </c>
      <c r="C5524" s="1" t="s">
        <v>19257</v>
      </c>
      <c r="D5524" s="1" t="s">
        <v>19257</v>
      </c>
      <c r="E5524" s="1" t="s">
        <v>7180</v>
      </c>
      <c r="F5524" s="1" t="s">
        <v>10</v>
      </c>
      <c r="G5524" s="1" t="s">
        <v>10</v>
      </c>
      <c r="H5524" s="1" t="s">
        <v>10</v>
      </c>
      <c r="I5524" s="1" t="s">
        <v>19229</v>
      </c>
      <c r="J5524" s="1" t="s">
        <v>19</v>
      </c>
      <c r="K5524" s="1" t="s">
        <v>47</v>
      </c>
      <c r="L5524" s="1" t="s">
        <v>19256</v>
      </c>
      <c r="M5524" s="1" t="s">
        <v>5</v>
      </c>
      <c r="N5524" s="1" t="s">
        <v>25</v>
      </c>
      <c r="O5524" s="1" t="s">
        <v>38</v>
      </c>
      <c r="P5524" s="5" t="s">
        <v>29946</v>
      </c>
    </row>
    <row r="5525" spans="1:16" x14ac:dyDescent="0.2">
      <c r="A5525" s="1" t="s">
        <v>42</v>
      </c>
      <c r="B5525" s="1" t="s">
        <v>335</v>
      </c>
      <c r="C5525" s="1" t="s">
        <v>19259</v>
      </c>
      <c r="D5525" s="1" t="s">
        <v>19259</v>
      </c>
      <c r="E5525" s="1"/>
      <c r="F5525" s="1" t="s">
        <v>10</v>
      </c>
      <c r="G5525" s="1" t="s">
        <v>10</v>
      </c>
      <c r="H5525" s="1" t="s">
        <v>10</v>
      </c>
      <c r="I5525" s="1" t="s">
        <v>19229</v>
      </c>
      <c r="J5525" s="1" t="s">
        <v>19</v>
      </c>
      <c r="K5525" s="1" t="s">
        <v>47</v>
      </c>
      <c r="L5525" s="1" t="s">
        <v>19258</v>
      </c>
      <c r="M5525" s="1" t="s">
        <v>5</v>
      </c>
      <c r="N5525" s="1" t="s">
        <v>1009</v>
      </c>
      <c r="O5525" s="1" t="s">
        <v>38</v>
      </c>
      <c r="P5525" s="5" t="s">
        <v>14</v>
      </c>
    </row>
    <row r="5526" spans="1:16" x14ac:dyDescent="0.2">
      <c r="A5526" s="1" t="s">
        <v>20</v>
      </c>
      <c r="B5526" s="1" t="s">
        <v>101</v>
      </c>
      <c r="C5526" s="1" t="s">
        <v>19261</v>
      </c>
      <c r="D5526" s="1" t="s">
        <v>19261</v>
      </c>
      <c r="E5526" s="1" t="s">
        <v>19262</v>
      </c>
      <c r="F5526" s="1" t="s">
        <v>10</v>
      </c>
      <c r="G5526" s="1" t="s">
        <v>10</v>
      </c>
      <c r="H5526" s="1" t="s">
        <v>10</v>
      </c>
      <c r="I5526" s="1" t="s">
        <v>19229</v>
      </c>
      <c r="J5526" s="1" t="s">
        <v>19</v>
      </c>
      <c r="K5526" s="1" t="s">
        <v>7</v>
      </c>
      <c r="L5526" s="1" t="s">
        <v>19260</v>
      </c>
      <c r="M5526" s="1" t="s">
        <v>5</v>
      </c>
      <c r="N5526" s="1" t="s">
        <v>25</v>
      </c>
      <c r="O5526" s="1" t="s">
        <v>38</v>
      </c>
      <c r="P5526" s="5" t="s">
        <v>30602</v>
      </c>
    </row>
    <row r="5527" spans="1:16" x14ac:dyDescent="0.2">
      <c r="A5527" s="1" t="s">
        <v>20</v>
      </c>
      <c r="B5527" s="1" t="s">
        <v>132</v>
      </c>
      <c r="C5527" s="1" t="s">
        <v>617</v>
      </c>
      <c r="D5527" s="1" t="s">
        <v>617</v>
      </c>
      <c r="E5527" s="1"/>
      <c r="F5527" s="1" t="s">
        <v>27</v>
      </c>
      <c r="G5527" s="1" t="s">
        <v>10</v>
      </c>
      <c r="H5527" s="1" t="s">
        <v>19264</v>
      </c>
      <c r="I5527" s="1" t="s">
        <v>19229</v>
      </c>
      <c r="J5527" s="1" t="s">
        <v>19</v>
      </c>
      <c r="K5527" s="1" t="s">
        <v>130</v>
      </c>
      <c r="L5527" s="1" t="s">
        <v>19263</v>
      </c>
      <c r="M5527" s="1" t="s">
        <v>5</v>
      </c>
      <c r="N5527" s="1" t="s">
        <v>25</v>
      </c>
      <c r="O5527" s="1" t="s">
        <v>8</v>
      </c>
      <c r="P5527" s="5" t="s">
        <v>30398</v>
      </c>
    </row>
    <row r="5528" spans="1:16" x14ac:dyDescent="0.2">
      <c r="A5528" s="1" t="s">
        <v>20</v>
      </c>
      <c r="B5528" s="1" t="s">
        <v>172</v>
      </c>
      <c r="C5528" s="1" t="s">
        <v>19266</v>
      </c>
      <c r="D5528" s="1" t="s">
        <v>19267</v>
      </c>
      <c r="E5528" s="1"/>
      <c r="F5528" s="1" t="s">
        <v>10</v>
      </c>
      <c r="G5528" s="1" t="s">
        <v>10</v>
      </c>
      <c r="H5528" s="1" t="s">
        <v>10</v>
      </c>
      <c r="I5528" s="1" t="s">
        <v>19229</v>
      </c>
      <c r="J5528" s="1" t="s">
        <v>19</v>
      </c>
      <c r="K5528" s="1" t="s">
        <v>7</v>
      </c>
      <c r="L5528" s="1" t="s">
        <v>19265</v>
      </c>
      <c r="M5528" s="1" t="s">
        <v>5</v>
      </c>
      <c r="N5528" s="1" t="s">
        <v>25</v>
      </c>
      <c r="O5528" s="1" t="s">
        <v>38</v>
      </c>
      <c r="P5528" s="5" t="s">
        <v>32006</v>
      </c>
    </row>
    <row r="5529" spans="1:16" x14ac:dyDescent="0.2">
      <c r="A5529" s="1" t="s">
        <v>20</v>
      </c>
      <c r="B5529" s="1" t="s">
        <v>172</v>
      </c>
      <c r="C5529" s="1" t="s">
        <v>19269</v>
      </c>
      <c r="D5529" s="1" t="s">
        <v>19269</v>
      </c>
      <c r="E5529" s="1"/>
      <c r="F5529" s="1" t="s">
        <v>10</v>
      </c>
      <c r="G5529" s="1" t="s">
        <v>10</v>
      </c>
      <c r="H5529" s="1" t="s">
        <v>10</v>
      </c>
      <c r="I5529" s="1" t="s">
        <v>19229</v>
      </c>
      <c r="J5529" s="1" t="s">
        <v>19</v>
      </c>
      <c r="K5529" s="1" t="s">
        <v>7</v>
      </c>
      <c r="L5529" s="1" t="s">
        <v>19268</v>
      </c>
      <c r="M5529" s="1" t="s">
        <v>5</v>
      </c>
      <c r="N5529" s="1" t="s">
        <v>25</v>
      </c>
      <c r="O5529" s="1" t="s">
        <v>38</v>
      </c>
      <c r="P5529" s="5" t="s">
        <v>29944</v>
      </c>
    </row>
    <row r="5530" spans="1:16" x14ac:dyDescent="0.2">
      <c r="A5530" s="1" t="s">
        <v>20</v>
      </c>
      <c r="B5530" s="1" t="s">
        <v>172</v>
      </c>
      <c r="C5530" s="1" t="s">
        <v>9024</v>
      </c>
      <c r="D5530" s="1" t="s">
        <v>9024</v>
      </c>
      <c r="E5530" s="1"/>
      <c r="F5530" s="1" t="s">
        <v>10</v>
      </c>
      <c r="G5530" s="1" t="s">
        <v>10</v>
      </c>
      <c r="H5530" s="1" t="s">
        <v>10</v>
      </c>
      <c r="I5530" s="1" t="s">
        <v>19229</v>
      </c>
      <c r="J5530" s="1" t="s">
        <v>19</v>
      </c>
      <c r="K5530" s="1" t="s">
        <v>130</v>
      </c>
      <c r="L5530" s="1" t="s">
        <v>19270</v>
      </c>
      <c r="M5530" s="1" t="s">
        <v>5</v>
      </c>
      <c r="N5530" s="1" t="s">
        <v>25</v>
      </c>
      <c r="O5530" s="1" t="s">
        <v>38</v>
      </c>
      <c r="P5530" s="5" t="s">
        <v>29944</v>
      </c>
    </row>
    <row r="5531" spans="1:16" x14ac:dyDescent="0.2">
      <c r="A5531" s="1" t="s">
        <v>20</v>
      </c>
      <c r="B5531" s="1" t="s">
        <v>1804</v>
      </c>
      <c r="C5531" s="1" t="s">
        <v>19272</v>
      </c>
      <c r="D5531" s="1" t="s">
        <v>19273</v>
      </c>
      <c r="E5531" s="1" t="s">
        <v>19274</v>
      </c>
      <c r="F5531" s="1" t="s">
        <v>10</v>
      </c>
      <c r="G5531" s="1" t="s">
        <v>10</v>
      </c>
      <c r="H5531" s="1" t="s">
        <v>10</v>
      </c>
      <c r="I5531" s="1" t="s">
        <v>19229</v>
      </c>
      <c r="J5531" s="1" t="s">
        <v>19247</v>
      </c>
      <c r="K5531" s="1" t="s">
        <v>27</v>
      </c>
      <c r="L5531" s="1" t="s">
        <v>19271</v>
      </c>
      <c r="M5531" s="1" t="s">
        <v>5</v>
      </c>
      <c r="N5531" s="1" t="s">
        <v>25</v>
      </c>
      <c r="O5531" s="1" t="s">
        <v>38</v>
      </c>
      <c r="P5531" s="5" t="s">
        <v>30584</v>
      </c>
    </row>
    <row r="5532" spans="1:16" x14ac:dyDescent="0.2">
      <c r="A5532" s="1" t="s">
        <v>1086</v>
      </c>
      <c r="B5532" s="1" t="s">
        <v>2272</v>
      </c>
      <c r="C5532" s="1" t="s">
        <v>19276</v>
      </c>
      <c r="D5532" s="1" t="s">
        <v>19276</v>
      </c>
      <c r="E5532" s="1"/>
      <c r="F5532" s="1" t="s">
        <v>27</v>
      </c>
      <c r="G5532" s="1" t="s">
        <v>10</v>
      </c>
      <c r="H5532" s="1" t="s">
        <v>19277</v>
      </c>
      <c r="I5532" s="1" t="s">
        <v>19229</v>
      </c>
      <c r="J5532" s="1" t="s">
        <v>19</v>
      </c>
      <c r="K5532" s="1" t="s">
        <v>64</v>
      </c>
      <c r="L5532" s="1" t="s">
        <v>19275</v>
      </c>
      <c r="M5532" s="1" t="s">
        <v>5</v>
      </c>
      <c r="N5532" s="1" t="s">
        <v>25</v>
      </c>
      <c r="O5532" s="1" t="s">
        <v>8</v>
      </c>
      <c r="P5532" s="5" t="s">
        <v>30585</v>
      </c>
    </row>
    <row r="5533" spans="1:16" x14ac:dyDescent="0.2">
      <c r="A5533" s="1" t="s">
        <v>42</v>
      </c>
      <c r="B5533" s="1" t="s">
        <v>1377</v>
      </c>
      <c r="C5533" s="1" t="s">
        <v>19279</v>
      </c>
      <c r="D5533" s="1" t="s">
        <v>19279</v>
      </c>
      <c r="E5533" s="1"/>
      <c r="F5533" s="1" t="s">
        <v>522</v>
      </c>
      <c r="G5533" s="1" t="s">
        <v>10</v>
      </c>
      <c r="H5533" s="1" t="s">
        <v>19239</v>
      </c>
      <c r="I5533" s="1" t="s">
        <v>19229</v>
      </c>
      <c r="J5533" s="1" t="s">
        <v>19235</v>
      </c>
      <c r="K5533" s="1" t="s">
        <v>27</v>
      </c>
      <c r="L5533" s="1" t="s">
        <v>19278</v>
      </c>
      <c r="M5533" s="1" t="s">
        <v>5</v>
      </c>
      <c r="N5533" s="1" t="s">
        <v>25</v>
      </c>
      <c r="O5533" s="1" t="s">
        <v>8</v>
      </c>
      <c r="P5533" s="5" t="s">
        <v>29821</v>
      </c>
    </row>
    <row r="5534" spans="1:16" x14ac:dyDescent="0.2">
      <c r="A5534" s="1" t="s">
        <v>329</v>
      </c>
      <c r="B5534" s="1" t="s">
        <v>340</v>
      </c>
      <c r="C5534" s="1" t="s">
        <v>1106</v>
      </c>
      <c r="D5534" s="1" t="s">
        <v>1107</v>
      </c>
      <c r="E5534" s="1" t="s">
        <v>19281</v>
      </c>
      <c r="F5534" s="1" t="s">
        <v>522</v>
      </c>
      <c r="G5534" s="1" t="s">
        <v>10</v>
      </c>
      <c r="H5534" s="1" t="s">
        <v>1106</v>
      </c>
      <c r="I5534" s="1" t="s">
        <v>19229</v>
      </c>
      <c r="J5534" s="1" t="s">
        <v>19</v>
      </c>
      <c r="K5534" s="1" t="s">
        <v>14695</v>
      </c>
      <c r="L5534" s="1" t="s">
        <v>19280</v>
      </c>
      <c r="M5534" s="1" t="s">
        <v>5</v>
      </c>
      <c r="N5534" s="1" t="s">
        <v>25</v>
      </c>
      <c r="O5534" s="1" t="s">
        <v>8</v>
      </c>
      <c r="P5534" s="5" t="s">
        <v>29821</v>
      </c>
    </row>
    <row r="5535" spans="1:16" x14ac:dyDescent="0.2">
      <c r="A5535" s="1" t="s">
        <v>20</v>
      </c>
      <c r="B5535" s="1" t="s">
        <v>132</v>
      </c>
      <c r="C5535" s="1" t="s">
        <v>19283</v>
      </c>
      <c r="D5535" s="1" t="s">
        <v>19283</v>
      </c>
      <c r="E5535" s="1"/>
      <c r="F5535" s="1" t="s">
        <v>27</v>
      </c>
      <c r="G5535" s="1" t="s">
        <v>10</v>
      </c>
      <c r="H5535" s="1" t="s">
        <v>19283</v>
      </c>
      <c r="I5535" s="1" t="s">
        <v>19229</v>
      </c>
      <c r="J5535" s="1" t="s">
        <v>19</v>
      </c>
      <c r="K5535" s="1" t="s">
        <v>7</v>
      </c>
      <c r="L5535" s="1" t="s">
        <v>19282</v>
      </c>
      <c r="M5535" s="1" t="s">
        <v>5</v>
      </c>
      <c r="N5535" s="1" t="s">
        <v>25</v>
      </c>
      <c r="O5535" s="1" t="s">
        <v>8</v>
      </c>
      <c r="P5535" s="5" t="s">
        <v>32007</v>
      </c>
    </row>
    <row r="5536" spans="1:16" x14ac:dyDescent="0.2">
      <c r="A5536" s="1" t="s">
        <v>20</v>
      </c>
      <c r="B5536" s="1" t="s">
        <v>132</v>
      </c>
      <c r="C5536" s="1" t="s">
        <v>19285</v>
      </c>
      <c r="D5536" s="1" t="s">
        <v>19285</v>
      </c>
      <c r="E5536" s="1"/>
      <c r="F5536" s="1" t="s">
        <v>27</v>
      </c>
      <c r="G5536" s="1" t="s">
        <v>10</v>
      </c>
      <c r="H5536" s="1" t="s">
        <v>19286</v>
      </c>
      <c r="I5536" s="1" t="s">
        <v>19229</v>
      </c>
      <c r="J5536" s="1" t="s">
        <v>19</v>
      </c>
      <c r="K5536" s="1" t="s">
        <v>7</v>
      </c>
      <c r="L5536" s="1" t="s">
        <v>19284</v>
      </c>
      <c r="M5536" s="1" t="s">
        <v>5</v>
      </c>
      <c r="N5536" s="1" t="s">
        <v>25</v>
      </c>
      <c r="O5536" s="1" t="s">
        <v>8</v>
      </c>
      <c r="P5536" s="5" t="s">
        <v>32008</v>
      </c>
    </row>
    <row r="5537" spans="1:16" x14ac:dyDescent="0.2">
      <c r="A5537" s="1" t="s">
        <v>20</v>
      </c>
      <c r="B5537" s="1" t="s">
        <v>132</v>
      </c>
      <c r="C5537" s="1" t="s">
        <v>19288</v>
      </c>
      <c r="D5537" s="1" t="s">
        <v>19288</v>
      </c>
      <c r="E5537" s="1" t="s">
        <v>19289</v>
      </c>
      <c r="F5537" s="1" t="s">
        <v>27</v>
      </c>
      <c r="G5537" s="1" t="s">
        <v>10</v>
      </c>
      <c r="H5537" s="1" t="s">
        <v>19290</v>
      </c>
      <c r="I5537" s="1" t="s">
        <v>19229</v>
      </c>
      <c r="J5537" s="1" t="s">
        <v>19</v>
      </c>
      <c r="K5537" s="1" t="s">
        <v>7</v>
      </c>
      <c r="L5537" s="1" t="s">
        <v>19287</v>
      </c>
      <c r="M5537" s="1" t="s">
        <v>5</v>
      </c>
      <c r="N5537" s="1" t="s">
        <v>25</v>
      </c>
      <c r="O5537" s="1" t="s">
        <v>8</v>
      </c>
      <c r="P5537" s="5" t="s">
        <v>32009</v>
      </c>
    </row>
    <row r="5538" spans="1:16" x14ac:dyDescent="0.2">
      <c r="A5538" s="1" t="s">
        <v>20</v>
      </c>
      <c r="B5538" s="1" t="s">
        <v>132</v>
      </c>
      <c r="C5538" s="1" t="s">
        <v>19292</v>
      </c>
      <c r="D5538" s="1" t="s">
        <v>19292</v>
      </c>
      <c r="E5538" s="1" t="s">
        <v>19293</v>
      </c>
      <c r="F5538" s="1" t="s">
        <v>10</v>
      </c>
      <c r="G5538" s="1" t="s">
        <v>10</v>
      </c>
      <c r="H5538" s="1" t="s">
        <v>10</v>
      </c>
      <c r="I5538" s="1" t="s">
        <v>19229</v>
      </c>
      <c r="J5538" s="1" t="s">
        <v>19</v>
      </c>
      <c r="K5538" s="1" t="s">
        <v>7</v>
      </c>
      <c r="L5538" s="1" t="s">
        <v>19291</v>
      </c>
      <c r="M5538" s="1" t="s">
        <v>5</v>
      </c>
      <c r="N5538" s="1" t="s">
        <v>25</v>
      </c>
      <c r="O5538" s="1" t="s">
        <v>38</v>
      </c>
      <c r="P5538" s="5" t="s">
        <v>30586</v>
      </c>
    </row>
    <row r="5539" spans="1:16" x14ac:dyDescent="0.2">
      <c r="A5539" s="1" t="s">
        <v>20</v>
      </c>
      <c r="B5539" s="1" t="s">
        <v>132</v>
      </c>
      <c r="C5539" s="1" t="s">
        <v>19295</v>
      </c>
      <c r="D5539" s="1" t="s">
        <v>19295</v>
      </c>
      <c r="E5539" s="1" t="s">
        <v>19296</v>
      </c>
      <c r="F5539" s="1" t="s">
        <v>10</v>
      </c>
      <c r="G5539" s="1" t="s">
        <v>10</v>
      </c>
      <c r="H5539" s="1" t="s">
        <v>10</v>
      </c>
      <c r="I5539" s="1" t="s">
        <v>19229</v>
      </c>
      <c r="J5539" s="1" t="s">
        <v>19</v>
      </c>
      <c r="K5539" s="1" t="s">
        <v>7</v>
      </c>
      <c r="L5539" s="1" t="s">
        <v>19294</v>
      </c>
      <c r="M5539" s="1" t="s">
        <v>5</v>
      </c>
      <c r="N5539" s="1" t="s">
        <v>25</v>
      </c>
      <c r="O5539" s="1" t="s">
        <v>38</v>
      </c>
      <c r="P5539" s="5" t="s">
        <v>30587</v>
      </c>
    </row>
    <row r="5540" spans="1:16" x14ac:dyDescent="0.2">
      <c r="A5540" s="1" t="s">
        <v>20</v>
      </c>
      <c r="B5540" s="1" t="s">
        <v>132</v>
      </c>
      <c r="C5540" s="1" t="s">
        <v>19298</v>
      </c>
      <c r="D5540" s="1" t="s">
        <v>19298</v>
      </c>
      <c r="E5540" s="1" t="s">
        <v>19299</v>
      </c>
      <c r="F5540" s="1" t="s">
        <v>10</v>
      </c>
      <c r="G5540" s="1" t="s">
        <v>10</v>
      </c>
      <c r="H5540" s="1" t="s">
        <v>10</v>
      </c>
      <c r="I5540" s="1" t="s">
        <v>19229</v>
      </c>
      <c r="J5540" s="1" t="s">
        <v>19</v>
      </c>
      <c r="K5540" s="1" t="s">
        <v>7</v>
      </c>
      <c r="L5540" s="1" t="s">
        <v>19297</v>
      </c>
      <c r="M5540" s="1" t="s">
        <v>5</v>
      </c>
      <c r="N5540" s="1" t="s">
        <v>25</v>
      </c>
      <c r="O5540" s="1" t="s">
        <v>38</v>
      </c>
      <c r="P5540" s="5" t="s">
        <v>30587</v>
      </c>
    </row>
    <row r="5541" spans="1:16" x14ac:dyDescent="0.2">
      <c r="A5541" s="1" t="s">
        <v>20</v>
      </c>
      <c r="B5541" s="1" t="s">
        <v>132</v>
      </c>
      <c r="C5541" s="1" t="s">
        <v>19301</v>
      </c>
      <c r="D5541" s="1" t="s">
        <v>19302</v>
      </c>
      <c r="E5541" s="1" t="s">
        <v>19303</v>
      </c>
      <c r="F5541" s="1" t="s">
        <v>10</v>
      </c>
      <c r="G5541" s="1" t="s">
        <v>10</v>
      </c>
      <c r="H5541" s="1" t="s">
        <v>10</v>
      </c>
      <c r="I5541" s="1" t="s">
        <v>19229</v>
      </c>
      <c r="J5541" s="1" t="s">
        <v>19</v>
      </c>
      <c r="K5541" s="1" t="s">
        <v>7</v>
      </c>
      <c r="L5541" s="1" t="s">
        <v>19300</v>
      </c>
      <c r="M5541" s="1" t="s">
        <v>5</v>
      </c>
      <c r="N5541" s="1" t="s">
        <v>25</v>
      </c>
      <c r="O5541" s="1" t="s">
        <v>38</v>
      </c>
      <c r="P5541" s="5" t="s">
        <v>32010</v>
      </c>
    </row>
    <row r="5542" spans="1:16" x14ac:dyDescent="0.2">
      <c r="A5542" s="1" t="s">
        <v>329</v>
      </c>
      <c r="B5542" s="1" t="s">
        <v>1738</v>
      </c>
      <c r="C5542" s="1" t="s">
        <v>9092</v>
      </c>
      <c r="D5542" s="1" t="s">
        <v>9092</v>
      </c>
      <c r="E5542" s="1" t="s">
        <v>19305</v>
      </c>
      <c r="F5542" s="1" t="s">
        <v>9092</v>
      </c>
      <c r="G5542" s="1" t="s">
        <v>10</v>
      </c>
      <c r="H5542" s="1" t="s">
        <v>19306</v>
      </c>
      <c r="I5542" s="1" t="s">
        <v>19229</v>
      </c>
      <c r="J5542" s="1" t="s">
        <v>19</v>
      </c>
      <c r="K5542" s="1" t="s">
        <v>586</v>
      </c>
      <c r="L5542" s="1" t="s">
        <v>19304</v>
      </c>
      <c r="M5542" s="1" t="s">
        <v>5</v>
      </c>
      <c r="N5542" s="1" t="s">
        <v>25</v>
      </c>
      <c r="O5542" s="1" t="s">
        <v>8</v>
      </c>
      <c r="P5542" s="5" t="s">
        <v>32814</v>
      </c>
    </row>
    <row r="5543" spans="1:16" x14ac:dyDescent="0.2">
      <c r="A5543" s="1" t="s">
        <v>42</v>
      </c>
      <c r="B5543" s="1" t="s">
        <v>50</v>
      </c>
      <c r="C5543" s="1" t="s">
        <v>19308</v>
      </c>
      <c r="D5543" s="1" t="s">
        <v>8279</v>
      </c>
      <c r="E5543" s="1" t="s">
        <v>19309</v>
      </c>
      <c r="F5543" s="1" t="s">
        <v>10</v>
      </c>
      <c r="G5543" s="1" t="s">
        <v>10</v>
      </c>
      <c r="H5543" s="1" t="s">
        <v>19308</v>
      </c>
      <c r="I5543" s="1" t="s">
        <v>19229</v>
      </c>
      <c r="J5543" s="1" t="s">
        <v>19</v>
      </c>
      <c r="K5543" s="1" t="s">
        <v>47</v>
      </c>
      <c r="L5543" s="1" t="s">
        <v>19307</v>
      </c>
      <c r="M5543" s="1" t="s">
        <v>5</v>
      </c>
      <c r="N5543" s="1" t="s">
        <v>1597</v>
      </c>
      <c r="O5543" s="1" t="s">
        <v>8</v>
      </c>
      <c r="P5543" s="5" t="s">
        <v>10</v>
      </c>
    </row>
    <row r="5544" spans="1:16" x14ac:dyDescent="0.2">
      <c r="A5544" s="1" t="s">
        <v>20</v>
      </c>
      <c r="B5544" s="1" t="s">
        <v>445</v>
      </c>
      <c r="C5544" s="1" t="s">
        <v>19313</v>
      </c>
      <c r="D5544" s="1" t="s">
        <v>1340</v>
      </c>
      <c r="E5544" s="1" t="s">
        <v>19315</v>
      </c>
      <c r="F5544" s="1" t="s">
        <v>10</v>
      </c>
      <c r="G5544" s="1" t="s">
        <v>10</v>
      </c>
      <c r="H5544" s="1" t="s">
        <v>10</v>
      </c>
      <c r="I5544" s="1" t="s">
        <v>19310</v>
      </c>
      <c r="J5544" s="1" t="s">
        <v>19314</v>
      </c>
      <c r="K5544" s="1" t="s">
        <v>27</v>
      </c>
      <c r="L5544" s="1" t="s">
        <v>19312</v>
      </c>
      <c r="M5544" s="1" t="s">
        <v>5</v>
      </c>
      <c r="N5544" s="1" t="s">
        <v>25</v>
      </c>
      <c r="O5544" s="1" t="s">
        <v>38</v>
      </c>
      <c r="P5544" s="5" t="s">
        <v>30910</v>
      </c>
    </row>
    <row r="5545" spans="1:16" x14ac:dyDescent="0.2">
      <c r="A5545" s="1" t="s">
        <v>42</v>
      </c>
      <c r="B5545" s="1" t="s">
        <v>118</v>
      </c>
      <c r="C5545" s="1" t="s">
        <v>19317</v>
      </c>
      <c r="D5545" s="1" t="s">
        <v>7783</v>
      </c>
      <c r="E5545" s="1" t="s">
        <v>19319</v>
      </c>
      <c r="F5545" s="1" t="s">
        <v>10</v>
      </c>
      <c r="G5545" s="1" t="s">
        <v>10</v>
      </c>
      <c r="H5545" s="1" t="s">
        <v>10</v>
      </c>
      <c r="I5545" s="1" t="s">
        <v>19310</v>
      </c>
      <c r="J5545" s="1" t="s">
        <v>19318</v>
      </c>
      <c r="K5545" s="1" t="s">
        <v>27</v>
      </c>
      <c r="L5545" s="1" t="s">
        <v>19316</v>
      </c>
      <c r="M5545" s="1" t="s">
        <v>5</v>
      </c>
      <c r="N5545" s="1" t="s">
        <v>25</v>
      </c>
      <c r="O5545" s="1" t="s">
        <v>38</v>
      </c>
      <c r="P5545" s="5" t="s">
        <v>30911</v>
      </c>
    </row>
    <row r="5546" spans="1:16" x14ac:dyDescent="0.2">
      <c r="A5546" s="1" t="s">
        <v>42</v>
      </c>
      <c r="B5546" s="1" t="s">
        <v>118</v>
      </c>
      <c r="C5546" s="1" t="s">
        <v>14751</v>
      </c>
      <c r="D5546" s="1" t="s">
        <v>19321</v>
      </c>
      <c r="E5546" s="1" t="s">
        <v>10</v>
      </c>
      <c r="F5546" s="1" t="s">
        <v>10</v>
      </c>
      <c r="G5546" s="1" t="s">
        <v>10</v>
      </c>
      <c r="H5546" s="1" t="s">
        <v>10</v>
      </c>
      <c r="I5546" s="1" t="s">
        <v>19310</v>
      </c>
      <c r="J5546" s="1" t="s">
        <v>19322</v>
      </c>
      <c r="K5546" s="1" t="s">
        <v>27</v>
      </c>
      <c r="L5546" s="1" t="s">
        <v>19320</v>
      </c>
      <c r="M5546" s="1" t="s">
        <v>5</v>
      </c>
      <c r="N5546" s="1" t="s">
        <v>25</v>
      </c>
      <c r="O5546" s="1" t="s">
        <v>38</v>
      </c>
      <c r="P5546" s="5" t="s">
        <v>32011</v>
      </c>
    </row>
    <row r="5547" spans="1:16" x14ac:dyDescent="0.2">
      <c r="A5547" s="1" t="s">
        <v>20</v>
      </c>
      <c r="B5547" s="1" t="s">
        <v>132</v>
      </c>
      <c r="C5547" s="1" t="s">
        <v>19324</v>
      </c>
      <c r="D5547" s="1" t="s">
        <v>19325</v>
      </c>
      <c r="E5547" s="1" t="s">
        <v>19327</v>
      </c>
      <c r="F5547" s="1" t="s">
        <v>10</v>
      </c>
      <c r="G5547" s="1" t="s">
        <v>10</v>
      </c>
      <c r="H5547" s="1" t="s">
        <v>10</v>
      </c>
      <c r="I5547" s="1" t="s">
        <v>19310</v>
      </c>
      <c r="J5547" s="1" t="s">
        <v>19326</v>
      </c>
      <c r="K5547" s="1" t="s">
        <v>27</v>
      </c>
      <c r="L5547" s="1" t="s">
        <v>19323</v>
      </c>
      <c r="M5547" s="1" t="s">
        <v>5</v>
      </c>
      <c r="N5547" s="1" t="s">
        <v>25</v>
      </c>
      <c r="O5547" s="1" t="s">
        <v>38</v>
      </c>
      <c r="P5547" s="5" t="s">
        <v>30910</v>
      </c>
    </row>
    <row r="5548" spans="1:16" x14ac:dyDescent="0.2">
      <c r="A5548" s="1" t="s">
        <v>20</v>
      </c>
      <c r="B5548" s="1" t="s">
        <v>21</v>
      </c>
      <c r="C5548" s="1" t="s">
        <v>19329</v>
      </c>
      <c r="D5548" s="1" t="s">
        <v>15275</v>
      </c>
      <c r="E5548" s="1" t="s">
        <v>10</v>
      </c>
      <c r="F5548" s="1" t="s">
        <v>10</v>
      </c>
      <c r="G5548" s="1" t="s">
        <v>10</v>
      </c>
      <c r="H5548" s="1" t="s">
        <v>10</v>
      </c>
      <c r="I5548" s="1" t="s">
        <v>19310</v>
      </c>
      <c r="J5548" s="1" t="s">
        <v>19314</v>
      </c>
      <c r="K5548" s="1" t="s">
        <v>27</v>
      </c>
      <c r="L5548" s="1" t="s">
        <v>19328</v>
      </c>
      <c r="M5548" s="1" t="s">
        <v>5</v>
      </c>
      <c r="N5548" s="1" t="s">
        <v>25</v>
      </c>
      <c r="O5548" s="1" t="s">
        <v>38</v>
      </c>
      <c r="P5548" s="5" t="s">
        <v>30910</v>
      </c>
    </row>
    <row r="5549" spans="1:16" x14ac:dyDescent="0.2">
      <c r="A5549" s="1" t="s">
        <v>42</v>
      </c>
      <c r="B5549" s="1" t="s">
        <v>118</v>
      </c>
      <c r="C5549" s="1" t="s">
        <v>19331</v>
      </c>
      <c r="D5549" s="1" t="s">
        <v>19332</v>
      </c>
      <c r="E5549" s="1" t="s">
        <v>10</v>
      </c>
      <c r="F5549" s="1" t="s">
        <v>10</v>
      </c>
      <c r="G5549" s="1" t="s">
        <v>10</v>
      </c>
      <c r="H5549" s="1" t="s">
        <v>10</v>
      </c>
      <c r="I5549" s="1" t="s">
        <v>19310</v>
      </c>
      <c r="J5549" s="1" t="s">
        <v>19</v>
      </c>
      <c r="K5549" s="1" t="s">
        <v>64</v>
      </c>
      <c r="L5549" s="1" t="s">
        <v>19330</v>
      </c>
      <c r="M5549" s="1" t="s">
        <v>5</v>
      </c>
      <c r="N5549" s="1" t="s">
        <v>25</v>
      </c>
      <c r="O5549" s="1" t="s">
        <v>38</v>
      </c>
      <c r="P5549" s="5" t="s">
        <v>32011</v>
      </c>
    </row>
    <row r="5550" spans="1:16" x14ac:dyDescent="0.2">
      <c r="A5550" s="1" t="s">
        <v>66</v>
      </c>
      <c r="B5550" s="1" t="s">
        <v>276</v>
      </c>
      <c r="C5550" s="1" t="s">
        <v>19335</v>
      </c>
      <c r="D5550" s="1" t="s">
        <v>11932</v>
      </c>
      <c r="E5550" s="1" t="s">
        <v>19336</v>
      </c>
      <c r="F5550" s="1" t="s">
        <v>10</v>
      </c>
      <c r="G5550" s="1" t="s">
        <v>10</v>
      </c>
      <c r="H5550" s="1" t="s">
        <v>10</v>
      </c>
      <c r="I5550" s="1" t="s">
        <v>19310</v>
      </c>
      <c r="J5550" s="1" t="s">
        <v>19</v>
      </c>
      <c r="K5550" s="1" t="s">
        <v>27</v>
      </c>
      <c r="L5550" s="1" t="s">
        <v>19334</v>
      </c>
      <c r="M5550" s="1" t="s">
        <v>5</v>
      </c>
      <c r="N5550" s="1" t="s">
        <v>25</v>
      </c>
      <c r="O5550" s="1" t="s">
        <v>38</v>
      </c>
      <c r="P5550" s="5" t="s">
        <v>32012</v>
      </c>
    </row>
    <row r="5551" spans="1:16" x14ac:dyDescent="0.2">
      <c r="A5551" s="1" t="s">
        <v>20</v>
      </c>
      <c r="B5551" s="1" t="s">
        <v>445</v>
      </c>
      <c r="C5551" s="1" t="s">
        <v>19338</v>
      </c>
      <c r="D5551" s="1" t="s">
        <v>19339</v>
      </c>
      <c r="E5551" s="1" t="s">
        <v>19340</v>
      </c>
      <c r="F5551" s="1" t="s">
        <v>10</v>
      </c>
      <c r="G5551" s="1" t="s">
        <v>10</v>
      </c>
      <c r="H5551" s="1" t="s">
        <v>10</v>
      </c>
      <c r="I5551" s="1" t="s">
        <v>19310</v>
      </c>
      <c r="J5551" s="1" t="s">
        <v>19326</v>
      </c>
      <c r="K5551" s="1" t="s">
        <v>1548</v>
      </c>
      <c r="L5551" s="1" t="s">
        <v>19337</v>
      </c>
      <c r="M5551" s="1" t="s">
        <v>5</v>
      </c>
      <c r="N5551" s="1" t="s">
        <v>25</v>
      </c>
      <c r="O5551" s="1" t="s">
        <v>38</v>
      </c>
      <c r="P5551" s="5" t="s">
        <v>30847</v>
      </c>
    </row>
    <row r="5552" spans="1:16" x14ac:dyDescent="0.2">
      <c r="A5552" s="1" t="s">
        <v>20</v>
      </c>
      <c r="B5552" s="1" t="s">
        <v>445</v>
      </c>
      <c r="C5552" s="1" t="s">
        <v>19342</v>
      </c>
      <c r="D5552" s="1" t="s">
        <v>19343</v>
      </c>
      <c r="E5552" s="1" t="s">
        <v>19344</v>
      </c>
      <c r="F5552" s="1" t="s">
        <v>10</v>
      </c>
      <c r="G5552" s="1" t="s">
        <v>10</v>
      </c>
      <c r="H5552" s="1" t="s">
        <v>10</v>
      </c>
      <c r="I5552" s="1" t="s">
        <v>19310</v>
      </c>
      <c r="J5552" s="1" t="s">
        <v>19318</v>
      </c>
      <c r="K5552" s="1" t="s">
        <v>27</v>
      </c>
      <c r="L5552" s="1" t="s">
        <v>19341</v>
      </c>
      <c r="M5552" s="1" t="s">
        <v>5</v>
      </c>
      <c r="N5552" s="1" t="s">
        <v>25</v>
      </c>
      <c r="O5552" s="1" t="s">
        <v>38</v>
      </c>
      <c r="P5552" s="5" t="s">
        <v>32013</v>
      </c>
    </row>
    <row r="5553" spans="1:16" x14ac:dyDescent="0.2">
      <c r="A5553" s="1" t="s">
        <v>42</v>
      </c>
      <c r="B5553" s="1" t="s">
        <v>118</v>
      </c>
      <c r="C5553" s="1" t="s">
        <v>19346</v>
      </c>
      <c r="D5553" s="1" t="s">
        <v>19347</v>
      </c>
      <c r="E5553" s="1" t="s">
        <v>19348</v>
      </c>
      <c r="F5553" s="1" t="s">
        <v>10</v>
      </c>
      <c r="G5553" s="1" t="s">
        <v>10</v>
      </c>
      <c r="H5553" s="1" t="s">
        <v>10</v>
      </c>
      <c r="I5553" s="1" t="s">
        <v>19310</v>
      </c>
      <c r="J5553" s="1" t="s">
        <v>19326</v>
      </c>
      <c r="K5553" s="1" t="s">
        <v>27</v>
      </c>
      <c r="L5553" s="1" t="s">
        <v>19345</v>
      </c>
      <c r="M5553" s="1" t="s">
        <v>5</v>
      </c>
      <c r="N5553" s="1" t="s">
        <v>25</v>
      </c>
      <c r="O5553" s="1" t="s">
        <v>38</v>
      </c>
      <c r="P5553" s="5" t="s">
        <v>32014</v>
      </c>
    </row>
    <row r="5554" spans="1:16" x14ac:dyDescent="0.2">
      <c r="A5554" s="1" t="s">
        <v>20</v>
      </c>
      <c r="B5554" s="1" t="s">
        <v>445</v>
      </c>
      <c r="C5554" s="1" t="s">
        <v>19350</v>
      </c>
      <c r="D5554" s="1" t="s">
        <v>19351</v>
      </c>
      <c r="E5554" s="1" t="s">
        <v>19352</v>
      </c>
      <c r="F5554" s="1" t="s">
        <v>10</v>
      </c>
      <c r="G5554" s="1" t="s">
        <v>10</v>
      </c>
      <c r="H5554" s="1" t="s">
        <v>10</v>
      </c>
      <c r="I5554" s="1" t="s">
        <v>19310</v>
      </c>
      <c r="J5554" s="1" t="s">
        <v>19314</v>
      </c>
      <c r="K5554" s="1" t="s">
        <v>27</v>
      </c>
      <c r="L5554" s="1" t="s">
        <v>19349</v>
      </c>
      <c r="M5554" s="1" t="s">
        <v>5</v>
      </c>
      <c r="N5554" s="1" t="s">
        <v>25</v>
      </c>
      <c r="O5554" s="1" t="s">
        <v>38</v>
      </c>
      <c r="P5554" s="5" t="s">
        <v>30912</v>
      </c>
    </row>
    <row r="5555" spans="1:16" x14ac:dyDescent="0.2">
      <c r="A5555" s="1" t="s">
        <v>194</v>
      </c>
      <c r="B5555" s="1" t="s">
        <v>7145</v>
      </c>
      <c r="C5555" s="1" t="s">
        <v>19354</v>
      </c>
      <c r="D5555" s="1" t="s">
        <v>19355</v>
      </c>
      <c r="E5555" s="1" t="s">
        <v>19357</v>
      </c>
      <c r="F5555" s="1" t="s">
        <v>10</v>
      </c>
      <c r="G5555" s="1" t="s">
        <v>10</v>
      </c>
      <c r="H5555" s="1" t="s">
        <v>10</v>
      </c>
      <c r="I5555" s="1" t="s">
        <v>19310</v>
      </c>
      <c r="J5555" s="1" t="s">
        <v>19356</v>
      </c>
      <c r="K5555" s="1" t="s">
        <v>27</v>
      </c>
      <c r="L5555" s="1" t="s">
        <v>19353</v>
      </c>
      <c r="M5555" s="1" t="s">
        <v>5</v>
      </c>
      <c r="N5555" s="1" t="s">
        <v>25</v>
      </c>
      <c r="O5555" s="1" t="s">
        <v>38</v>
      </c>
      <c r="P5555" s="5" t="s">
        <v>30913</v>
      </c>
    </row>
    <row r="5556" spans="1:16" x14ac:dyDescent="0.2">
      <c r="A5556" s="1" t="s">
        <v>66</v>
      </c>
      <c r="B5556" s="1" t="s">
        <v>498</v>
      </c>
      <c r="C5556" s="1" t="s">
        <v>19359</v>
      </c>
      <c r="D5556" s="1" t="s">
        <v>19360</v>
      </c>
      <c r="E5556" s="1" t="s">
        <v>19361</v>
      </c>
      <c r="F5556" s="1" t="s">
        <v>10</v>
      </c>
      <c r="G5556" s="1" t="s">
        <v>10</v>
      </c>
      <c r="H5556" s="1" t="s">
        <v>10</v>
      </c>
      <c r="I5556" s="1" t="s">
        <v>19310</v>
      </c>
      <c r="J5556" s="1" t="s">
        <v>19356</v>
      </c>
      <c r="K5556" s="1" t="s">
        <v>27</v>
      </c>
      <c r="L5556" s="1" t="s">
        <v>19358</v>
      </c>
      <c r="M5556" s="1" t="s">
        <v>5</v>
      </c>
      <c r="N5556" s="1" t="s">
        <v>25</v>
      </c>
      <c r="O5556" s="1" t="s">
        <v>38</v>
      </c>
      <c r="P5556" s="5" t="s">
        <v>32015</v>
      </c>
    </row>
    <row r="5557" spans="1:16" x14ac:dyDescent="0.2">
      <c r="A5557" s="1" t="s">
        <v>66</v>
      </c>
      <c r="B5557" s="1" t="s">
        <v>498</v>
      </c>
      <c r="C5557" s="1" t="s">
        <v>19363</v>
      </c>
      <c r="D5557" s="1" t="s">
        <v>19364</v>
      </c>
      <c r="E5557" s="1" t="s">
        <v>19366</v>
      </c>
      <c r="F5557" s="1" t="s">
        <v>10</v>
      </c>
      <c r="G5557" s="1" t="s">
        <v>10</v>
      </c>
      <c r="H5557" s="1" t="s">
        <v>10</v>
      </c>
      <c r="I5557" s="1" t="s">
        <v>19310</v>
      </c>
      <c r="J5557" s="1" t="s">
        <v>19365</v>
      </c>
      <c r="K5557" s="1" t="s">
        <v>27</v>
      </c>
      <c r="L5557" s="1" t="s">
        <v>19362</v>
      </c>
      <c r="M5557" s="1" t="s">
        <v>5</v>
      </c>
      <c r="N5557" s="1" t="s">
        <v>6</v>
      </c>
      <c r="O5557" s="1" t="s">
        <v>38</v>
      </c>
      <c r="P5557" s="5" t="s">
        <v>32016</v>
      </c>
    </row>
    <row r="5558" spans="1:16" x14ac:dyDescent="0.2">
      <c r="A5558" s="1" t="s">
        <v>42</v>
      </c>
      <c r="B5558" s="1" t="s">
        <v>118</v>
      </c>
      <c r="C5558" s="1" t="s">
        <v>19368</v>
      </c>
      <c r="D5558" s="1" t="s">
        <v>19369</v>
      </c>
      <c r="E5558" s="1" t="s">
        <v>19370</v>
      </c>
      <c r="F5558" s="1" t="s">
        <v>10</v>
      </c>
      <c r="G5558" s="1" t="s">
        <v>10</v>
      </c>
      <c r="H5558" s="1" t="s">
        <v>10</v>
      </c>
      <c r="I5558" s="1" t="s">
        <v>19310</v>
      </c>
      <c r="J5558" s="1" t="s">
        <v>19318</v>
      </c>
      <c r="K5558" s="1" t="s">
        <v>27</v>
      </c>
      <c r="L5558" s="1" t="s">
        <v>19367</v>
      </c>
      <c r="M5558" s="1" t="s">
        <v>5</v>
      </c>
      <c r="N5558" s="1" t="s">
        <v>25</v>
      </c>
      <c r="O5558" s="1" t="s">
        <v>38</v>
      </c>
      <c r="P5558" s="5" t="s">
        <v>30911</v>
      </c>
    </row>
    <row r="5559" spans="1:16" x14ac:dyDescent="0.2">
      <c r="A5559" s="1" t="s">
        <v>66</v>
      </c>
      <c r="B5559" s="1" t="s">
        <v>276</v>
      </c>
      <c r="C5559" s="1" t="s">
        <v>19372</v>
      </c>
      <c r="D5559" s="1" t="s">
        <v>19373</v>
      </c>
      <c r="E5559" s="1" t="s">
        <v>19374</v>
      </c>
      <c r="F5559" s="1" t="s">
        <v>10</v>
      </c>
      <c r="G5559" s="1" t="s">
        <v>10</v>
      </c>
      <c r="H5559" s="1" t="s">
        <v>10</v>
      </c>
      <c r="I5559" s="1" t="s">
        <v>19310</v>
      </c>
      <c r="J5559" s="1" t="s">
        <v>19</v>
      </c>
      <c r="K5559" s="1" t="s">
        <v>27</v>
      </c>
      <c r="L5559" s="1" t="s">
        <v>19371</v>
      </c>
      <c r="M5559" s="1" t="s">
        <v>5</v>
      </c>
      <c r="N5559" s="1" t="s">
        <v>25</v>
      </c>
      <c r="O5559" s="1" t="s">
        <v>38</v>
      </c>
      <c r="P5559" s="5" t="s">
        <v>32017</v>
      </c>
    </row>
    <row r="5560" spans="1:16" x14ac:dyDescent="0.2">
      <c r="A5560" s="1" t="s">
        <v>66</v>
      </c>
      <c r="B5560" s="1" t="s">
        <v>1117</v>
      </c>
      <c r="C5560" s="1" t="s">
        <v>19376</v>
      </c>
      <c r="D5560" s="1" t="s">
        <v>19377</v>
      </c>
      <c r="E5560" s="1"/>
      <c r="F5560" s="1" t="s">
        <v>10</v>
      </c>
      <c r="G5560" s="1" t="s">
        <v>10</v>
      </c>
      <c r="H5560" s="1" t="s">
        <v>10</v>
      </c>
      <c r="I5560" s="1" t="s">
        <v>19310</v>
      </c>
      <c r="J5560" s="1" t="s">
        <v>19</v>
      </c>
      <c r="K5560" s="1" t="s">
        <v>7</v>
      </c>
      <c r="L5560" s="1" t="s">
        <v>19375</v>
      </c>
      <c r="M5560" s="1" t="s">
        <v>5</v>
      </c>
      <c r="N5560" s="1" t="s">
        <v>25</v>
      </c>
      <c r="O5560" s="1" t="s">
        <v>38</v>
      </c>
      <c r="P5560" s="5" t="s">
        <v>32018</v>
      </c>
    </row>
    <row r="5561" spans="1:16" x14ac:dyDescent="0.2">
      <c r="A5561" s="1" t="s">
        <v>194</v>
      </c>
      <c r="B5561" s="1" t="s">
        <v>6481</v>
      </c>
      <c r="C5561" s="1" t="s">
        <v>19379</v>
      </c>
      <c r="D5561" s="1" t="s">
        <v>19380</v>
      </c>
      <c r="E5561" s="1" t="s">
        <v>19382</v>
      </c>
      <c r="F5561" s="1" t="s">
        <v>10</v>
      </c>
      <c r="G5561" s="1" t="s">
        <v>10</v>
      </c>
      <c r="H5561" s="1" t="s">
        <v>10</v>
      </c>
      <c r="I5561" s="1" t="s">
        <v>19310</v>
      </c>
      <c r="J5561" s="1" t="s">
        <v>19381</v>
      </c>
      <c r="K5561" s="1" t="s">
        <v>27</v>
      </c>
      <c r="L5561" s="1" t="s">
        <v>19378</v>
      </c>
      <c r="M5561" s="1" t="s">
        <v>5</v>
      </c>
      <c r="N5561" s="1" t="s">
        <v>25</v>
      </c>
      <c r="O5561" s="1" t="s">
        <v>38</v>
      </c>
      <c r="P5561" s="5" t="s">
        <v>32017</v>
      </c>
    </row>
    <row r="5562" spans="1:16" x14ac:dyDescent="0.2">
      <c r="A5562" s="1" t="s">
        <v>66</v>
      </c>
      <c r="B5562" s="1" t="s">
        <v>276</v>
      </c>
      <c r="C5562" s="1" t="s">
        <v>19385</v>
      </c>
      <c r="D5562" s="1" t="s">
        <v>19386</v>
      </c>
      <c r="E5562" s="1" t="s">
        <v>19387</v>
      </c>
      <c r="F5562" s="1" t="s">
        <v>10</v>
      </c>
      <c r="G5562" s="1" t="s">
        <v>10</v>
      </c>
      <c r="H5562" s="1" t="s">
        <v>10</v>
      </c>
      <c r="I5562" s="1" t="s">
        <v>19310</v>
      </c>
      <c r="J5562" s="1" t="s">
        <v>19</v>
      </c>
      <c r="K5562" s="1" t="s">
        <v>27</v>
      </c>
      <c r="L5562" s="1" t="s">
        <v>19384</v>
      </c>
      <c r="M5562" s="1" t="s">
        <v>5</v>
      </c>
      <c r="N5562" s="1" t="s">
        <v>25</v>
      </c>
      <c r="O5562" s="1" t="s">
        <v>38</v>
      </c>
      <c r="P5562" s="5" t="s">
        <v>32017</v>
      </c>
    </row>
    <row r="5563" spans="1:16" x14ac:dyDescent="0.2">
      <c r="A5563" s="1" t="s">
        <v>66</v>
      </c>
      <c r="B5563" s="1" t="s">
        <v>276</v>
      </c>
      <c r="C5563" s="1" t="s">
        <v>19389</v>
      </c>
      <c r="D5563" s="1" t="s">
        <v>19390</v>
      </c>
      <c r="E5563" s="1" t="s">
        <v>19391</v>
      </c>
      <c r="F5563" s="1" t="s">
        <v>10</v>
      </c>
      <c r="G5563" s="1" t="s">
        <v>10</v>
      </c>
      <c r="H5563" s="1" t="s">
        <v>10</v>
      </c>
      <c r="I5563" s="1" t="s">
        <v>19310</v>
      </c>
      <c r="J5563" s="1" t="s">
        <v>19381</v>
      </c>
      <c r="K5563" s="1" t="s">
        <v>27</v>
      </c>
      <c r="L5563" s="1" t="s">
        <v>19388</v>
      </c>
      <c r="M5563" s="1" t="s">
        <v>5</v>
      </c>
      <c r="N5563" s="1" t="s">
        <v>25</v>
      </c>
      <c r="O5563" s="1" t="s">
        <v>38</v>
      </c>
      <c r="P5563" s="5" t="s">
        <v>32017</v>
      </c>
    </row>
    <row r="5564" spans="1:16" x14ac:dyDescent="0.2">
      <c r="A5564" s="1" t="s">
        <v>194</v>
      </c>
      <c r="B5564" s="1" t="s">
        <v>6479</v>
      </c>
      <c r="C5564" s="1" t="s">
        <v>19393</v>
      </c>
      <c r="D5564" s="1" t="s">
        <v>19394</v>
      </c>
      <c r="E5564" s="1" t="s">
        <v>19395</v>
      </c>
      <c r="F5564" s="1" t="s">
        <v>27</v>
      </c>
      <c r="G5564" s="1" t="s">
        <v>1042</v>
      </c>
      <c r="H5564" s="1" t="s">
        <v>19396</v>
      </c>
      <c r="I5564" s="1" t="s">
        <v>19310</v>
      </c>
      <c r="J5564" s="1" t="s">
        <v>10</v>
      </c>
      <c r="K5564" s="1" t="s">
        <v>586</v>
      </c>
      <c r="L5564" s="1" t="s">
        <v>19392</v>
      </c>
      <c r="M5564" s="1" t="s">
        <v>5</v>
      </c>
      <c r="N5564" s="1" t="s">
        <v>960</v>
      </c>
      <c r="O5564" s="1" t="s">
        <v>8</v>
      </c>
      <c r="P5564" s="5" t="s">
        <v>14</v>
      </c>
    </row>
    <row r="5565" spans="1:16" x14ac:dyDescent="0.2">
      <c r="A5565" s="1" t="s">
        <v>20</v>
      </c>
      <c r="B5565" s="1" t="s">
        <v>99</v>
      </c>
      <c r="C5565" s="1" t="s">
        <v>19398</v>
      </c>
      <c r="D5565" s="1" t="s">
        <v>19398</v>
      </c>
      <c r="E5565" s="1" t="s">
        <v>19399</v>
      </c>
      <c r="F5565" s="1" t="s">
        <v>10</v>
      </c>
      <c r="G5565" s="1" t="s">
        <v>10</v>
      </c>
      <c r="H5565" s="1" t="s">
        <v>10</v>
      </c>
      <c r="I5565" s="1" t="s">
        <v>19310</v>
      </c>
      <c r="J5565" s="1" t="s">
        <v>19</v>
      </c>
      <c r="K5565" s="1" t="s">
        <v>27</v>
      </c>
      <c r="L5565" s="1" t="s">
        <v>19397</v>
      </c>
      <c r="M5565" s="1" t="s">
        <v>5</v>
      </c>
      <c r="N5565" s="1" t="s">
        <v>25</v>
      </c>
      <c r="O5565" s="1" t="s">
        <v>38</v>
      </c>
      <c r="P5565" s="5" t="s">
        <v>32019</v>
      </c>
    </row>
    <row r="5566" spans="1:16" x14ac:dyDescent="0.2">
      <c r="A5566" s="1" t="s">
        <v>20</v>
      </c>
      <c r="B5566" s="1" t="s">
        <v>445</v>
      </c>
      <c r="C5566" s="1" t="s">
        <v>19401</v>
      </c>
      <c r="D5566" s="1" t="s">
        <v>19402</v>
      </c>
      <c r="E5566" s="1" t="s">
        <v>19403</v>
      </c>
      <c r="F5566" s="1" t="s">
        <v>10</v>
      </c>
      <c r="G5566" s="1" t="s">
        <v>10</v>
      </c>
      <c r="H5566" s="1" t="s">
        <v>10</v>
      </c>
      <c r="I5566" s="1" t="s">
        <v>19310</v>
      </c>
      <c r="J5566" s="1" t="s">
        <v>10</v>
      </c>
      <c r="K5566" s="1" t="s">
        <v>64</v>
      </c>
      <c r="L5566" s="1" t="s">
        <v>19400</v>
      </c>
      <c r="M5566" s="1" t="s">
        <v>5</v>
      </c>
      <c r="N5566" s="1" t="s">
        <v>25</v>
      </c>
      <c r="O5566" s="1" t="s">
        <v>38</v>
      </c>
      <c r="P5566" s="5" t="s">
        <v>32020</v>
      </c>
    </row>
    <row r="5567" spans="1:16" x14ac:dyDescent="0.2">
      <c r="A5567" s="1" t="s">
        <v>20</v>
      </c>
      <c r="B5567" s="1" t="s">
        <v>132</v>
      </c>
      <c r="C5567" s="1" t="s">
        <v>19405</v>
      </c>
      <c r="D5567" s="1" t="s">
        <v>19406</v>
      </c>
      <c r="E5567" s="1" t="s">
        <v>19407</v>
      </c>
      <c r="F5567" s="1" t="s">
        <v>10</v>
      </c>
      <c r="G5567" s="1" t="s">
        <v>10</v>
      </c>
      <c r="H5567" s="1" t="s">
        <v>10</v>
      </c>
      <c r="I5567" s="1" t="s">
        <v>19310</v>
      </c>
      <c r="J5567" s="1" t="s">
        <v>19</v>
      </c>
      <c r="K5567" s="1" t="s">
        <v>64</v>
      </c>
      <c r="L5567" s="1" t="s">
        <v>19404</v>
      </c>
      <c r="M5567" s="1" t="s">
        <v>5</v>
      </c>
      <c r="N5567" s="1" t="s">
        <v>25</v>
      </c>
      <c r="O5567" s="1" t="s">
        <v>38</v>
      </c>
      <c r="P5567" s="5" t="s">
        <v>32019</v>
      </c>
    </row>
    <row r="5568" spans="1:16" x14ac:dyDescent="0.2">
      <c r="A5568" s="1" t="s">
        <v>20</v>
      </c>
      <c r="B5568" s="1" t="s">
        <v>445</v>
      </c>
      <c r="C5568" s="1" t="s">
        <v>19409</v>
      </c>
      <c r="D5568" s="1" t="s">
        <v>19410</v>
      </c>
      <c r="E5568" s="1"/>
      <c r="F5568" s="1" t="s">
        <v>10</v>
      </c>
      <c r="G5568" s="1" t="s">
        <v>10</v>
      </c>
      <c r="H5568" s="1" t="s">
        <v>10</v>
      </c>
      <c r="I5568" s="1" t="s">
        <v>19310</v>
      </c>
      <c r="J5568" s="1" t="s">
        <v>19381</v>
      </c>
      <c r="K5568" s="1" t="s">
        <v>27</v>
      </c>
      <c r="L5568" s="1" t="s">
        <v>19408</v>
      </c>
      <c r="M5568" s="1" t="s">
        <v>5</v>
      </c>
      <c r="N5568" s="1" t="s">
        <v>25</v>
      </c>
      <c r="O5568" s="1" t="s">
        <v>38</v>
      </c>
      <c r="P5568" s="5" t="s">
        <v>32021</v>
      </c>
    </row>
    <row r="5569" spans="1:16" x14ac:dyDescent="0.2">
      <c r="A5569" s="1" t="s">
        <v>66</v>
      </c>
      <c r="B5569" s="1" t="s">
        <v>498</v>
      </c>
      <c r="C5569" s="1" t="s">
        <v>19412</v>
      </c>
      <c r="D5569" s="1" t="s">
        <v>1485</v>
      </c>
      <c r="E5569" s="1" t="s">
        <v>19413</v>
      </c>
      <c r="F5569" s="1" t="s">
        <v>10</v>
      </c>
      <c r="G5569" s="1" t="s">
        <v>10</v>
      </c>
      <c r="H5569" s="1" t="s">
        <v>10</v>
      </c>
      <c r="I5569" s="1" t="s">
        <v>19310</v>
      </c>
      <c r="J5569" s="1" t="s">
        <v>19383</v>
      </c>
      <c r="K5569" s="1" t="s">
        <v>27</v>
      </c>
      <c r="L5569" s="1" t="s">
        <v>19411</v>
      </c>
      <c r="M5569" s="1" t="s">
        <v>5</v>
      </c>
      <c r="N5569" s="1" t="s">
        <v>6</v>
      </c>
      <c r="O5569" s="1" t="s">
        <v>38</v>
      </c>
      <c r="P5569" s="5" t="s">
        <v>32022</v>
      </c>
    </row>
    <row r="5570" spans="1:16" x14ac:dyDescent="0.2">
      <c r="A5570" s="1" t="s">
        <v>194</v>
      </c>
      <c r="B5570" s="1" t="s">
        <v>6481</v>
      </c>
      <c r="C5570" s="1" t="s">
        <v>19415</v>
      </c>
      <c r="D5570" s="1" t="s">
        <v>19415</v>
      </c>
      <c r="E5570" s="1" t="s">
        <v>19416</v>
      </c>
      <c r="F5570" s="1" t="s">
        <v>10</v>
      </c>
      <c r="G5570" s="1" t="s">
        <v>10</v>
      </c>
      <c r="H5570" s="1" t="s">
        <v>10</v>
      </c>
      <c r="I5570" s="1" t="s">
        <v>19310</v>
      </c>
      <c r="J5570" s="1" t="s">
        <v>19381</v>
      </c>
      <c r="K5570" s="1" t="s">
        <v>27</v>
      </c>
      <c r="L5570" s="1" t="s">
        <v>19414</v>
      </c>
      <c r="M5570" s="1" t="s">
        <v>5</v>
      </c>
      <c r="N5570" s="1" t="s">
        <v>25</v>
      </c>
      <c r="O5570" s="1" t="s">
        <v>38</v>
      </c>
      <c r="P5570" s="5" t="s">
        <v>32023</v>
      </c>
    </row>
    <row r="5571" spans="1:16" x14ac:dyDescent="0.2">
      <c r="A5571" s="1" t="s">
        <v>66</v>
      </c>
      <c r="B5571" s="1" t="s">
        <v>498</v>
      </c>
      <c r="C5571" s="1" t="s">
        <v>19418</v>
      </c>
      <c r="D5571" s="1" t="s">
        <v>19418</v>
      </c>
      <c r="E5571" s="1" t="s">
        <v>19419</v>
      </c>
      <c r="F5571" s="1" t="s">
        <v>10</v>
      </c>
      <c r="G5571" s="1" t="s">
        <v>10</v>
      </c>
      <c r="H5571" s="1" t="s">
        <v>10</v>
      </c>
      <c r="I5571" s="1" t="s">
        <v>19310</v>
      </c>
      <c r="J5571" s="1" t="s">
        <v>19318</v>
      </c>
      <c r="K5571" s="1" t="s">
        <v>27</v>
      </c>
      <c r="L5571" s="1" t="s">
        <v>19417</v>
      </c>
      <c r="M5571" s="1" t="s">
        <v>5</v>
      </c>
      <c r="N5571" s="1" t="s">
        <v>25</v>
      </c>
      <c r="O5571" s="1" t="s">
        <v>38</v>
      </c>
      <c r="P5571" s="5" t="s">
        <v>32022</v>
      </c>
    </row>
    <row r="5572" spans="1:16" x14ac:dyDescent="0.2">
      <c r="A5572" s="1" t="s">
        <v>66</v>
      </c>
      <c r="B5572" s="1" t="s">
        <v>276</v>
      </c>
      <c r="C5572" s="1" t="s">
        <v>19421</v>
      </c>
      <c r="D5572" s="1" t="s">
        <v>19422</v>
      </c>
      <c r="E5572" s="1" t="s">
        <v>19423</v>
      </c>
      <c r="F5572" s="1" t="s">
        <v>10</v>
      </c>
      <c r="G5572" s="1" t="s">
        <v>10</v>
      </c>
      <c r="H5572" s="1" t="s">
        <v>10</v>
      </c>
      <c r="I5572" s="1" t="s">
        <v>19310</v>
      </c>
      <c r="J5572" s="1" t="s">
        <v>19318</v>
      </c>
      <c r="K5572" s="1" t="s">
        <v>27</v>
      </c>
      <c r="L5572" s="1" t="s">
        <v>19420</v>
      </c>
      <c r="M5572" s="1" t="s">
        <v>5</v>
      </c>
      <c r="N5572" s="1" t="s">
        <v>25</v>
      </c>
      <c r="O5572" s="1" t="s">
        <v>38</v>
      </c>
      <c r="P5572" s="5" t="s">
        <v>32017</v>
      </c>
    </row>
    <row r="5573" spans="1:16" x14ac:dyDescent="0.2">
      <c r="A5573" s="1" t="s">
        <v>20</v>
      </c>
      <c r="B5573" s="1" t="s">
        <v>253</v>
      </c>
      <c r="C5573" s="1" t="s">
        <v>19425</v>
      </c>
      <c r="D5573" s="1" t="s">
        <v>19426</v>
      </c>
      <c r="E5573" s="1" t="s">
        <v>19427</v>
      </c>
      <c r="F5573" s="1" t="s">
        <v>10</v>
      </c>
      <c r="G5573" s="1" t="s">
        <v>10</v>
      </c>
      <c r="H5573" s="1" t="s">
        <v>10</v>
      </c>
      <c r="I5573" s="1" t="s">
        <v>19310</v>
      </c>
      <c r="J5573" s="1" t="s">
        <v>19</v>
      </c>
      <c r="K5573" s="1" t="s">
        <v>27</v>
      </c>
      <c r="L5573" s="1" t="s">
        <v>19424</v>
      </c>
      <c r="M5573" s="1" t="s">
        <v>5</v>
      </c>
      <c r="N5573" s="1" t="s">
        <v>25</v>
      </c>
      <c r="O5573" s="1" t="s">
        <v>38</v>
      </c>
      <c r="P5573" s="5" t="s">
        <v>32019</v>
      </c>
    </row>
    <row r="5574" spans="1:16" x14ac:dyDescent="0.2">
      <c r="A5574" s="1" t="s">
        <v>20</v>
      </c>
      <c r="B5574" s="1" t="s">
        <v>132</v>
      </c>
      <c r="C5574" s="1" t="s">
        <v>19429</v>
      </c>
      <c r="D5574" s="1" t="s">
        <v>19430</v>
      </c>
      <c r="E5574" s="1" t="s">
        <v>19431</v>
      </c>
      <c r="F5574" s="1" t="s">
        <v>10</v>
      </c>
      <c r="G5574" s="1" t="s">
        <v>10</v>
      </c>
      <c r="H5574" s="1" t="s">
        <v>10</v>
      </c>
      <c r="I5574" s="1" t="s">
        <v>19310</v>
      </c>
      <c r="J5574" s="1" t="s">
        <v>19381</v>
      </c>
      <c r="K5574" s="1" t="s">
        <v>1548</v>
      </c>
      <c r="L5574" s="1" t="s">
        <v>19428</v>
      </c>
      <c r="M5574" s="1" t="s">
        <v>5</v>
      </c>
      <c r="N5574" s="1" t="s">
        <v>25</v>
      </c>
      <c r="O5574" s="1" t="s">
        <v>38</v>
      </c>
      <c r="P5574" s="5" t="s">
        <v>32024</v>
      </c>
    </row>
    <row r="5575" spans="1:16" x14ac:dyDescent="0.2">
      <c r="A5575" s="1" t="s">
        <v>20</v>
      </c>
      <c r="B5575" s="1" t="s">
        <v>101</v>
      </c>
      <c r="C5575" s="1" t="s">
        <v>19433</v>
      </c>
      <c r="D5575" s="1" t="s">
        <v>19434</v>
      </c>
      <c r="E5575" s="1" t="s">
        <v>19436</v>
      </c>
      <c r="F5575" s="1" t="s">
        <v>10</v>
      </c>
      <c r="G5575" s="1" t="s">
        <v>10</v>
      </c>
      <c r="H5575" s="1" t="s">
        <v>10</v>
      </c>
      <c r="I5575" s="1" t="s">
        <v>19310</v>
      </c>
      <c r="J5575" s="1" t="s">
        <v>19435</v>
      </c>
      <c r="K5575" s="1" t="s">
        <v>27</v>
      </c>
      <c r="L5575" s="1" t="s">
        <v>19432</v>
      </c>
      <c r="M5575" s="1" t="s">
        <v>5</v>
      </c>
      <c r="N5575" s="1" t="s">
        <v>25</v>
      </c>
      <c r="O5575" s="1" t="s">
        <v>38</v>
      </c>
      <c r="P5575" s="5" t="s">
        <v>32025</v>
      </c>
    </row>
    <row r="5576" spans="1:16" x14ac:dyDescent="0.2">
      <c r="A5576" s="1" t="s">
        <v>20</v>
      </c>
      <c r="B5576" s="1" t="s">
        <v>101</v>
      </c>
      <c r="C5576" s="1" t="s">
        <v>19438</v>
      </c>
      <c r="D5576" s="1" t="s">
        <v>12522</v>
      </c>
      <c r="E5576" s="1" t="s">
        <v>19439</v>
      </c>
      <c r="F5576" s="1" t="s">
        <v>10</v>
      </c>
      <c r="G5576" s="1" t="s">
        <v>10</v>
      </c>
      <c r="H5576" s="1" t="s">
        <v>10</v>
      </c>
      <c r="I5576" s="1" t="s">
        <v>19310</v>
      </c>
      <c r="J5576" s="1" t="s">
        <v>19314</v>
      </c>
      <c r="K5576" s="1" t="s">
        <v>1548</v>
      </c>
      <c r="L5576" s="1" t="s">
        <v>19437</v>
      </c>
      <c r="M5576" s="1" t="s">
        <v>5</v>
      </c>
      <c r="N5576" s="1" t="s">
        <v>25</v>
      </c>
      <c r="O5576" s="1" t="s">
        <v>38</v>
      </c>
      <c r="P5576" s="5" t="s">
        <v>32026</v>
      </c>
    </row>
    <row r="5577" spans="1:16" x14ac:dyDescent="0.2">
      <c r="A5577" s="1" t="s">
        <v>42</v>
      </c>
      <c r="B5577" s="1" t="s">
        <v>118</v>
      </c>
      <c r="C5577" s="1" t="s">
        <v>19441</v>
      </c>
      <c r="D5577" s="1" t="s">
        <v>15324</v>
      </c>
      <c r="E5577" s="1" t="s">
        <v>19442</v>
      </c>
      <c r="F5577" s="1" t="s">
        <v>10</v>
      </c>
      <c r="G5577" s="1" t="s">
        <v>10</v>
      </c>
      <c r="H5577" s="1" t="s">
        <v>10</v>
      </c>
      <c r="I5577" s="1" t="s">
        <v>19310</v>
      </c>
      <c r="J5577" s="1" t="s">
        <v>19381</v>
      </c>
      <c r="K5577" s="1" t="s">
        <v>1548</v>
      </c>
      <c r="L5577" s="1" t="s">
        <v>19440</v>
      </c>
      <c r="M5577" s="1" t="s">
        <v>5</v>
      </c>
      <c r="N5577" s="1" t="s">
        <v>25</v>
      </c>
      <c r="O5577" s="1" t="s">
        <v>38</v>
      </c>
      <c r="P5577" s="5" t="s">
        <v>32027</v>
      </c>
    </row>
    <row r="5578" spans="1:16" x14ac:dyDescent="0.2">
      <c r="A5578" s="1" t="s">
        <v>194</v>
      </c>
      <c r="B5578" s="1" t="s">
        <v>195</v>
      </c>
      <c r="C5578" s="1" t="s">
        <v>19444</v>
      </c>
      <c r="D5578" s="1" t="s">
        <v>19445</v>
      </c>
      <c r="E5578" s="1" t="s">
        <v>19446</v>
      </c>
      <c r="F5578" s="1" t="s">
        <v>27</v>
      </c>
      <c r="G5578" s="1" t="s">
        <v>1042</v>
      </c>
      <c r="H5578" s="1" t="s">
        <v>19447</v>
      </c>
      <c r="I5578" s="1" t="s">
        <v>19310</v>
      </c>
      <c r="J5578" s="1" t="s">
        <v>19381</v>
      </c>
      <c r="K5578" s="1" t="s">
        <v>27</v>
      </c>
      <c r="L5578" s="1" t="s">
        <v>19443</v>
      </c>
      <c r="M5578" s="1" t="s">
        <v>5</v>
      </c>
      <c r="N5578" s="1" t="s">
        <v>25</v>
      </c>
      <c r="O5578" s="1" t="s">
        <v>8</v>
      </c>
      <c r="P5578" s="5" t="s">
        <v>32028</v>
      </c>
    </row>
    <row r="5579" spans="1:16" x14ac:dyDescent="0.2">
      <c r="A5579" s="1" t="s">
        <v>20</v>
      </c>
      <c r="B5579" s="1" t="s">
        <v>132</v>
      </c>
      <c r="C5579" s="1" t="s">
        <v>19449</v>
      </c>
      <c r="D5579" s="1" t="s">
        <v>19450</v>
      </c>
      <c r="E5579" s="1" t="s">
        <v>10</v>
      </c>
      <c r="F5579" s="1" t="s">
        <v>10</v>
      </c>
      <c r="G5579" s="1" t="s">
        <v>10</v>
      </c>
      <c r="H5579" s="1" t="s">
        <v>10</v>
      </c>
      <c r="I5579" s="1" t="s">
        <v>19310</v>
      </c>
      <c r="J5579" s="1" t="s">
        <v>19318</v>
      </c>
      <c r="K5579" s="1" t="s">
        <v>7</v>
      </c>
      <c r="L5579" s="1" t="s">
        <v>19448</v>
      </c>
      <c r="M5579" s="1" t="s">
        <v>5</v>
      </c>
      <c r="N5579" s="1" t="s">
        <v>25</v>
      </c>
      <c r="O5579" s="1" t="s">
        <v>38</v>
      </c>
      <c r="P5579" s="5" t="s">
        <v>30588</v>
      </c>
    </row>
    <row r="5580" spans="1:16" x14ac:dyDescent="0.2">
      <c r="A5580" s="1" t="s">
        <v>20</v>
      </c>
      <c r="B5580" s="1" t="s">
        <v>132</v>
      </c>
      <c r="C5580" s="1" t="s">
        <v>19452</v>
      </c>
      <c r="D5580" s="1" t="s">
        <v>19453</v>
      </c>
      <c r="E5580" s="1" t="s">
        <v>19454</v>
      </c>
      <c r="F5580" s="1" t="s">
        <v>10</v>
      </c>
      <c r="G5580" s="1" t="s">
        <v>10</v>
      </c>
      <c r="H5580" s="1" t="s">
        <v>10</v>
      </c>
      <c r="I5580" s="1" t="s">
        <v>19310</v>
      </c>
      <c r="J5580" s="1" t="s">
        <v>19318</v>
      </c>
      <c r="K5580" s="1" t="s">
        <v>1548</v>
      </c>
      <c r="L5580" s="1" t="s">
        <v>19451</v>
      </c>
      <c r="M5580" s="1" t="s">
        <v>5</v>
      </c>
      <c r="N5580" s="1" t="s">
        <v>25</v>
      </c>
      <c r="O5580" s="1" t="s">
        <v>38</v>
      </c>
      <c r="P5580" s="5" t="s">
        <v>32029</v>
      </c>
    </row>
    <row r="5581" spans="1:16" x14ac:dyDescent="0.2">
      <c r="A5581" s="1" t="s">
        <v>194</v>
      </c>
      <c r="B5581" s="1" t="s">
        <v>6481</v>
      </c>
      <c r="C5581" s="1" t="s">
        <v>19456</v>
      </c>
      <c r="D5581" s="1" t="s">
        <v>19457</v>
      </c>
      <c r="E5581" s="1" t="s">
        <v>19458</v>
      </c>
      <c r="F5581" s="1" t="s">
        <v>10</v>
      </c>
      <c r="G5581" s="1" t="s">
        <v>10</v>
      </c>
      <c r="H5581" s="1" t="s">
        <v>10</v>
      </c>
      <c r="I5581" s="1" t="s">
        <v>19310</v>
      </c>
      <c r="J5581" s="1" t="s">
        <v>19356</v>
      </c>
      <c r="K5581" s="1" t="s">
        <v>27</v>
      </c>
      <c r="L5581" s="1" t="s">
        <v>19455</v>
      </c>
      <c r="M5581" s="1" t="s">
        <v>5</v>
      </c>
      <c r="N5581" s="1" t="s">
        <v>25</v>
      </c>
      <c r="O5581" s="1" t="s">
        <v>38</v>
      </c>
      <c r="P5581" s="5" t="s">
        <v>32030</v>
      </c>
    </row>
    <row r="5582" spans="1:16" x14ac:dyDescent="0.2">
      <c r="A5582" s="1" t="s">
        <v>20</v>
      </c>
      <c r="B5582" s="1" t="s">
        <v>302</v>
      </c>
      <c r="C5582" s="1" t="s">
        <v>19460</v>
      </c>
      <c r="D5582" s="1" t="s">
        <v>19461</v>
      </c>
      <c r="E5582" s="1" t="s">
        <v>19463</v>
      </c>
      <c r="F5582" s="1" t="s">
        <v>10</v>
      </c>
      <c r="G5582" s="1" t="s">
        <v>10</v>
      </c>
      <c r="H5582" s="1" t="s">
        <v>10</v>
      </c>
      <c r="I5582" s="1" t="s">
        <v>19310</v>
      </c>
      <c r="J5582" s="1" t="s">
        <v>4657</v>
      </c>
      <c r="K5582" s="1" t="s">
        <v>47</v>
      </c>
      <c r="L5582" s="1" t="s">
        <v>19459</v>
      </c>
      <c r="M5582" s="1" t="s">
        <v>5</v>
      </c>
      <c r="N5582" s="1" t="s">
        <v>25</v>
      </c>
      <c r="O5582" s="1" t="s">
        <v>38</v>
      </c>
      <c r="P5582" s="5" t="s">
        <v>30589</v>
      </c>
    </row>
    <row r="5583" spans="1:16" x14ac:dyDescent="0.2">
      <c r="A5583" s="1" t="s">
        <v>20</v>
      </c>
      <c r="B5583" s="1" t="s">
        <v>101</v>
      </c>
      <c r="C5583" s="1" t="s">
        <v>19465</v>
      </c>
      <c r="D5583" s="1" t="s">
        <v>19466</v>
      </c>
      <c r="E5583" s="1" t="s">
        <v>19467</v>
      </c>
      <c r="F5583" s="1" t="s">
        <v>10</v>
      </c>
      <c r="G5583" s="1" t="s">
        <v>10</v>
      </c>
      <c r="H5583" s="1" t="s">
        <v>10</v>
      </c>
      <c r="I5583" s="1" t="s">
        <v>19310</v>
      </c>
      <c r="J5583" s="1" t="s">
        <v>4657</v>
      </c>
      <c r="K5583" s="1" t="s">
        <v>37</v>
      </c>
      <c r="L5583" s="1" t="s">
        <v>19464</v>
      </c>
      <c r="M5583" s="1" t="s">
        <v>5</v>
      </c>
      <c r="N5583" s="1" t="s">
        <v>25</v>
      </c>
      <c r="O5583" s="1" t="s">
        <v>38</v>
      </c>
      <c r="P5583" s="5" t="s">
        <v>30590</v>
      </c>
    </row>
    <row r="5584" spans="1:16" x14ac:dyDescent="0.2">
      <c r="A5584" s="1" t="s">
        <v>42</v>
      </c>
      <c r="B5584" s="1" t="s">
        <v>335</v>
      </c>
      <c r="C5584" s="1" t="s">
        <v>19469</v>
      </c>
      <c r="D5584" s="1" t="s">
        <v>19470</v>
      </c>
      <c r="E5584" s="1" t="s">
        <v>19471</v>
      </c>
      <c r="F5584" s="1" t="s">
        <v>10</v>
      </c>
      <c r="G5584" s="1" t="s">
        <v>10</v>
      </c>
      <c r="H5584" s="1" t="s">
        <v>10</v>
      </c>
      <c r="I5584" s="1" t="s">
        <v>19310</v>
      </c>
      <c r="J5584" s="1" t="s">
        <v>10696</v>
      </c>
      <c r="K5584" s="1" t="s">
        <v>47</v>
      </c>
      <c r="L5584" s="1" t="s">
        <v>19468</v>
      </c>
      <c r="M5584" s="1" t="s">
        <v>5</v>
      </c>
      <c r="N5584" s="1" t="s">
        <v>25</v>
      </c>
      <c r="O5584" s="1" t="s">
        <v>38</v>
      </c>
      <c r="P5584" s="5" t="s">
        <v>30590</v>
      </c>
    </row>
    <row r="5585" spans="1:16" x14ac:dyDescent="0.2">
      <c r="A5585" s="1" t="s">
        <v>329</v>
      </c>
      <c r="B5585" s="1" t="s">
        <v>1738</v>
      </c>
      <c r="C5585" s="1" t="s">
        <v>19473</v>
      </c>
      <c r="D5585" s="1" t="s">
        <v>19474</v>
      </c>
      <c r="E5585" s="1" t="s">
        <v>19475</v>
      </c>
      <c r="F5585" s="1" t="s">
        <v>10</v>
      </c>
      <c r="G5585" s="1" t="s">
        <v>10</v>
      </c>
      <c r="H5585" s="1" t="s">
        <v>10</v>
      </c>
      <c r="I5585" s="1" t="s">
        <v>19310</v>
      </c>
      <c r="J5585" s="1" t="s">
        <v>10</v>
      </c>
      <c r="K5585" s="1" t="s">
        <v>47</v>
      </c>
      <c r="L5585" s="1" t="s">
        <v>19472</v>
      </c>
      <c r="M5585" s="1" t="s">
        <v>5</v>
      </c>
      <c r="N5585" s="1" t="s">
        <v>25</v>
      </c>
      <c r="O5585" s="1" t="s">
        <v>38</v>
      </c>
      <c r="P5585" s="5" t="s">
        <v>30589</v>
      </c>
    </row>
    <row r="5586" spans="1:16" x14ac:dyDescent="0.2">
      <c r="A5586" s="1" t="s">
        <v>42</v>
      </c>
      <c r="B5586" s="1" t="s">
        <v>50</v>
      </c>
      <c r="C5586" s="1" t="s">
        <v>19477</v>
      </c>
      <c r="D5586" s="1" t="s">
        <v>19478</v>
      </c>
      <c r="E5586" s="1" t="s">
        <v>19479</v>
      </c>
      <c r="F5586" s="1" t="s">
        <v>10</v>
      </c>
      <c r="G5586" s="1" t="s">
        <v>10</v>
      </c>
      <c r="H5586" s="1" t="s">
        <v>10</v>
      </c>
      <c r="I5586" s="1" t="s">
        <v>19310</v>
      </c>
      <c r="J5586" s="1" t="s">
        <v>10</v>
      </c>
      <c r="K5586" s="1" t="s">
        <v>47</v>
      </c>
      <c r="L5586" s="1" t="s">
        <v>19476</v>
      </c>
      <c r="M5586" s="1" t="s">
        <v>5</v>
      </c>
      <c r="N5586" s="1" t="s">
        <v>25</v>
      </c>
      <c r="O5586" s="1" t="s">
        <v>38</v>
      </c>
      <c r="P5586" s="5" t="s">
        <v>30590</v>
      </c>
    </row>
    <row r="5587" spans="1:16" x14ac:dyDescent="0.2">
      <c r="A5587" s="1" t="s">
        <v>42</v>
      </c>
      <c r="B5587" s="1" t="s">
        <v>43</v>
      </c>
      <c r="C5587" s="1" t="s">
        <v>19481</v>
      </c>
      <c r="D5587" s="1" t="s">
        <v>19482</v>
      </c>
      <c r="E5587" s="1" t="s">
        <v>19483</v>
      </c>
      <c r="F5587" s="1" t="s">
        <v>10</v>
      </c>
      <c r="G5587" s="1" t="s">
        <v>10</v>
      </c>
      <c r="H5587" s="1" t="s">
        <v>10</v>
      </c>
      <c r="I5587" s="1" t="s">
        <v>19310</v>
      </c>
      <c r="J5587" s="1" t="s">
        <v>10901</v>
      </c>
      <c r="K5587" s="1" t="s">
        <v>37</v>
      </c>
      <c r="L5587" s="1" t="s">
        <v>19480</v>
      </c>
      <c r="M5587" s="1" t="s">
        <v>5</v>
      </c>
      <c r="N5587" s="1" t="s">
        <v>25</v>
      </c>
      <c r="O5587" s="1" t="s">
        <v>38</v>
      </c>
      <c r="P5587" s="5" t="s">
        <v>30591</v>
      </c>
    </row>
    <row r="5588" spans="1:16" x14ac:dyDescent="0.2">
      <c r="A5588" s="1" t="s">
        <v>42</v>
      </c>
      <c r="B5588" s="1" t="s">
        <v>43</v>
      </c>
      <c r="C5588" s="1" t="s">
        <v>19485</v>
      </c>
      <c r="D5588" s="1" t="s">
        <v>19486</v>
      </c>
      <c r="E5588" s="1" t="s">
        <v>19488</v>
      </c>
      <c r="F5588" s="1" t="s">
        <v>10</v>
      </c>
      <c r="G5588" s="1" t="s">
        <v>10</v>
      </c>
      <c r="H5588" s="1" t="s">
        <v>10</v>
      </c>
      <c r="I5588" s="1" t="s">
        <v>19310</v>
      </c>
      <c r="J5588" s="1" t="s">
        <v>19487</v>
      </c>
      <c r="K5588" s="1" t="s">
        <v>37</v>
      </c>
      <c r="L5588" s="1" t="s">
        <v>19484</v>
      </c>
      <c r="M5588" s="1" t="s">
        <v>5</v>
      </c>
      <c r="N5588" s="1" t="s">
        <v>25</v>
      </c>
      <c r="O5588" s="1" t="s">
        <v>38</v>
      </c>
      <c r="P5588" s="5" t="s">
        <v>30591</v>
      </c>
    </row>
    <row r="5589" spans="1:16" x14ac:dyDescent="0.2">
      <c r="A5589" s="1" t="s">
        <v>20</v>
      </c>
      <c r="B5589" s="1" t="s">
        <v>93</v>
      </c>
      <c r="C5589" s="1" t="s">
        <v>19490</v>
      </c>
      <c r="D5589" s="1" t="s">
        <v>549</v>
      </c>
      <c r="E5589" s="1" t="s">
        <v>19491</v>
      </c>
      <c r="F5589" s="1" t="s">
        <v>10</v>
      </c>
      <c r="G5589" s="1" t="s">
        <v>10</v>
      </c>
      <c r="H5589" s="1" t="s">
        <v>10</v>
      </c>
      <c r="I5589" s="1" t="s">
        <v>19310</v>
      </c>
      <c r="J5589" s="1" t="s">
        <v>10</v>
      </c>
      <c r="K5589" s="1" t="s">
        <v>10</v>
      </c>
      <c r="L5589" s="1" t="s">
        <v>19489</v>
      </c>
      <c r="M5589" s="1" t="s">
        <v>5</v>
      </c>
      <c r="N5589" s="1" t="s">
        <v>25</v>
      </c>
      <c r="O5589" s="1" t="s">
        <v>38</v>
      </c>
      <c r="P5589" s="5" t="s">
        <v>30592</v>
      </c>
    </row>
    <row r="5590" spans="1:16" x14ac:dyDescent="0.2">
      <c r="A5590" s="1" t="s">
        <v>42</v>
      </c>
      <c r="B5590" s="1" t="s">
        <v>1341</v>
      </c>
      <c r="C5590" s="1" t="s">
        <v>19493</v>
      </c>
      <c r="D5590" s="1" t="s">
        <v>19494</v>
      </c>
      <c r="E5590" s="1" t="s">
        <v>19496</v>
      </c>
      <c r="F5590" s="1" t="s">
        <v>10</v>
      </c>
      <c r="G5590" s="1" t="s">
        <v>10</v>
      </c>
      <c r="H5590" s="1" t="s">
        <v>10</v>
      </c>
      <c r="I5590" s="1" t="s">
        <v>19310</v>
      </c>
      <c r="J5590" s="1" t="s">
        <v>19495</v>
      </c>
      <c r="K5590" s="1" t="s">
        <v>231</v>
      </c>
      <c r="L5590" s="1" t="s">
        <v>19492</v>
      </c>
      <c r="M5590" s="1" t="s">
        <v>5</v>
      </c>
      <c r="N5590" s="1" t="s">
        <v>25</v>
      </c>
      <c r="O5590" s="1" t="s">
        <v>38</v>
      </c>
      <c r="P5590" s="5" t="s">
        <v>30589</v>
      </c>
    </row>
    <row r="5591" spans="1:16" x14ac:dyDescent="0.2">
      <c r="A5591" s="1" t="s">
        <v>20</v>
      </c>
      <c r="B5591" s="1" t="s">
        <v>309</v>
      </c>
      <c r="C5591" s="1" t="s">
        <v>19498</v>
      </c>
      <c r="D5591" s="1" t="s">
        <v>19498</v>
      </c>
      <c r="E5591" s="1" t="s">
        <v>19499</v>
      </c>
      <c r="F5591" s="1" t="s">
        <v>10</v>
      </c>
      <c r="G5591" s="1" t="s">
        <v>10</v>
      </c>
      <c r="H5591" s="1" t="s">
        <v>10</v>
      </c>
      <c r="I5591" s="1" t="s">
        <v>19310</v>
      </c>
      <c r="J5591" s="1" t="s">
        <v>10901</v>
      </c>
      <c r="K5591" s="1" t="s">
        <v>18423</v>
      </c>
      <c r="L5591" s="1" t="s">
        <v>19497</v>
      </c>
      <c r="M5591" s="1" t="s">
        <v>5</v>
      </c>
      <c r="N5591" s="1" t="s">
        <v>25</v>
      </c>
      <c r="O5591" s="1" t="s">
        <v>38</v>
      </c>
      <c r="P5591" s="5" t="s">
        <v>30589</v>
      </c>
    </row>
    <row r="5592" spans="1:16" x14ac:dyDescent="0.2">
      <c r="A5592" s="1" t="s">
        <v>20</v>
      </c>
      <c r="B5592" s="1" t="s">
        <v>309</v>
      </c>
      <c r="C5592" s="1" t="s">
        <v>19501</v>
      </c>
      <c r="D5592" s="1" t="s">
        <v>19501</v>
      </c>
      <c r="E5592" s="1" t="s">
        <v>10</v>
      </c>
      <c r="F5592" s="1" t="s">
        <v>19502</v>
      </c>
      <c r="G5592" s="1" t="s">
        <v>1042</v>
      </c>
      <c r="H5592" s="1" t="s">
        <v>19504</v>
      </c>
      <c r="I5592" s="1" t="s">
        <v>19310</v>
      </c>
      <c r="J5592" s="1" t="s">
        <v>19503</v>
      </c>
      <c r="K5592" s="1" t="s">
        <v>1468</v>
      </c>
      <c r="L5592" s="1" t="s">
        <v>19500</v>
      </c>
      <c r="M5592" s="1" t="s">
        <v>5</v>
      </c>
      <c r="N5592" s="1" t="s">
        <v>25</v>
      </c>
      <c r="O5592" s="1" t="s">
        <v>8</v>
      </c>
      <c r="P5592" s="5" t="s">
        <v>29944</v>
      </c>
    </row>
    <row r="5593" spans="1:16" x14ac:dyDescent="0.2">
      <c r="A5593" s="1" t="s">
        <v>20</v>
      </c>
      <c r="B5593" s="1" t="s">
        <v>310</v>
      </c>
      <c r="C5593" s="1" t="s">
        <v>19506</v>
      </c>
      <c r="D5593" s="1" t="s">
        <v>19507</v>
      </c>
      <c r="E5593" s="1" t="s">
        <v>19508</v>
      </c>
      <c r="F5593" s="1" t="s">
        <v>10</v>
      </c>
      <c r="G5593" s="1" t="s">
        <v>10</v>
      </c>
      <c r="H5593" s="1" t="s">
        <v>10</v>
      </c>
      <c r="I5593" s="1" t="s">
        <v>19310</v>
      </c>
      <c r="J5593" s="1" t="s">
        <v>19462</v>
      </c>
      <c r="K5593" s="1" t="s">
        <v>1468</v>
      </c>
      <c r="L5593" s="1" t="s">
        <v>19505</v>
      </c>
      <c r="M5593" s="1" t="s">
        <v>5</v>
      </c>
      <c r="N5593" s="1" t="s">
        <v>25</v>
      </c>
      <c r="O5593" s="1" t="s">
        <v>38</v>
      </c>
      <c r="P5593" s="5" t="s">
        <v>30914</v>
      </c>
    </row>
    <row r="5594" spans="1:16" x14ac:dyDescent="0.2">
      <c r="A5594" s="1" t="s">
        <v>42</v>
      </c>
      <c r="B5594" s="1" t="s">
        <v>109</v>
      </c>
      <c r="C5594" s="1" t="s">
        <v>19510</v>
      </c>
      <c r="D5594" s="1" t="s">
        <v>19511</v>
      </c>
      <c r="E5594" s="1" t="s">
        <v>19512</v>
      </c>
      <c r="F5594" s="1" t="s">
        <v>10</v>
      </c>
      <c r="G5594" s="1" t="s">
        <v>10</v>
      </c>
      <c r="H5594" s="1" t="s">
        <v>10</v>
      </c>
      <c r="I5594" s="1" t="s">
        <v>19310</v>
      </c>
      <c r="J5594" s="1" t="s">
        <v>4657</v>
      </c>
      <c r="K5594" s="1" t="s">
        <v>27</v>
      </c>
      <c r="L5594" s="1" t="s">
        <v>19509</v>
      </c>
      <c r="M5594" s="1" t="s">
        <v>5</v>
      </c>
      <c r="N5594" s="1" t="s">
        <v>25</v>
      </c>
      <c r="O5594" s="1" t="s">
        <v>38</v>
      </c>
      <c r="P5594" s="5" t="s">
        <v>30589</v>
      </c>
    </row>
    <row r="5595" spans="1:16" x14ac:dyDescent="0.2">
      <c r="A5595" s="1" t="s">
        <v>42</v>
      </c>
      <c r="B5595" s="1" t="s">
        <v>335</v>
      </c>
      <c r="C5595" s="1" t="s">
        <v>19514</v>
      </c>
      <c r="D5595" s="1" t="s">
        <v>19515</v>
      </c>
      <c r="E5595" s="1" t="s">
        <v>19516</v>
      </c>
      <c r="F5595" s="1" t="s">
        <v>10</v>
      </c>
      <c r="G5595" s="1" t="s">
        <v>10</v>
      </c>
      <c r="H5595" s="1" t="s">
        <v>10</v>
      </c>
      <c r="I5595" s="1" t="s">
        <v>19310</v>
      </c>
      <c r="J5595" s="1" t="s">
        <v>4657</v>
      </c>
      <c r="K5595" s="1" t="s">
        <v>27</v>
      </c>
      <c r="L5595" s="1" t="s">
        <v>19513</v>
      </c>
      <c r="M5595" s="1" t="s">
        <v>5</v>
      </c>
      <c r="N5595" s="1" t="s">
        <v>25</v>
      </c>
      <c r="O5595" s="1" t="s">
        <v>38</v>
      </c>
      <c r="P5595" s="5" t="s">
        <v>30589</v>
      </c>
    </row>
    <row r="5596" spans="1:16" x14ac:dyDescent="0.2">
      <c r="A5596" s="1" t="s">
        <v>42</v>
      </c>
      <c r="B5596" s="1" t="s">
        <v>1341</v>
      </c>
      <c r="C5596" s="1" t="s">
        <v>19518</v>
      </c>
      <c r="D5596" s="1" t="s">
        <v>19519</v>
      </c>
      <c r="E5596" s="1" t="s">
        <v>19520</v>
      </c>
      <c r="F5596" s="1" t="s">
        <v>10</v>
      </c>
      <c r="G5596" s="1" t="s">
        <v>10</v>
      </c>
      <c r="H5596" s="1" t="s">
        <v>10</v>
      </c>
      <c r="I5596" s="1" t="s">
        <v>19310</v>
      </c>
      <c r="J5596" s="1" t="s">
        <v>4657</v>
      </c>
      <c r="K5596" s="1" t="s">
        <v>27</v>
      </c>
      <c r="L5596" s="1" t="s">
        <v>19517</v>
      </c>
      <c r="M5596" s="1" t="s">
        <v>5</v>
      </c>
      <c r="N5596" s="1" t="s">
        <v>25</v>
      </c>
      <c r="O5596" s="1" t="s">
        <v>38</v>
      </c>
      <c r="P5596" s="5" t="s">
        <v>30589</v>
      </c>
    </row>
    <row r="5597" spans="1:16" x14ac:dyDescent="0.2">
      <c r="A5597" s="1" t="s">
        <v>20</v>
      </c>
      <c r="B5597" s="1" t="s">
        <v>99</v>
      </c>
      <c r="C5597" s="1" t="s">
        <v>19522</v>
      </c>
      <c r="D5597" s="1" t="s">
        <v>19523</v>
      </c>
      <c r="E5597" s="1" t="s">
        <v>19526</v>
      </c>
      <c r="F5597" s="1" t="s">
        <v>10</v>
      </c>
      <c r="G5597" s="1" t="s">
        <v>10</v>
      </c>
      <c r="H5597" s="1" t="s">
        <v>10</v>
      </c>
      <c r="I5597" s="1" t="s">
        <v>19310</v>
      </c>
      <c r="J5597" s="1" t="s">
        <v>19525</v>
      </c>
      <c r="K5597" s="1" t="s">
        <v>27</v>
      </c>
      <c r="L5597" s="1" t="s">
        <v>19521</v>
      </c>
      <c r="M5597" s="1" t="s">
        <v>3905</v>
      </c>
      <c r="N5597" s="1" t="s">
        <v>25</v>
      </c>
      <c r="O5597" s="1" t="s">
        <v>38</v>
      </c>
      <c r="P5597" s="5" t="s">
        <v>30593</v>
      </c>
    </row>
    <row r="5598" spans="1:16" x14ac:dyDescent="0.2">
      <c r="A5598" s="1" t="s">
        <v>20</v>
      </c>
      <c r="B5598" s="1" t="s">
        <v>99</v>
      </c>
      <c r="C5598" s="1" t="s">
        <v>19528</v>
      </c>
      <c r="D5598" s="1" t="s">
        <v>2019</v>
      </c>
      <c r="E5598" s="1" t="s">
        <v>19529</v>
      </c>
      <c r="F5598" s="1" t="s">
        <v>10</v>
      </c>
      <c r="G5598" s="1" t="s">
        <v>10</v>
      </c>
      <c r="H5598" s="1" t="s">
        <v>10</v>
      </c>
      <c r="I5598" s="1" t="s">
        <v>19310</v>
      </c>
      <c r="J5598" s="1" t="s">
        <v>10</v>
      </c>
      <c r="K5598" s="1" t="s">
        <v>27</v>
      </c>
      <c r="L5598" s="1" t="s">
        <v>19527</v>
      </c>
      <c r="M5598" s="1" t="s">
        <v>3905</v>
      </c>
      <c r="N5598" s="1" t="s">
        <v>25</v>
      </c>
      <c r="O5598" s="1" t="s">
        <v>38</v>
      </c>
      <c r="P5598" s="5" t="s">
        <v>30589</v>
      </c>
    </row>
    <row r="5599" spans="1:16" x14ac:dyDescent="0.2">
      <c r="A5599" s="1" t="s">
        <v>42</v>
      </c>
      <c r="B5599" s="1" t="s">
        <v>50</v>
      </c>
      <c r="C5599" s="1" t="s">
        <v>19531</v>
      </c>
      <c r="D5599" s="1" t="s">
        <v>19532</v>
      </c>
      <c r="E5599" s="1" t="s">
        <v>19533</v>
      </c>
      <c r="F5599" s="1" t="s">
        <v>10</v>
      </c>
      <c r="G5599" s="1" t="s">
        <v>10</v>
      </c>
      <c r="H5599" s="1" t="s">
        <v>10</v>
      </c>
      <c r="I5599" s="1" t="s">
        <v>19310</v>
      </c>
      <c r="J5599" s="1" t="s">
        <v>10901</v>
      </c>
      <c r="K5599" s="1" t="s">
        <v>47</v>
      </c>
      <c r="L5599" s="1" t="s">
        <v>19530</v>
      </c>
      <c r="M5599" s="1" t="s">
        <v>5</v>
      </c>
      <c r="N5599" s="1" t="s">
        <v>25</v>
      </c>
      <c r="O5599" s="1" t="s">
        <v>38</v>
      </c>
      <c r="P5599" s="5" t="s">
        <v>30591</v>
      </c>
    </row>
    <row r="5600" spans="1:16" x14ac:dyDescent="0.2">
      <c r="A5600" s="1" t="s">
        <v>42</v>
      </c>
      <c r="B5600" s="1" t="s">
        <v>1341</v>
      </c>
      <c r="C5600" s="1" t="s">
        <v>19535</v>
      </c>
      <c r="D5600" s="1" t="s">
        <v>19536</v>
      </c>
      <c r="E5600" s="1" t="s">
        <v>19537</v>
      </c>
      <c r="F5600" s="1" t="s">
        <v>10</v>
      </c>
      <c r="G5600" s="1" t="s">
        <v>10</v>
      </c>
      <c r="H5600" s="1" t="s">
        <v>10</v>
      </c>
      <c r="I5600" s="1" t="s">
        <v>19310</v>
      </c>
      <c r="J5600" s="1" t="s">
        <v>9024</v>
      </c>
      <c r="K5600" s="1" t="s">
        <v>443</v>
      </c>
      <c r="L5600" s="1" t="s">
        <v>19534</v>
      </c>
      <c r="M5600" s="1" t="s">
        <v>5</v>
      </c>
      <c r="N5600" s="1" t="s">
        <v>25</v>
      </c>
      <c r="O5600" s="1" t="s">
        <v>38</v>
      </c>
      <c r="P5600" s="5" t="s">
        <v>30593</v>
      </c>
    </row>
    <row r="5601" spans="1:16" x14ac:dyDescent="0.2">
      <c r="A5601" s="1" t="s">
        <v>42</v>
      </c>
      <c r="B5601" s="1" t="s">
        <v>118</v>
      </c>
      <c r="C5601" s="1" t="s">
        <v>19539</v>
      </c>
      <c r="D5601" s="1" t="s">
        <v>19540</v>
      </c>
      <c r="E5601" s="1" t="s">
        <v>19541</v>
      </c>
      <c r="F5601" s="1" t="s">
        <v>10</v>
      </c>
      <c r="G5601" s="1" t="s">
        <v>10</v>
      </c>
      <c r="H5601" s="1" t="s">
        <v>10</v>
      </c>
      <c r="I5601" s="1" t="s">
        <v>19310</v>
      </c>
      <c r="J5601" s="1" t="s">
        <v>19462</v>
      </c>
      <c r="K5601" s="1" t="s">
        <v>6469</v>
      </c>
      <c r="L5601" s="1" t="s">
        <v>19538</v>
      </c>
      <c r="M5601" s="1" t="s">
        <v>5</v>
      </c>
      <c r="N5601" s="1" t="s">
        <v>25</v>
      </c>
      <c r="O5601" s="1" t="s">
        <v>38</v>
      </c>
      <c r="P5601" s="5" t="s">
        <v>30594</v>
      </c>
    </row>
    <row r="5602" spans="1:16" x14ac:dyDescent="0.2">
      <c r="A5602" s="1" t="s">
        <v>42</v>
      </c>
      <c r="B5602" s="1" t="s">
        <v>118</v>
      </c>
      <c r="C5602" s="1" t="s">
        <v>19543</v>
      </c>
      <c r="D5602" s="1" t="s">
        <v>19544</v>
      </c>
      <c r="E5602" s="1" t="s">
        <v>19545</v>
      </c>
      <c r="F5602" s="1" t="s">
        <v>10</v>
      </c>
      <c r="G5602" s="1" t="s">
        <v>10</v>
      </c>
      <c r="H5602" s="1" t="s">
        <v>10</v>
      </c>
      <c r="I5602" s="1" t="s">
        <v>19310</v>
      </c>
      <c r="J5602" s="1" t="s">
        <v>19462</v>
      </c>
      <c r="K5602" s="1" t="s">
        <v>113</v>
      </c>
      <c r="L5602" s="1" t="s">
        <v>19542</v>
      </c>
      <c r="M5602" s="1" t="s">
        <v>5</v>
      </c>
      <c r="N5602" s="1" t="s">
        <v>25</v>
      </c>
      <c r="O5602" s="1" t="s">
        <v>38</v>
      </c>
      <c r="P5602" s="5" t="s">
        <v>30590</v>
      </c>
    </row>
    <row r="5603" spans="1:16" x14ac:dyDescent="0.2">
      <c r="A5603" s="1" t="s">
        <v>20</v>
      </c>
      <c r="B5603" s="1" t="s">
        <v>302</v>
      </c>
      <c r="C5603" s="1" t="s">
        <v>19547</v>
      </c>
      <c r="D5603" s="1" t="s">
        <v>19548</v>
      </c>
      <c r="E5603" s="1" t="s">
        <v>19550</v>
      </c>
      <c r="F5603" s="1" t="s">
        <v>19549</v>
      </c>
      <c r="G5603" s="1" t="s">
        <v>1042</v>
      </c>
      <c r="H5603" s="1" t="s">
        <v>19551</v>
      </c>
      <c r="I5603" s="1" t="s">
        <v>19310</v>
      </c>
      <c r="J5603" s="1" t="s">
        <v>19462</v>
      </c>
      <c r="K5603" s="1" t="s">
        <v>100</v>
      </c>
      <c r="L5603" s="1" t="s">
        <v>19546</v>
      </c>
      <c r="M5603" s="1" t="s">
        <v>5</v>
      </c>
      <c r="N5603" s="1" t="s">
        <v>25</v>
      </c>
      <c r="O5603" s="1" t="s">
        <v>8</v>
      </c>
      <c r="P5603" s="5" t="s">
        <v>15</v>
      </c>
    </row>
    <row r="5604" spans="1:16" x14ac:dyDescent="0.2">
      <c r="A5604" s="1" t="s">
        <v>42</v>
      </c>
      <c r="B5604" s="1" t="s">
        <v>87</v>
      </c>
      <c r="C5604" s="1" t="s">
        <v>19553</v>
      </c>
      <c r="D5604" s="1" t="s">
        <v>19554</v>
      </c>
      <c r="E5604" s="1" t="s">
        <v>19556</v>
      </c>
      <c r="F5604" s="1" t="s">
        <v>19555</v>
      </c>
      <c r="G5604" s="1" t="s">
        <v>1042</v>
      </c>
      <c r="H5604" s="1" t="s">
        <v>19557</v>
      </c>
      <c r="I5604" s="1" t="s">
        <v>19310</v>
      </c>
      <c r="J5604" s="1" t="s">
        <v>3915</v>
      </c>
      <c r="K5604" s="1" t="s">
        <v>6469</v>
      </c>
      <c r="L5604" s="1" t="s">
        <v>19552</v>
      </c>
      <c r="M5604" s="1" t="s">
        <v>5</v>
      </c>
      <c r="N5604" s="1" t="s">
        <v>25</v>
      </c>
      <c r="O5604" s="1" t="s">
        <v>8</v>
      </c>
      <c r="P5604" s="5" t="s">
        <v>29944</v>
      </c>
    </row>
    <row r="5605" spans="1:16" x14ac:dyDescent="0.2">
      <c r="A5605" s="1" t="s">
        <v>1086</v>
      </c>
      <c r="B5605" s="1" t="s">
        <v>19563</v>
      </c>
      <c r="C5605" s="1" t="s">
        <v>19559</v>
      </c>
      <c r="D5605" s="1" t="s">
        <v>19560</v>
      </c>
      <c r="E5605" s="1" t="s">
        <v>19561</v>
      </c>
      <c r="F5605" s="1" t="s">
        <v>2190</v>
      </c>
      <c r="G5605" s="1" t="s">
        <v>19562</v>
      </c>
      <c r="H5605" s="1" t="s">
        <v>10</v>
      </c>
      <c r="I5605" s="1" t="s">
        <v>19310</v>
      </c>
      <c r="J5605" s="1" t="s">
        <v>10901</v>
      </c>
      <c r="K5605" s="1" t="s">
        <v>7381</v>
      </c>
      <c r="L5605" s="1" t="s">
        <v>19558</v>
      </c>
      <c r="M5605" s="1" t="s">
        <v>5</v>
      </c>
      <c r="N5605" s="1" t="s">
        <v>25</v>
      </c>
      <c r="O5605" s="1" t="s">
        <v>8</v>
      </c>
      <c r="P5605" s="5" t="s">
        <v>10</v>
      </c>
    </row>
    <row r="5606" spans="1:16" x14ac:dyDescent="0.2">
      <c r="A5606" s="1" t="s">
        <v>20</v>
      </c>
      <c r="B5606" s="1" t="s">
        <v>310</v>
      </c>
      <c r="C5606" s="1" t="s">
        <v>19565</v>
      </c>
      <c r="D5606" s="1" t="s">
        <v>1502</v>
      </c>
      <c r="E5606" s="1" t="s">
        <v>19566</v>
      </c>
      <c r="F5606" s="1" t="s">
        <v>27</v>
      </c>
      <c r="G5606" s="1" t="s">
        <v>1042</v>
      </c>
      <c r="H5606" s="1" t="s">
        <v>1502</v>
      </c>
      <c r="I5606" s="1" t="s">
        <v>19310</v>
      </c>
      <c r="J5606" s="1" t="s">
        <v>19462</v>
      </c>
      <c r="K5606" s="1" t="s">
        <v>1468</v>
      </c>
      <c r="L5606" s="1" t="s">
        <v>19564</v>
      </c>
      <c r="M5606" s="1" t="s">
        <v>5</v>
      </c>
      <c r="N5606" s="1" t="s">
        <v>25</v>
      </c>
      <c r="O5606" s="1" t="s">
        <v>8</v>
      </c>
      <c r="P5606" s="5" t="s">
        <v>30595</v>
      </c>
    </row>
    <row r="5607" spans="1:16" x14ac:dyDescent="0.2">
      <c r="A5607" s="1" t="s">
        <v>329</v>
      </c>
      <c r="B5607" s="1" t="s">
        <v>1168</v>
      </c>
      <c r="C5607" s="1" t="s">
        <v>19569</v>
      </c>
      <c r="D5607" s="1" t="s">
        <v>19570</v>
      </c>
      <c r="E5607" s="1" t="s">
        <v>19572</v>
      </c>
      <c r="F5607" s="1" t="s">
        <v>10</v>
      </c>
      <c r="G5607" s="1" t="s">
        <v>10</v>
      </c>
      <c r="H5607" s="1" t="s">
        <v>10</v>
      </c>
      <c r="I5607" s="1" t="s">
        <v>19310</v>
      </c>
      <c r="J5607" s="1" t="s">
        <v>10</v>
      </c>
      <c r="K5607" s="1" t="s">
        <v>19571</v>
      </c>
      <c r="L5607" s="1" t="s">
        <v>19568</v>
      </c>
      <c r="M5607" s="1" t="s">
        <v>5</v>
      </c>
      <c r="N5607" s="1" t="s">
        <v>25</v>
      </c>
      <c r="O5607" s="1" t="s">
        <v>38</v>
      </c>
      <c r="P5607" s="5" t="s">
        <v>30589</v>
      </c>
    </row>
    <row r="5608" spans="1:16" x14ac:dyDescent="0.2">
      <c r="A5608" s="1" t="s">
        <v>42</v>
      </c>
      <c r="B5608" s="1" t="s">
        <v>50</v>
      </c>
      <c r="C5608" s="1" t="s">
        <v>19574</v>
      </c>
      <c r="D5608" s="1" t="s">
        <v>9066</v>
      </c>
      <c r="E5608" s="1"/>
      <c r="F5608" s="1" t="s">
        <v>27</v>
      </c>
      <c r="G5608" s="1" t="s">
        <v>1042</v>
      </c>
      <c r="H5608" s="1" t="s">
        <v>19575</v>
      </c>
      <c r="I5608" s="1" t="s">
        <v>19310</v>
      </c>
      <c r="J5608" s="1" t="s">
        <v>4657</v>
      </c>
      <c r="K5608" s="1" t="s">
        <v>47</v>
      </c>
      <c r="L5608" s="1" t="s">
        <v>19573</v>
      </c>
      <c r="M5608" s="1" t="s">
        <v>5</v>
      </c>
      <c r="N5608" s="1" t="s">
        <v>25</v>
      </c>
      <c r="O5608" s="1" t="s">
        <v>8</v>
      </c>
      <c r="P5608" s="5" t="s">
        <v>29944</v>
      </c>
    </row>
    <row r="5609" spans="1:16" x14ac:dyDescent="0.2">
      <c r="A5609" s="1" t="s">
        <v>42</v>
      </c>
      <c r="B5609" s="1" t="s">
        <v>335</v>
      </c>
      <c r="C5609" s="1" t="s">
        <v>19577</v>
      </c>
      <c r="D5609" s="1" t="s">
        <v>19578</v>
      </c>
      <c r="E5609" s="1" t="s">
        <v>19579</v>
      </c>
      <c r="F5609" s="1" t="s">
        <v>10</v>
      </c>
      <c r="G5609" s="1" t="s">
        <v>10</v>
      </c>
      <c r="H5609" s="1" t="s">
        <v>10</v>
      </c>
      <c r="I5609" s="1" t="s">
        <v>19310</v>
      </c>
      <c r="J5609" s="1" t="s">
        <v>10696</v>
      </c>
      <c r="K5609" s="1" t="s">
        <v>47</v>
      </c>
      <c r="L5609" s="1" t="s">
        <v>19576</v>
      </c>
      <c r="M5609" s="1" t="s">
        <v>5</v>
      </c>
      <c r="N5609" s="1" t="s">
        <v>25</v>
      </c>
      <c r="O5609" s="1" t="s">
        <v>38</v>
      </c>
      <c r="P5609" s="5" t="s">
        <v>30589</v>
      </c>
    </row>
    <row r="5610" spans="1:16" x14ac:dyDescent="0.2">
      <c r="A5610" s="1" t="s">
        <v>42</v>
      </c>
      <c r="B5610" s="1" t="s">
        <v>588</v>
      </c>
      <c r="C5610" s="1" t="s">
        <v>9092</v>
      </c>
      <c r="D5610" s="1" t="s">
        <v>19581</v>
      </c>
      <c r="E5610" s="1" t="s">
        <v>19582</v>
      </c>
      <c r="F5610" s="1" t="s">
        <v>9092</v>
      </c>
      <c r="G5610" s="1" t="s">
        <v>19583</v>
      </c>
      <c r="H5610" s="1" t="s">
        <v>9092</v>
      </c>
      <c r="I5610" s="1" t="s">
        <v>19310</v>
      </c>
      <c r="J5610" s="1" t="s">
        <v>19462</v>
      </c>
      <c r="K5610" s="1" t="s">
        <v>12386</v>
      </c>
      <c r="L5610" s="1" t="s">
        <v>19580</v>
      </c>
      <c r="M5610" s="1" t="s">
        <v>5</v>
      </c>
      <c r="N5610" s="1" t="s">
        <v>25</v>
      </c>
      <c r="O5610" s="1" t="s">
        <v>8</v>
      </c>
      <c r="P5610" s="5" t="s">
        <v>29944</v>
      </c>
    </row>
    <row r="5611" spans="1:16" x14ac:dyDescent="0.2">
      <c r="A5611" s="1" t="s">
        <v>42</v>
      </c>
      <c r="B5611" s="1" t="s">
        <v>118</v>
      </c>
      <c r="C5611" s="1" t="s">
        <v>13509</v>
      </c>
      <c r="D5611" s="1" t="s">
        <v>13510</v>
      </c>
      <c r="E5611" s="1" t="s">
        <v>19585</v>
      </c>
      <c r="F5611" s="1" t="s">
        <v>10</v>
      </c>
      <c r="G5611" s="1" t="s">
        <v>10</v>
      </c>
      <c r="H5611" s="1" t="s">
        <v>10</v>
      </c>
      <c r="I5611" s="1" t="s">
        <v>19310</v>
      </c>
      <c r="J5611" s="1" t="s">
        <v>19462</v>
      </c>
      <c r="K5611" s="1" t="s">
        <v>586</v>
      </c>
      <c r="L5611" s="1" t="s">
        <v>19584</v>
      </c>
      <c r="M5611" s="1" t="s">
        <v>5</v>
      </c>
      <c r="N5611" s="1" t="s">
        <v>25</v>
      </c>
      <c r="O5611" s="1" t="s">
        <v>38</v>
      </c>
      <c r="P5611" s="5" t="s">
        <v>30589</v>
      </c>
    </row>
    <row r="5612" spans="1:16" x14ac:dyDescent="0.2">
      <c r="A5612" s="1" t="s">
        <v>20</v>
      </c>
      <c r="B5612" s="1" t="s">
        <v>21</v>
      </c>
      <c r="C5612" s="1" t="s">
        <v>19587</v>
      </c>
      <c r="D5612" s="1" t="s">
        <v>418</v>
      </c>
      <c r="E5612" s="1" t="s">
        <v>19588</v>
      </c>
      <c r="F5612" s="1" t="s">
        <v>522</v>
      </c>
      <c r="G5612" s="1" t="s">
        <v>1049</v>
      </c>
      <c r="H5612" s="1" t="s">
        <v>10</v>
      </c>
      <c r="I5612" s="1" t="s">
        <v>19310</v>
      </c>
      <c r="J5612" s="1" t="s">
        <v>10901</v>
      </c>
      <c r="K5612" s="1" t="s">
        <v>1468</v>
      </c>
      <c r="L5612" s="1" t="s">
        <v>19586</v>
      </c>
      <c r="M5612" s="1" t="s">
        <v>5</v>
      </c>
      <c r="N5612" s="1" t="s">
        <v>25</v>
      </c>
      <c r="O5612" s="1" t="s">
        <v>8</v>
      </c>
      <c r="P5612" s="5" t="s">
        <v>30596</v>
      </c>
    </row>
    <row r="5613" spans="1:16" x14ac:dyDescent="0.2">
      <c r="A5613" s="1" t="s">
        <v>329</v>
      </c>
      <c r="B5613" s="1" t="s">
        <v>1659</v>
      </c>
      <c r="C5613" s="1" t="s">
        <v>19590</v>
      </c>
      <c r="D5613" s="1" t="s">
        <v>19591</v>
      </c>
      <c r="E5613" s="1" t="s">
        <v>19592</v>
      </c>
      <c r="F5613" s="1" t="s">
        <v>10</v>
      </c>
      <c r="G5613" s="1" t="s">
        <v>10</v>
      </c>
      <c r="H5613" s="1" t="s">
        <v>10</v>
      </c>
      <c r="I5613" s="1" t="s">
        <v>19310</v>
      </c>
      <c r="J5613" s="1" t="s">
        <v>10901</v>
      </c>
      <c r="K5613" s="1" t="s">
        <v>231</v>
      </c>
      <c r="L5613" s="1" t="s">
        <v>19589</v>
      </c>
      <c r="M5613" s="1" t="s">
        <v>5</v>
      </c>
      <c r="N5613" s="1" t="s">
        <v>25</v>
      </c>
      <c r="O5613" s="1" t="s">
        <v>38</v>
      </c>
      <c r="P5613" s="5" t="s">
        <v>32031</v>
      </c>
    </row>
    <row r="5614" spans="1:16" x14ac:dyDescent="0.2">
      <c r="A5614" s="1" t="s">
        <v>329</v>
      </c>
      <c r="B5614" s="1" t="s">
        <v>340</v>
      </c>
      <c r="C5614" s="1" t="s">
        <v>19594</v>
      </c>
      <c r="D5614" s="1" t="s">
        <v>19595</v>
      </c>
      <c r="E5614" s="1" t="s">
        <v>12185</v>
      </c>
      <c r="F5614" s="1" t="s">
        <v>10</v>
      </c>
      <c r="G5614" s="1" t="s">
        <v>10</v>
      </c>
      <c r="H5614" s="1" t="s">
        <v>10</v>
      </c>
      <c r="I5614" s="1" t="s">
        <v>19310</v>
      </c>
      <c r="J5614" s="1" t="s">
        <v>10</v>
      </c>
      <c r="K5614" s="1" t="s">
        <v>7</v>
      </c>
      <c r="L5614" s="1" t="s">
        <v>19593</v>
      </c>
      <c r="M5614" s="1" t="s">
        <v>5</v>
      </c>
      <c r="N5614" s="1" t="s">
        <v>6</v>
      </c>
      <c r="O5614" s="1" t="s">
        <v>38</v>
      </c>
      <c r="P5614" s="5" t="s">
        <v>30597</v>
      </c>
    </row>
    <row r="5615" spans="1:16" x14ac:dyDescent="0.2">
      <c r="A5615" s="1" t="s">
        <v>20</v>
      </c>
      <c r="B5615" s="1" t="s">
        <v>172</v>
      </c>
      <c r="C5615" s="1" t="s">
        <v>19598</v>
      </c>
      <c r="D5615" s="1" t="s">
        <v>1960</v>
      </c>
      <c r="E5615" s="1" t="s">
        <v>19599</v>
      </c>
      <c r="F5615" s="1" t="s">
        <v>7122</v>
      </c>
      <c r="G5615" s="1" t="s">
        <v>1042</v>
      </c>
      <c r="H5615" s="1" t="s">
        <v>19600</v>
      </c>
      <c r="I5615" s="1" t="s">
        <v>19310</v>
      </c>
      <c r="J5615" s="1" t="s">
        <v>10</v>
      </c>
      <c r="K5615" s="1" t="s">
        <v>1468</v>
      </c>
      <c r="L5615" s="1" t="s">
        <v>19597</v>
      </c>
      <c r="M5615" s="1" t="s">
        <v>5</v>
      </c>
      <c r="N5615" s="1" t="s">
        <v>25</v>
      </c>
      <c r="O5615" s="1" t="s">
        <v>8</v>
      </c>
      <c r="P5615" s="5" t="s">
        <v>29944</v>
      </c>
    </row>
    <row r="5616" spans="1:16" x14ac:dyDescent="0.2">
      <c r="A5616" s="1" t="s">
        <v>42</v>
      </c>
      <c r="B5616" s="1" t="s">
        <v>118</v>
      </c>
      <c r="C5616" s="1" t="s">
        <v>19602</v>
      </c>
      <c r="D5616" s="1" t="s">
        <v>4976</v>
      </c>
      <c r="E5616" s="1" t="s">
        <v>19603</v>
      </c>
      <c r="F5616" s="1" t="s">
        <v>10</v>
      </c>
      <c r="G5616" s="1" t="s">
        <v>10</v>
      </c>
      <c r="H5616" s="1" t="s">
        <v>10</v>
      </c>
      <c r="I5616" s="1" t="s">
        <v>19310</v>
      </c>
      <c r="J5616" s="1" t="s">
        <v>19462</v>
      </c>
      <c r="K5616" s="1" t="s">
        <v>443</v>
      </c>
      <c r="L5616" s="1" t="s">
        <v>19601</v>
      </c>
      <c r="M5616" s="1" t="s">
        <v>5</v>
      </c>
      <c r="N5616" s="1" t="s">
        <v>6</v>
      </c>
      <c r="O5616" s="1" t="s">
        <v>38</v>
      </c>
      <c r="P5616" s="5" t="s">
        <v>30598</v>
      </c>
    </row>
    <row r="5617" spans="1:16" x14ac:dyDescent="0.2">
      <c r="A5617" s="1" t="s">
        <v>42</v>
      </c>
      <c r="B5617" s="1" t="s">
        <v>43</v>
      </c>
      <c r="C5617" s="1" t="s">
        <v>19605</v>
      </c>
      <c r="D5617" s="1" t="s">
        <v>46</v>
      </c>
      <c r="E5617" s="1" t="s">
        <v>19606</v>
      </c>
      <c r="F5617" s="1" t="s">
        <v>10</v>
      </c>
      <c r="G5617" s="1" t="s">
        <v>10</v>
      </c>
      <c r="H5617" s="1" t="s">
        <v>10</v>
      </c>
      <c r="I5617" s="1" t="s">
        <v>19310</v>
      </c>
      <c r="J5617" s="1" t="s">
        <v>19487</v>
      </c>
      <c r="K5617" s="1" t="s">
        <v>37</v>
      </c>
      <c r="L5617" s="1" t="s">
        <v>19604</v>
      </c>
      <c r="M5617" s="1" t="s">
        <v>5</v>
      </c>
      <c r="N5617" s="1" t="s">
        <v>25</v>
      </c>
      <c r="O5617" s="1" t="s">
        <v>38</v>
      </c>
      <c r="P5617" s="5" t="s">
        <v>30591</v>
      </c>
    </row>
    <row r="5618" spans="1:16" x14ac:dyDescent="0.2">
      <c r="A5618" s="1" t="s">
        <v>20</v>
      </c>
      <c r="B5618" s="1" t="s">
        <v>310</v>
      </c>
      <c r="C5618" s="1" t="s">
        <v>19608</v>
      </c>
      <c r="D5618" s="1" t="s">
        <v>9404</v>
      </c>
      <c r="E5618" s="1" t="s">
        <v>19609</v>
      </c>
      <c r="F5618" s="1" t="s">
        <v>10</v>
      </c>
      <c r="G5618" s="1" t="s">
        <v>10</v>
      </c>
      <c r="H5618" s="1" t="s">
        <v>10</v>
      </c>
      <c r="I5618" s="1" t="s">
        <v>19310</v>
      </c>
      <c r="J5618" s="1" t="s">
        <v>19462</v>
      </c>
      <c r="K5618" s="1" t="s">
        <v>27</v>
      </c>
      <c r="L5618" s="1" t="s">
        <v>19607</v>
      </c>
      <c r="M5618" s="1" t="s">
        <v>5</v>
      </c>
      <c r="N5618" s="1" t="s">
        <v>25</v>
      </c>
      <c r="O5618" s="1" t="s">
        <v>38</v>
      </c>
      <c r="P5618" s="5" t="s">
        <v>30589</v>
      </c>
    </row>
    <row r="5619" spans="1:16" x14ac:dyDescent="0.2">
      <c r="A5619" s="1" t="s">
        <v>42</v>
      </c>
      <c r="B5619" s="1" t="s">
        <v>43</v>
      </c>
      <c r="C5619" s="1" t="s">
        <v>19612</v>
      </c>
      <c r="D5619" s="1" t="s">
        <v>19612</v>
      </c>
      <c r="E5619" s="1" t="s">
        <v>19613</v>
      </c>
      <c r="F5619" s="1" t="s">
        <v>10</v>
      </c>
      <c r="G5619" s="1" t="s">
        <v>10</v>
      </c>
      <c r="H5619" s="1" t="s">
        <v>10</v>
      </c>
      <c r="I5619" s="1" t="s">
        <v>19310</v>
      </c>
      <c r="J5619" s="1" t="s">
        <v>10901</v>
      </c>
      <c r="K5619" s="1" t="s">
        <v>3748</v>
      </c>
      <c r="L5619" s="1" t="s">
        <v>19611</v>
      </c>
      <c r="M5619" s="1" t="s">
        <v>5</v>
      </c>
      <c r="N5619" s="1" t="s">
        <v>25</v>
      </c>
      <c r="O5619" s="1" t="s">
        <v>38</v>
      </c>
      <c r="P5619" s="5" t="s">
        <v>30590</v>
      </c>
    </row>
    <row r="5620" spans="1:16" x14ac:dyDescent="0.2">
      <c r="A5620" s="1" t="s">
        <v>42</v>
      </c>
      <c r="B5620" s="1" t="s">
        <v>43</v>
      </c>
      <c r="C5620" s="1" t="s">
        <v>19615</v>
      </c>
      <c r="D5620" s="1" t="s">
        <v>19616</v>
      </c>
      <c r="E5620" s="1" t="s">
        <v>19617</v>
      </c>
      <c r="F5620" s="1" t="s">
        <v>10</v>
      </c>
      <c r="G5620" s="1" t="s">
        <v>10</v>
      </c>
      <c r="H5620" s="1" t="s">
        <v>10</v>
      </c>
      <c r="I5620" s="1" t="s">
        <v>19310</v>
      </c>
      <c r="J5620" s="1" t="s">
        <v>10901</v>
      </c>
      <c r="K5620" s="1" t="s">
        <v>37</v>
      </c>
      <c r="L5620" s="1" t="s">
        <v>19614</v>
      </c>
      <c r="M5620" s="1" t="s">
        <v>5</v>
      </c>
      <c r="N5620" s="1" t="s">
        <v>25</v>
      </c>
      <c r="O5620" s="1" t="s">
        <v>38</v>
      </c>
      <c r="P5620" s="5" t="s">
        <v>29944</v>
      </c>
    </row>
    <row r="5621" spans="1:16" x14ac:dyDescent="0.2">
      <c r="A5621" s="1" t="s">
        <v>32</v>
      </c>
      <c r="B5621" s="1" t="s">
        <v>140</v>
      </c>
      <c r="C5621" s="1" t="s">
        <v>11329</v>
      </c>
      <c r="D5621" s="1" t="s">
        <v>11330</v>
      </c>
      <c r="E5621" s="1" t="s">
        <v>19619</v>
      </c>
      <c r="F5621" s="1" t="s">
        <v>27</v>
      </c>
      <c r="G5621" s="1" t="s">
        <v>1042</v>
      </c>
      <c r="H5621" s="1" t="s">
        <v>11330</v>
      </c>
      <c r="I5621" s="1" t="s">
        <v>19310</v>
      </c>
      <c r="J5621" s="1" t="s">
        <v>19462</v>
      </c>
      <c r="K5621" s="1" t="s">
        <v>443</v>
      </c>
      <c r="L5621" s="1" t="s">
        <v>19618</v>
      </c>
      <c r="M5621" s="1" t="s">
        <v>5</v>
      </c>
      <c r="N5621" s="1" t="s">
        <v>1009</v>
      </c>
      <c r="O5621" s="1" t="s">
        <v>8</v>
      </c>
      <c r="P5621" s="5" t="s">
        <v>30599</v>
      </c>
    </row>
    <row r="5622" spans="1:16" x14ac:dyDescent="0.2">
      <c r="A5622" s="1" t="s">
        <v>42</v>
      </c>
      <c r="B5622" s="1" t="s">
        <v>43</v>
      </c>
      <c r="C5622" s="1" t="s">
        <v>19621</v>
      </c>
      <c r="D5622" s="1" t="s">
        <v>19622</v>
      </c>
      <c r="E5622" s="1" t="s">
        <v>19623</v>
      </c>
      <c r="F5622" s="1" t="s">
        <v>10</v>
      </c>
      <c r="G5622" s="1" t="s">
        <v>10</v>
      </c>
      <c r="H5622" s="1" t="s">
        <v>10</v>
      </c>
      <c r="I5622" s="1" t="s">
        <v>19310</v>
      </c>
      <c r="J5622" s="1" t="s">
        <v>19487</v>
      </c>
      <c r="K5622" s="1" t="s">
        <v>37</v>
      </c>
      <c r="L5622" s="1" t="s">
        <v>19620</v>
      </c>
      <c r="M5622" s="1" t="s">
        <v>5</v>
      </c>
      <c r="N5622" s="1" t="s">
        <v>25</v>
      </c>
      <c r="O5622" s="1" t="s">
        <v>38</v>
      </c>
      <c r="P5622" s="5" t="s">
        <v>30591</v>
      </c>
    </row>
    <row r="5623" spans="1:16" x14ac:dyDescent="0.2">
      <c r="A5623" s="1" t="s">
        <v>42</v>
      </c>
      <c r="B5623" s="1" t="s">
        <v>43</v>
      </c>
      <c r="C5623" s="1" t="s">
        <v>19625</v>
      </c>
      <c r="D5623" s="1" t="s">
        <v>15570</v>
      </c>
      <c r="E5623" s="1" t="s">
        <v>19626</v>
      </c>
      <c r="F5623" s="1" t="s">
        <v>10</v>
      </c>
      <c r="G5623" s="1" t="s">
        <v>10</v>
      </c>
      <c r="H5623" s="1" t="s">
        <v>10</v>
      </c>
      <c r="I5623" s="1" t="s">
        <v>19310</v>
      </c>
      <c r="J5623" s="1" t="s">
        <v>19487</v>
      </c>
      <c r="K5623" s="1" t="s">
        <v>37</v>
      </c>
      <c r="L5623" s="1" t="s">
        <v>19624</v>
      </c>
      <c r="M5623" s="1" t="s">
        <v>5</v>
      </c>
      <c r="N5623" s="1" t="s">
        <v>25</v>
      </c>
      <c r="O5623" s="1" t="s">
        <v>38</v>
      </c>
      <c r="P5623" s="5" t="s">
        <v>30590</v>
      </c>
    </row>
    <row r="5624" spans="1:16" x14ac:dyDescent="0.2">
      <c r="A5624" s="1" t="s">
        <v>42</v>
      </c>
      <c r="B5624" s="1" t="s">
        <v>118</v>
      </c>
      <c r="C5624" s="1" t="s">
        <v>19628</v>
      </c>
      <c r="D5624" s="1" t="s">
        <v>19629</v>
      </c>
      <c r="E5624" s="1" t="s">
        <v>10</v>
      </c>
      <c r="F5624" s="1" t="s">
        <v>10</v>
      </c>
      <c r="G5624" s="1" t="s">
        <v>10</v>
      </c>
      <c r="H5624" s="1" t="s">
        <v>10</v>
      </c>
      <c r="I5624" s="1" t="s">
        <v>19310</v>
      </c>
      <c r="J5624" s="1" t="s">
        <v>10</v>
      </c>
      <c r="K5624" s="1" t="s">
        <v>10</v>
      </c>
      <c r="L5624" s="1" t="s">
        <v>19627</v>
      </c>
      <c r="M5624" s="1" t="s">
        <v>5</v>
      </c>
      <c r="N5624" s="1" t="s">
        <v>6</v>
      </c>
      <c r="O5624" s="1" t="s">
        <v>8</v>
      </c>
      <c r="P5624" s="5" t="s">
        <v>30600</v>
      </c>
    </row>
    <row r="5625" spans="1:16" x14ac:dyDescent="0.2">
      <c r="A5625" s="1" t="s">
        <v>42</v>
      </c>
      <c r="B5625" s="1" t="s">
        <v>50</v>
      </c>
      <c r="C5625" s="1" t="s">
        <v>19632</v>
      </c>
      <c r="D5625" s="1" t="s">
        <v>19633</v>
      </c>
      <c r="E5625" s="1" t="s">
        <v>19634</v>
      </c>
      <c r="F5625" s="1" t="s">
        <v>10</v>
      </c>
      <c r="G5625" s="1" t="s">
        <v>10</v>
      </c>
      <c r="H5625" s="1" t="s">
        <v>10</v>
      </c>
      <c r="I5625" s="1" t="s">
        <v>19310</v>
      </c>
      <c r="J5625" s="1" t="s">
        <v>10</v>
      </c>
      <c r="K5625" s="1" t="s">
        <v>47</v>
      </c>
      <c r="L5625" s="1" t="s">
        <v>19631</v>
      </c>
      <c r="M5625" s="1" t="s">
        <v>5</v>
      </c>
      <c r="N5625" s="1" t="s">
        <v>6</v>
      </c>
      <c r="O5625" s="1" t="s">
        <v>38</v>
      </c>
      <c r="P5625" s="5" t="s">
        <v>30600</v>
      </c>
    </row>
    <row r="5626" spans="1:16" x14ac:dyDescent="0.2">
      <c r="A5626" s="1" t="s">
        <v>10</v>
      </c>
      <c r="B5626" s="1" t="s">
        <v>10</v>
      </c>
      <c r="C5626" s="1" t="s">
        <v>19636</v>
      </c>
      <c r="D5626" s="1" t="s">
        <v>19636</v>
      </c>
      <c r="E5626" s="1" t="s">
        <v>10</v>
      </c>
      <c r="F5626" s="1" t="s">
        <v>10</v>
      </c>
      <c r="G5626" s="1" t="s">
        <v>10</v>
      </c>
      <c r="H5626" s="1" t="s">
        <v>10</v>
      </c>
      <c r="I5626" s="1" t="s">
        <v>19310</v>
      </c>
      <c r="J5626" s="1" t="s">
        <v>10</v>
      </c>
      <c r="K5626" s="1" t="s">
        <v>10</v>
      </c>
      <c r="L5626" s="1" t="s">
        <v>19635</v>
      </c>
      <c r="M5626" s="1" t="s">
        <v>5</v>
      </c>
      <c r="N5626" s="1" t="s">
        <v>6</v>
      </c>
      <c r="O5626" s="1" t="s">
        <v>38</v>
      </c>
      <c r="P5626" s="5" t="s">
        <v>30600</v>
      </c>
    </row>
    <row r="5627" spans="1:16" x14ac:dyDescent="0.2">
      <c r="A5627" s="1" t="s">
        <v>10</v>
      </c>
      <c r="B5627" s="1" t="s">
        <v>376</v>
      </c>
      <c r="C5627" s="1" t="s">
        <v>19638</v>
      </c>
      <c r="D5627" s="1" t="s">
        <v>19639</v>
      </c>
      <c r="E5627" s="1" t="s">
        <v>10</v>
      </c>
      <c r="F5627" s="1" t="s">
        <v>10</v>
      </c>
      <c r="G5627" s="1" t="s">
        <v>10</v>
      </c>
      <c r="H5627" s="1" t="s">
        <v>10</v>
      </c>
      <c r="I5627" s="1" t="s">
        <v>19310</v>
      </c>
      <c r="J5627" s="1" t="s">
        <v>10</v>
      </c>
      <c r="K5627" s="1" t="s">
        <v>10</v>
      </c>
      <c r="L5627" s="1" t="s">
        <v>19637</v>
      </c>
      <c r="M5627" s="1" t="s">
        <v>5</v>
      </c>
      <c r="N5627" s="1" t="s">
        <v>6</v>
      </c>
      <c r="O5627" s="1" t="s">
        <v>38</v>
      </c>
      <c r="P5627" s="5" t="s">
        <v>30600</v>
      </c>
    </row>
    <row r="5628" spans="1:16" x14ac:dyDescent="0.2">
      <c r="A5628" s="1" t="s">
        <v>42</v>
      </c>
      <c r="B5628" s="1" t="s">
        <v>1377</v>
      </c>
      <c r="C5628" s="1" t="s">
        <v>19641</v>
      </c>
      <c r="D5628" s="1" t="s">
        <v>19642</v>
      </c>
      <c r="E5628" s="1" t="s">
        <v>19644</v>
      </c>
      <c r="F5628" s="1" t="s">
        <v>10</v>
      </c>
      <c r="G5628" s="1" t="s">
        <v>10</v>
      </c>
      <c r="H5628" s="1" t="s">
        <v>10</v>
      </c>
      <c r="I5628" s="1" t="s">
        <v>19310</v>
      </c>
      <c r="J5628" s="1" t="s">
        <v>19643</v>
      </c>
      <c r="K5628" s="1" t="s">
        <v>3857</v>
      </c>
      <c r="L5628" s="1" t="s">
        <v>19640</v>
      </c>
      <c r="M5628" s="1" t="s">
        <v>5</v>
      </c>
      <c r="N5628" s="1" t="s">
        <v>6</v>
      </c>
      <c r="O5628" s="1" t="s">
        <v>38</v>
      </c>
      <c r="P5628" s="5" t="s">
        <v>32032</v>
      </c>
    </row>
    <row r="5629" spans="1:16" x14ac:dyDescent="0.2">
      <c r="A5629" s="1" t="s">
        <v>329</v>
      </c>
      <c r="B5629" s="1" t="s">
        <v>340</v>
      </c>
      <c r="C5629" s="1" t="s">
        <v>19646</v>
      </c>
      <c r="D5629" s="1" t="s">
        <v>19647</v>
      </c>
      <c r="E5629" s="1" t="s">
        <v>10</v>
      </c>
      <c r="F5629" s="1" t="s">
        <v>10</v>
      </c>
      <c r="G5629" s="1" t="s">
        <v>10</v>
      </c>
      <c r="H5629" s="1" t="s">
        <v>10</v>
      </c>
      <c r="I5629" s="1" t="s">
        <v>19310</v>
      </c>
      <c r="J5629" s="1" t="s">
        <v>10</v>
      </c>
      <c r="K5629" s="1" t="s">
        <v>7</v>
      </c>
      <c r="L5629" s="1" t="s">
        <v>19645</v>
      </c>
      <c r="M5629" s="1" t="s">
        <v>5</v>
      </c>
      <c r="N5629" s="1" t="s">
        <v>6</v>
      </c>
      <c r="O5629" s="1" t="s">
        <v>38</v>
      </c>
      <c r="P5629" s="5" t="s">
        <v>30600</v>
      </c>
    </row>
    <row r="5630" spans="1:16" x14ac:dyDescent="0.2">
      <c r="A5630" s="1" t="s">
        <v>42</v>
      </c>
      <c r="B5630" s="1" t="s">
        <v>1377</v>
      </c>
      <c r="C5630" s="1" t="s">
        <v>19649</v>
      </c>
      <c r="D5630" s="1" t="s">
        <v>19650</v>
      </c>
      <c r="E5630" s="1" t="s">
        <v>19649</v>
      </c>
      <c r="F5630" s="1" t="s">
        <v>10</v>
      </c>
      <c r="G5630" s="1" t="s">
        <v>10</v>
      </c>
      <c r="H5630" s="1" t="s">
        <v>10</v>
      </c>
      <c r="I5630" s="1" t="s">
        <v>19310</v>
      </c>
      <c r="J5630" s="1" t="s">
        <v>10</v>
      </c>
      <c r="K5630" s="1" t="s">
        <v>7</v>
      </c>
      <c r="L5630" s="1" t="s">
        <v>19648</v>
      </c>
      <c r="M5630" s="1" t="s">
        <v>5</v>
      </c>
      <c r="N5630" s="1" t="s">
        <v>6</v>
      </c>
      <c r="O5630" s="1" t="s">
        <v>38</v>
      </c>
      <c r="P5630" s="5" t="s">
        <v>30600</v>
      </c>
    </row>
    <row r="5631" spans="1:16" x14ac:dyDescent="0.2">
      <c r="A5631" s="1" t="s">
        <v>42</v>
      </c>
      <c r="B5631" s="1" t="s">
        <v>1377</v>
      </c>
      <c r="C5631" s="1" t="s">
        <v>19652</v>
      </c>
      <c r="D5631" s="1" t="s">
        <v>19653</v>
      </c>
      <c r="E5631" s="1" t="s">
        <v>19654</v>
      </c>
      <c r="F5631" s="1" t="s">
        <v>10</v>
      </c>
      <c r="G5631" s="1" t="s">
        <v>10</v>
      </c>
      <c r="H5631" s="1" t="s">
        <v>10</v>
      </c>
      <c r="I5631" s="1" t="s">
        <v>19310</v>
      </c>
      <c r="J5631" s="1" t="s">
        <v>10</v>
      </c>
      <c r="K5631" s="1" t="s">
        <v>7</v>
      </c>
      <c r="L5631" s="1" t="s">
        <v>19651</v>
      </c>
      <c r="M5631" s="1" t="s">
        <v>5</v>
      </c>
      <c r="N5631" s="1" t="s">
        <v>6</v>
      </c>
      <c r="O5631" s="1" t="s">
        <v>38</v>
      </c>
      <c r="P5631" s="5" t="s">
        <v>30600</v>
      </c>
    </row>
    <row r="5632" spans="1:16" x14ac:dyDescent="0.2">
      <c r="A5632" s="1" t="s">
        <v>329</v>
      </c>
      <c r="B5632" s="1" t="s">
        <v>439</v>
      </c>
      <c r="C5632" s="1" t="s">
        <v>19656</v>
      </c>
      <c r="D5632" s="1" t="s">
        <v>19657</v>
      </c>
      <c r="E5632" s="1" t="s">
        <v>10</v>
      </c>
      <c r="F5632" s="1" t="s">
        <v>10</v>
      </c>
      <c r="G5632" s="1" t="s">
        <v>10</v>
      </c>
      <c r="H5632" s="1" t="s">
        <v>10</v>
      </c>
      <c r="I5632" s="1" t="s">
        <v>19310</v>
      </c>
      <c r="J5632" s="1" t="s">
        <v>10</v>
      </c>
      <c r="K5632" s="1" t="s">
        <v>1468</v>
      </c>
      <c r="L5632" s="1" t="s">
        <v>19655</v>
      </c>
      <c r="M5632" s="1" t="s">
        <v>5</v>
      </c>
      <c r="N5632" s="1" t="s">
        <v>6</v>
      </c>
      <c r="O5632" s="1" t="s">
        <v>38</v>
      </c>
      <c r="P5632" s="5" t="s">
        <v>30600</v>
      </c>
    </row>
    <row r="5633" spans="1:16" x14ac:dyDescent="0.2">
      <c r="A5633" s="1" t="s">
        <v>329</v>
      </c>
      <c r="B5633" s="1" t="s">
        <v>340</v>
      </c>
      <c r="C5633" s="1" t="s">
        <v>19659</v>
      </c>
      <c r="D5633" s="1" t="s">
        <v>19660</v>
      </c>
      <c r="E5633" s="1" t="s">
        <v>19662</v>
      </c>
      <c r="F5633" s="1" t="s">
        <v>10</v>
      </c>
      <c r="G5633" s="1" t="s">
        <v>10</v>
      </c>
      <c r="H5633" s="1" t="s">
        <v>10</v>
      </c>
      <c r="I5633" s="1" t="s">
        <v>19310</v>
      </c>
      <c r="J5633" s="1" t="s">
        <v>19661</v>
      </c>
      <c r="K5633" s="1" t="s">
        <v>443</v>
      </c>
      <c r="L5633" s="1" t="s">
        <v>19658</v>
      </c>
      <c r="M5633" s="1" t="s">
        <v>5</v>
      </c>
      <c r="N5633" s="1" t="s">
        <v>25</v>
      </c>
      <c r="O5633" s="1" t="s">
        <v>38</v>
      </c>
      <c r="P5633" s="5" t="s">
        <v>32033</v>
      </c>
    </row>
    <row r="5634" spans="1:16" x14ac:dyDescent="0.2">
      <c r="A5634" s="1" t="s">
        <v>20</v>
      </c>
      <c r="B5634" s="1" t="s">
        <v>93</v>
      </c>
      <c r="C5634" s="1" t="s">
        <v>19664</v>
      </c>
      <c r="D5634" s="1" t="s">
        <v>1904</v>
      </c>
      <c r="E5634" s="1"/>
      <c r="F5634" s="1" t="s">
        <v>7164</v>
      </c>
      <c r="G5634" s="1" t="s">
        <v>1042</v>
      </c>
      <c r="H5634" s="1" t="s">
        <v>19665</v>
      </c>
      <c r="I5634" s="1" t="s">
        <v>19310</v>
      </c>
      <c r="J5634" s="1" t="s">
        <v>1561</v>
      </c>
      <c r="K5634" s="1" t="s">
        <v>2866</v>
      </c>
      <c r="L5634" s="1" t="s">
        <v>19663</v>
      </c>
      <c r="M5634" s="1" t="s">
        <v>5</v>
      </c>
      <c r="N5634" s="1" t="s">
        <v>25</v>
      </c>
      <c r="O5634" s="1" t="s">
        <v>8</v>
      </c>
      <c r="P5634" s="5" t="s">
        <v>30601</v>
      </c>
    </row>
    <row r="5635" spans="1:16" x14ac:dyDescent="0.2">
      <c r="A5635" s="1" t="s">
        <v>20</v>
      </c>
      <c r="B5635" s="1" t="s">
        <v>93</v>
      </c>
      <c r="C5635" s="1" t="s">
        <v>19667</v>
      </c>
      <c r="D5635" s="1" t="s">
        <v>2585</v>
      </c>
      <c r="E5635" s="1" t="s">
        <v>19670</v>
      </c>
      <c r="F5635" s="1" t="s">
        <v>19669</v>
      </c>
      <c r="G5635" s="1" t="s">
        <v>1042</v>
      </c>
      <c r="H5635" s="1" t="s">
        <v>18</v>
      </c>
      <c r="I5635" s="1" t="s">
        <v>19310</v>
      </c>
      <c r="J5635" s="1" t="s">
        <v>10901</v>
      </c>
      <c r="K5635" s="1" t="s">
        <v>19668</v>
      </c>
      <c r="L5635" s="1" t="s">
        <v>19666</v>
      </c>
      <c r="M5635" s="1" t="s">
        <v>5</v>
      </c>
      <c r="N5635" s="1" t="s">
        <v>1009</v>
      </c>
      <c r="O5635" s="1" t="s">
        <v>8</v>
      </c>
      <c r="P5635" s="5" t="s">
        <v>10</v>
      </c>
    </row>
    <row r="5636" spans="1:16" x14ac:dyDescent="0.2">
      <c r="A5636" s="1" t="s">
        <v>20</v>
      </c>
      <c r="B5636" s="1" t="s">
        <v>3530</v>
      </c>
      <c r="C5636" s="1" t="s">
        <v>19672</v>
      </c>
      <c r="D5636" s="1" t="s">
        <v>19673</v>
      </c>
      <c r="E5636" s="1" t="s">
        <v>19675</v>
      </c>
      <c r="F5636" s="1" t="s">
        <v>19674</v>
      </c>
      <c r="G5636" s="1" t="s">
        <v>1042</v>
      </c>
      <c r="H5636" s="1" t="s">
        <v>19676</v>
      </c>
      <c r="I5636" s="1" t="s">
        <v>19310</v>
      </c>
      <c r="J5636" s="1" t="s">
        <v>1856</v>
      </c>
      <c r="K5636" s="1" t="s">
        <v>10218</v>
      </c>
      <c r="L5636" s="1" t="s">
        <v>19671</v>
      </c>
      <c r="M5636" s="1" t="s">
        <v>5</v>
      </c>
      <c r="N5636" s="1" t="s">
        <v>25</v>
      </c>
      <c r="O5636" s="1" t="s">
        <v>8</v>
      </c>
      <c r="P5636" s="5" t="s">
        <v>29846</v>
      </c>
    </row>
    <row r="5637" spans="1:16" x14ac:dyDescent="0.2">
      <c r="A5637" s="1" t="s">
        <v>20</v>
      </c>
      <c r="B5637" s="1" t="s">
        <v>93</v>
      </c>
      <c r="C5637" s="1" t="s">
        <v>19678</v>
      </c>
      <c r="D5637" s="1" t="s">
        <v>9059</v>
      </c>
      <c r="E5637" s="1" t="s">
        <v>19679</v>
      </c>
      <c r="F5637" s="1" t="s">
        <v>7164</v>
      </c>
      <c r="G5637" s="1" t="s">
        <v>1042</v>
      </c>
      <c r="H5637" s="1" t="s">
        <v>9059</v>
      </c>
      <c r="I5637" s="1" t="s">
        <v>19310</v>
      </c>
      <c r="J5637" s="1" t="s">
        <v>3915</v>
      </c>
      <c r="K5637" s="1" t="s">
        <v>1468</v>
      </c>
      <c r="L5637" s="1" t="s">
        <v>19677</v>
      </c>
      <c r="M5637" s="1" t="s">
        <v>5</v>
      </c>
      <c r="N5637" s="1" t="s">
        <v>1009</v>
      </c>
      <c r="O5637" s="1" t="s">
        <v>8</v>
      </c>
      <c r="P5637" s="5" t="s">
        <v>29944</v>
      </c>
    </row>
    <row r="5638" spans="1:16" x14ac:dyDescent="0.2">
      <c r="A5638" s="1" t="s">
        <v>20</v>
      </c>
      <c r="B5638" s="1" t="s">
        <v>309</v>
      </c>
      <c r="C5638" s="1" t="s">
        <v>19681</v>
      </c>
      <c r="D5638" s="1" t="s">
        <v>19682</v>
      </c>
      <c r="E5638" s="1" t="s">
        <v>19683</v>
      </c>
      <c r="F5638" s="1" t="s">
        <v>105</v>
      </c>
      <c r="G5638" s="1" t="s">
        <v>108</v>
      </c>
      <c r="H5638" s="1" t="s">
        <v>10</v>
      </c>
      <c r="I5638" s="1" t="s">
        <v>19310</v>
      </c>
      <c r="J5638" s="1" t="s">
        <v>10901</v>
      </c>
      <c r="K5638" s="1" t="s">
        <v>1468</v>
      </c>
      <c r="L5638" s="1" t="s">
        <v>19680</v>
      </c>
      <c r="M5638" s="1" t="s">
        <v>5</v>
      </c>
      <c r="N5638" s="1" t="s">
        <v>25</v>
      </c>
      <c r="O5638" s="1" t="s">
        <v>8</v>
      </c>
      <c r="P5638" s="5" t="s">
        <v>10</v>
      </c>
    </row>
    <row r="5639" spans="1:16" x14ac:dyDescent="0.2">
      <c r="A5639" s="1" t="s">
        <v>42</v>
      </c>
      <c r="B5639" s="1" t="s">
        <v>1377</v>
      </c>
      <c r="C5639" s="1" t="s">
        <v>19685</v>
      </c>
      <c r="D5639" s="1" t="s">
        <v>19686</v>
      </c>
      <c r="E5639" s="1" t="s">
        <v>19687</v>
      </c>
      <c r="F5639" s="1" t="s">
        <v>522</v>
      </c>
      <c r="G5639" s="1" t="s">
        <v>19688</v>
      </c>
      <c r="H5639" s="1" t="s">
        <v>10</v>
      </c>
      <c r="I5639" s="1" t="s">
        <v>19310</v>
      </c>
      <c r="J5639" s="1" t="s">
        <v>10</v>
      </c>
      <c r="K5639" s="1" t="s">
        <v>100</v>
      </c>
      <c r="L5639" s="1" t="s">
        <v>19684</v>
      </c>
      <c r="M5639" s="1" t="s">
        <v>5</v>
      </c>
      <c r="N5639" s="1" t="s">
        <v>25</v>
      </c>
      <c r="O5639" s="1" t="s">
        <v>8</v>
      </c>
      <c r="P5639" s="5" t="s">
        <v>30398</v>
      </c>
    </row>
    <row r="5640" spans="1:16" x14ac:dyDescent="0.2">
      <c r="A5640" s="1" t="s">
        <v>329</v>
      </c>
      <c r="B5640" s="1" t="s">
        <v>340</v>
      </c>
      <c r="C5640" s="1" t="s">
        <v>19690</v>
      </c>
      <c r="D5640" s="1" t="s">
        <v>2301</v>
      </c>
      <c r="E5640" s="1" t="s">
        <v>19691</v>
      </c>
      <c r="F5640" s="1" t="s">
        <v>522</v>
      </c>
      <c r="G5640" s="1" t="s">
        <v>10276</v>
      </c>
      <c r="H5640" s="1" t="s">
        <v>10</v>
      </c>
      <c r="I5640" s="1" t="s">
        <v>19310</v>
      </c>
      <c r="J5640" s="1" t="s">
        <v>19462</v>
      </c>
      <c r="K5640" s="1" t="s">
        <v>244</v>
      </c>
      <c r="L5640" s="1" t="s">
        <v>19689</v>
      </c>
      <c r="M5640" s="1" t="s">
        <v>5</v>
      </c>
      <c r="N5640" s="1" t="s">
        <v>25</v>
      </c>
      <c r="O5640" s="1" t="s">
        <v>8</v>
      </c>
      <c r="P5640" s="5" t="s">
        <v>10</v>
      </c>
    </row>
    <row r="5641" spans="1:16" x14ac:dyDescent="0.2">
      <c r="A5641" s="1" t="s">
        <v>42</v>
      </c>
      <c r="B5641" s="1" t="s">
        <v>351</v>
      </c>
      <c r="C5641" s="1" t="s">
        <v>19693</v>
      </c>
      <c r="D5641" s="1" t="s">
        <v>617</v>
      </c>
      <c r="E5641" s="1"/>
      <c r="F5641" s="1" t="s">
        <v>16290</v>
      </c>
      <c r="G5641" s="1" t="s">
        <v>1042</v>
      </c>
      <c r="H5641" s="1" t="s">
        <v>617</v>
      </c>
      <c r="I5641" s="1" t="s">
        <v>19310</v>
      </c>
      <c r="J5641" s="1" t="s">
        <v>19694</v>
      </c>
      <c r="K5641" s="1" t="s">
        <v>37</v>
      </c>
      <c r="L5641" s="1" t="s">
        <v>19692</v>
      </c>
      <c r="M5641" s="1" t="s">
        <v>5</v>
      </c>
      <c r="N5641" s="1" t="s">
        <v>25</v>
      </c>
      <c r="O5641" s="1" t="s">
        <v>8</v>
      </c>
      <c r="P5641" s="5" t="s">
        <v>29846</v>
      </c>
    </row>
    <row r="5642" spans="1:16" x14ac:dyDescent="0.2">
      <c r="A5642" s="1" t="s">
        <v>329</v>
      </c>
      <c r="B5642" s="1" t="s">
        <v>1659</v>
      </c>
      <c r="C5642" s="1" t="s">
        <v>19696</v>
      </c>
      <c r="D5642" s="1" t="s">
        <v>19697</v>
      </c>
      <c r="E5642" s="1" t="s">
        <v>19698</v>
      </c>
      <c r="F5642" s="1" t="s">
        <v>1813</v>
      </c>
      <c r="G5642" s="1" t="s">
        <v>1042</v>
      </c>
      <c r="H5642" s="1" t="s">
        <v>19697</v>
      </c>
      <c r="I5642" s="1" t="s">
        <v>19310</v>
      </c>
      <c r="J5642" s="1" t="s">
        <v>19524</v>
      </c>
      <c r="K5642" s="1" t="s">
        <v>27</v>
      </c>
      <c r="L5642" s="1" t="s">
        <v>19695</v>
      </c>
      <c r="M5642" s="1" t="s">
        <v>5</v>
      </c>
      <c r="N5642" s="1" t="s">
        <v>25</v>
      </c>
      <c r="O5642" s="1" t="s">
        <v>8</v>
      </c>
      <c r="P5642" s="5" t="s">
        <v>30330</v>
      </c>
    </row>
    <row r="5643" spans="1:16" x14ac:dyDescent="0.2">
      <c r="A5643" s="1" t="s">
        <v>20</v>
      </c>
      <c r="B5643" s="1" t="s">
        <v>445</v>
      </c>
      <c r="C5643" s="1" t="s">
        <v>19700</v>
      </c>
      <c r="D5643" s="1" t="s">
        <v>19701</v>
      </c>
      <c r="E5643" s="1" t="s">
        <v>19702</v>
      </c>
      <c r="F5643" s="1" t="s">
        <v>27</v>
      </c>
      <c r="G5643" s="1" t="s">
        <v>1042</v>
      </c>
      <c r="H5643" s="1" t="s">
        <v>19701</v>
      </c>
      <c r="I5643" s="1" t="s">
        <v>19310</v>
      </c>
      <c r="J5643" s="1" t="s">
        <v>19462</v>
      </c>
      <c r="K5643" s="1" t="s">
        <v>1468</v>
      </c>
      <c r="L5643" s="1" t="s">
        <v>19699</v>
      </c>
      <c r="M5643" s="1" t="s">
        <v>5</v>
      </c>
      <c r="N5643" s="1" t="s">
        <v>25</v>
      </c>
      <c r="O5643" s="1" t="s">
        <v>8</v>
      </c>
      <c r="P5643" s="5" t="s">
        <v>32034</v>
      </c>
    </row>
    <row r="5644" spans="1:16" x14ac:dyDescent="0.2">
      <c r="A5644" s="1" t="s">
        <v>20</v>
      </c>
      <c r="B5644" s="1" t="s">
        <v>253</v>
      </c>
      <c r="C5644" s="1" t="s">
        <v>3879</v>
      </c>
      <c r="D5644" s="1" t="s">
        <v>14121</v>
      </c>
      <c r="E5644" s="1"/>
      <c r="F5644" s="1" t="s">
        <v>9688</v>
      </c>
      <c r="G5644" s="1" t="s">
        <v>1042</v>
      </c>
      <c r="H5644" s="1" t="s">
        <v>7071</v>
      </c>
      <c r="I5644" s="1" t="s">
        <v>19310</v>
      </c>
      <c r="J5644" s="1" t="s">
        <v>1261</v>
      </c>
      <c r="K5644" s="1" t="s">
        <v>9115</v>
      </c>
      <c r="L5644" s="1" t="s">
        <v>19703</v>
      </c>
      <c r="M5644" s="1" t="s">
        <v>5</v>
      </c>
      <c r="N5644" s="1" t="s">
        <v>25</v>
      </c>
      <c r="O5644" s="1" t="s">
        <v>8</v>
      </c>
      <c r="P5644" s="5" t="s">
        <v>29944</v>
      </c>
    </row>
    <row r="5645" spans="1:16" x14ac:dyDescent="0.2">
      <c r="A5645" s="1" t="s">
        <v>32</v>
      </c>
      <c r="B5645" s="1" t="s">
        <v>33</v>
      </c>
      <c r="C5645" s="1" t="s">
        <v>19705</v>
      </c>
      <c r="D5645" s="1" t="s">
        <v>19705</v>
      </c>
      <c r="E5645" s="1" t="s">
        <v>19706</v>
      </c>
      <c r="F5645" s="1" t="s">
        <v>27</v>
      </c>
      <c r="G5645" s="1" t="s">
        <v>1042</v>
      </c>
      <c r="H5645" s="1" t="s">
        <v>19705</v>
      </c>
      <c r="I5645" s="1" t="s">
        <v>19310</v>
      </c>
      <c r="J5645" s="1" t="s">
        <v>9024</v>
      </c>
      <c r="K5645" s="1" t="s">
        <v>443</v>
      </c>
      <c r="L5645" s="1" t="s">
        <v>19704</v>
      </c>
      <c r="M5645" s="1" t="s">
        <v>5</v>
      </c>
      <c r="N5645" s="1" t="s">
        <v>25</v>
      </c>
      <c r="O5645" s="1" t="s">
        <v>8</v>
      </c>
      <c r="P5645" s="5" t="s">
        <v>29846</v>
      </c>
    </row>
    <row r="5646" spans="1:16" x14ac:dyDescent="0.2">
      <c r="A5646" s="1" t="s">
        <v>487</v>
      </c>
      <c r="B5646" s="1" t="s">
        <v>759</v>
      </c>
      <c r="C5646" s="1" t="s">
        <v>19708</v>
      </c>
      <c r="D5646" s="1" t="s">
        <v>19709</v>
      </c>
      <c r="E5646" s="1" t="s">
        <v>19710</v>
      </c>
      <c r="F5646" s="1" t="s">
        <v>8284</v>
      </c>
      <c r="G5646" s="1" t="s">
        <v>1042</v>
      </c>
      <c r="H5646" s="1" t="s">
        <v>19708</v>
      </c>
      <c r="I5646" s="1" t="s">
        <v>19310</v>
      </c>
      <c r="J5646" s="1" t="s">
        <v>10</v>
      </c>
      <c r="K5646" s="1" t="s">
        <v>64</v>
      </c>
      <c r="L5646" s="1" t="s">
        <v>19707</v>
      </c>
      <c r="M5646" s="1" t="s">
        <v>5</v>
      </c>
      <c r="N5646" s="1" t="s">
        <v>25</v>
      </c>
      <c r="O5646" s="1" t="s">
        <v>8</v>
      </c>
      <c r="P5646" s="5" t="s">
        <v>10</v>
      </c>
    </row>
    <row r="5647" spans="1:16" x14ac:dyDescent="0.2">
      <c r="A5647" s="1" t="s">
        <v>20</v>
      </c>
      <c r="B5647" s="1" t="s">
        <v>1047</v>
      </c>
      <c r="C5647" s="1" t="s">
        <v>19712</v>
      </c>
      <c r="D5647" s="1" t="s">
        <v>1699</v>
      </c>
      <c r="E5647" s="1" t="s">
        <v>19713</v>
      </c>
      <c r="F5647" s="1" t="s">
        <v>27</v>
      </c>
      <c r="G5647" s="1" t="s">
        <v>1042</v>
      </c>
      <c r="H5647" s="1" t="s">
        <v>19714</v>
      </c>
      <c r="I5647" s="1" t="s">
        <v>19310</v>
      </c>
      <c r="J5647" s="1" t="s">
        <v>10901</v>
      </c>
      <c r="K5647" s="1" t="s">
        <v>1468</v>
      </c>
      <c r="L5647" s="1" t="s">
        <v>19711</v>
      </c>
      <c r="M5647" s="1" t="s">
        <v>5</v>
      </c>
      <c r="N5647" s="1" t="s">
        <v>25</v>
      </c>
      <c r="O5647" s="1" t="s">
        <v>8</v>
      </c>
      <c r="P5647" s="5" t="s">
        <v>30602</v>
      </c>
    </row>
    <row r="5648" spans="1:16" x14ac:dyDescent="0.2">
      <c r="A5648" s="1" t="s">
        <v>20</v>
      </c>
      <c r="B5648" s="1" t="s">
        <v>132</v>
      </c>
      <c r="C5648" s="1" t="s">
        <v>19716</v>
      </c>
      <c r="D5648" s="1" t="s">
        <v>19717</v>
      </c>
      <c r="E5648" s="1"/>
      <c r="F5648" s="1" t="s">
        <v>10</v>
      </c>
      <c r="G5648" s="1" t="s">
        <v>10</v>
      </c>
      <c r="H5648" s="1" t="s">
        <v>10</v>
      </c>
      <c r="I5648" s="1" t="s">
        <v>19310</v>
      </c>
      <c r="J5648" s="1" t="s">
        <v>19718</v>
      </c>
      <c r="K5648" s="1" t="s">
        <v>7</v>
      </c>
      <c r="L5648" s="1" t="s">
        <v>19715</v>
      </c>
      <c r="M5648" s="1" t="s">
        <v>5</v>
      </c>
      <c r="N5648" s="1" t="s">
        <v>25</v>
      </c>
      <c r="O5648" s="1" t="s">
        <v>38</v>
      </c>
      <c r="P5648" s="5" t="s">
        <v>30590</v>
      </c>
    </row>
    <row r="5649" spans="1:16" x14ac:dyDescent="0.2">
      <c r="A5649" s="1" t="s">
        <v>20</v>
      </c>
      <c r="B5649" s="1" t="s">
        <v>445</v>
      </c>
      <c r="C5649" s="1" t="s">
        <v>19720</v>
      </c>
      <c r="D5649" s="1" t="s">
        <v>19721</v>
      </c>
      <c r="E5649" s="1" t="s">
        <v>19723</v>
      </c>
      <c r="F5649" s="1" t="s">
        <v>10</v>
      </c>
      <c r="G5649" s="1" t="s">
        <v>10</v>
      </c>
      <c r="H5649" s="1" t="s">
        <v>10</v>
      </c>
      <c r="I5649" s="1" t="s">
        <v>19310</v>
      </c>
      <c r="J5649" s="1" t="s">
        <v>19722</v>
      </c>
      <c r="K5649" s="1" t="s">
        <v>7</v>
      </c>
      <c r="L5649" s="1" t="s">
        <v>19719</v>
      </c>
      <c r="M5649" s="1" t="s">
        <v>5</v>
      </c>
      <c r="N5649" s="1" t="s">
        <v>25</v>
      </c>
      <c r="O5649" s="1" t="s">
        <v>38</v>
      </c>
      <c r="P5649" s="5" t="s">
        <v>30590</v>
      </c>
    </row>
    <row r="5650" spans="1:16" x14ac:dyDescent="0.2">
      <c r="A5650" s="1" t="s">
        <v>20</v>
      </c>
      <c r="B5650" s="1" t="s">
        <v>101</v>
      </c>
      <c r="C5650" s="1" t="s">
        <v>19725</v>
      </c>
      <c r="D5650" s="1" t="s">
        <v>19726</v>
      </c>
      <c r="E5650" s="1" t="s">
        <v>19728</v>
      </c>
      <c r="F5650" s="1" t="s">
        <v>10</v>
      </c>
      <c r="G5650" s="1" t="s">
        <v>10</v>
      </c>
      <c r="H5650" s="1" t="s">
        <v>10</v>
      </c>
      <c r="I5650" s="1" t="s">
        <v>19310</v>
      </c>
      <c r="J5650" s="1" t="s">
        <v>19727</v>
      </c>
      <c r="K5650" s="1" t="s">
        <v>7</v>
      </c>
      <c r="L5650" s="1" t="s">
        <v>19724</v>
      </c>
      <c r="M5650" s="1" t="s">
        <v>5</v>
      </c>
      <c r="N5650" s="1" t="s">
        <v>25</v>
      </c>
      <c r="O5650" s="1" t="s">
        <v>38</v>
      </c>
      <c r="P5650" s="5" t="s">
        <v>30603</v>
      </c>
    </row>
    <row r="5651" spans="1:16" x14ac:dyDescent="0.2">
      <c r="A5651" s="1" t="s">
        <v>20</v>
      </c>
      <c r="B5651" s="1" t="s">
        <v>4373</v>
      </c>
      <c r="C5651" s="1" t="s">
        <v>19730</v>
      </c>
      <c r="D5651" s="1" t="s">
        <v>19731</v>
      </c>
      <c r="E5651" s="1" t="s">
        <v>19733</v>
      </c>
      <c r="F5651" s="1" t="s">
        <v>10</v>
      </c>
      <c r="G5651" s="1" t="s">
        <v>10</v>
      </c>
      <c r="H5651" s="1" t="s">
        <v>10</v>
      </c>
      <c r="I5651" s="1" t="s">
        <v>19310</v>
      </c>
      <c r="J5651" s="1" t="s">
        <v>19732</v>
      </c>
      <c r="K5651" s="1" t="s">
        <v>1468</v>
      </c>
      <c r="L5651" s="1" t="s">
        <v>19729</v>
      </c>
      <c r="M5651" s="1" t="s">
        <v>5</v>
      </c>
      <c r="N5651" s="1" t="s">
        <v>25</v>
      </c>
      <c r="O5651" s="1" t="s">
        <v>38</v>
      </c>
      <c r="P5651" s="5" t="s">
        <v>30604</v>
      </c>
    </row>
    <row r="5652" spans="1:16" x14ac:dyDescent="0.2">
      <c r="A5652" s="1" t="s">
        <v>42</v>
      </c>
      <c r="B5652" s="1" t="s">
        <v>43</v>
      </c>
      <c r="C5652" s="1" t="s">
        <v>19735</v>
      </c>
      <c r="D5652" s="1" t="s">
        <v>19736</v>
      </c>
      <c r="E5652" s="1" t="s">
        <v>19737</v>
      </c>
      <c r="F5652" s="1" t="s">
        <v>10</v>
      </c>
      <c r="G5652" s="1" t="s">
        <v>10</v>
      </c>
      <c r="H5652" s="1" t="s">
        <v>10</v>
      </c>
      <c r="I5652" s="1" t="s">
        <v>19310</v>
      </c>
      <c r="J5652" s="1" t="s">
        <v>19643</v>
      </c>
      <c r="K5652" s="1" t="s">
        <v>27</v>
      </c>
      <c r="L5652" s="1" t="s">
        <v>19734</v>
      </c>
      <c r="M5652" s="1" t="s">
        <v>5</v>
      </c>
      <c r="N5652" s="1" t="s">
        <v>6</v>
      </c>
      <c r="O5652" s="1" t="s">
        <v>38</v>
      </c>
      <c r="P5652" s="5" t="s">
        <v>32032</v>
      </c>
    </row>
    <row r="5653" spans="1:16" x14ac:dyDescent="0.2">
      <c r="A5653" s="1" t="s">
        <v>20</v>
      </c>
      <c r="B5653" s="1" t="s">
        <v>93</v>
      </c>
      <c r="C5653" s="1" t="s">
        <v>19739</v>
      </c>
      <c r="D5653" s="1" t="s">
        <v>2585</v>
      </c>
      <c r="E5653" s="1" t="s">
        <v>19741</v>
      </c>
      <c r="F5653" s="1" t="s">
        <v>19740</v>
      </c>
      <c r="G5653" s="1" t="s">
        <v>18</v>
      </c>
      <c r="H5653" s="1" t="s">
        <v>18</v>
      </c>
      <c r="I5653" s="1" t="s">
        <v>19310</v>
      </c>
      <c r="J5653" s="1" t="s">
        <v>10</v>
      </c>
      <c r="K5653" s="1" t="s">
        <v>7</v>
      </c>
      <c r="L5653" s="1" t="s">
        <v>19738</v>
      </c>
      <c r="M5653" s="1" t="s">
        <v>5</v>
      </c>
      <c r="N5653" s="1" t="s">
        <v>25</v>
      </c>
      <c r="O5653" s="1" t="s">
        <v>8</v>
      </c>
      <c r="P5653" s="5" t="s">
        <v>10</v>
      </c>
    </row>
    <row r="5654" spans="1:16" x14ac:dyDescent="0.2">
      <c r="A5654" s="1" t="s">
        <v>20</v>
      </c>
      <c r="B5654" s="1" t="s">
        <v>445</v>
      </c>
      <c r="C5654" s="1" t="s">
        <v>19743</v>
      </c>
      <c r="D5654" s="1" t="s">
        <v>19744</v>
      </c>
      <c r="E5654" s="1" t="s">
        <v>19746</v>
      </c>
      <c r="F5654" s="1" t="s">
        <v>10</v>
      </c>
      <c r="G5654" s="1" t="s">
        <v>10</v>
      </c>
      <c r="H5654" s="1" t="s">
        <v>10</v>
      </c>
      <c r="I5654" s="1" t="s">
        <v>19310</v>
      </c>
      <c r="J5654" s="1" t="s">
        <v>19745</v>
      </c>
      <c r="K5654" s="1" t="s">
        <v>7</v>
      </c>
      <c r="L5654" s="1" t="s">
        <v>19742</v>
      </c>
      <c r="M5654" s="1" t="s">
        <v>5</v>
      </c>
      <c r="N5654" s="1" t="s">
        <v>25</v>
      </c>
      <c r="O5654" s="1" t="s">
        <v>38</v>
      </c>
      <c r="P5654" s="5" t="s">
        <v>30590</v>
      </c>
    </row>
    <row r="5655" spans="1:16" x14ac:dyDescent="0.2">
      <c r="A5655" s="1" t="s">
        <v>42</v>
      </c>
      <c r="B5655" s="1" t="s">
        <v>118</v>
      </c>
      <c r="C5655" s="1" t="s">
        <v>19748</v>
      </c>
      <c r="D5655" s="1" t="s">
        <v>19748</v>
      </c>
      <c r="E5655" s="1" t="s">
        <v>19750</v>
      </c>
      <c r="F5655" s="1" t="s">
        <v>10</v>
      </c>
      <c r="G5655" s="1" t="s">
        <v>10</v>
      </c>
      <c r="H5655" s="1" t="s">
        <v>10</v>
      </c>
      <c r="I5655" s="1" t="s">
        <v>19310</v>
      </c>
      <c r="J5655" s="1" t="s">
        <v>19749</v>
      </c>
      <c r="K5655" s="1" t="s">
        <v>244</v>
      </c>
      <c r="L5655" s="1" t="s">
        <v>19747</v>
      </c>
      <c r="M5655" s="1" t="s">
        <v>5</v>
      </c>
      <c r="N5655" s="1" t="s">
        <v>25</v>
      </c>
      <c r="O5655" s="1" t="s">
        <v>38</v>
      </c>
      <c r="P5655" s="5" t="s">
        <v>30605</v>
      </c>
    </row>
    <row r="5656" spans="1:16" x14ac:dyDescent="0.2">
      <c r="A5656" s="1" t="s">
        <v>194</v>
      </c>
      <c r="B5656" s="1" t="s">
        <v>6481</v>
      </c>
      <c r="C5656" s="1" t="s">
        <v>19752</v>
      </c>
      <c r="D5656" s="1" t="s">
        <v>19753</v>
      </c>
      <c r="E5656" s="1" t="s">
        <v>19755</v>
      </c>
      <c r="F5656" s="1" t="s">
        <v>10</v>
      </c>
      <c r="G5656" s="1" t="s">
        <v>10</v>
      </c>
      <c r="H5656" s="1" t="s">
        <v>10</v>
      </c>
      <c r="I5656" s="1" t="s">
        <v>19310</v>
      </c>
      <c r="J5656" s="1" t="s">
        <v>19754</v>
      </c>
      <c r="K5656" s="1" t="s">
        <v>27</v>
      </c>
      <c r="L5656" s="1" t="s">
        <v>19751</v>
      </c>
      <c r="M5656" s="1" t="s">
        <v>5</v>
      </c>
      <c r="N5656" s="1" t="s">
        <v>960</v>
      </c>
      <c r="O5656" s="1" t="s">
        <v>38</v>
      </c>
      <c r="P5656" s="5" t="s">
        <v>32035</v>
      </c>
    </row>
    <row r="5657" spans="1:16" x14ac:dyDescent="0.2">
      <c r="A5657" s="1" t="s">
        <v>20</v>
      </c>
      <c r="B5657" s="1" t="s">
        <v>445</v>
      </c>
      <c r="C5657" s="1" t="s">
        <v>19757</v>
      </c>
      <c r="D5657" s="1" t="s">
        <v>19758</v>
      </c>
      <c r="E5657" s="1" t="s">
        <v>19759</v>
      </c>
      <c r="F5657" s="1" t="s">
        <v>10</v>
      </c>
      <c r="G5657" s="1" t="s">
        <v>10</v>
      </c>
      <c r="H5657" s="1" t="s">
        <v>10</v>
      </c>
      <c r="I5657" s="1" t="s">
        <v>19310</v>
      </c>
      <c r="J5657" s="1" t="s">
        <v>19754</v>
      </c>
      <c r="K5657" s="1" t="s">
        <v>27</v>
      </c>
      <c r="L5657" s="1" t="s">
        <v>19756</v>
      </c>
      <c r="M5657" s="1" t="s">
        <v>5</v>
      </c>
      <c r="N5657" s="1" t="s">
        <v>25</v>
      </c>
      <c r="O5657" s="1" t="s">
        <v>38</v>
      </c>
      <c r="P5657" s="5" t="s">
        <v>29958</v>
      </c>
    </row>
    <row r="5658" spans="1:16" x14ac:dyDescent="0.2">
      <c r="A5658" s="1" t="s">
        <v>194</v>
      </c>
      <c r="B5658" s="1" t="s">
        <v>6481</v>
      </c>
      <c r="C5658" s="1" t="s">
        <v>19761</v>
      </c>
      <c r="D5658" s="1" t="s">
        <v>19762</v>
      </c>
      <c r="E5658" s="1" t="s">
        <v>19763</v>
      </c>
      <c r="F5658" s="1" t="s">
        <v>10</v>
      </c>
      <c r="G5658" s="1" t="s">
        <v>10</v>
      </c>
      <c r="H5658" s="1" t="s">
        <v>10</v>
      </c>
      <c r="I5658" s="1" t="s">
        <v>19310</v>
      </c>
      <c r="J5658" s="1" t="s">
        <v>19754</v>
      </c>
      <c r="K5658" s="1" t="s">
        <v>27</v>
      </c>
      <c r="L5658" s="1" t="s">
        <v>19760</v>
      </c>
      <c r="M5658" s="1" t="s">
        <v>5</v>
      </c>
      <c r="N5658" s="1" t="s">
        <v>960</v>
      </c>
      <c r="O5658" s="1" t="s">
        <v>38</v>
      </c>
      <c r="P5658" s="5" t="s">
        <v>32036</v>
      </c>
    </row>
    <row r="5659" spans="1:16" x14ac:dyDescent="0.2">
      <c r="A5659" s="1" t="s">
        <v>194</v>
      </c>
      <c r="B5659" s="1" t="s">
        <v>7145</v>
      </c>
      <c r="C5659" s="1" t="s">
        <v>19765</v>
      </c>
      <c r="D5659" s="1" t="s">
        <v>19766</v>
      </c>
      <c r="E5659" s="1" t="s">
        <v>19768</v>
      </c>
      <c r="F5659" s="1" t="s">
        <v>10</v>
      </c>
      <c r="G5659" s="1" t="s">
        <v>10</v>
      </c>
      <c r="H5659" s="1" t="s">
        <v>10</v>
      </c>
      <c r="I5659" s="1" t="s">
        <v>19310</v>
      </c>
      <c r="J5659" s="1" t="s">
        <v>19767</v>
      </c>
      <c r="K5659" s="1" t="s">
        <v>27</v>
      </c>
      <c r="L5659" s="1" t="s">
        <v>19764</v>
      </c>
      <c r="M5659" s="1" t="s">
        <v>5</v>
      </c>
      <c r="N5659" s="1" t="s">
        <v>25</v>
      </c>
      <c r="O5659" s="1" t="s">
        <v>38</v>
      </c>
      <c r="P5659" s="5" t="s">
        <v>12282</v>
      </c>
    </row>
    <row r="5660" spans="1:16" x14ac:dyDescent="0.2">
      <c r="A5660" s="1" t="s">
        <v>194</v>
      </c>
      <c r="B5660" s="1" t="s">
        <v>6479</v>
      </c>
      <c r="C5660" s="1" t="s">
        <v>19770</v>
      </c>
      <c r="D5660" s="1" t="s">
        <v>19771</v>
      </c>
      <c r="E5660" s="1" t="s">
        <v>19772</v>
      </c>
      <c r="F5660" s="1" t="s">
        <v>27</v>
      </c>
      <c r="G5660" s="1" t="s">
        <v>1042</v>
      </c>
      <c r="H5660" s="1" t="s">
        <v>19773</v>
      </c>
      <c r="I5660" s="1" t="s">
        <v>19310</v>
      </c>
      <c r="J5660" s="1" t="s">
        <v>10</v>
      </c>
      <c r="K5660" s="1" t="s">
        <v>7</v>
      </c>
      <c r="L5660" s="1" t="s">
        <v>19769</v>
      </c>
      <c r="M5660" s="1" t="s">
        <v>5</v>
      </c>
      <c r="N5660" s="1" t="s">
        <v>6</v>
      </c>
      <c r="O5660" s="1" t="s">
        <v>8</v>
      </c>
      <c r="P5660" s="5" t="s">
        <v>30250</v>
      </c>
    </row>
    <row r="5661" spans="1:16" x14ac:dyDescent="0.2">
      <c r="A5661" s="1" t="s">
        <v>194</v>
      </c>
      <c r="B5661" s="1" t="s">
        <v>6479</v>
      </c>
      <c r="C5661" s="1" t="s">
        <v>19775</v>
      </c>
      <c r="D5661" s="1" t="s">
        <v>12298</v>
      </c>
      <c r="E5661" s="1" t="s">
        <v>19777</v>
      </c>
      <c r="F5661" s="1" t="s">
        <v>27</v>
      </c>
      <c r="G5661" s="1" t="s">
        <v>1042</v>
      </c>
      <c r="H5661" s="1" t="s">
        <v>19778</v>
      </c>
      <c r="I5661" s="1" t="s">
        <v>19310</v>
      </c>
      <c r="J5661" s="1" t="s">
        <v>19776</v>
      </c>
      <c r="K5661" s="1" t="s">
        <v>64</v>
      </c>
      <c r="L5661" s="1" t="s">
        <v>19774</v>
      </c>
      <c r="M5661" s="1" t="s">
        <v>5</v>
      </c>
      <c r="N5661" s="1" t="s">
        <v>6</v>
      </c>
      <c r="O5661" s="1" t="s">
        <v>8</v>
      </c>
      <c r="P5661" s="5" t="s">
        <v>10</v>
      </c>
    </row>
    <row r="5662" spans="1:16" x14ac:dyDescent="0.2">
      <c r="A5662" s="1" t="s">
        <v>194</v>
      </c>
      <c r="B5662" s="1" t="s">
        <v>6479</v>
      </c>
      <c r="C5662" s="1" t="s">
        <v>19780</v>
      </c>
      <c r="D5662" s="1" t="s">
        <v>19781</v>
      </c>
      <c r="E5662" s="1" t="s">
        <v>19782</v>
      </c>
      <c r="F5662" s="1" t="s">
        <v>27</v>
      </c>
      <c r="G5662" s="1" t="s">
        <v>1042</v>
      </c>
      <c r="H5662" s="1" t="s">
        <v>19783</v>
      </c>
      <c r="I5662" s="1" t="s">
        <v>19310</v>
      </c>
      <c r="J5662" s="1" t="s">
        <v>19776</v>
      </c>
      <c r="K5662" s="1" t="s">
        <v>27</v>
      </c>
      <c r="L5662" s="1" t="s">
        <v>19779</v>
      </c>
      <c r="M5662" s="1" t="s">
        <v>5</v>
      </c>
      <c r="N5662" s="1" t="s">
        <v>6</v>
      </c>
      <c r="O5662" s="1" t="s">
        <v>8</v>
      </c>
      <c r="P5662" s="5" t="s">
        <v>30250</v>
      </c>
    </row>
    <row r="5663" spans="1:16" x14ac:dyDescent="0.2">
      <c r="A5663" s="1" t="s">
        <v>194</v>
      </c>
      <c r="B5663" s="1" t="s">
        <v>7145</v>
      </c>
      <c r="C5663" s="1" t="s">
        <v>19785</v>
      </c>
      <c r="D5663" s="1" t="s">
        <v>19786</v>
      </c>
      <c r="E5663" s="1" t="s">
        <v>19788</v>
      </c>
      <c r="F5663" s="1" t="s">
        <v>10</v>
      </c>
      <c r="G5663" s="1" t="s">
        <v>10</v>
      </c>
      <c r="H5663" s="1" t="s">
        <v>10</v>
      </c>
      <c r="I5663" s="1" t="s">
        <v>19310</v>
      </c>
      <c r="J5663" s="1" t="s">
        <v>19787</v>
      </c>
      <c r="K5663" s="1" t="s">
        <v>27</v>
      </c>
      <c r="L5663" s="1" t="s">
        <v>19784</v>
      </c>
      <c r="M5663" s="1" t="s">
        <v>5</v>
      </c>
      <c r="N5663" s="1" t="s">
        <v>6</v>
      </c>
      <c r="O5663" s="1" t="s">
        <v>38</v>
      </c>
      <c r="P5663" s="5" t="s">
        <v>10</v>
      </c>
    </row>
    <row r="5664" spans="1:16" x14ac:dyDescent="0.2">
      <c r="A5664" s="1" t="s">
        <v>194</v>
      </c>
      <c r="B5664" s="1" t="s">
        <v>6481</v>
      </c>
      <c r="C5664" s="1" t="s">
        <v>19790</v>
      </c>
      <c r="D5664" s="1" t="s">
        <v>17932</v>
      </c>
      <c r="E5664" s="1" t="s">
        <v>19791</v>
      </c>
      <c r="F5664" s="1" t="s">
        <v>27</v>
      </c>
      <c r="G5664" s="1" t="s">
        <v>1042</v>
      </c>
      <c r="H5664" s="1" t="s">
        <v>19792</v>
      </c>
      <c r="I5664" s="1" t="s">
        <v>19310</v>
      </c>
      <c r="J5664" s="1" t="s">
        <v>10</v>
      </c>
      <c r="K5664" s="1" t="s">
        <v>27</v>
      </c>
      <c r="L5664" s="1" t="s">
        <v>19789</v>
      </c>
      <c r="M5664" s="1" t="s">
        <v>5</v>
      </c>
      <c r="N5664" s="1" t="s">
        <v>6</v>
      </c>
      <c r="O5664" s="1" t="s">
        <v>8</v>
      </c>
      <c r="P5664" s="5" t="s">
        <v>30250</v>
      </c>
    </row>
    <row r="5665" spans="1:16" x14ac:dyDescent="0.2">
      <c r="A5665" s="1" t="s">
        <v>194</v>
      </c>
      <c r="B5665" s="1" t="s">
        <v>6481</v>
      </c>
      <c r="C5665" s="1" t="s">
        <v>19794</v>
      </c>
      <c r="D5665" s="1" t="s">
        <v>1784</v>
      </c>
      <c r="E5665" s="1" t="s">
        <v>19791</v>
      </c>
      <c r="F5665" s="1" t="s">
        <v>27</v>
      </c>
      <c r="G5665" s="1" t="s">
        <v>1042</v>
      </c>
      <c r="H5665" s="1" t="s">
        <v>19795</v>
      </c>
      <c r="I5665" s="1" t="s">
        <v>19310</v>
      </c>
      <c r="J5665" s="1" t="s">
        <v>10</v>
      </c>
      <c r="K5665" s="1" t="s">
        <v>7</v>
      </c>
      <c r="L5665" s="1" t="s">
        <v>19793</v>
      </c>
      <c r="M5665" s="1" t="s">
        <v>5</v>
      </c>
      <c r="N5665" s="1" t="s">
        <v>6</v>
      </c>
      <c r="O5665" s="1" t="s">
        <v>8</v>
      </c>
      <c r="P5665" s="5" t="s">
        <v>10</v>
      </c>
    </row>
    <row r="5666" spans="1:16" x14ac:dyDescent="0.2">
      <c r="A5666" s="1" t="s">
        <v>194</v>
      </c>
      <c r="B5666" s="1" t="s">
        <v>6481</v>
      </c>
      <c r="C5666" s="1" t="s">
        <v>19797</v>
      </c>
      <c r="D5666" s="1" t="s">
        <v>19798</v>
      </c>
      <c r="E5666" s="1" t="s">
        <v>19800</v>
      </c>
      <c r="F5666" s="1" t="s">
        <v>10</v>
      </c>
      <c r="G5666" s="1" t="s">
        <v>10</v>
      </c>
      <c r="H5666" s="1" t="s">
        <v>10</v>
      </c>
      <c r="I5666" s="1" t="s">
        <v>19310</v>
      </c>
      <c r="J5666" s="1" t="s">
        <v>19799</v>
      </c>
      <c r="K5666" s="1" t="s">
        <v>27</v>
      </c>
      <c r="L5666" s="1" t="s">
        <v>19796</v>
      </c>
      <c r="M5666" s="1" t="s">
        <v>5</v>
      </c>
      <c r="N5666" s="1" t="s">
        <v>25</v>
      </c>
      <c r="O5666" s="1" t="s">
        <v>38</v>
      </c>
      <c r="P5666" s="5" t="s">
        <v>32037</v>
      </c>
    </row>
    <row r="5667" spans="1:16" x14ac:dyDescent="0.2">
      <c r="A5667" s="1" t="s">
        <v>20</v>
      </c>
      <c r="B5667" s="1" t="s">
        <v>445</v>
      </c>
      <c r="C5667" s="1" t="s">
        <v>19802</v>
      </c>
      <c r="D5667" s="1" t="s">
        <v>19803</v>
      </c>
      <c r="E5667" s="1" t="s">
        <v>19805</v>
      </c>
      <c r="F5667" s="1" t="s">
        <v>10</v>
      </c>
      <c r="G5667" s="1" t="s">
        <v>10</v>
      </c>
      <c r="H5667" s="1" t="s">
        <v>10</v>
      </c>
      <c r="I5667" s="1" t="s">
        <v>19310</v>
      </c>
      <c r="J5667" s="1" t="s">
        <v>19804</v>
      </c>
      <c r="K5667" s="1" t="s">
        <v>443</v>
      </c>
      <c r="L5667" s="1" t="s">
        <v>19801</v>
      </c>
      <c r="M5667" s="1" t="s">
        <v>5</v>
      </c>
      <c r="N5667" s="1" t="s">
        <v>25</v>
      </c>
      <c r="O5667" s="1" t="s">
        <v>38</v>
      </c>
      <c r="P5667" s="5" t="s">
        <v>32038</v>
      </c>
    </row>
    <row r="5668" spans="1:16" x14ac:dyDescent="0.2">
      <c r="A5668" s="1" t="s">
        <v>194</v>
      </c>
      <c r="B5668" s="1" t="s">
        <v>6481</v>
      </c>
      <c r="C5668" s="1" t="s">
        <v>19807</v>
      </c>
      <c r="D5668" s="1" t="s">
        <v>19808</v>
      </c>
      <c r="E5668" s="1" t="s">
        <v>19809</v>
      </c>
      <c r="F5668" s="1" t="s">
        <v>10</v>
      </c>
      <c r="G5668" s="1" t="s">
        <v>10</v>
      </c>
      <c r="H5668" s="1" t="s">
        <v>10</v>
      </c>
      <c r="I5668" s="1" t="s">
        <v>19310</v>
      </c>
      <c r="J5668" s="1" t="s">
        <v>19799</v>
      </c>
      <c r="K5668" s="1" t="s">
        <v>27</v>
      </c>
      <c r="L5668" s="1" t="s">
        <v>19806</v>
      </c>
      <c r="M5668" s="1" t="s">
        <v>5</v>
      </c>
      <c r="N5668" s="1" t="s">
        <v>960</v>
      </c>
      <c r="O5668" s="1" t="s">
        <v>38</v>
      </c>
      <c r="P5668" s="5" t="s">
        <v>32039</v>
      </c>
    </row>
    <row r="5669" spans="1:16" x14ac:dyDescent="0.2">
      <c r="A5669" s="1" t="s">
        <v>66</v>
      </c>
      <c r="B5669" s="1" t="s">
        <v>1117</v>
      </c>
      <c r="C5669" s="1" t="s">
        <v>19812</v>
      </c>
      <c r="D5669" s="1" t="s">
        <v>19813</v>
      </c>
      <c r="E5669" s="1" t="s">
        <v>19814</v>
      </c>
      <c r="F5669" s="1" t="s">
        <v>10</v>
      </c>
      <c r="G5669" s="1" t="s">
        <v>10</v>
      </c>
      <c r="H5669" s="1" t="s">
        <v>10</v>
      </c>
      <c r="I5669" s="1" t="s">
        <v>19310</v>
      </c>
      <c r="J5669" s="1" t="s">
        <v>19787</v>
      </c>
      <c r="K5669" s="1" t="s">
        <v>27</v>
      </c>
      <c r="L5669" s="1" t="s">
        <v>19811</v>
      </c>
      <c r="M5669" s="1" t="s">
        <v>5</v>
      </c>
      <c r="N5669" s="1" t="s">
        <v>25</v>
      </c>
      <c r="O5669" s="1" t="s">
        <v>38</v>
      </c>
      <c r="P5669" s="5" t="s">
        <v>32040</v>
      </c>
    </row>
    <row r="5670" spans="1:16" x14ac:dyDescent="0.2">
      <c r="A5670" s="1" t="s">
        <v>66</v>
      </c>
      <c r="B5670" s="1" t="s">
        <v>498</v>
      </c>
      <c r="C5670" s="1" t="s">
        <v>19816</v>
      </c>
      <c r="D5670" s="1" t="s">
        <v>19817</v>
      </c>
      <c r="E5670" s="1" t="s">
        <v>19819</v>
      </c>
      <c r="F5670" s="1" t="s">
        <v>10</v>
      </c>
      <c r="G5670" s="1" t="s">
        <v>10</v>
      </c>
      <c r="H5670" s="1" t="s">
        <v>10</v>
      </c>
      <c r="I5670" s="1" t="s">
        <v>19310</v>
      </c>
      <c r="J5670" s="1" t="s">
        <v>19818</v>
      </c>
      <c r="K5670" s="1" t="s">
        <v>6468</v>
      </c>
      <c r="L5670" s="1" t="s">
        <v>19815</v>
      </c>
      <c r="M5670" s="1" t="s">
        <v>5</v>
      </c>
      <c r="N5670" s="1" t="s">
        <v>25</v>
      </c>
      <c r="O5670" s="1" t="s">
        <v>38</v>
      </c>
      <c r="P5670" s="5" t="s">
        <v>32041</v>
      </c>
    </row>
    <row r="5671" spans="1:16" x14ac:dyDescent="0.2">
      <c r="A5671" s="1" t="s">
        <v>194</v>
      </c>
      <c r="B5671" s="1" t="s">
        <v>7175</v>
      </c>
      <c r="C5671" s="1" t="s">
        <v>19822</v>
      </c>
      <c r="D5671" s="1" t="s">
        <v>7174</v>
      </c>
      <c r="E5671" s="1" t="s">
        <v>19823</v>
      </c>
      <c r="F5671" s="1" t="s">
        <v>10</v>
      </c>
      <c r="G5671" s="1" t="s">
        <v>10</v>
      </c>
      <c r="H5671" s="1" t="s">
        <v>10</v>
      </c>
      <c r="I5671" s="1" t="s">
        <v>19310</v>
      </c>
      <c r="J5671" s="1" t="s">
        <v>19</v>
      </c>
      <c r="K5671" s="1" t="s">
        <v>10</v>
      </c>
      <c r="L5671" s="1" t="s">
        <v>19821</v>
      </c>
      <c r="M5671" s="1" t="s">
        <v>5</v>
      </c>
      <c r="N5671" s="1" t="s">
        <v>25</v>
      </c>
      <c r="O5671" s="1" t="s">
        <v>38</v>
      </c>
      <c r="P5671" s="5" t="s">
        <v>119</v>
      </c>
    </row>
    <row r="5672" spans="1:16" x14ac:dyDescent="0.2">
      <c r="A5672" s="1" t="s">
        <v>42</v>
      </c>
      <c r="B5672" s="1" t="s">
        <v>118</v>
      </c>
      <c r="C5672" s="1" t="s">
        <v>19825</v>
      </c>
      <c r="D5672" s="1" t="s">
        <v>19826</v>
      </c>
      <c r="E5672" s="1" t="s">
        <v>19827</v>
      </c>
      <c r="F5672" s="1" t="s">
        <v>10</v>
      </c>
      <c r="G5672" s="1" t="s">
        <v>10</v>
      </c>
      <c r="H5672" s="1" t="s">
        <v>10</v>
      </c>
      <c r="I5672" s="1" t="s">
        <v>19310</v>
      </c>
      <c r="J5672" s="1" t="s">
        <v>19820</v>
      </c>
      <c r="K5672" s="1" t="s">
        <v>27</v>
      </c>
      <c r="L5672" s="1" t="s">
        <v>19824</v>
      </c>
      <c r="M5672" s="1" t="s">
        <v>5</v>
      </c>
      <c r="N5672" s="1" t="s">
        <v>25</v>
      </c>
      <c r="O5672" s="1" t="s">
        <v>38</v>
      </c>
      <c r="P5672" s="5" t="s">
        <v>30606</v>
      </c>
    </row>
    <row r="5673" spans="1:16" x14ac:dyDescent="0.2">
      <c r="A5673" s="1" t="s">
        <v>66</v>
      </c>
      <c r="B5673" s="1" t="s">
        <v>67</v>
      </c>
      <c r="C5673" s="1" t="s">
        <v>19829</v>
      </c>
      <c r="D5673" s="1" t="s">
        <v>19830</v>
      </c>
      <c r="E5673" s="1" t="s">
        <v>19831</v>
      </c>
      <c r="F5673" s="1" t="s">
        <v>27</v>
      </c>
      <c r="G5673" s="1" t="s">
        <v>1042</v>
      </c>
      <c r="H5673" s="1" t="s">
        <v>19832</v>
      </c>
      <c r="I5673" s="1" t="s">
        <v>19310</v>
      </c>
      <c r="J5673" s="1" t="s">
        <v>19787</v>
      </c>
      <c r="K5673" s="1" t="s">
        <v>27</v>
      </c>
      <c r="L5673" s="1" t="s">
        <v>19828</v>
      </c>
      <c r="M5673" s="1" t="s">
        <v>5</v>
      </c>
      <c r="N5673" s="1" t="s">
        <v>25</v>
      </c>
      <c r="O5673" s="1" t="s">
        <v>8</v>
      </c>
      <c r="P5673" s="5" t="s">
        <v>31672</v>
      </c>
    </row>
    <row r="5674" spans="1:16" x14ac:dyDescent="0.2">
      <c r="A5674" s="1" t="s">
        <v>66</v>
      </c>
      <c r="B5674" s="1" t="s">
        <v>498</v>
      </c>
      <c r="C5674" s="1" t="s">
        <v>19835</v>
      </c>
      <c r="D5674" s="1" t="s">
        <v>19836</v>
      </c>
      <c r="E5674" s="1" t="s">
        <v>19837</v>
      </c>
      <c r="F5674" s="1" t="s">
        <v>10</v>
      </c>
      <c r="G5674" s="1" t="s">
        <v>10</v>
      </c>
      <c r="H5674" s="1" t="s">
        <v>10</v>
      </c>
      <c r="I5674" s="1" t="s">
        <v>19310</v>
      </c>
      <c r="J5674" s="1" t="s">
        <v>19767</v>
      </c>
      <c r="K5674" s="1" t="s">
        <v>27</v>
      </c>
      <c r="L5674" s="1" t="s">
        <v>19834</v>
      </c>
      <c r="M5674" s="1" t="s">
        <v>5</v>
      </c>
      <c r="N5674" s="1" t="s">
        <v>25</v>
      </c>
      <c r="O5674" s="1" t="s">
        <v>38</v>
      </c>
      <c r="P5674" s="5" t="s">
        <v>32042</v>
      </c>
    </row>
    <row r="5675" spans="1:16" x14ac:dyDescent="0.2">
      <c r="A5675" s="1" t="s">
        <v>20</v>
      </c>
      <c r="B5675" s="1" t="s">
        <v>21</v>
      </c>
      <c r="C5675" s="1" t="s">
        <v>19840</v>
      </c>
      <c r="D5675" s="1" t="s">
        <v>19841</v>
      </c>
      <c r="E5675" s="1" t="s">
        <v>19843</v>
      </c>
      <c r="F5675" s="1" t="s">
        <v>10</v>
      </c>
      <c r="G5675" s="1" t="s">
        <v>10</v>
      </c>
      <c r="H5675" s="1" t="s">
        <v>10</v>
      </c>
      <c r="I5675" s="1" t="s">
        <v>19310</v>
      </c>
      <c r="J5675" s="1" t="s">
        <v>19842</v>
      </c>
      <c r="K5675" s="1" t="s">
        <v>6469</v>
      </c>
      <c r="L5675" s="1" t="s">
        <v>19839</v>
      </c>
      <c r="M5675" s="1" t="s">
        <v>5</v>
      </c>
      <c r="N5675" s="1" t="s">
        <v>25</v>
      </c>
      <c r="O5675" s="1" t="s">
        <v>38</v>
      </c>
      <c r="P5675" s="5" t="s">
        <v>32043</v>
      </c>
    </row>
    <row r="5676" spans="1:16" x14ac:dyDescent="0.2">
      <c r="A5676" s="1" t="s">
        <v>20</v>
      </c>
      <c r="B5676" s="1" t="s">
        <v>445</v>
      </c>
      <c r="C5676" s="1" t="s">
        <v>19845</v>
      </c>
      <c r="D5676" s="1" t="s">
        <v>2706</v>
      </c>
      <c r="E5676" s="1" t="s">
        <v>19847</v>
      </c>
      <c r="F5676" s="1" t="s">
        <v>10</v>
      </c>
      <c r="G5676" s="1" t="s">
        <v>10</v>
      </c>
      <c r="H5676" s="1" t="s">
        <v>10</v>
      </c>
      <c r="I5676" s="1" t="s">
        <v>19310</v>
      </c>
      <c r="J5676" s="1" t="s">
        <v>19846</v>
      </c>
      <c r="K5676" s="1" t="s">
        <v>7</v>
      </c>
      <c r="L5676" s="1" t="s">
        <v>19844</v>
      </c>
      <c r="M5676" s="1" t="s">
        <v>5</v>
      </c>
      <c r="N5676" s="1" t="s">
        <v>25</v>
      </c>
      <c r="O5676" s="1" t="s">
        <v>38</v>
      </c>
      <c r="P5676" s="5" t="s">
        <v>32044</v>
      </c>
    </row>
    <row r="5677" spans="1:16" x14ac:dyDescent="0.2">
      <c r="A5677" s="1" t="s">
        <v>20</v>
      </c>
      <c r="B5677" s="1" t="s">
        <v>445</v>
      </c>
      <c r="C5677" s="1" t="s">
        <v>19849</v>
      </c>
      <c r="D5677" s="1" t="s">
        <v>19849</v>
      </c>
      <c r="E5677" s="1" t="s">
        <v>19850</v>
      </c>
      <c r="F5677" s="1" t="s">
        <v>10</v>
      </c>
      <c r="G5677" s="1" t="s">
        <v>10</v>
      </c>
      <c r="H5677" s="1" t="s">
        <v>10</v>
      </c>
      <c r="I5677" s="1" t="s">
        <v>19310</v>
      </c>
      <c r="J5677" s="1" t="s">
        <v>19</v>
      </c>
      <c r="K5677" s="1" t="s">
        <v>7</v>
      </c>
      <c r="L5677" s="1" t="s">
        <v>19848</v>
      </c>
      <c r="M5677" s="1" t="s">
        <v>5</v>
      </c>
      <c r="N5677" s="1" t="s">
        <v>25</v>
      </c>
      <c r="O5677" s="1" t="s">
        <v>38</v>
      </c>
      <c r="P5677" s="5" t="s">
        <v>32045</v>
      </c>
    </row>
    <row r="5678" spans="1:16" x14ac:dyDescent="0.2">
      <c r="A5678" s="1" t="s">
        <v>194</v>
      </c>
      <c r="B5678" s="1" t="s">
        <v>7145</v>
      </c>
      <c r="C5678" s="1" t="s">
        <v>19853</v>
      </c>
      <c r="D5678" s="1" t="s">
        <v>19854</v>
      </c>
      <c r="E5678" s="1" t="s">
        <v>19855</v>
      </c>
      <c r="F5678" s="1" t="s">
        <v>10</v>
      </c>
      <c r="G5678" s="1" t="s">
        <v>10</v>
      </c>
      <c r="H5678" s="1" t="s">
        <v>10</v>
      </c>
      <c r="I5678" s="1" t="s">
        <v>19310</v>
      </c>
      <c r="J5678" s="1" t="s">
        <v>19851</v>
      </c>
      <c r="K5678" s="1" t="s">
        <v>27</v>
      </c>
      <c r="L5678" s="1" t="s">
        <v>19852</v>
      </c>
      <c r="M5678" s="1" t="s">
        <v>5</v>
      </c>
      <c r="N5678" s="1" t="s">
        <v>25</v>
      </c>
      <c r="O5678" s="1" t="s">
        <v>38</v>
      </c>
      <c r="P5678" s="5" t="s">
        <v>30607</v>
      </c>
    </row>
    <row r="5679" spans="1:16" x14ac:dyDescent="0.2">
      <c r="A5679" s="1" t="s">
        <v>194</v>
      </c>
      <c r="B5679" s="1" t="s">
        <v>7145</v>
      </c>
      <c r="C5679" s="1" t="s">
        <v>19857</v>
      </c>
      <c r="D5679" s="1" t="s">
        <v>19858</v>
      </c>
      <c r="E5679" s="1" t="s">
        <v>19859</v>
      </c>
      <c r="F5679" s="1" t="s">
        <v>10</v>
      </c>
      <c r="G5679" s="1" t="s">
        <v>10</v>
      </c>
      <c r="H5679" s="1" t="s">
        <v>10</v>
      </c>
      <c r="I5679" s="1" t="s">
        <v>19310</v>
      </c>
      <c r="J5679" s="1" t="s">
        <v>19767</v>
      </c>
      <c r="K5679" s="1" t="s">
        <v>27</v>
      </c>
      <c r="L5679" s="1" t="s">
        <v>19856</v>
      </c>
      <c r="M5679" s="1" t="s">
        <v>5</v>
      </c>
      <c r="N5679" s="1" t="s">
        <v>25</v>
      </c>
      <c r="O5679" s="1" t="s">
        <v>38</v>
      </c>
      <c r="P5679" s="5" t="s">
        <v>32046</v>
      </c>
    </row>
    <row r="5680" spans="1:16" x14ac:dyDescent="0.2">
      <c r="A5680" s="1" t="s">
        <v>194</v>
      </c>
      <c r="B5680" s="1" t="s">
        <v>7145</v>
      </c>
      <c r="C5680" s="1" t="s">
        <v>19861</v>
      </c>
      <c r="D5680" s="1" t="s">
        <v>19862</v>
      </c>
      <c r="E5680" s="1" t="s">
        <v>19863</v>
      </c>
      <c r="F5680" s="1" t="s">
        <v>10</v>
      </c>
      <c r="G5680" s="1" t="s">
        <v>10</v>
      </c>
      <c r="H5680" s="1" t="s">
        <v>10</v>
      </c>
      <c r="I5680" s="1" t="s">
        <v>19310</v>
      </c>
      <c r="J5680" s="1" t="s">
        <v>19767</v>
      </c>
      <c r="K5680" s="1" t="s">
        <v>27</v>
      </c>
      <c r="L5680" s="1" t="s">
        <v>19860</v>
      </c>
      <c r="M5680" s="1" t="s">
        <v>5</v>
      </c>
      <c r="N5680" s="1" t="s">
        <v>25</v>
      </c>
      <c r="O5680" s="1" t="s">
        <v>38</v>
      </c>
      <c r="P5680" s="5" t="s">
        <v>32046</v>
      </c>
    </row>
    <row r="5681" spans="1:16" x14ac:dyDescent="0.2">
      <c r="A5681" s="1" t="s">
        <v>66</v>
      </c>
      <c r="B5681" s="1" t="s">
        <v>1127</v>
      </c>
      <c r="C5681" s="1" t="s">
        <v>19865</v>
      </c>
      <c r="D5681" s="1" t="s">
        <v>19866</v>
      </c>
      <c r="E5681" s="1" t="s">
        <v>19867</v>
      </c>
      <c r="F5681" s="1" t="s">
        <v>10</v>
      </c>
      <c r="G5681" s="1" t="s">
        <v>10</v>
      </c>
      <c r="H5681" s="1" t="s">
        <v>10</v>
      </c>
      <c r="I5681" s="1" t="s">
        <v>19310</v>
      </c>
      <c r="J5681" s="1" t="s">
        <v>19767</v>
      </c>
      <c r="K5681" s="1" t="s">
        <v>27</v>
      </c>
      <c r="L5681" s="1" t="s">
        <v>19864</v>
      </c>
      <c r="M5681" s="1" t="s">
        <v>5</v>
      </c>
      <c r="N5681" s="1" t="s">
        <v>25</v>
      </c>
      <c r="O5681" s="1" t="s">
        <v>38</v>
      </c>
      <c r="P5681" s="5" t="s">
        <v>32047</v>
      </c>
    </row>
    <row r="5682" spans="1:16" x14ac:dyDescent="0.2">
      <c r="A5682" s="1" t="s">
        <v>20</v>
      </c>
      <c r="B5682" s="1" t="s">
        <v>445</v>
      </c>
      <c r="C5682" s="1" t="s">
        <v>19869</v>
      </c>
      <c r="D5682" s="1" t="s">
        <v>2352</v>
      </c>
      <c r="E5682" s="1" t="s">
        <v>19870</v>
      </c>
      <c r="F5682" s="1" t="s">
        <v>10</v>
      </c>
      <c r="G5682" s="1" t="s">
        <v>10</v>
      </c>
      <c r="H5682" s="1" t="s">
        <v>10</v>
      </c>
      <c r="I5682" s="1" t="s">
        <v>19310</v>
      </c>
      <c r="J5682" s="1" t="s">
        <v>19767</v>
      </c>
      <c r="K5682" s="1" t="s">
        <v>27</v>
      </c>
      <c r="L5682" s="1" t="s">
        <v>19868</v>
      </c>
      <c r="M5682" s="1" t="s">
        <v>5</v>
      </c>
      <c r="N5682" s="1" t="s">
        <v>25</v>
      </c>
      <c r="O5682" s="1" t="s">
        <v>38</v>
      </c>
      <c r="P5682" s="5" t="s">
        <v>32048</v>
      </c>
    </row>
    <row r="5683" spans="1:16" x14ac:dyDescent="0.2">
      <c r="A5683" s="1" t="s">
        <v>194</v>
      </c>
      <c r="B5683" s="1" t="s">
        <v>4492</v>
      </c>
      <c r="C5683" s="1" t="s">
        <v>19872</v>
      </c>
      <c r="D5683" s="1" t="s">
        <v>19873</v>
      </c>
      <c r="E5683" s="1" t="s">
        <v>19875</v>
      </c>
      <c r="F5683" s="1" t="s">
        <v>474</v>
      </c>
      <c r="G5683" s="1" t="s">
        <v>4490</v>
      </c>
      <c r="H5683" s="1" t="s">
        <v>10</v>
      </c>
      <c r="I5683" s="1" t="s">
        <v>19310</v>
      </c>
      <c r="J5683" s="1" t="s">
        <v>19874</v>
      </c>
      <c r="K5683" s="1" t="s">
        <v>1548</v>
      </c>
      <c r="L5683" s="1" t="s">
        <v>19871</v>
      </c>
      <c r="M5683" s="1" t="s">
        <v>5</v>
      </c>
      <c r="N5683" s="1" t="s">
        <v>25</v>
      </c>
      <c r="O5683" s="1" t="s">
        <v>8</v>
      </c>
      <c r="P5683" s="5" t="s">
        <v>32049</v>
      </c>
    </row>
    <row r="5684" spans="1:16" x14ac:dyDescent="0.2">
      <c r="A5684" s="1" t="s">
        <v>194</v>
      </c>
      <c r="B5684" s="1" t="s">
        <v>4492</v>
      </c>
      <c r="C5684" s="1" t="s">
        <v>19877</v>
      </c>
      <c r="D5684" s="1" t="s">
        <v>19878</v>
      </c>
      <c r="E5684" s="1" t="s">
        <v>19879</v>
      </c>
      <c r="F5684" s="1" t="s">
        <v>10</v>
      </c>
      <c r="G5684" s="1" t="s">
        <v>10</v>
      </c>
      <c r="H5684" s="1" t="s">
        <v>10</v>
      </c>
      <c r="I5684" s="1" t="s">
        <v>19310</v>
      </c>
      <c r="J5684" s="1" t="s">
        <v>19874</v>
      </c>
      <c r="K5684" s="1" t="s">
        <v>1548</v>
      </c>
      <c r="L5684" s="1" t="s">
        <v>19876</v>
      </c>
      <c r="M5684" s="1" t="s">
        <v>5</v>
      </c>
      <c r="N5684" s="1" t="s">
        <v>960</v>
      </c>
      <c r="O5684" s="1" t="s">
        <v>38</v>
      </c>
      <c r="P5684" s="5" t="s">
        <v>30608</v>
      </c>
    </row>
    <row r="5685" spans="1:16" x14ac:dyDescent="0.2">
      <c r="A5685" s="1" t="s">
        <v>20</v>
      </c>
      <c r="B5685" s="1" t="s">
        <v>93</v>
      </c>
      <c r="C5685" s="1" t="s">
        <v>19881</v>
      </c>
      <c r="D5685" s="1" t="s">
        <v>19882</v>
      </c>
      <c r="E5685" s="1" t="s">
        <v>19883</v>
      </c>
      <c r="F5685" s="1" t="s">
        <v>27</v>
      </c>
      <c r="G5685" s="1" t="s">
        <v>19884</v>
      </c>
      <c r="H5685" s="1" t="s">
        <v>10</v>
      </c>
      <c r="I5685" s="1" t="s">
        <v>19310</v>
      </c>
      <c r="J5685" s="1" t="s">
        <v>19874</v>
      </c>
      <c r="K5685" s="1" t="s">
        <v>1548</v>
      </c>
      <c r="L5685" s="1" t="s">
        <v>19880</v>
      </c>
      <c r="M5685" s="1" t="s">
        <v>5</v>
      </c>
      <c r="N5685" s="1" t="s">
        <v>25</v>
      </c>
      <c r="O5685" s="1" t="s">
        <v>8</v>
      </c>
      <c r="P5685" s="5" t="s">
        <v>30609</v>
      </c>
    </row>
    <row r="5686" spans="1:16" x14ac:dyDescent="0.2">
      <c r="A5686" s="1" t="s">
        <v>194</v>
      </c>
      <c r="B5686" s="1" t="s">
        <v>6479</v>
      </c>
      <c r="C5686" s="1" t="s">
        <v>19886</v>
      </c>
      <c r="D5686" s="1" t="s">
        <v>19887</v>
      </c>
      <c r="E5686" s="1" t="s">
        <v>19889</v>
      </c>
      <c r="F5686" s="1" t="s">
        <v>27</v>
      </c>
      <c r="G5686" s="1" t="s">
        <v>1042</v>
      </c>
      <c r="H5686" s="1" t="s">
        <v>19890</v>
      </c>
      <c r="I5686" s="1" t="s">
        <v>19310</v>
      </c>
      <c r="J5686" s="1" t="s">
        <v>19888</v>
      </c>
      <c r="K5686" s="1" t="s">
        <v>27</v>
      </c>
      <c r="L5686" s="1" t="s">
        <v>19885</v>
      </c>
      <c r="M5686" s="1" t="s">
        <v>5</v>
      </c>
      <c r="N5686" s="1" t="s">
        <v>6</v>
      </c>
      <c r="O5686" s="1" t="s">
        <v>8</v>
      </c>
      <c r="P5686" s="5" t="s">
        <v>10</v>
      </c>
    </row>
    <row r="5687" spans="1:16" x14ac:dyDescent="0.2">
      <c r="A5687" s="1" t="s">
        <v>194</v>
      </c>
      <c r="B5687" s="1" t="s">
        <v>6723</v>
      </c>
      <c r="C5687" s="1" t="s">
        <v>19892</v>
      </c>
      <c r="D5687" s="1" t="s">
        <v>19893</v>
      </c>
      <c r="E5687" s="1" t="s">
        <v>19895</v>
      </c>
      <c r="F5687" s="1" t="s">
        <v>27</v>
      </c>
      <c r="G5687" s="1" t="s">
        <v>1042</v>
      </c>
      <c r="H5687" s="1" t="s">
        <v>19896</v>
      </c>
      <c r="I5687" s="1" t="s">
        <v>19310</v>
      </c>
      <c r="J5687" s="1" t="s">
        <v>19894</v>
      </c>
      <c r="K5687" s="1" t="s">
        <v>27</v>
      </c>
      <c r="L5687" s="1" t="s">
        <v>19891</v>
      </c>
      <c r="M5687" s="1" t="s">
        <v>5</v>
      </c>
      <c r="N5687" s="1" t="s">
        <v>6</v>
      </c>
      <c r="O5687" s="1" t="s">
        <v>8</v>
      </c>
      <c r="P5687" s="5" t="s">
        <v>30610</v>
      </c>
    </row>
    <row r="5688" spans="1:16" x14ac:dyDescent="0.2">
      <c r="A5688" s="1" t="s">
        <v>194</v>
      </c>
      <c r="B5688" s="1" t="s">
        <v>6481</v>
      </c>
      <c r="C5688" s="1" t="s">
        <v>19899</v>
      </c>
      <c r="D5688" s="1" t="s">
        <v>8975</v>
      </c>
      <c r="E5688" s="1" t="s">
        <v>19900</v>
      </c>
      <c r="F5688" s="1" t="s">
        <v>10</v>
      </c>
      <c r="G5688" s="1" t="s">
        <v>10</v>
      </c>
      <c r="H5688" s="1" t="s">
        <v>10</v>
      </c>
      <c r="I5688" s="1" t="s">
        <v>19310</v>
      </c>
      <c r="J5688" s="1" t="s">
        <v>19897</v>
      </c>
      <c r="K5688" s="1" t="s">
        <v>586</v>
      </c>
      <c r="L5688" s="1" t="s">
        <v>19898</v>
      </c>
      <c r="M5688" s="1" t="s">
        <v>5</v>
      </c>
      <c r="N5688" s="1" t="s">
        <v>6</v>
      </c>
      <c r="O5688" s="1" t="s">
        <v>38</v>
      </c>
      <c r="P5688" s="5" t="s">
        <v>32050</v>
      </c>
    </row>
    <row r="5689" spans="1:16" x14ac:dyDescent="0.2">
      <c r="A5689" s="1" t="s">
        <v>194</v>
      </c>
      <c r="B5689" s="1" t="s">
        <v>6481</v>
      </c>
      <c r="C5689" s="1" t="s">
        <v>19902</v>
      </c>
      <c r="D5689" s="1" t="s">
        <v>19903</v>
      </c>
      <c r="E5689" s="1" t="s">
        <v>19904</v>
      </c>
      <c r="F5689" s="1" t="s">
        <v>10</v>
      </c>
      <c r="G5689" s="1" t="s">
        <v>10</v>
      </c>
      <c r="H5689" s="1" t="s">
        <v>10</v>
      </c>
      <c r="I5689" s="1" t="s">
        <v>19310</v>
      </c>
      <c r="J5689" s="1" t="s">
        <v>19727</v>
      </c>
      <c r="K5689" s="1" t="s">
        <v>7</v>
      </c>
      <c r="L5689" s="1" t="s">
        <v>19901</v>
      </c>
      <c r="M5689" s="1" t="s">
        <v>5</v>
      </c>
      <c r="N5689" s="1" t="s">
        <v>6</v>
      </c>
      <c r="O5689" s="1" t="s">
        <v>38</v>
      </c>
      <c r="P5689" s="5" t="s">
        <v>10</v>
      </c>
    </row>
    <row r="5690" spans="1:16" x14ac:dyDescent="0.2">
      <c r="A5690" s="1" t="s">
        <v>32</v>
      </c>
      <c r="B5690" s="1" t="s">
        <v>7383</v>
      </c>
      <c r="C5690" s="1" t="s">
        <v>19906</v>
      </c>
      <c r="D5690" s="1" t="s">
        <v>19907</v>
      </c>
      <c r="E5690" s="1" t="s">
        <v>19908</v>
      </c>
      <c r="F5690" s="1" t="s">
        <v>27</v>
      </c>
      <c r="G5690" s="1" t="s">
        <v>1042</v>
      </c>
      <c r="H5690" s="1" t="s">
        <v>19909</v>
      </c>
      <c r="I5690" s="1" t="s">
        <v>19310</v>
      </c>
      <c r="J5690" s="1" t="s">
        <v>19727</v>
      </c>
      <c r="K5690" s="1" t="s">
        <v>586</v>
      </c>
      <c r="L5690" s="1" t="s">
        <v>19905</v>
      </c>
      <c r="M5690" s="1" t="s">
        <v>5</v>
      </c>
      <c r="N5690" s="1" t="s">
        <v>25</v>
      </c>
      <c r="O5690" s="1" t="s">
        <v>8</v>
      </c>
      <c r="P5690" s="5" t="s">
        <v>14</v>
      </c>
    </row>
    <row r="5691" spans="1:16" x14ac:dyDescent="0.2">
      <c r="A5691" s="1" t="s">
        <v>194</v>
      </c>
      <c r="B5691" s="1" t="s">
        <v>6479</v>
      </c>
      <c r="C5691" s="1" t="s">
        <v>19911</v>
      </c>
      <c r="D5691" s="1" t="s">
        <v>19912</v>
      </c>
      <c r="E5691" s="1" t="s">
        <v>19913</v>
      </c>
      <c r="F5691" s="1" t="s">
        <v>27</v>
      </c>
      <c r="G5691" s="1" t="s">
        <v>1042</v>
      </c>
      <c r="H5691" s="1" t="s">
        <v>19914</v>
      </c>
      <c r="I5691" s="1" t="s">
        <v>19310</v>
      </c>
      <c r="J5691" s="1" t="s">
        <v>19727</v>
      </c>
      <c r="K5691" s="1" t="s">
        <v>586</v>
      </c>
      <c r="L5691" s="1" t="s">
        <v>19910</v>
      </c>
      <c r="M5691" s="1" t="s">
        <v>5</v>
      </c>
      <c r="N5691" s="1" t="s">
        <v>25</v>
      </c>
      <c r="O5691" s="1" t="s">
        <v>8</v>
      </c>
      <c r="P5691" s="5" t="s">
        <v>10</v>
      </c>
    </row>
    <row r="5692" spans="1:16" x14ac:dyDescent="0.2">
      <c r="A5692" s="1" t="s">
        <v>20</v>
      </c>
      <c r="B5692" s="1" t="s">
        <v>132</v>
      </c>
      <c r="C5692" s="1" t="s">
        <v>19916</v>
      </c>
      <c r="D5692" s="1" t="s">
        <v>19917</v>
      </c>
      <c r="E5692" s="1" t="s">
        <v>19918</v>
      </c>
      <c r="F5692" s="1" t="s">
        <v>27</v>
      </c>
      <c r="G5692" s="1" t="s">
        <v>1042</v>
      </c>
      <c r="H5692" s="1" t="s">
        <v>19919</v>
      </c>
      <c r="I5692" s="1" t="s">
        <v>19310</v>
      </c>
      <c r="J5692" s="1" t="s">
        <v>19727</v>
      </c>
      <c r="K5692" s="1" t="s">
        <v>27</v>
      </c>
      <c r="L5692" s="1" t="s">
        <v>19915</v>
      </c>
      <c r="M5692" s="1" t="s">
        <v>5</v>
      </c>
      <c r="N5692" s="1" t="s">
        <v>25</v>
      </c>
      <c r="O5692" s="1" t="s">
        <v>8</v>
      </c>
      <c r="P5692" s="5" t="s">
        <v>14</v>
      </c>
    </row>
    <row r="5693" spans="1:16" x14ac:dyDescent="0.2">
      <c r="A5693" s="1" t="s">
        <v>194</v>
      </c>
      <c r="B5693" s="1" t="s">
        <v>6479</v>
      </c>
      <c r="C5693" s="1" t="s">
        <v>19921</v>
      </c>
      <c r="D5693" s="1" t="s">
        <v>19921</v>
      </c>
      <c r="E5693" s="1" t="s">
        <v>19922</v>
      </c>
      <c r="F5693" s="1" t="s">
        <v>10</v>
      </c>
      <c r="G5693" s="1" t="s">
        <v>10</v>
      </c>
      <c r="H5693" s="1" t="s">
        <v>10</v>
      </c>
      <c r="I5693" s="1" t="s">
        <v>19310</v>
      </c>
      <c r="J5693" s="1" t="s">
        <v>10</v>
      </c>
      <c r="K5693" s="1" t="s">
        <v>443</v>
      </c>
      <c r="L5693" s="1" t="s">
        <v>19920</v>
      </c>
      <c r="M5693" s="1" t="s">
        <v>5</v>
      </c>
      <c r="N5693" s="1" t="s">
        <v>6</v>
      </c>
      <c r="O5693" s="1" t="s">
        <v>38</v>
      </c>
      <c r="P5693" s="5" t="s">
        <v>30611</v>
      </c>
    </row>
    <row r="5694" spans="1:16" x14ac:dyDescent="0.2">
      <c r="A5694" s="1" t="s">
        <v>194</v>
      </c>
      <c r="B5694" s="1" t="s">
        <v>6481</v>
      </c>
      <c r="C5694" s="1" t="s">
        <v>19924</v>
      </c>
      <c r="D5694" s="1" t="s">
        <v>19925</v>
      </c>
      <c r="E5694" s="1" t="s">
        <v>19927</v>
      </c>
      <c r="F5694" s="1" t="s">
        <v>10</v>
      </c>
      <c r="G5694" s="1" t="s">
        <v>10</v>
      </c>
      <c r="H5694" s="1" t="s">
        <v>10</v>
      </c>
      <c r="I5694" s="1" t="s">
        <v>19310</v>
      </c>
      <c r="J5694" s="1" t="s">
        <v>19926</v>
      </c>
      <c r="K5694" s="1" t="s">
        <v>27</v>
      </c>
      <c r="L5694" s="1" t="s">
        <v>19923</v>
      </c>
      <c r="M5694" s="1" t="s">
        <v>5</v>
      </c>
      <c r="N5694" s="1" t="s">
        <v>6</v>
      </c>
      <c r="O5694" s="1" t="s">
        <v>38</v>
      </c>
      <c r="P5694" s="5" t="s">
        <v>10</v>
      </c>
    </row>
    <row r="5695" spans="1:16" x14ac:dyDescent="0.2">
      <c r="A5695" s="1" t="s">
        <v>194</v>
      </c>
      <c r="B5695" s="1" t="s">
        <v>6479</v>
      </c>
      <c r="C5695" s="1" t="s">
        <v>19930</v>
      </c>
      <c r="D5695" s="1" t="s">
        <v>19931</v>
      </c>
      <c r="E5695" s="1" t="s">
        <v>19932</v>
      </c>
      <c r="F5695" s="1" t="s">
        <v>10</v>
      </c>
      <c r="G5695" s="1" t="s">
        <v>10</v>
      </c>
      <c r="H5695" s="1" t="s">
        <v>10</v>
      </c>
      <c r="I5695" s="1" t="s">
        <v>19310</v>
      </c>
      <c r="J5695" s="1" t="s">
        <v>19727</v>
      </c>
      <c r="K5695" s="1" t="s">
        <v>443</v>
      </c>
      <c r="L5695" s="1" t="s">
        <v>19929</v>
      </c>
      <c r="M5695" s="1" t="s">
        <v>5</v>
      </c>
      <c r="N5695" s="1" t="s">
        <v>25</v>
      </c>
      <c r="O5695" s="1" t="s">
        <v>38</v>
      </c>
      <c r="P5695" s="5" t="s">
        <v>30612</v>
      </c>
    </row>
    <row r="5696" spans="1:16" x14ac:dyDescent="0.2">
      <c r="A5696" s="1" t="s">
        <v>42</v>
      </c>
      <c r="B5696" s="1" t="s">
        <v>1377</v>
      </c>
      <c r="C5696" s="1" t="s">
        <v>19934</v>
      </c>
      <c r="D5696" s="1" t="s">
        <v>19935</v>
      </c>
      <c r="E5696" s="1" t="s">
        <v>19936</v>
      </c>
      <c r="F5696" s="1" t="s">
        <v>10</v>
      </c>
      <c r="G5696" s="1" t="s">
        <v>10</v>
      </c>
      <c r="H5696" s="1" t="s">
        <v>10</v>
      </c>
      <c r="I5696" s="1" t="s">
        <v>19310</v>
      </c>
      <c r="J5696" s="1" t="s">
        <v>19661</v>
      </c>
      <c r="K5696" s="1" t="s">
        <v>7</v>
      </c>
      <c r="L5696" s="1" t="s">
        <v>19933</v>
      </c>
      <c r="M5696" s="1" t="s">
        <v>5</v>
      </c>
      <c r="N5696" s="1" t="s">
        <v>25</v>
      </c>
      <c r="O5696" s="1" t="s">
        <v>38</v>
      </c>
      <c r="P5696" s="5" t="s">
        <v>30589</v>
      </c>
    </row>
    <row r="5697" spans="1:16" x14ac:dyDescent="0.2">
      <c r="A5697" s="1" t="s">
        <v>42</v>
      </c>
      <c r="B5697" s="1" t="s">
        <v>118</v>
      </c>
      <c r="C5697" s="1" t="s">
        <v>19938</v>
      </c>
      <c r="D5697" s="1" t="s">
        <v>19939</v>
      </c>
      <c r="E5697" s="1" t="s">
        <v>19940</v>
      </c>
      <c r="F5697" s="1" t="s">
        <v>10</v>
      </c>
      <c r="G5697" s="1" t="s">
        <v>10</v>
      </c>
      <c r="H5697" s="1" t="s">
        <v>10</v>
      </c>
      <c r="I5697" s="1" t="s">
        <v>19310</v>
      </c>
      <c r="J5697" s="1" t="s">
        <v>19661</v>
      </c>
      <c r="K5697" s="1" t="s">
        <v>7</v>
      </c>
      <c r="L5697" s="1" t="s">
        <v>19937</v>
      </c>
      <c r="M5697" s="1" t="s">
        <v>5</v>
      </c>
      <c r="N5697" s="1" t="s">
        <v>25</v>
      </c>
      <c r="O5697" s="1" t="s">
        <v>38</v>
      </c>
      <c r="P5697" s="5" t="s">
        <v>30589</v>
      </c>
    </row>
    <row r="5698" spans="1:16" x14ac:dyDescent="0.2">
      <c r="A5698" s="1" t="s">
        <v>42</v>
      </c>
      <c r="B5698" s="1" t="s">
        <v>118</v>
      </c>
      <c r="C5698" s="1" t="s">
        <v>188</v>
      </c>
      <c r="D5698" s="1" t="s">
        <v>188</v>
      </c>
      <c r="E5698" s="1" t="s">
        <v>19942</v>
      </c>
      <c r="F5698" s="1" t="s">
        <v>10</v>
      </c>
      <c r="G5698" s="1" t="s">
        <v>10</v>
      </c>
      <c r="H5698" s="1" t="s">
        <v>10</v>
      </c>
      <c r="I5698" s="1" t="s">
        <v>19310</v>
      </c>
      <c r="J5698" s="1" t="s">
        <v>19661</v>
      </c>
      <c r="K5698" s="1" t="s">
        <v>7</v>
      </c>
      <c r="L5698" s="1" t="s">
        <v>19941</v>
      </c>
      <c r="M5698" s="1" t="s">
        <v>5</v>
      </c>
      <c r="N5698" s="1" t="s">
        <v>25</v>
      </c>
      <c r="O5698" s="1" t="s">
        <v>38</v>
      </c>
      <c r="P5698" s="5" t="s">
        <v>32051</v>
      </c>
    </row>
    <row r="5699" spans="1:16" x14ac:dyDescent="0.2">
      <c r="A5699" s="1" t="s">
        <v>42</v>
      </c>
      <c r="B5699" s="1" t="s">
        <v>1377</v>
      </c>
      <c r="C5699" s="1" t="s">
        <v>19944</v>
      </c>
      <c r="D5699" s="1" t="s">
        <v>19945</v>
      </c>
      <c r="E5699" s="1" t="s">
        <v>19946</v>
      </c>
      <c r="F5699" s="1" t="s">
        <v>10</v>
      </c>
      <c r="G5699" s="1" t="s">
        <v>10</v>
      </c>
      <c r="H5699" s="1" t="s">
        <v>10</v>
      </c>
      <c r="I5699" s="1" t="s">
        <v>19310</v>
      </c>
      <c r="J5699" s="1" t="s">
        <v>19661</v>
      </c>
      <c r="K5699" s="1" t="s">
        <v>7</v>
      </c>
      <c r="L5699" s="1" t="s">
        <v>19943</v>
      </c>
      <c r="M5699" s="1" t="s">
        <v>5</v>
      </c>
      <c r="N5699" s="1" t="s">
        <v>25</v>
      </c>
      <c r="O5699" s="1" t="s">
        <v>38</v>
      </c>
      <c r="P5699" s="5" t="s">
        <v>30589</v>
      </c>
    </row>
    <row r="5700" spans="1:16" x14ac:dyDescent="0.2">
      <c r="A5700" s="1" t="s">
        <v>194</v>
      </c>
      <c r="B5700" s="1" t="s">
        <v>6481</v>
      </c>
      <c r="C5700" s="1" t="s">
        <v>19948</v>
      </c>
      <c r="D5700" s="1" t="s">
        <v>19949</v>
      </c>
      <c r="E5700" s="1" t="s">
        <v>19950</v>
      </c>
      <c r="F5700" s="1" t="s">
        <v>10</v>
      </c>
      <c r="G5700" s="1" t="s">
        <v>10</v>
      </c>
      <c r="H5700" s="1" t="s">
        <v>10</v>
      </c>
      <c r="I5700" s="1" t="s">
        <v>19310</v>
      </c>
      <c r="J5700" s="1" t="s">
        <v>10</v>
      </c>
      <c r="K5700" s="1" t="s">
        <v>27</v>
      </c>
      <c r="L5700" s="1" t="s">
        <v>19947</v>
      </c>
      <c r="M5700" s="1" t="s">
        <v>5</v>
      </c>
      <c r="N5700" s="1" t="s">
        <v>6</v>
      </c>
      <c r="O5700" s="1" t="s">
        <v>38</v>
      </c>
      <c r="P5700" s="5" t="s">
        <v>15</v>
      </c>
    </row>
    <row r="5701" spans="1:16" x14ac:dyDescent="0.2">
      <c r="A5701" s="1" t="s">
        <v>66</v>
      </c>
      <c r="B5701" s="1" t="s">
        <v>574</v>
      </c>
      <c r="C5701" s="1" t="s">
        <v>19952</v>
      </c>
      <c r="D5701" s="1" t="s">
        <v>19953</v>
      </c>
      <c r="E5701" s="1" t="s">
        <v>19955</v>
      </c>
      <c r="F5701" s="1" t="s">
        <v>27</v>
      </c>
      <c r="G5701" s="1" t="s">
        <v>1042</v>
      </c>
      <c r="H5701" s="1" t="s">
        <v>19956</v>
      </c>
      <c r="I5701" s="1" t="s">
        <v>19310</v>
      </c>
      <c r="J5701" s="1" t="s">
        <v>19954</v>
      </c>
      <c r="K5701" s="1" t="s">
        <v>179</v>
      </c>
      <c r="L5701" s="1" t="s">
        <v>19951</v>
      </c>
      <c r="M5701" s="1" t="s">
        <v>5</v>
      </c>
      <c r="N5701" s="1" t="s">
        <v>1009</v>
      </c>
      <c r="O5701" s="1" t="s">
        <v>8</v>
      </c>
      <c r="P5701" s="5" t="s">
        <v>32052</v>
      </c>
    </row>
    <row r="5702" spans="1:16" x14ac:dyDescent="0.2">
      <c r="A5702" s="1" t="s">
        <v>66</v>
      </c>
      <c r="B5702" s="1" t="s">
        <v>574</v>
      </c>
      <c r="C5702" s="1" t="s">
        <v>11873</v>
      </c>
      <c r="D5702" s="1" t="s">
        <v>11873</v>
      </c>
      <c r="E5702" s="1" t="s">
        <v>19959</v>
      </c>
      <c r="F5702" s="1" t="s">
        <v>27</v>
      </c>
      <c r="G5702" s="1" t="s">
        <v>1042</v>
      </c>
      <c r="H5702" s="1" t="s">
        <v>19960</v>
      </c>
      <c r="I5702" s="1" t="s">
        <v>19310</v>
      </c>
      <c r="J5702" s="1" t="s">
        <v>19958</v>
      </c>
      <c r="K5702" s="1" t="s">
        <v>130</v>
      </c>
      <c r="L5702" s="1" t="s">
        <v>19957</v>
      </c>
      <c r="M5702" s="1" t="s">
        <v>5</v>
      </c>
      <c r="N5702" s="1" t="s">
        <v>1009</v>
      </c>
      <c r="O5702" s="1" t="s">
        <v>8</v>
      </c>
      <c r="P5702" s="5" t="s">
        <v>29846</v>
      </c>
    </row>
    <row r="5703" spans="1:16" x14ac:dyDescent="0.2">
      <c r="A5703" s="1" t="s">
        <v>66</v>
      </c>
      <c r="B5703" s="1" t="s">
        <v>574</v>
      </c>
      <c r="C5703" s="1" t="s">
        <v>19962</v>
      </c>
      <c r="D5703" s="1" t="s">
        <v>19962</v>
      </c>
      <c r="E5703" s="1" t="s">
        <v>19963</v>
      </c>
      <c r="F5703" s="1" t="s">
        <v>10</v>
      </c>
      <c r="G5703" s="1" t="s">
        <v>10</v>
      </c>
      <c r="H5703" s="1" t="s">
        <v>10</v>
      </c>
      <c r="I5703" s="1" t="s">
        <v>19310</v>
      </c>
      <c r="J5703" s="1" t="s">
        <v>19954</v>
      </c>
      <c r="K5703" s="1" t="s">
        <v>171</v>
      </c>
      <c r="L5703" s="1" t="s">
        <v>19961</v>
      </c>
      <c r="M5703" s="1" t="s">
        <v>5</v>
      </c>
      <c r="N5703" s="1" t="s">
        <v>1009</v>
      </c>
      <c r="O5703" s="1" t="s">
        <v>38</v>
      </c>
      <c r="P5703" s="5" t="s">
        <v>32053</v>
      </c>
    </row>
    <row r="5704" spans="1:16" x14ac:dyDescent="0.2">
      <c r="A5704" s="1" t="s">
        <v>194</v>
      </c>
      <c r="B5704" s="1" t="s">
        <v>6723</v>
      </c>
      <c r="C5704" s="1" t="s">
        <v>19965</v>
      </c>
      <c r="D5704" s="1" t="s">
        <v>19965</v>
      </c>
      <c r="E5704" s="1" t="s">
        <v>19966</v>
      </c>
      <c r="F5704" s="1" t="s">
        <v>10</v>
      </c>
      <c r="G5704" s="1" t="s">
        <v>1042</v>
      </c>
      <c r="H5704" s="1" t="s">
        <v>19965</v>
      </c>
      <c r="I5704" s="1" t="s">
        <v>19310</v>
      </c>
      <c r="J5704" s="1" t="s">
        <v>19958</v>
      </c>
      <c r="K5704" s="1" t="s">
        <v>27</v>
      </c>
      <c r="L5704" s="1" t="s">
        <v>19964</v>
      </c>
      <c r="M5704" s="1" t="s">
        <v>5</v>
      </c>
      <c r="N5704" s="1" t="s">
        <v>6</v>
      </c>
      <c r="O5704" s="1" t="s">
        <v>8</v>
      </c>
      <c r="P5704" s="5" t="s">
        <v>30613</v>
      </c>
    </row>
    <row r="5705" spans="1:16" x14ac:dyDescent="0.2">
      <c r="A5705" s="1" t="s">
        <v>194</v>
      </c>
      <c r="B5705" s="1" t="s">
        <v>4497</v>
      </c>
      <c r="C5705" s="1" t="s">
        <v>19968</v>
      </c>
      <c r="D5705" s="1" t="s">
        <v>19968</v>
      </c>
      <c r="E5705" s="1" t="s">
        <v>19969</v>
      </c>
      <c r="F5705" s="1" t="s">
        <v>10</v>
      </c>
      <c r="G5705" s="1" t="s">
        <v>10</v>
      </c>
      <c r="H5705" s="1" t="s">
        <v>10</v>
      </c>
      <c r="I5705" s="1" t="s">
        <v>19310</v>
      </c>
      <c r="J5705" s="1" t="s">
        <v>19958</v>
      </c>
      <c r="K5705" s="1" t="s">
        <v>27</v>
      </c>
      <c r="L5705" s="1" t="s">
        <v>19967</v>
      </c>
      <c r="M5705" s="1" t="s">
        <v>5</v>
      </c>
      <c r="N5705" s="1" t="s">
        <v>6</v>
      </c>
      <c r="O5705" s="1" t="s">
        <v>38</v>
      </c>
      <c r="P5705" s="5" t="s">
        <v>32054</v>
      </c>
    </row>
    <row r="5706" spans="1:16" x14ac:dyDescent="0.2">
      <c r="A5706" s="1" t="s">
        <v>66</v>
      </c>
      <c r="B5706" s="1" t="s">
        <v>574</v>
      </c>
      <c r="C5706" s="1" t="s">
        <v>19971</v>
      </c>
      <c r="D5706" s="1" t="s">
        <v>19972</v>
      </c>
      <c r="E5706" s="1" t="s">
        <v>19974</v>
      </c>
      <c r="F5706" s="1" t="s">
        <v>10</v>
      </c>
      <c r="G5706" s="1" t="s">
        <v>10</v>
      </c>
      <c r="H5706" s="1" t="s">
        <v>10</v>
      </c>
      <c r="I5706" s="1" t="s">
        <v>19310</v>
      </c>
      <c r="J5706" s="1" t="s">
        <v>19958</v>
      </c>
      <c r="K5706" s="1" t="s">
        <v>19973</v>
      </c>
      <c r="L5706" s="1" t="s">
        <v>19970</v>
      </c>
      <c r="M5706" s="1" t="s">
        <v>5</v>
      </c>
      <c r="N5706" s="1" t="s">
        <v>1009</v>
      </c>
      <c r="O5706" s="1" t="s">
        <v>38</v>
      </c>
      <c r="P5706" s="5" t="s">
        <v>14</v>
      </c>
    </row>
    <row r="5707" spans="1:16" x14ac:dyDescent="0.2">
      <c r="A5707" s="1" t="s">
        <v>194</v>
      </c>
      <c r="B5707" s="1" t="s">
        <v>6479</v>
      </c>
      <c r="C5707" s="1" t="s">
        <v>19976</v>
      </c>
      <c r="D5707" s="1" t="s">
        <v>6376</v>
      </c>
      <c r="E5707" s="1" t="s">
        <v>19977</v>
      </c>
      <c r="F5707" s="1" t="s">
        <v>10</v>
      </c>
      <c r="G5707" s="1" t="s">
        <v>19978</v>
      </c>
      <c r="H5707" s="1" t="s">
        <v>10</v>
      </c>
      <c r="I5707" s="1" t="s">
        <v>19310</v>
      </c>
      <c r="J5707" s="1" t="s">
        <v>19958</v>
      </c>
      <c r="K5707" s="1" t="s">
        <v>130</v>
      </c>
      <c r="L5707" s="1" t="s">
        <v>19975</v>
      </c>
      <c r="M5707" s="1" t="s">
        <v>5</v>
      </c>
      <c r="N5707" s="1" t="s">
        <v>6</v>
      </c>
      <c r="O5707" s="1" t="s">
        <v>8</v>
      </c>
      <c r="P5707" s="5" t="s">
        <v>29944</v>
      </c>
    </row>
    <row r="5708" spans="1:16" x14ac:dyDescent="0.2">
      <c r="A5708" s="1" t="s">
        <v>20</v>
      </c>
      <c r="B5708" s="1" t="s">
        <v>172</v>
      </c>
      <c r="C5708" s="1" t="s">
        <v>19980</v>
      </c>
      <c r="D5708" s="1" t="s">
        <v>19981</v>
      </c>
      <c r="E5708" s="1"/>
      <c r="F5708" s="1" t="s">
        <v>10</v>
      </c>
      <c r="G5708" s="1" t="s">
        <v>10</v>
      </c>
      <c r="H5708" s="1" t="s">
        <v>10</v>
      </c>
      <c r="I5708" s="1" t="s">
        <v>19310</v>
      </c>
      <c r="J5708" s="1" t="s">
        <v>19982</v>
      </c>
      <c r="K5708" s="1" t="s">
        <v>27</v>
      </c>
      <c r="L5708" s="1" t="s">
        <v>19979</v>
      </c>
      <c r="M5708" s="1" t="s">
        <v>5</v>
      </c>
      <c r="N5708" s="1" t="s">
        <v>6</v>
      </c>
      <c r="O5708" s="1" t="s">
        <v>38</v>
      </c>
      <c r="P5708" s="5" t="s">
        <v>40</v>
      </c>
    </row>
    <row r="5709" spans="1:16" x14ac:dyDescent="0.2">
      <c r="A5709" s="1" t="s">
        <v>20</v>
      </c>
      <c r="B5709" s="1" t="s">
        <v>445</v>
      </c>
      <c r="C5709" s="1" t="s">
        <v>19984</v>
      </c>
      <c r="D5709" s="1" t="s">
        <v>19985</v>
      </c>
      <c r="E5709" s="1" t="s">
        <v>19986</v>
      </c>
      <c r="F5709" s="1" t="s">
        <v>10</v>
      </c>
      <c r="G5709" s="1" t="s">
        <v>10</v>
      </c>
      <c r="H5709" s="1" t="s">
        <v>10</v>
      </c>
      <c r="I5709" s="1" t="s">
        <v>19310</v>
      </c>
      <c r="J5709" s="1" t="s">
        <v>10</v>
      </c>
      <c r="K5709" s="1" t="s">
        <v>27</v>
      </c>
      <c r="L5709" s="1" t="s">
        <v>19983</v>
      </c>
      <c r="M5709" s="1" t="s">
        <v>5</v>
      </c>
      <c r="N5709" s="1" t="s">
        <v>25</v>
      </c>
      <c r="O5709" s="1" t="s">
        <v>38</v>
      </c>
      <c r="P5709" s="5" t="s">
        <v>14</v>
      </c>
    </row>
    <row r="5710" spans="1:16" x14ac:dyDescent="0.2">
      <c r="A5710" s="1" t="s">
        <v>487</v>
      </c>
      <c r="B5710" s="1" t="s">
        <v>488</v>
      </c>
      <c r="C5710" s="1" t="s">
        <v>19988</v>
      </c>
      <c r="D5710" s="1" t="s">
        <v>14924</v>
      </c>
      <c r="E5710" s="1" t="s">
        <v>19990</v>
      </c>
      <c r="F5710" s="1" t="s">
        <v>10</v>
      </c>
      <c r="G5710" s="1" t="s">
        <v>10</v>
      </c>
      <c r="H5710" s="1" t="s">
        <v>10</v>
      </c>
      <c r="I5710" s="1" t="s">
        <v>19310</v>
      </c>
      <c r="J5710" s="1" t="s">
        <v>19989</v>
      </c>
      <c r="K5710" s="1" t="s">
        <v>27</v>
      </c>
      <c r="L5710" s="1" t="s">
        <v>19987</v>
      </c>
      <c r="M5710" s="1" t="s">
        <v>5</v>
      </c>
      <c r="N5710" s="1" t="s">
        <v>25</v>
      </c>
      <c r="O5710" s="1" t="s">
        <v>38</v>
      </c>
      <c r="P5710" s="5" t="s">
        <v>30614</v>
      </c>
    </row>
    <row r="5711" spans="1:16" x14ac:dyDescent="0.2">
      <c r="A5711" s="1" t="s">
        <v>487</v>
      </c>
      <c r="B5711" s="1" t="s">
        <v>488</v>
      </c>
      <c r="C5711" s="1" t="s">
        <v>19992</v>
      </c>
      <c r="D5711" s="1" t="s">
        <v>19993</v>
      </c>
      <c r="E5711" s="1" t="s">
        <v>19994</v>
      </c>
      <c r="F5711" s="1" t="s">
        <v>10</v>
      </c>
      <c r="G5711" s="1" t="s">
        <v>10</v>
      </c>
      <c r="H5711" s="1" t="s">
        <v>10</v>
      </c>
      <c r="I5711" s="1" t="s">
        <v>19310</v>
      </c>
      <c r="J5711" s="1" t="s">
        <v>19989</v>
      </c>
      <c r="K5711" s="1" t="s">
        <v>27</v>
      </c>
      <c r="L5711" s="1" t="s">
        <v>19991</v>
      </c>
      <c r="M5711" s="1" t="s">
        <v>5</v>
      </c>
      <c r="N5711" s="1" t="s">
        <v>1009</v>
      </c>
      <c r="O5711" s="1" t="s">
        <v>38</v>
      </c>
      <c r="P5711" s="5" t="s">
        <v>32055</v>
      </c>
    </row>
    <row r="5712" spans="1:16" x14ac:dyDescent="0.2">
      <c r="A5712" s="1" t="s">
        <v>487</v>
      </c>
      <c r="B5712" s="1" t="s">
        <v>488</v>
      </c>
      <c r="C5712" s="1" t="s">
        <v>19996</v>
      </c>
      <c r="D5712" s="1" t="s">
        <v>4984</v>
      </c>
      <c r="E5712" s="1"/>
      <c r="F5712" s="1" t="s">
        <v>10</v>
      </c>
      <c r="G5712" s="1" t="s">
        <v>10</v>
      </c>
      <c r="H5712" s="1" t="s">
        <v>10</v>
      </c>
      <c r="I5712" s="1" t="s">
        <v>19310</v>
      </c>
      <c r="J5712" s="1" t="s">
        <v>19997</v>
      </c>
      <c r="K5712" s="1" t="s">
        <v>27</v>
      </c>
      <c r="L5712" s="1" t="s">
        <v>19995</v>
      </c>
      <c r="M5712" s="1" t="s">
        <v>5</v>
      </c>
      <c r="N5712" s="1" t="s">
        <v>1009</v>
      </c>
      <c r="O5712" s="1" t="s">
        <v>38</v>
      </c>
      <c r="P5712" s="5" t="s">
        <v>32056</v>
      </c>
    </row>
    <row r="5713" spans="1:16" x14ac:dyDescent="0.2">
      <c r="A5713" s="1" t="s">
        <v>487</v>
      </c>
      <c r="B5713" s="1" t="s">
        <v>488</v>
      </c>
      <c r="C5713" s="1" t="s">
        <v>19999</v>
      </c>
      <c r="D5713" s="1" t="s">
        <v>20000</v>
      </c>
      <c r="E5713" s="1"/>
      <c r="F5713" s="1" t="s">
        <v>10</v>
      </c>
      <c r="G5713" s="1" t="s">
        <v>10</v>
      </c>
      <c r="H5713" s="1" t="s">
        <v>10</v>
      </c>
      <c r="I5713" s="1" t="s">
        <v>19310</v>
      </c>
      <c r="J5713" s="1" t="s">
        <v>20001</v>
      </c>
      <c r="K5713" s="1" t="s">
        <v>27</v>
      </c>
      <c r="L5713" s="1" t="s">
        <v>19998</v>
      </c>
      <c r="M5713" s="1" t="s">
        <v>5</v>
      </c>
      <c r="N5713" s="1" t="s">
        <v>1009</v>
      </c>
      <c r="O5713" s="1" t="s">
        <v>38</v>
      </c>
      <c r="P5713" s="5" t="s">
        <v>32055</v>
      </c>
    </row>
    <row r="5714" spans="1:16" x14ac:dyDescent="0.2">
      <c r="A5714" s="1" t="s">
        <v>487</v>
      </c>
      <c r="B5714" s="1" t="s">
        <v>488</v>
      </c>
      <c r="C5714" s="1" t="s">
        <v>20003</v>
      </c>
      <c r="D5714" s="1" t="s">
        <v>20004</v>
      </c>
      <c r="E5714" s="1"/>
      <c r="F5714" s="1" t="s">
        <v>10</v>
      </c>
      <c r="G5714" s="1" t="s">
        <v>10</v>
      </c>
      <c r="H5714" s="1" t="s">
        <v>10</v>
      </c>
      <c r="I5714" s="1" t="s">
        <v>19310</v>
      </c>
      <c r="J5714" s="1" t="s">
        <v>20005</v>
      </c>
      <c r="K5714" s="1" t="s">
        <v>27</v>
      </c>
      <c r="L5714" s="1" t="s">
        <v>20002</v>
      </c>
      <c r="M5714" s="1" t="s">
        <v>5</v>
      </c>
      <c r="N5714" s="1" t="s">
        <v>1009</v>
      </c>
      <c r="O5714" s="1" t="s">
        <v>38</v>
      </c>
      <c r="P5714" s="5" t="s">
        <v>32055</v>
      </c>
    </row>
    <row r="5715" spans="1:16" x14ac:dyDescent="0.2">
      <c r="A5715" s="1" t="s">
        <v>487</v>
      </c>
      <c r="B5715" s="1" t="s">
        <v>488</v>
      </c>
      <c r="C5715" s="1" t="s">
        <v>20007</v>
      </c>
      <c r="D5715" s="1" t="s">
        <v>20008</v>
      </c>
      <c r="E5715" s="1" t="s">
        <v>20010</v>
      </c>
      <c r="F5715" s="1" t="s">
        <v>10</v>
      </c>
      <c r="G5715" s="1" t="s">
        <v>10</v>
      </c>
      <c r="H5715" s="1" t="s">
        <v>10</v>
      </c>
      <c r="I5715" s="1" t="s">
        <v>19310</v>
      </c>
      <c r="J5715" s="1" t="s">
        <v>20009</v>
      </c>
      <c r="K5715" s="1" t="s">
        <v>27</v>
      </c>
      <c r="L5715" s="1" t="s">
        <v>20006</v>
      </c>
      <c r="M5715" s="1" t="s">
        <v>5</v>
      </c>
      <c r="N5715" s="1" t="s">
        <v>1009</v>
      </c>
      <c r="O5715" s="1" t="s">
        <v>38</v>
      </c>
      <c r="P5715" s="5" t="s">
        <v>32055</v>
      </c>
    </row>
    <row r="5716" spans="1:16" x14ac:dyDescent="0.2">
      <c r="A5716" s="1" t="s">
        <v>329</v>
      </c>
      <c r="B5716" s="1" t="s">
        <v>340</v>
      </c>
      <c r="C5716" s="1" t="s">
        <v>20012</v>
      </c>
      <c r="D5716" s="1" t="s">
        <v>20013</v>
      </c>
      <c r="E5716" s="1" t="s">
        <v>20015</v>
      </c>
      <c r="F5716" s="1" t="s">
        <v>10</v>
      </c>
      <c r="G5716" s="1" t="s">
        <v>10</v>
      </c>
      <c r="H5716" s="1" t="s">
        <v>10</v>
      </c>
      <c r="I5716" s="1" t="s">
        <v>19310</v>
      </c>
      <c r="J5716" s="1" t="s">
        <v>20014</v>
      </c>
      <c r="K5716" s="1" t="s">
        <v>7367</v>
      </c>
      <c r="L5716" s="1" t="s">
        <v>20011</v>
      </c>
      <c r="M5716" s="1" t="s">
        <v>5</v>
      </c>
      <c r="N5716" s="1" t="s">
        <v>25</v>
      </c>
      <c r="O5716" s="1" t="s">
        <v>38</v>
      </c>
      <c r="P5716" s="5" t="s">
        <v>30615</v>
      </c>
    </row>
    <row r="5717" spans="1:16" x14ac:dyDescent="0.2">
      <c r="A5717" s="1" t="s">
        <v>329</v>
      </c>
      <c r="B5717" s="1" t="s">
        <v>340</v>
      </c>
      <c r="C5717" s="1" t="s">
        <v>20017</v>
      </c>
      <c r="D5717" s="1" t="s">
        <v>20018</v>
      </c>
      <c r="E5717" s="1" t="s">
        <v>20020</v>
      </c>
      <c r="F5717" s="1" t="s">
        <v>10</v>
      </c>
      <c r="G5717" s="1" t="s">
        <v>10</v>
      </c>
      <c r="H5717" s="1" t="s">
        <v>10</v>
      </c>
      <c r="I5717" s="1" t="s">
        <v>19310</v>
      </c>
      <c r="J5717" s="1" t="s">
        <v>20019</v>
      </c>
      <c r="K5717" s="1" t="s">
        <v>7367</v>
      </c>
      <c r="L5717" s="1" t="s">
        <v>20016</v>
      </c>
      <c r="M5717" s="1" t="s">
        <v>5</v>
      </c>
      <c r="N5717" s="1" t="s">
        <v>25</v>
      </c>
      <c r="O5717" s="1" t="s">
        <v>38</v>
      </c>
      <c r="P5717" s="5" t="s">
        <v>30616</v>
      </c>
    </row>
    <row r="5718" spans="1:16" x14ac:dyDescent="0.2">
      <c r="A5718" s="1" t="s">
        <v>42</v>
      </c>
      <c r="B5718" s="1" t="s">
        <v>1377</v>
      </c>
      <c r="C5718" s="1" t="s">
        <v>20022</v>
      </c>
      <c r="D5718" s="1" t="s">
        <v>20023</v>
      </c>
      <c r="E5718" s="1" t="s">
        <v>20024</v>
      </c>
      <c r="F5718" s="1" t="s">
        <v>10</v>
      </c>
      <c r="G5718" s="1" t="s">
        <v>10</v>
      </c>
      <c r="H5718" s="1" t="s">
        <v>10</v>
      </c>
      <c r="I5718" s="1" t="s">
        <v>19310</v>
      </c>
      <c r="J5718" s="1" t="s">
        <v>10</v>
      </c>
      <c r="K5718" s="1" t="s">
        <v>27</v>
      </c>
      <c r="L5718" s="1" t="s">
        <v>20021</v>
      </c>
      <c r="M5718" s="1" t="s">
        <v>5</v>
      </c>
      <c r="N5718" s="1" t="s">
        <v>25</v>
      </c>
      <c r="O5718" s="1" t="s">
        <v>38</v>
      </c>
      <c r="P5718" s="5" t="s">
        <v>30617</v>
      </c>
    </row>
    <row r="5719" spans="1:16" x14ac:dyDescent="0.2">
      <c r="A5719" s="1" t="s">
        <v>42</v>
      </c>
      <c r="B5719" s="1" t="s">
        <v>1377</v>
      </c>
      <c r="C5719" s="1" t="s">
        <v>20026</v>
      </c>
      <c r="D5719" s="1" t="s">
        <v>20027</v>
      </c>
      <c r="E5719" s="1" t="s">
        <v>20028</v>
      </c>
      <c r="F5719" s="1" t="s">
        <v>10</v>
      </c>
      <c r="G5719" s="1" t="s">
        <v>10</v>
      </c>
      <c r="H5719" s="1" t="s">
        <v>10</v>
      </c>
      <c r="I5719" s="1" t="s">
        <v>19310</v>
      </c>
      <c r="J5719" s="1" t="s">
        <v>19928</v>
      </c>
      <c r="K5719" s="1" t="s">
        <v>3857</v>
      </c>
      <c r="L5719" s="1" t="s">
        <v>20025</v>
      </c>
      <c r="M5719" s="1" t="s">
        <v>5</v>
      </c>
      <c r="N5719" s="1" t="s">
        <v>25</v>
      </c>
      <c r="O5719" s="1" t="s">
        <v>38</v>
      </c>
      <c r="P5719" s="5" t="s">
        <v>30590</v>
      </c>
    </row>
    <row r="5720" spans="1:16" x14ac:dyDescent="0.2">
      <c r="A5720" s="1" t="s">
        <v>20</v>
      </c>
      <c r="B5720" s="1" t="s">
        <v>445</v>
      </c>
      <c r="C5720" s="1" t="s">
        <v>20030</v>
      </c>
      <c r="D5720" s="1" t="s">
        <v>20031</v>
      </c>
      <c r="E5720" s="1" t="s">
        <v>20032</v>
      </c>
      <c r="F5720" s="1" t="s">
        <v>10</v>
      </c>
      <c r="G5720" s="1" t="s">
        <v>10</v>
      </c>
      <c r="H5720" s="1" t="s">
        <v>10</v>
      </c>
      <c r="I5720" s="1" t="s">
        <v>19310</v>
      </c>
      <c r="J5720" s="1" t="s">
        <v>19928</v>
      </c>
      <c r="K5720" s="1" t="s">
        <v>27</v>
      </c>
      <c r="L5720" s="1" t="s">
        <v>20029</v>
      </c>
      <c r="M5720" s="1" t="s">
        <v>5</v>
      </c>
      <c r="N5720" s="1" t="s">
        <v>25</v>
      </c>
      <c r="O5720" s="1" t="s">
        <v>38</v>
      </c>
      <c r="P5720" s="5" t="s">
        <v>30590</v>
      </c>
    </row>
    <row r="5721" spans="1:16" x14ac:dyDescent="0.2">
      <c r="A5721" s="1" t="s">
        <v>20</v>
      </c>
      <c r="B5721" s="1" t="s">
        <v>445</v>
      </c>
      <c r="C5721" s="1" t="s">
        <v>20034</v>
      </c>
      <c r="D5721" s="1" t="s">
        <v>20035</v>
      </c>
      <c r="E5721" s="1" t="s">
        <v>20036</v>
      </c>
      <c r="F5721" s="1" t="s">
        <v>10</v>
      </c>
      <c r="G5721" s="1" t="s">
        <v>10</v>
      </c>
      <c r="H5721" s="1" t="s">
        <v>10</v>
      </c>
      <c r="I5721" s="1" t="s">
        <v>19310</v>
      </c>
      <c r="J5721" s="1" t="s">
        <v>19928</v>
      </c>
      <c r="K5721" s="1" t="s">
        <v>27</v>
      </c>
      <c r="L5721" s="1" t="s">
        <v>20033</v>
      </c>
      <c r="M5721" s="1" t="s">
        <v>5</v>
      </c>
      <c r="N5721" s="1" t="s">
        <v>25</v>
      </c>
      <c r="O5721" s="1" t="s">
        <v>38</v>
      </c>
      <c r="P5721" s="5" t="s">
        <v>30590</v>
      </c>
    </row>
    <row r="5722" spans="1:16" x14ac:dyDescent="0.2">
      <c r="A5722" s="1" t="s">
        <v>20</v>
      </c>
      <c r="B5722" s="1" t="s">
        <v>445</v>
      </c>
      <c r="C5722" s="1" t="s">
        <v>20038</v>
      </c>
      <c r="D5722" s="1" t="s">
        <v>20039</v>
      </c>
      <c r="E5722" s="1" t="s">
        <v>20040</v>
      </c>
      <c r="F5722" s="1" t="s">
        <v>10</v>
      </c>
      <c r="G5722" s="1" t="s">
        <v>10</v>
      </c>
      <c r="H5722" s="1" t="s">
        <v>10</v>
      </c>
      <c r="I5722" s="1" t="s">
        <v>19310</v>
      </c>
      <c r="J5722" s="1" t="s">
        <v>19928</v>
      </c>
      <c r="K5722" s="1" t="s">
        <v>1468</v>
      </c>
      <c r="L5722" s="1" t="s">
        <v>20037</v>
      </c>
      <c r="M5722" s="1" t="s">
        <v>5</v>
      </c>
      <c r="N5722" s="1" t="s">
        <v>25</v>
      </c>
      <c r="O5722" s="1" t="s">
        <v>38</v>
      </c>
      <c r="P5722" s="5" t="s">
        <v>30590</v>
      </c>
    </row>
    <row r="5723" spans="1:16" x14ac:dyDescent="0.2">
      <c r="A5723" s="1" t="s">
        <v>42</v>
      </c>
      <c r="B5723" s="1" t="s">
        <v>1377</v>
      </c>
      <c r="C5723" s="1" t="s">
        <v>20044</v>
      </c>
      <c r="D5723" s="1" t="s">
        <v>20045</v>
      </c>
      <c r="E5723" s="1" t="s">
        <v>20047</v>
      </c>
      <c r="F5723" s="1" t="s">
        <v>10</v>
      </c>
      <c r="G5723" s="1" t="s">
        <v>10</v>
      </c>
      <c r="H5723" s="1" t="s">
        <v>10</v>
      </c>
      <c r="I5723" s="1" t="s">
        <v>19310</v>
      </c>
      <c r="J5723" s="1" t="s">
        <v>20046</v>
      </c>
      <c r="K5723" s="1" t="s">
        <v>2591</v>
      </c>
      <c r="L5723" s="1" t="s">
        <v>20043</v>
      </c>
      <c r="M5723" s="1" t="s">
        <v>5</v>
      </c>
      <c r="N5723" s="1" t="s">
        <v>25</v>
      </c>
      <c r="O5723" s="1" t="s">
        <v>38</v>
      </c>
      <c r="P5723" s="5" t="s">
        <v>10</v>
      </c>
    </row>
    <row r="5724" spans="1:16" x14ac:dyDescent="0.2">
      <c r="A5724" s="1" t="s">
        <v>329</v>
      </c>
      <c r="B5724" s="1" t="s">
        <v>1659</v>
      </c>
      <c r="C5724" s="1" t="s">
        <v>20050</v>
      </c>
      <c r="D5724" s="1" t="s">
        <v>20051</v>
      </c>
      <c r="E5724" s="1" t="s">
        <v>20052</v>
      </c>
      <c r="F5724" s="1" t="s">
        <v>10</v>
      </c>
      <c r="G5724" s="1" t="s">
        <v>10</v>
      </c>
      <c r="H5724" s="1" t="s">
        <v>10</v>
      </c>
      <c r="I5724" s="1" t="s">
        <v>19310</v>
      </c>
      <c r="J5724" s="1" t="s">
        <v>20048</v>
      </c>
      <c r="K5724" s="1" t="s">
        <v>27</v>
      </c>
      <c r="L5724" s="1" t="s">
        <v>20049</v>
      </c>
      <c r="M5724" s="1" t="s">
        <v>5</v>
      </c>
      <c r="N5724" s="1" t="s">
        <v>25</v>
      </c>
      <c r="O5724" s="1" t="s">
        <v>38</v>
      </c>
      <c r="P5724" s="5" t="s">
        <v>30590</v>
      </c>
    </row>
    <row r="5725" spans="1:16" x14ac:dyDescent="0.2">
      <c r="A5725" s="1" t="s">
        <v>194</v>
      </c>
      <c r="B5725" s="1" t="s">
        <v>6481</v>
      </c>
      <c r="C5725" s="1" t="s">
        <v>20054</v>
      </c>
      <c r="D5725" s="1" t="s">
        <v>20055</v>
      </c>
      <c r="E5725" s="1" t="s">
        <v>20056</v>
      </c>
      <c r="F5725" s="1" t="s">
        <v>10</v>
      </c>
      <c r="G5725" s="1" t="s">
        <v>10</v>
      </c>
      <c r="H5725" s="1" t="s">
        <v>10</v>
      </c>
      <c r="I5725" s="1" t="s">
        <v>19310</v>
      </c>
      <c r="J5725" s="1" t="s">
        <v>20048</v>
      </c>
      <c r="K5725" s="1" t="s">
        <v>100</v>
      </c>
      <c r="L5725" s="1" t="s">
        <v>20053</v>
      </c>
      <c r="M5725" s="1" t="s">
        <v>5</v>
      </c>
      <c r="N5725" s="1" t="s">
        <v>25</v>
      </c>
      <c r="O5725" s="1" t="s">
        <v>38</v>
      </c>
      <c r="P5725" s="5" t="s">
        <v>30618</v>
      </c>
    </row>
    <row r="5726" spans="1:16" x14ac:dyDescent="0.2">
      <c r="A5726" s="1" t="s">
        <v>42</v>
      </c>
      <c r="B5726" s="1" t="s">
        <v>1377</v>
      </c>
      <c r="C5726" s="1" t="s">
        <v>20058</v>
      </c>
      <c r="D5726" s="1" t="s">
        <v>20059</v>
      </c>
      <c r="E5726" s="1" t="s">
        <v>20060</v>
      </c>
      <c r="F5726" s="1" t="s">
        <v>10</v>
      </c>
      <c r="G5726" s="1" t="s">
        <v>10</v>
      </c>
      <c r="H5726" s="1" t="s">
        <v>10</v>
      </c>
      <c r="I5726" s="1" t="s">
        <v>19310</v>
      </c>
      <c r="J5726" s="1" t="s">
        <v>20048</v>
      </c>
      <c r="K5726" s="1" t="s">
        <v>100</v>
      </c>
      <c r="L5726" s="1" t="s">
        <v>20057</v>
      </c>
      <c r="M5726" s="1" t="s">
        <v>5</v>
      </c>
      <c r="N5726" s="1" t="s">
        <v>25</v>
      </c>
      <c r="O5726" s="1" t="s">
        <v>38</v>
      </c>
      <c r="P5726" s="5" t="s">
        <v>32057</v>
      </c>
    </row>
    <row r="5727" spans="1:16" x14ac:dyDescent="0.2">
      <c r="A5727" s="1" t="s">
        <v>42</v>
      </c>
      <c r="B5727" s="1" t="s">
        <v>1377</v>
      </c>
      <c r="C5727" s="1" t="s">
        <v>20062</v>
      </c>
      <c r="D5727" s="1" t="s">
        <v>20063</v>
      </c>
      <c r="E5727" s="1" t="s">
        <v>20064</v>
      </c>
      <c r="F5727" s="1" t="s">
        <v>10</v>
      </c>
      <c r="G5727" s="1" t="s">
        <v>10</v>
      </c>
      <c r="H5727" s="1" t="s">
        <v>10</v>
      </c>
      <c r="I5727" s="1" t="s">
        <v>19310</v>
      </c>
      <c r="J5727" s="1" t="s">
        <v>20048</v>
      </c>
      <c r="K5727" s="1" t="s">
        <v>100</v>
      </c>
      <c r="L5727" s="1" t="s">
        <v>20061</v>
      </c>
      <c r="M5727" s="1" t="s">
        <v>5</v>
      </c>
      <c r="N5727" s="1" t="s">
        <v>25</v>
      </c>
      <c r="O5727" s="1" t="s">
        <v>38</v>
      </c>
      <c r="P5727" s="5" t="s">
        <v>30590</v>
      </c>
    </row>
    <row r="5728" spans="1:16" x14ac:dyDescent="0.2">
      <c r="A5728" s="1" t="s">
        <v>42</v>
      </c>
      <c r="B5728" s="1" t="s">
        <v>1377</v>
      </c>
      <c r="C5728" s="1" t="s">
        <v>20066</v>
      </c>
      <c r="D5728" s="1" t="s">
        <v>14757</v>
      </c>
      <c r="E5728" s="1" t="s">
        <v>20067</v>
      </c>
      <c r="F5728" s="1" t="s">
        <v>10</v>
      </c>
      <c r="G5728" s="1" t="s">
        <v>10</v>
      </c>
      <c r="H5728" s="1" t="s">
        <v>10</v>
      </c>
      <c r="I5728" s="1" t="s">
        <v>19310</v>
      </c>
      <c r="J5728" s="1" t="s">
        <v>20048</v>
      </c>
      <c r="K5728" s="1" t="s">
        <v>27</v>
      </c>
      <c r="L5728" s="1" t="s">
        <v>20065</v>
      </c>
      <c r="M5728" s="1" t="s">
        <v>5</v>
      </c>
      <c r="N5728" s="1" t="s">
        <v>6</v>
      </c>
      <c r="O5728" s="1" t="s">
        <v>38</v>
      </c>
      <c r="P5728" s="5" t="s">
        <v>30600</v>
      </c>
    </row>
    <row r="5729" spans="1:16" x14ac:dyDescent="0.2">
      <c r="A5729" s="1" t="s">
        <v>42</v>
      </c>
      <c r="B5729" s="1" t="s">
        <v>1377</v>
      </c>
      <c r="C5729" s="1" t="s">
        <v>20069</v>
      </c>
      <c r="D5729" s="1" t="s">
        <v>20070</v>
      </c>
      <c r="E5729" s="1" t="s">
        <v>20072</v>
      </c>
      <c r="F5729" s="1" t="s">
        <v>10</v>
      </c>
      <c r="G5729" s="1" t="s">
        <v>10</v>
      </c>
      <c r="H5729" s="1" t="s">
        <v>10</v>
      </c>
      <c r="I5729" s="1" t="s">
        <v>19310</v>
      </c>
      <c r="J5729" s="1" t="s">
        <v>20071</v>
      </c>
      <c r="K5729" s="1" t="s">
        <v>27</v>
      </c>
      <c r="L5729" s="1" t="s">
        <v>20068</v>
      </c>
      <c r="M5729" s="1" t="s">
        <v>5</v>
      </c>
      <c r="N5729" s="1" t="s">
        <v>6</v>
      </c>
      <c r="O5729" s="1" t="s">
        <v>38</v>
      </c>
      <c r="P5729" s="5" t="s">
        <v>32058</v>
      </c>
    </row>
    <row r="5730" spans="1:16" x14ac:dyDescent="0.2">
      <c r="A5730" s="1" t="s">
        <v>20</v>
      </c>
      <c r="B5730" s="1" t="s">
        <v>445</v>
      </c>
      <c r="C5730" s="1" t="s">
        <v>20074</v>
      </c>
      <c r="D5730" s="1" t="s">
        <v>20075</v>
      </c>
      <c r="E5730" s="1" t="s">
        <v>20076</v>
      </c>
      <c r="F5730" s="1" t="s">
        <v>10</v>
      </c>
      <c r="G5730" s="1" t="s">
        <v>10</v>
      </c>
      <c r="H5730" s="1" t="s">
        <v>10</v>
      </c>
      <c r="I5730" s="1" t="s">
        <v>19310</v>
      </c>
      <c r="J5730" s="1" t="s">
        <v>20048</v>
      </c>
      <c r="K5730" s="1" t="s">
        <v>100</v>
      </c>
      <c r="L5730" s="1" t="s">
        <v>20073</v>
      </c>
      <c r="M5730" s="1" t="s">
        <v>5</v>
      </c>
      <c r="N5730" s="1" t="s">
        <v>25</v>
      </c>
      <c r="O5730" s="1" t="s">
        <v>38</v>
      </c>
      <c r="P5730" s="5" t="s">
        <v>30590</v>
      </c>
    </row>
    <row r="5731" spans="1:16" x14ac:dyDescent="0.2">
      <c r="A5731" s="1" t="s">
        <v>42</v>
      </c>
      <c r="B5731" s="1" t="s">
        <v>1377</v>
      </c>
      <c r="C5731" s="1" t="s">
        <v>20078</v>
      </c>
      <c r="D5731" s="1" t="s">
        <v>9462</v>
      </c>
      <c r="E5731" s="1" t="s">
        <v>20079</v>
      </c>
      <c r="F5731" s="1" t="s">
        <v>10</v>
      </c>
      <c r="G5731" s="1" t="s">
        <v>10</v>
      </c>
      <c r="H5731" s="1" t="s">
        <v>10</v>
      </c>
      <c r="I5731" s="1" t="s">
        <v>19310</v>
      </c>
      <c r="J5731" s="1" t="s">
        <v>19630</v>
      </c>
      <c r="K5731" s="1" t="s">
        <v>100</v>
      </c>
      <c r="L5731" s="1" t="s">
        <v>20077</v>
      </c>
      <c r="M5731" s="1" t="s">
        <v>5</v>
      </c>
      <c r="N5731" s="1" t="s">
        <v>25</v>
      </c>
      <c r="O5731" s="1" t="s">
        <v>38</v>
      </c>
      <c r="P5731" s="5" t="s">
        <v>30590</v>
      </c>
    </row>
    <row r="5732" spans="1:16" x14ac:dyDescent="0.2">
      <c r="A5732" s="1" t="s">
        <v>194</v>
      </c>
      <c r="B5732" s="1" t="s">
        <v>6481</v>
      </c>
      <c r="C5732" s="1" t="s">
        <v>20081</v>
      </c>
      <c r="D5732" s="1" t="s">
        <v>20082</v>
      </c>
      <c r="E5732" s="1" t="s">
        <v>20083</v>
      </c>
      <c r="F5732" s="1" t="s">
        <v>10</v>
      </c>
      <c r="G5732" s="1" t="s">
        <v>10</v>
      </c>
      <c r="H5732" s="1" t="s">
        <v>10</v>
      </c>
      <c r="I5732" s="1" t="s">
        <v>19310</v>
      </c>
      <c r="J5732" s="1" t="s">
        <v>19630</v>
      </c>
      <c r="K5732" s="1" t="s">
        <v>3857</v>
      </c>
      <c r="L5732" s="1" t="s">
        <v>20080</v>
      </c>
      <c r="M5732" s="1" t="s">
        <v>5</v>
      </c>
      <c r="N5732" s="1" t="s">
        <v>25</v>
      </c>
      <c r="O5732" s="1" t="s">
        <v>38</v>
      </c>
      <c r="P5732" s="5" t="s">
        <v>30590</v>
      </c>
    </row>
    <row r="5733" spans="1:16" x14ac:dyDescent="0.2">
      <c r="A5733" s="1" t="s">
        <v>42</v>
      </c>
      <c r="B5733" s="1" t="s">
        <v>1377</v>
      </c>
      <c r="C5733" s="1" t="s">
        <v>20086</v>
      </c>
      <c r="D5733" s="1" t="s">
        <v>20087</v>
      </c>
      <c r="E5733" s="1" t="s">
        <v>20088</v>
      </c>
      <c r="F5733" s="1" t="s">
        <v>10</v>
      </c>
      <c r="G5733" s="1" t="s">
        <v>10</v>
      </c>
      <c r="H5733" s="1" t="s">
        <v>10</v>
      </c>
      <c r="I5733" s="1" t="s">
        <v>19310</v>
      </c>
      <c r="J5733" s="1" t="s">
        <v>20048</v>
      </c>
      <c r="K5733" s="1" t="s">
        <v>100</v>
      </c>
      <c r="L5733" s="1" t="s">
        <v>20085</v>
      </c>
      <c r="M5733" s="1" t="s">
        <v>5</v>
      </c>
      <c r="N5733" s="1" t="s">
        <v>25</v>
      </c>
      <c r="O5733" s="1" t="s">
        <v>38</v>
      </c>
      <c r="P5733" s="5" t="s">
        <v>30618</v>
      </c>
    </row>
    <row r="5734" spans="1:16" x14ac:dyDescent="0.2">
      <c r="A5734" s="1" t="s">
        <v>42</v>
      </c>
      <c r="B5734" s="1" t="s">
        <v>1377</v>
      </c>
      <c r="C5734" s="1" t="s">
        <v>20090</v>
      </c>
      <c r="D5734" s="1" t="s">
        <v>20091</v>
      </c>
      <c r="E5734" s="1" t="s">
        <v>20093</v>
      </c>
      <c r="F5734" s="1" t="s">
        <v>10</v>
      </c>
      <c r="G5734" s="1" t="s">
        <v>10</v>
      </c>
      <c r="H5734" s="1" t="s">
        <v>10</v>
      </c>
      <c r="I5734" s="1" t="s">
        <v>19310</v>
      </c>
      <c r="J5734" s="1" t="s">
        <v>20092</v>
      </c>
      <c r="K5734" s="1" t="s">
        <v>100</v>
      </c>
      <c r="L5734" s="1" t="s">
        <v>20089</v>
      </c>
      <c r="M5734" s="1" t="s">
        <v>5</v>
      </c>
      <c r="N5734" s="1" t="s">
        <v>25</v>
      </c>
      <c r="O5734" s="1" t="s">
        <v>38</v>
      </c>
      <c r="P5734" s="5" t="s">
        <v>30618</v>
      </c>
    </row>
    <row r="5735" spans="1:16" x14ac:dyDescent="0.2">
      <c r="A5735" s="1" t="s">
        <v>42</v>
      </c>
      <c r="B5735" s="1" t="s">
        <v>1377</v>
      </c>
      <c r="C5735" s="1" t="s">
        <v>20095</v>
      </c>
      <c r="D5735" s="1" t="s">
        <v>20096</v>
      </c>
      <c r="E5735" s="1" t="s">
        <v>20097</v>
      </c>
      <c r="F5735" s="1" t="s">
        <v>10</v>
      </c>
      <c r="G5735" s="1" t="s">
        <v>10</v>
      </c>
      <c r="H5735" s="1" t="s">
        <v>10</v>
      </c>
      <c r="I5735" s="1" t="s">
        <v>19310</v>
      </c>
      <c r="J5735" s="1" t="s">
        <v>20092</v>
      </c>
      <c r="K5735" s="1" t="s">
        <v>100</v>
      </c>
      <c r="L5735" s="1" t="s">
        <v>20094</v>
      </c>
      <c r="M5735" s="1" t="s">
        <v>5</v>
      </c>
      <c r="N5735" s="1" t="s">
        <v>25</v>
      </c>
      <c r="O5735" s="1" t="s">
        <v>38</v>
      </c>
      <c r="P5735" s="5" t="s">
        <v>30618</v>
      </c>
    </row>
    <row r="5736" spans="1:16" x14ac:dyDescent="0.2">
      <c r="A5736" s="1" t="s">
        <v>20</v>
      </c>
      <c r="B5736" s="1" t="s">
        <v>253</v>
      </c>
      <c r="C5736" s="1" t="s">
        <v>20099</v>
      </c>
      <c r="D5736" s="1" t="s">
        <v>20100</v>
      </c>
      <c r="E5736" s="1" t="s">
        <v>20101</v>
      </c>
      <c r="F5736" s="1" t="s">
        <v>10</v>
      </c>
      <c r="G5736" s="1" t="s">
        <v>10</v>
      </c>
      <c r="H5736" s="1" t="s">
        <v>10</v>
      </c>
      <c r="I5736" s="1" t="s">
        <v>19310</v>
      </c>
      <c r="J5736" s="1" t="s">
        <v>10</v>
      </c>
      <c r="K5736" s="1" t="s">
        <v>100</v>
      </c>
      <c r="L5736" s="1" t="s">
        <v>20098</v>
      </c>
      <c r="M5736" s="1" t="s">
        <v>5</v>
      </c>
      <c r="N5736" s="1" t="s">
        <v>6</v>
      </c>
      <c r="O5736" s="1" t="s">
        <v>38</v>
      </c>
      <c r="P5736" s="5" t="s">
        <v>30600</v>
      </c>
    </row>
    <row r="5737" spans="1:16" x14ac:dyDescent="0.2">
      <c r="A5737" s="1" t="s">
        <v>42</v>
      </c>
      <c r="B5737" s="1" t="s">
        <v>1377</v>
      </c>
      <c r="C5737" s="1" t="s">
        <v>20103</v>
      </c>
      <c r="D5737" s="1" t="s">
        <v>20104</v>
      </c>
      <c r="E5737" s="1" t="s">
        <v>20105</v>
      </c>
      <c r="F5737" s="1" t="s">
        <v>10</v>
      </c>
      <c r="G5737" s="1" t="s">
        <v>10</v>
      </c>
      <c r="H5737" s="1" t="s">
        <v>10</v>
      </c>
      <c r="I5737" s="1" t="s">
        <v>19310</v>
      </c>
      <c r="J5737" s="1" t="s">
        <v>20092</v>
      </c>
      <c r="K5737" s="1" t="s">
        <v>100</v>
      </c>
      <c r="L5737" s="1" t="s">
        <v>20102</v>
      </c>
      <c r="M5737" s="1" t="s">
        <v>5</v>
      </c>
      <c r="N5737" s="1" t="s">
        <v>25</v>
      </c>
      <c r="O5737" s="1" t="s">
        <v>38</v>
      </c>
      <c r="P5737" s="5" t="s">
        <v>30619</v>
      </c>
    </row>
    <row r="5738" spans="1:16" x14ac:dyDescent="0.2">
      <c r="A5738" s="1" t="s">
        <v>42</v>
      </c>
      <c r="B5738" s="1" t="s">
        <v>118</v>
      </c>
      <c r="C5738" s="1" t="s">
        <v>20107</v>
      </c>
      <c r="D5738" s="1" t="s">
        <v>591</v>
      </c>
      <c r="E5738" s="1" t="s">
        <v>20108</v>
      </c>
      <c r="F5738" s="1" t="s">
        <v>10</v>
      </c>
      <c r="G5738" s="1" t="s">
        <v>10</v>
      </c>
      <c r="H5738" s="1" t="s">
        <v>10</v>
      </c>
      <c r="I5738" s="1" t="s">
        <v>19310</v>
      </c>
      <c r="J5738" s="1" t="s">
        <v>20048</v>
      </c>
      <c r="K5738" s="1" t="s">
        <v>100</v>
      </c>
      <c r="L5738" s="1" t="s">
        <v>20106</v>
      </c>
      <c r="M5738" s="1" t="s">
        <v>5</v>
      </c>
      <c r="N5738" s="1" t="s">
        <v>25</v>
      </c>
      <c r="O5738" s="1" t="s">
        <v>38</v>
      </c>
      <c r="P5738" s="5" t="s">
        <v>30590</v>
      </c>
    </row>
    <row r="5739" spans="1:16" x14ac:dyDescent="0.2">
      <c r="A5739" s="1" t="s">
        <v>42</v>
      </c>
      <c r="B5739" s="1" t="s">
        <v>1377</v>
      </c>
      <c r="C5739" s="1" t="s">
        <v>20110</v>
      </c>
      <c r="D5739" s="1" t="s">
        <v>20111</v>
      </c>
      <c r="E5739" s="1" t="s">
        <v>20112</v>
      </c>
      <c r="F5739" s="1" t="s">
        <v>10</v>
      </c>
      <c r="G5739" s="1" t="s">
        <v>10</v>
      </c>
      <c r="H5739" s="1" t="s">
        <v>10</v>
      </c>
      <c r="I5739" s="1" t="s">
        <v>19310</v>
      </c>
      <c r="J5739" s="1" t="s">
        <v>20048</v>
      </c>
      <c r="K5739" s="1" t="s">
        <v>27</v>
      </c>
      <c r="L5739" s="1" t="s">
        <v>20109</v>
      </c>
      <c r="M5739" s="1" t="s">
        <v>5</v>
      </c>
      <c r="N5739" s="1" t="s">
        <v>25</v>
      </c>
      <c r="O5739" s="1" t="s">
        <v>38</v>
      </c>
      <c r="P5739" s="5" t="s">
        <v>30590</v>
      </c>
    </row>
    <row r="5740" spans="1:16" x14ac:dyDescent="0.2">
      <c r="A5740" s="1" t="s">
        <v>42</v>
      </c>
      <c r="B5740" s="1" t="s">
        <v>1377</v>
      </c>
      <c r="C5740" s="1" t="s">
        <v>20114</v>
      </c>
      <c r="D5740" s="1" t="s">
        <v>20115</v>
      </c>
      <c r="E5740" s="1" t="s">
        <v>20116</v>
      </c>
      <c r="F5740" s="1" t="s">
        <v>10</v>
      </c>
      <c r="G5740" s="1" t="s">
        <v>10</v>
      </c>
      <c r="H5740" s="1" t="s">
        <v>10</v>
      </c>
      <c r="I5740" s="1" t="s">
        <v>19310</v>
      </c>
      <c r="J5740" s="1" t="s">
        <v>20071</v>
      </c>
      <c r="K5740" s="1" t="s">
        <v>27</v>
      </c>
      <c r="L5740" s="1" t="s">
        <v>20113</v>
      </c>
      <c r="M5740" s="1" t="s">
        <v>5</v>
      </c>
      <c r="N5740" s="1" t="s">
        <v>25</v>
      </c>
      <c r="O5740" s="1" t="s">
        <v>38</v>
      </c>
      <c r="P5740" s="5" t="s">
        <v>30618</v>
      </c>
    </row>
    <row r="5741" spans="1:16" x14ac:dyDescent="0.2">
      <c r="A5741" s="1" t="s">
        <v>42</v>
      </c>
      <c r="B5741" s="1" t="s">
        <v>1377</v>
      </c>
      <c r="C5741" s="1" t="s">
        <v>20118</v>
      </c>
      <c r="D5741" s="1" t="s">
        <v>20119</v>
      </c>
      <c r="E5741" s="1" t="s">
        <v>20120</v>
      </c>
      <c r="F5741" s="1" t="s">
        <v>10</v>
      </c>
      <c r="G5741" s="1" t="s">
        <v>10</v>
      </c>
      <c r="H5741" s="1" t="s">
        <v>10</v>
      </c>
      <c r="I5741" s="1" t="s">
        <v>19310</v>
      </c>
      <c r="J5741" s="1" t="s">
        <v>20041</v>
      </c>
      <c r="K5741" s="1" t="s">
        <v>100</v>
      </c>
      <c r="L5741" s="1" t="s">
        <v>20117</v>
      </c>
      <c r="M5741" s="1" t="s">
        <v>5</v>
      </c>
      <c r="N5741" s="1" t="s">
        <v>25</v>
      </c>
      <c r="O5741" s="1" t="s">
        <v>38</v>
      </c>
      <c r="P5741" s="5" t="s">
        <v>30620</v>
      </c>
    </row>
    <row r="5742" spans="1:16" x14ac:dyDescent="0.2">
      <c r="A5742" s="1" t="s">
        <v>42</v>
      </c>
      <c r="B5742" s="1" t="s">
        <v>1377</v>
      </c>
      <c r="C5742" s="1" t="s">
        <v>20122</v>
      </c>
      <c r="D5742" s="1" t="s">
        <v>20123</v>
      </c>
      <c r="E5742" s="1" t="s">
        <v>20124</v>
      </c>
      <c r="F5742" s="1" t="s">
        <v>10</v>
      </c>
      <c r="G5742" s="1" t="s">
        <v>10</v>
      </c>
      <c r="H5742" s="1" t="s">
        <v>10</v>
      </c>
      <c r="I5742" s="1" t="s">
        <v>19310</v>
      </c>
      <c r="J5742" s="1" t="s">
        <v>20048</v>
      </c>
      <c r="K5742" s="1" t="s">
        <v>27</v>
      </c>
      <c r="L5742" s="1" t="s">
        <v>20121</v>
      </c>
      <c r="M5742" s="1" t="s">
        <v>5</v>
      </c>
      <c r="N5742" s="1" t="s">
        <v>25</v>
      </c>
      <c r="O5742" s="1" t="s">
        <v>38</v>
      </c>
      <c r="P5742" s="5" t="s">
        <v>32057</v>
      </c>
    </row>
    <row r="5743" spans="1:16" x14ac:dyDescent="0.2">
      <c r="A5743" s="1" t="s">
        <v>42</v>
      </c>
      <c r="B5743" s="1" t="s">
        <v>1377</v>
      </c>
      <c r="C5743" s="1" t="s">
        <v>20126</v>
      </c>
      <c r="D5743" s="1" t="s">
        <v>20127</v>
      </c>
      <c r="E5743" s="1" t="s">
        <v>20129</v>
      </c>
      <c r="F5743" s="1" t="s">
        <v>10</v>
      </c>
      <c r="G5743" s="1" t="s">
        <v>10</v>
      </c>
      <c r="H5743" s="1" t="s">
        <v>10</v>
      </c>
      <c r="I5743" s="1" t="s">
        <v>19310</v>
      </c>
      <c r="J5743" s="1" t="s">
        <v>20128</v>
      </c>
      <c r="K5743" s="1" t="s">
        <v>100</v>
      </c>
      <c r="L5743" s="1" t="s">
        <v>20125</v>
      </c>
      <c r="M5743" s="1" t="s">
        <v>5</v>
      </c>
      <c r="N5743" s="1" t="s">
        <v>25</v>
      </c>
      <c r="O5743" s="1" t="s">
        <v>38</v>
      </c>
      <c r="P5743" s="5" t="s">
        <v>32059</v>
      </c>
    </row>
    <row r="5744" spans="1:16" x14ac:dyDescent="0.2">
      <c r="A5744" s="1" t="s">
        <v>329</v>
      </c>
      <c r="B5744" s="1" t="s">
        <v>340</v>
      </c>
      <c r="C5744" s="1" t="s">
        <v>20131</v>
      </c>
      <c r="D5744" s="1" t="s">
        <v>20132</v>
      </c>
      <c r="E5744" s="1" t="s">
        <v>20133</v>
      </c>
      <c r="F5744" s="1" t="s">
        <v>10</v>
      </c>
      <c r="G5744" s="1" t="s">
        <v>10</v>
      </c>
      <c r="H5744" s="1" t="s">
        <v>10</v>
      </c>
      <c r="I5744" s="1" t="s">
        <v>19310</v>
      </c>
      <c r="J5744" s="1" t="s">
        <v>20128</v>
      </c>
      <c r="K5744" s="1" t="s">
        <v>100</v>
      </c>
      <c r="L5744" s="1" t="s">
        <v>20130</v>
      </c>
      <c r="M5744" s="1" t="s">
        <v>5</v>
      </c>
      <c r="N5744" s="1" t="s">
        <v>25</v>
      </c>
      <c r="O5744" s="1" t="s">
        <v>38</v>
      </c>
      <c r="P5744" s="5" t="s">
        <v>32060</v>
      </c>
    </row>
    <row r="5745" spans="1:16" x14ac:dyDescent="0.2">
      <c r="A5745" s="1" t="s">
        <v>20</v>
      </c>
      <c r="B5745" s="1" t="s">
        <v>445</v>
      </c>
      <c r="C5745" s="1" t="s">
        <v>20135</v>
      </c>
      <c r="D5745" s="1" t="s">
        <v>20136</v>
      </c>
      <c r="E5745" s="1" t="s">
        <v>10</v>
      </c>
      <c r="F5745" s="1" t="s">
        <v>10</v>
      </c>
      <c r="G5745" s="1" t="s">
        <v>10</v>
      </c>
      <c r="H5745" s="1" t="s">
        <v>10</v>
      </c>
      <c r="I5745" s="1" t="s">
        <v>19310</v>
      </c>
      <c r="J5745" s="1" t="s">
        <v>10</v>
      </c>
      <c r="K5745" s="1" t="s">
        <v>1468</v>
      </c>
      <c r="L5745" s="1" t="s">
        <v>20134</v>
      </c>
      <c r="M5745" s="1" t="s">
        <v>5</v>
      </c>
      <c r="N5745" s="1" t="s">
        <v>6</v>
      </c>
      <c r="O5745" s="1" t="s">
        <v>38</v>
      </c>
      <c r="P5745" s="5" t="s">
        <v>30597</v>
      </c>
    </row>
    <row r="5746" spans="1:16" x14ac:dyDescent="0.2">
      <c r="A5746" s="1" t="s">
        <v>329</v>
      </c>
      <c r="B5746" s="1" t="s">
        <v>439</v>
      </c>
      <c r="C5746" s="1" t="s">
        <v>2329</v>
      </c>
      <c r="D5746" s="1" t="s">
        <v>20138</v>
      </c>
      <c r="E5746" s="1" t="s">
        <v>20139</v>
      </c>
      <c r="F5746" s="1" t="s">
        <v>27</v>
      </c>
      <c r="G5746" s="1" t="s">
        <v>20140</v>
      </c>
      <c r="H5746" s="1" t="s">
        <v>20140</v>
      </c>
      <c r="I5746" s="1" t="s">
        <v>19310</v>
      </c>
      <c r="J5746" s="1" t="s">
        <v>20128</v>
      </c>
      <c r="K5746" s="1" t="s">
        <v>100</v>
      </c>
      <c r="L5746" s="1" t="s">
        <v>20137</v>
      </c>
      <c r="M5746" s="1" t="s">
        <v>5</v>
      </c>
      <c r="N5746" s="1" t="s">
        <v>1009</v>
      </c>
      <c r="O5746" s="1" t="s">
        <v>8</v>
      </c>
      <c r="P5746" s="5" t="s">
        <v>29846</v>
      </c>
    </row>
    <row r="5747" spans="1:16" x14ac:dyDescent="0.2">
      <c r="A5747" s="1" t="s">
        <v>329</v>
      </c>
      <c r="B5747" s="1" t="s">
        <v>340</v>
      </c>
      <c r="C5747" s="1" t="s">
        <v>20142</v>
      </c>
      <c r="D5747" s="1" t="s">
        <v>20143</v>
      </c>
      <c r="E5747" s="1" t="s">
        <v>20145</v>
      </c>
      <c r="F5747" s="1" t="s">
        <v>10</v>
      </c>
      <c r="G5747" s="1" t="s">
        <v>10</v>
      </c>
      <c r="H5747" s="1" t="s">
        <v>10</v>
      </c>
      <c r="I5747" s="1" t="s">
        <v>19310</v>
      </c>
      <c r="J5747" s="1" t="s">
        <v>20144</v>
      </c>
      <c r="K5747" s="1" t="s">
        <v>100</v>
      </c>
      <c r="L5747" s="1" t="s">
        <v>20141</v>
      </c>
      <c r="M5747" s="1" t="s">
        <v>5</v>
      </c>
      <c r="N5747" s="1" t="s">
        <v>25</v>
      </c>
      <c r="O5747" s="1" t="s">
        <v>38</v>
      </c>
      <c r="P5747" s="5" t="s">
        <v>30593</v>
      </c>
    </row>
    <row r="5748" spans="1:16" x14ac:dyDescent="0.2">
      <c r="A5748" s="1" t="s">
        <v>329</v>
      </c>
      <c r="B5748" s="1" t="s">
        <v>340</v>
      </c>
      <c r="C5748" s="1" t="s">
        <v>16239</v>
      </c>
      <c r="D5748" s="1" t="s">
        <v>1573</v>
      </c>
      <c r="E5748" s="1" t="s">
        <v>20147</v>
      </c>
      <c r="F5748" s="1" t="s">
        <v>10</v>
      </c>
      <c r="G5748" s="1" t="s">
        <v>10</v>
      </c>
      <c r="H5748" s="1" t="s">
        <v>10</v>
      </c>
      <c r="I5748" s="1" t="s">
        <v>19310</v>
      </c>
      <c r="J5748" s="1" t="s">
        <v>19</v>
      </c>
      <c r="K5748" s="1" t="s">
        <v>100</v>
      </c>
      <c r="L5748" s="1" t="s">
        <v>20146</v>
      </c>
      <c r="M5748" s="1" t="s">
        <v>5</v>
      </c>
      <c r="N5748" s="1" t="s">
        <v>25</v>
      </c>
      <c r="O5748" s="1" t="s">
        <v>38</v>
      </c>
      <c r="P5748" s="5" t="s">
        <v>32061</v>
      </c>
    </row>
    <row r="5749" spans="1:16" x14ac:dyDescent="0.2">
      <c r="A5749" s="1" t="s">
        <v>329</v>
      </c>
      <c r="B5749" s="1" t="s">
        <v>340</v>
      </c>
      <c r="C5749" s="1" t="s">
        <v>20149</v>
      </c>
      <c r="D5749" s="1" t="s">
        <v>20150</v>
      </c>
      <c r="E5749" s="1" t="s">
        <v>10</v>
      </c>
      <c r="F5749" s="1" t="s">
        <v>10</v>
      </c>
      <c r="G5749" s="1" t="s">
        <v>10</v>
      </c>
      <c r="H5749" s="1" t="s">
        <v>10</v>
      </c>
      <c r="I5749" s="1" t="s">
        <v>19310</v>
      </c>
      <c r="J5749" s="1" t="s">
        <v>20144</v>
      </c>
      <c r="K5749" s="1" t="s">
        <v>130</v>
      </c>
      <c r="L5749" s="1" t="s">
        <v>20148</v>
      </c>
      <c r="M5749" s="1" t="s">
        <v>5</v>
      </c>
      <c r="N5749" s="1" t="s">
        <v>6</v>
      </c>
      <c r="O5749" s="1" t="s">
        <v>38</v>
      </c>
      <c r="P5749" s="5" t="s">
        <v>30597</v>
      </c>
    </row>
    <row r="5750" spans="1:16" x14ac:dyDescent="0.2">
      <c r="A5750" s="1" t="s">
        <v>329</v>
      </c>
      <c r="B5750" s="1" t="s">
        <v>340</v>
      </c>
      <c r="C5750" s="1" t="s">
        <v>20152</v>
      </c>
      <c r="D5750" s="1" t="s">
        <v>20100</v>
      </c>
      <c r="E5750" s="1" t="s">
        <v>20153</v>
      </c>
      <c r="F5750" s="1" t="s">
        <v>10</v>
      </c>
      <c r="G5750" s="1" t="s">
        <v>10</v>
      </c>
      <c r="H5750" s="1" t="s">
        <v>10</v>
      </c>
      <c r="I5750" s="1" t="s">
        <v>19310</v>
      </c>
      <c r="J5750" s="1" t="s">
        <v>10</v>
      </c>
      <c r="K5750" s="1" t="s">
        <v>244</v>
      </c>
      <c r="L5750" s="1" t="s">
        <v>20151</v>
      </c>
      <c r="M5750" s="1" t="s">
        <v>5</v>
      </c>
      <c r="N5750" s="1" t="s">
        <v>6</v>
      </c>
      <c r="O5750" s="1" t="s">
        <v>38</v>
      </c>
      <c r="P5750" s="5" t="s">
        <v>30600</v>
      </c>
    </row>
    <row r="5751" spans="1:16" x14ac:dyDescent="0.2">
      <c r="A5751" s="1" t="s">
        <v>42</v>
      </c>
      <c r="B5751" s="1" t="s">
        <v>1664</v>
      </c>
      <c r="C5751" s="1" t="s">
        <v>20155</v>
      </c>
      <c r="D5751" s="1" t="s">
        <v>20156</v>
      </c>
      <c r="E5751" s="1" t="s">
        <v>20157</v>
      </c>
      <c r="F5751" s="1" t="s">
        <v>10</v>
      </c>
      <c r="G5751" s="1" t="s">
        <v>10</v>
      </c>
      <c r="H5751" s="1" t="s">
        <v>10</v>
      </c>
      <c r="I5751" s="1" t="s">
        <v>19310</v>
      </c>
      <c r="J5751" s="1" t="s">
        <v>10</v>
      </c>
      <c r="K5751" s="1" t="s">
        <v>244</v>
      </c>
      <c r="L5751" s="1" t="s">
        <v>20154</v>
      </c>
      <c r="M5751" s="1" t="s">
        <v>5</v>
      </c>
      <c r="N5751" s="1" t="s">
        <v>6</v>
      </c>
      <c r="O5751" s="1" t="s">
        <v>38</v>
      </c>
      <c r="P5751" s="5" t="s">
        <v>32062</v>
      </c>
    </row>
    <row r="5752" spans="1:16" x14ac:dyDescent="0.2">
      <c r="A5752" s="1" t="s">
        <v>194</v>
      </c>
      <c r="B5752" s="1" t="s">
        <v>6481</v>
      </c>
      <c r="C5752" s="1" t="s">
        <v>20159</v>
      </c>
      <c r="D5752" s="1" t="s">
        <v>20160</v>
      </c>
      <c r="E5752" s="1" t="s">
        <v>20161</v>
      </c>
      <c r="F5752" s="1" t="s">
        <v>10</v>
      </c>
      <c r="G5752" s="1" t="s">
        <v>10</v>
      </c>
      <c r="H5752" s="1" t="s">
        <v>10</v>
      </c>
      <c r="I5752" s="1" t="s">
        <v>19310</v>
      </c>
      <c r="J5752" s="1" t="s">
        <v>10</v>
      </c>
      <c r="K5752" s="1" t="s">
        <v>7</v>
      </c>
      <c r="L5752" s="1" t="s">
        <v>20158</v>
      </c>
      <c r="M5752" s="1" t="s">
        <v>5</v>
      </c>
      <c r="N5752" s="1" t="s">
        <v>6</v>
      </c>
      <c r="O5752" s="1" t="s">
        <v>38</v>
      </c>
      <c r="P5752" s="5" t="s">
        <v>30621</v>
      </c>
    </row>
    <row r="5753" spans="1:16" x14ac:dyDescent="0.2">
      <c r="A5753" s="1" t="s">
        <v>42</v>
      </c>
      <c r="B5753" s="1" t="s">
        <v>1377</v>
      </c>
      <c r="C5753" s="1" t="s">
        <v>20163</v>
      </c>
      <c r="D5753" s="1" t="s">
        <v>20164</v>
      </c>
      <c r="E5753" s="1" t="s">
        <v>20166</v>
      </c>
      <c r="F5753" s="1" t="s">
        <v>20165</v>
      </c>
      <c r="G5753" s="1" t="s">
        <v>19688</v>
      </c>
      <c r="H5753" s="1" t="s">
        <v>19686</v>
      </c>
      <c r="I5753" s="1" t="s">
        <v>19310</v>
      </c>
      <c r="J5753" s="1" t="s">
        <v>20041</v>
      </c>
      <c r="K5753" s="1" t="s">
        <v>1468</v>
      </c>
      <c r="L5753" s="1" t="s">
        <v>20162</v>
      </c>
      <c r="M5753" s="1" t="s">
        <v>5</v>
      </c>
      <c r="N5753" s="1" t="s">
        <v>25</v>
      </c>
      <c r="O5753" s="1" t="s">
        <v>8</v>
      </c>
      <c r="P5753" s="5" t="s">
        <v>30596</v>
      </c>
    </row>
    <row r="5754" spans="1:16" x14ac:dyDescent="0.2">
      <c r="A5754" s="1" t="s">
        <v>20</v>
      </c>
      <c r="B5754" s="1" t="s">
        <v>93</v>
      </c>
      <c r="C5754" s="1" t="s">
        <v>20168</v>
      </c>
      <c r="D5754" s="1" t="s">
        <v>20169</v>
      </c>
      <c r="E5754" s="1" t="s">
        <v>20170</v>
      </c>
      <c r="F5754" s="1" t="s">
        <v>10</v>
      </c>
      <c r="G5754" s="1" t="s">
        <v>10</v>
      </c>
      <c r="H5754" s="1" t="s">
        <v>10</v>
      </c>
      <c r="I5754" s="1" t="s">
        <v>19310</v>
      </c>
      <c r="J5754" s="1" t="s">
        <v>20048</v>
      </c>
      <c r="K5754" s="1" t="s">
        <v>27</v>
      </c>
      <c r="L5754" s="1" t="s">
        <v>20167</v>
      </c>
      <c r="M5754" s="1" t="s">
        <v>5</v>
      </c>
      <c r="N5754" s="1" t="s">
        <v>25</v>
      </c>
      <c r="O5754" s="1" t="s">
        <v>38</v>
      </c>
      <c r="P5754" s="5" t="s">
        <v>30592</v>
      </c>
    </row>
    <row r="5755" spans="1:16" x14ac:dyDescent="0.2">
      <c r="A5755" s="1" t="s">
        <v>20</v>
      </c>
      <c r="B5755" s="1" t="s">
        <v>445</v>
      </c>
      <c r="C5755" s="1" t="s">
        <v>20172</v>
      </c>
      <c r="D5755" s="1" t="s">
        <v>20173</v>
      </c>
      <c r="E5755" s="1" t="s">
        <v>20174</v>
      </c>
      <c r="F5755" s="1" t="s">
        <v>10</v>
      </c>
      <c r="G5755" s="1" t="s">
        <v>10</v>
      </c>
      <c r="H5755" s="1" t="s">
        <v>10</v>
      </c>
      <c r="I5755" s="1" t="s">
        <v>19310</v>
      </c>
      <c r="J5755" s="1" t="s">
        <v>20048</v>
      </c>
      <c r="K5755" s="1" t="s">
        <v>100</v>
      </c>
      <c r="L5755" s="1" t="s">
        <v>20171</v>
      </c>
      <c r="M5755" s="1" t="s">
        <v>5</v>
      </c>
      <c r="N5755" s="1" t="s">
        <v>25</v>
      </c>
      <c r="O5755" s="1" t="s">
        <v>38</v>
      </c>
      <c r="P5755" s="5" t="s">
        <v>30590</v>
      </c>
    </row>
    <row r="5756" spans="1:16" x14ac:dyDescent="0.2">
      <c r="A5756" s="1" t="s">
        <v>20</v>
      </c>
      <c r="B5756" s="1" t="s">
        <v>445</v>
      </c>
      <c r="C5756" s="1" t="s">
        <v>20176</v>
      </c>
      <c r="D5756" s="1" t="s">
        <v>20177</v>
      </c>
      <c r="E5756" s="1" t="s">
        <v>20178</v>
      </c>
      <c r="F5756" s="1" t="s">
        <v>10</v>
      </c>
      <c r="G5756" s="1" t="s">
        <v>10</v>
      </c>
      <c r="H5756" s="1" t="s">
        <v>10</v>
      </c>
      <c r="I5756" s="1" t="s">
        <v>19310</v>
      </c>
      <c r="J5756" s="1" t="s">
        <v>19</v>
      </c>
      <c r="K5756" s="1" t="s">
        <v>7</v>
      </c>
      <c r="L5756" s="1" t="s">
        <v>20175</v>
      </c>
      <c r="M5756" s="1" t="s">
        <v>5</v>
      </c>
      <c r="N5756" s="1" t="s">
        <v>25</v>
      </c>
      <c r="O5756" s="1" t="s">
        <v>38</v>
      </c>
      <c r="P5756" s="5" t="s">
        <v>32045</v>
      </c>
    </row>
    <row r="5757" spans="1:16" x14ac:dyDescent="0.2">
      <c r="A5757" s="1" t="s">
        <v>20</v>
      </c>
      <c r="B5757" s="1" t="s">
        <v>445</v>
      </c>
      <c r="C5757" s="1" t="s">
        <v>20180</v>
      </c>
      <c r="D5757" s="1" t="s">
        <v>20180</v>
      </c>
      <c r="E5757" s="1" t="s">
        <v>20181</v>
      </c>
      <c r="F5757" s="1" t="s">
        <v>10</v>
      </c>
      <c r="G5757" s="1" t="s">
        <v>10</v>
      </c>
      <c r="H5757" s="1" t="s">
        <v>10</v>
      </c>
      <c r="I5757" s="1" t="s">
        <v>19310</v>
      </c>
      <c r="J5757" s="1" t="s">
        <v>19</v>
      </c>
      <c r="K5757" s="1" t="s">
        <v>7</v>
      </c>
      <c r="L5757" s="1" t="s">
        <v>20179</v>
      </c>
      <c r="M5757" s="1" t="s">
        <v>5</v>
      </c>
      <c r="N5757" s="1" t="s">
        <v>25</v>
      </c>
      <c r="O5757" s="1" t="s">
        <v>38</v>
      </c>
      <c r="P5757" s="5" t="s">
        <v>32045</v>
      </c>
    </row>
    <row r="5758" spans="1:16" x14ac:dyDescent="0.2">
      <c r="A5758" s="1" t="s">
        <v>194</v>
      </c>
      <c r="B5758" s="1" t="s">
        <v>4492</v>
      </c>
      <c r="C5758" s="1" t="s">
        <v>20185</v>
      </c>
      <c r="D5758" s="1" t="s">
        <v>9953</v>
      </c>
      <c r="E5758" s="1" t="s">
        <v>20186</v>
      </c>
      <c r="F5758" s="1" t="s">
        <v>10</v>
      </c>
      <c r="G5758" s="1" t="s">
        <v>4490</v>
      </c>
      <c r="H5758" s="1" t="s">
        <v>10</v>
      </c>
      <c r="I5758" s="1" t="s">
        <v>19310</v>
      </c>
      <c r="J5758" s="1" t="s">
        <v>19851</v>
      </c>
      <c r="K5758" s="1" t="s">
        <v>27</v>
      </c>
      <c r="L5758" s="1" t="s">
        <v>20184</v>
      </c>
      <c r="M5758" s="1" t="s">
        <v>5</v>
      </c>
      <c r="N5758" s="1" t="s">
        <v>25</v>
      </c>
      <c r="O5758" s="1" t="s">
        <v>8</v>
      </c>
      <c r="P5758" s="5" t="s">
        <v>30622</v>
      </c>
    </row>
    <row r="5759" spans="1:16" x14ac:dyDescent="0.2">
      <c r="A5759" s="1" t="s">
        <v>20</v>
      </c>
      <c r="B5759" s="1" t="s">
        <v>101</v>
      </c>
      <c r="C5759" s="1" t="s">
        <v>20188</v>
      </c>
      <c r="D5759" s="1" t="s">
        <v>20189</v>
      </c>
      <c r="E5759" s="1" t="s">
        <v>20190</v>
      </c>
      <c r="F5759" s="1" t="s">
        <v>27</v>
      </c>
      <c r="G5759" s="1" t="s">
        <v>1042</v>
      </c>
      <c r="H5759" s="1" t="s">
        <v>20191</v>
      </c>
      <c r="I5759" s="1" t="s">
        <v>19310</v>
      </c>
      <c r="J5759" s="1" t="s">
        <v>19767</v>
      </c>
      <c r="K5759" s="1" t="s">
        <v>27</v>
      </c>
      <c r="L5759" s="1" t="s">
        <v>20187</v>
      </c>
      <c r="M5759" s="1" t="s">
        <v>5</v>
      </c>
      <c r="N5759" s="1" t="s">
        <v>1009</v>
      </c>
      <c r="O5759" s="1" t="s">
        <v>8</v>
      </c>
      <c r="P5759" s="5" t="s">
        <v>32063</v>
      </c>
    </row>
    <row r="5760" spans="1:16" x14ac:dyDescent="0.2">
      <c r="A5760" s="1" t="s">
        <v>20</v>
      </c>
      <c r="B5760" s="1" t="s">
        <v>310</v>
      </c>
      <c r="C5760" s="1" t="s">
        <v>20193</v>
      </c>
      <c r="D5760" s="1" t="s">
        <v>20193</v>
      </c>
      <c r="E5760" s="1" t="s">
        <v>20194</v>
      </c>
      <c r="F5760" s="1" t="s">
        <v>27</v>
      </c>
      <c r="G5760" s="1" t="s">
        <v>1042</v>
      </c>
      <c r="H5760" s="1" t="s">
        <v>20195</v>
      </c>
      <c r="I5760" s="1" t="s">
        <v>19310</v>
      </c>
      <c r="J5760" s="1" t="s">
        <v>19767</v>
      </c>
      <c r="K5760" s="1" t="s">
        <v>27</v>
      </c>
      <c r="L5760" s="1" t="s">
        <v>20192</v>
      </c>
      <c r="M5760" s="1" t="s">
        <v>5</v>
      </c>
      <c r="N5760" s="1" t="s">
        <v>25</v>
      </c>
      <c r="O5760" s="1" t="s">
        <v>8</v>
      </c>
      <c r="P5760" s="5" t="s">
        <v>32064</v>
      </c>
    </row>
    <row r="5761" spans="1:16" x14ac:dyDescent="0.2">
      <c r="A5761" s="1" t="s">
        <v>32</v>
      </c>
      <c r="B5761" s="1" t="s">
        <v>7383</v>
      </c>
      <c r="C5761" s="1" t="s">
        <v>20197</v>
      </c>
      <c r="D5761" s="1" t="s">
        <v>20198</v>
      </c>
      <c r="E5761" s="1" t="s">
        <v>20199</v>
      </c>
      <c r="F5761" s="1" t="s">
        <v>27</v>
      </c>
      <c r="G5761" s="1" t="s">
        <v>20200</v>
      </c>
      <c r="H5761" s="1" t="s">
        <v>18828</v>
      </c>
      <c r="I5761" s="1" t="s">
        <v>19310</v>
      </c>
      <c r="J5761" s="1" t="s">
        <v>19767</v>
      </c>
      <c r="K5761" s="1" t="s">
        <v>27</v>
      </c>
      <c r="L5761" s="1" t="s">
        <v>20196</v>
      </c>
      <c r="M5761" s="1" t="s">
        <v>5</v>
      </c>
      <c r="N5761" s="1" t="s">
        <v>25</v>
      </c>
      <c r="O5761" s="1" t="s">
        <v>8</v>
      </c>
      <c r="P5761" s="5"/>
    </row>
    <row r="5762" spans="1:16" x14ac:dyDescent="0.2">
      <c r="A5762" s="1" t="s">
        <v>66</v>
      </c>
      <c r="B5762" s="1" t="s">
        <v>1117</v>
      </c>
      <c r="C5762" s="1" t="s">
        <v>20202</v>
      </c>
      <c r="D5762" s="1" t="s">
        <v>2554</v>
      </c>
      <c r="E5762" s="1" t="s">
        <v>20203</v>
      </c>
      <c r="F5762" s="1" t="s">
        <v>10</v>
      </c>
      <c r="G5762" s="1" t="s">
        <v>10</v>
      </c>
      <c r="H5762" s="1" t="s">
        <v>10</v>
      </c>
      <c r="I5762" s="1" t="s">
        <v>19310</v>
      </c>
      <c r="J5762" s="1" t="s">
        <v>19833</v>
      </c>
      <c r="K5762" s="1" t="s">
        <v>7</v>
      </c>
      <c r="L5762" s="1" t="s">
        <v>20201</v>
      </c>
      <c r="M5762" s="1" t="s">
        <v>5</v>
      </c>
      <c r="N5762" s="1" t="s">
        <v>25</v>
      </c>
      <c r="O5762" s="1" t="s">
        <v>38</v>
      </c>
      <c r="P5762" s="5" t="s">
        <v>32065</v>
      </c>
    </row>
    <row r="5763" spans="1:16" x14ac:dyDescent="0.2">
      <c r="A5763" s="1" t="s">
        <v>66</v>
      </c>
      <c r="B5763" s="1" t="s">
        <v>1117</v>
      </c>
      <c r="C5763" s="1" t="s">
        <v>20205</v>
      </c>
      <c r="D5763" s="1" t="s">
        <v>20206</v>
      </c>
      <c r="E5763" s="1" t="s">
        <v>20207</v>
      </c>
      <c r="F5763" s="1" t="s">
        <v>10</v>
      </c>
      <c r="G5763" s="1" t="s">
        <v>10</v>
      </c>
      <c r="H5763" s="1" t="s">
        <v>10</v>
      </c>
      <c r="I5763" s="1" t="s">
        <v>19310</v>
      </c>
      <c r="J5763" s="1" t="s">
        <v>19833</v>
      </c>
      <c r="K5763" s="1" t="s">
        <v>7</v>
      </c>
      <c r="L5763" s="1" t="s">
        <v>20204</v>
      </c>
      <c r="M5763" s="1" t="s">
        <v>5</v>
      </c>
      <c r="N5763" s="1" t="s">
        <v>6</v>
      </c>
      <c r="O5763" s="1" t="s">
        <v>38</v>
      </c>
      <c r="P5763" s="5" t="s">
        <v>32066</v>
      </c>
    </row>
    <row r="5764" spans="1:16" x14ac:dyDescent="0.2">
      <c r="A5764" s="1" t="s">
        <v>66</v>
      </c>
      <c r="B5764" s="1" t="s">
        <v>1117</v>
      </c>
      <c r="C5764" s="1" t="s">
        <v>20209</v>
      </c>
      <c r="D5764" s="1" t="s">
        <v>20210</v>
      </c>
      <c r="E5764" s="1" t="s">
        <v>20211</v>
      </c>
      <c r="F5764" s="1" t="s">
        <v>10</v>
      </c>
      <c r="G5764" s="1" t="s">
        <v>10</v>
      </c>
      <c r="H5764" s="1" t="s">
        <v>10</v>
      </c>
      <c r="I5764" s="1" t="s">
        <v>19310</v>
      </c>
      <c r="J5764" s="1" t="s">
        <v>19833</v>
      </c>
      <c r="K5764" s="1" t="s">
        <v>7</v>
      </c>
      <c r="L5764" s="1" t="s">
        <v>20208</v>
      </c>
      <c r="M5764" s="1" t="s">
        <v>5</v>
      </c>
      <c r="N5764" s="1" t="s">
        <v>6</v>
      </c>
      <c r="O5764" s="1" t="s">
        <v>38</v>
      </c>
      <c r="P5764" s="5" t="s">
        <v>32065</v>
      </c>
    </row>
    <row r="5765" spans="1:16" x14ac:dyDescent="0.2">
      <c r="A5765" s="1" t="s">
        <v>66</v>
      </c>
      <c r="B5765" s="1" t="s">
        <v>1117</v>
      </c>
      <c r="C5765" s="1" t="s">
        <v>20213</v>
      </c>
      <c r="D5765" s="1" t="s">
        <v>20214</v>
      </c>
      <c r="E5765" s="1" t="s">
        <v>20215</v>
      </c>
      <c r="F5765" s="1" t="s">
        <v>10</v>
      </c>
      <c r="G5765" s="1" t="s">
        <v>10</v>
      </c>
      <c r="H5765" s="1" t="s">
        <v>10</v>
      </c>
      <c r="I5765" s="1" t="s">
        <v>19310</v>
      </c>
      <c r="J5765" s="1" t="s">
        <v>19833</v>
      </c>
      <c r="K5765" s="1" t="s">
        <v>7</v>
      </c>
      <c r="L5765" s="1" t="s">
        <v>20212</v>
      </c>
      <c r="M5765" s="1" t="s">
        <v>5</v>
      </c>
      <c r="N5765" s="1" t="s">
        <v>6</v>
      </c>
      <c r="O5765" s="1" t="s">
        <v>38</v>
      </c>
      <c r="P5765" s="5" t="s">
        <v>32067</v>
      </c>
    </row>
    <row r="5766" spans="1:16" x14ac:dyDescent="0.2">
      <c r="A5766" s="1" t="s">
        <v>20</v>
      </c>
      <c r="B5766" s="1" t="s">
        <v>21</v>
      </c>
      <c r="C5766" s="1" t="s">
        <v>20217</v>
      </c>
      <c r="D5766" s="1" t="s">
        <v>20218</v>
      </c>
      <c r="E5766" s="1" t="s">
        <v>20219</v>
      </c>
      <c r="F5766" s="1" t="s">
        <v>10</v>
      </c>
      <c r="G5766" s="1" t="s">
        <v>10</v>
      </c>
      <c r="H5766" s="1" t="s">
        <v>10</v>
      </c>
      <c r="I5766" s="1" t="s">
        <v>19310</v>
      </c>
      <c r="J5766" s="1" t="s">
        <v>19838</v>
      </c>
      <c r="K5766" s="1" t="s">
        <v>3748</v>
      </c>
      <c r="L5766" s="1" t="s">
        <v>20216</v>
      </c>
      <c r="M5766" s="1" t="s">
        <v>5</v>
      </c>
      <c r="N5766" s="1" t="s">
        <v>25</v>
      </c>
      <c r="O5766" s="1" t="s">
        <v>38</v>
      </c>
      <c r="P5766" s="5" t="s">
        <v>30623</v>
      </c>
    </row>
    <row r="5767" spans="1:16" x14ac:dyDescent="0.2">
      <c r="A5767" s="1" t="s">
        <v>66</v>
      </c>
      <c r="B5767" s="1" t="s">
        <v>498</v>
      </c>
      <c r="C5767" s="1" t="s">
        <v>20221</v>
      </c>
      <c r="D5767" s="1" t="s">
        <v>11932</v>
      </c>
      <c r="E5767" s="1" t="s">
        <v>20223</v>
      </c>
      <c r="F5767" s="1" t="s">
        <v>10</v>
      </c>
      <c r="G5767" s="1" t="s">
        <v>10</v>
      </c>
      <c r="H5767" s="1" t="s">
        <v>10</v>
      </c>
      <c r="I5767" s="1" t="s">
        <v>19310</v>
      </c>
      <c r="J5767" s="1" t="s">
        <v>20222</v>
      </c>
      <c r="K5767" s="1" t="s">
        <v>27</v>
      </c>
      <c r="L5767" s="1" t="s">
        <v>20220</v>
      </c>
      <c r="M5767" s="1" t="s">
        <v>5</v>
      </c>
      <c r="N5767" s="1" t="s">
        <v>25</v>
      </c>
      <c r="O5767" s="1" t="s">
        <v>38</v>
      </c>
      <c r="P5767" s="5" t="s">
        <v>32041</v>
      </c>
    </row>
    <row r="5768" spans="1:16" x14ac:dyDescent="0.2">
      <c r="A5768" s="1" t="s">
        <v>194</v>
      </c>
      <c r="B5768" s="1" t="s">
        <v>6481</v>
      </c>
      <c r="C5768" s="1" t="s">
        <v>20225</v>
      </c>
      <c r="D5768" s="1" t="s">
        <v>20226</v>
      </c>
      <c r="E5768" s="1" t="s">
        <v>20227</v>
      </c>
      <c r="F5768" s="1" t="s">
        <v>10</v>
      </c>
      <c r="G5768" s="1" t="s">
        <v>10</v>
      </c>
      <c r="H5768" s="1" t="s">
        <v>10</v>
      </c>
      <c r="I5768" s="1" t="s">
        <v>19310</v>
      </c>
      <c r="J5768" s="1" t="s">
        <v>19799</v>
      </c>
      <c r="K5768" s="1" t="s">
        <v>27</v>
      </c>
      <c r="L5768" s="1" t="s">
        <v>20224</v>
      </c>
      <c r="M5768" s="1" t="s">
        <v>5</v>
      </c>
      <c r="N5768" s="1" t="s">
        <v>25</v>
      </c>
      <c r="O5768" s="1" t="s">
        <v>38</v>
      </c>
      <c r="P5768" s="5" t="s">
        <v>32068</v>
      </c>
    </row>
    <row r="5769" spans="1:16" x14ac:dyDescent="0.2">
      <c r="A5769" s="1" t="s">
        <v>194</v>
      </c>
      <c r="B5769" s="1" t="s">
        <v>6481</v>
      </c>
      <c r="C5769" s="1" t="s">
        <v>20229</v>
      </c>
      <c r="D5769" s="1" t="s">
        <v>20230</v>
      </c>
      <c r="E5769" s="1" t="s">
        <v>20231</v>
      </c>
      <c r="F5769" s="1" t="s">
        <v>10</v>
      </c>
      <c r="G5769" s="1" t="s">
        <v>10</v>
      </c>
      <c r="H5769" s="1" t="s">
        <v>10</v>
      </c>
      <c r="I5769" s="1" t="s">
        <v>19310</v>
      </c>
      <c r="J5769" s="1" t="s">
        <v>19799</v>
      </c>
      <c r="K5769" s="1" t="s">
        <v>27</v>
      </c>
      <c r="L5769" s="1" t="s">
        <v>20228</v>
      </c>
      <c r="M5769" s="1" t="s">
        <v>5</v>
      </c>
      <c r="N5769" s="1" t="s">
        <v>25</v>
      </c>
      <c r="O5769" s="1" t="s">
        <v>38</v>
      </c>
      <c r="P5769" s="5" t="s">
        <v>32068</v>
      </c>
    </row>
    <row r="5770" spans="1:16" x14ac:dyDescent="0.2">
      <c r="A5770" s="1" t="s">
        <v>194</v>
      </c>
      <c r="B5770" s="1" t="s">
        <v>6481</v>
      </c>
      <c r="C5770" s="1" t="s">
        <v>20233</v>
      </c>
      <c r="D5770" s="1" t="s">
        <v>20234</v>
      </c>
      <c r="E5770" s="1" t="s">
        <v>20235</v>
      </c>
      <c r="F5770" s="1" t="s">
        <v>10</v>
      </c>
      <c r="G5770" s="1" t="s">
        <v>10</v>
      </c>
      <c r="H5770" s="1" t="s">
        <v>10</v>
      </c>
      <c r="I5770" s="1" t="s">
        <v>19310</v>
      </c>
      <c r="J5770" s="1" t="s">
        <v>19799</v>
      </c>
      <c r="K5770" s="1" t="s">
        <v>27</v>
      </c>
      <c r="L5770" s="1" t="s">
        <v>20232</v>
      </c>
      <c r="M5770" s="1" t="s">
        <v>5</v>
      </c>
      <c r="N5770" s="1" t="s">
        <v>25</v>
      </c>
      <c r="O5770" s="1" t="s">
        <v>38</v>
      </c>
      <c r="P5770" s="5" t="s">
        <v>32068</v>
      </c>
    </row>
    <row r="5771" spans="1:16" x14ac:dyDescent="0.2">
      <c r="A5771" s="1" t="s">
        <v>194</v>
      </c>
      <c r="B5771" s="1" t="s">
        <v>6481</v>
      </c>
      <c r="C5771" s="1" t="s">
        <v>20237</v>
      </c>
      <c r="D5771" s="1" t="s">
        <v>20238</v>
      </c>
      <c r="E5771" s="1" t="s">
        <v>20239</v>
      </c>
      <c r="F5771" s="1" t="s">
        <v>10</v>
      </c>
      <c r="G5771" s="1" t="s">
        <v>10</v>
      </c>
      <c r="H5771" s="1" t="s">
        <v>10</v>
      </c>
      <c r="I5771" s="1" t="s">
        <v>19310</v>
      </c>
      <c r="J5771" s="1" t="s">
        <v>19799</v>
      </c>
      <c r="K5771" s="1" t="s">
        <v>27</v>
      </c>
      <c r="L5771" s="1" t="s">
        <v>20236</v>
      </c>
      <c r="M5771" s="1" t="s">
        <v>5</v>
      </c>
      <c r="N5771" s="1" t="s">
        <v>25</v>
      </c>
      <c r="O5771" s="1" t="s">
        <v>38</v>
      </c>
      <c r="P5771" s="5" t="s">
        <v>32068</v>
      </c>
    </row>
    <row r="5772" spans="1:16" x14ac:dyDescent="0.2">
      <c r="A5772" s="1" t="s">
        <v>194</v>
      </c>
      <c r="B5772" s="1" t="s">
        <v>6481</v>
      </c>
      <c r="C5772" s="1" t="s">
        <v>20241</v>
      </c>
      <c r="D5772" s="1" t="s">
        <v>20242</v>
      </c>
      <c r="E5772" s="1" t="s">
        <v>20243</v>
      </c>
      <c r="F5772" s="1" t="s">
        <v>10</v>
      </c>
      <c r="G5772" s="1" t="s">
        <v>10</v>
      </c>
      <c r="H5772" s="1" t="s">
        <v>10</v>
      </c>
      <c r="I5772" s="1" t="s">
        <v>19310</v>
      </c>
      <c r="J5772" s="1" t="s">
        <v>19799</v>
      </c>
      <c r="K5772" s="1" t="s">
        <v>27</v>
      </c>
      <c r="L5772" s="1" t="s">
        <v>20240</v>
      </c>
      <c r="M5772" s="1" t="s">
        <v>5</v>
      </c>
      <c r="N5772" s="1" t="s">
        <v>25</v>
      </c>
      <c r="O5772" s="1" t="s">
        <v>38</v>
      </c>
      <c r="P5772" s="5" t="s">
        <v>32068</v>
      </c>
    </row>
    <row r="5773" spans="1:16" x14ac:dyDescent="0.2">
      <c r="A5773" s="1" t="s">
        <v>194</v>
      </c>
      <c r="B5773" s="1" t="s">
        <v>6481</v>
      </c>
      <c r="C5773" s="1" t="s">
        <v>20245</v>
      </c>
      <c r="D5773" s="1" t="s">
        <v>20246</v>
      </c>
      <c r="E5773" s="1" t="s">
        <v>20247</v>
      </c>
      <c r="F5773" s="1" t="s">
        <v>10</v>
      </c>
      <c r="G5773" s="1" t="s">
        <v>10</v>
      </c>
      <c r="H5773" s="1" t="s">
        <v>10</v>
      </c>
      <c r="I5773" s="1" t="s">
        <v>19310</v>
      </c>
      <c r="J5773" s="1" t="s">
        <v>19799</v>
      </c>
      <c r="K5773" s="1" t="s">
        <v>27</v>
      </c>
      <c r="L5773" s="1" t="s">
        <v>20244</v>
      </c>
      <c r="M5773" s="1" t="s">
        <v>5</v>
      </c>
      <c r="N5773" s="1" t="s">
        <v>25</v>
      </c>
      <c r="O5773" s="1" t="s">
        <v>38</v>
      </c>
      <c r="P5773" s="5" t="s">
        <v>32068</v>
      </c>
    </row>
    <row r="5774" spans="1:16" x14ac:dyDescent="0.2">
      <c r="A5774" s="1" t="s">
        <v>194</v>
      </c>
      <c r="B5774" s="1" t="s">
        <v>6481</v>
      </c>
      <c r="C5774" s="1" t="s">
        <v>20249</v>
      </c>
      <c r="D5774" s="1" t="s">
        <v>20250</v>
      </c>
      <c r="E5774" s="1" t="s">
        <v>20251</v>
      </c>
      <c r="F5774" s="1" t="s">
        <v>10</v>
      </c>
      <c r="G5774" s="1" t="s">
        <v>10</v>
      </c>
      <c r="H5774" s="1" t="s">
        <v>10</v>
      </c>
      <c r="I5774" s="1" t="s">
        <v>19310</v>
      </c>
      <c r="J5774" s="1" t="s">
        <v>19799</v>
      </c>
      <c r="K5774" s="1" t="s">
        <v>27</v>
      </c>
      <c r="L5774" s="1" t="s">
        <v>20248</v>
      </c>
      <c r="M5774" s="1" t="s">
        <v>5</v>
      </c>
      <c r="N5774" s="1" t="s">
        <v>25</v>
      </c>
      <c r="O5774" s="1" t="s">
        <v>38</v>
      </c>
      <c r="P5774" s="5" t="s">
        <v>32068</v>
      </c>
    </row>
    <row r="5775" spans="1:16" x14ac:dyDescent="0.2">
      <c r="A5775" s="1" t="s">
        <v>194</v>
      </c>
      <c r="B5775" s="1" t="s">
        <v>6481</v>
      </c>
      <c r="C5775" s="1" t="s">
        <v>20253</v>
      </c>
      <c r="D5775" s="1" t="s">
        <v>20254</v>
      </c>
      <c r="E5775" s="1" t="s">
        <v>20255</v>
      </c>
      <c r="F5775" s="1" t="s">
        <v>10</v>
      </c>
      <c r="G5775" s="1" t="s">
        <v>10</v>
      </c>
      <c r="H5775" s="1" t="s">
        <v>10</v>
      </c>
      <c r="I5775" s="1" t="s">
        <v>19310</v>
      </c>
      <c r="J5775" s="1" t="s">
        <v>19799</v>
      </c>
      <c r="K5775" s="1" t="s">
        <v>27</v>
      </c>
      <c r="L5775" s="1" t="s">
        <v>20252</v>
      </c>
      <c r="M5775" s="1" t="s">
        <v>5</v>
      </c>
      <c r="N5775" s="1" t="s">
        <v>25</v>
      </c>
      <c r="O5775" s="1" t="s">
        <v>38</v>
      </c>
      <c r="P5775" s="5" t="s">
        <v>32068</v>
      </c>
    </row>
    <row r="5776" spans="1:16" x14ac:dyDescent="0.2">
      <c r="A5776" s="1" t="s">
        <v>194</v>
      </c>
      <c r="B5776" s="1" t="s">
        <v>6481</v>
      </c>
      <c r="C5776" s="1" t="s">
        <v>20257</v>
      </c>
      <c r="D5776" s="1" t="s">
        <v>20258</v>
      </c>
      <c r="E5776" s="1" t="s">
        <v>20259</v>
      </c>
      <c r="F5776" s="1" t="s">
        <v>10</v>
      </c>
      <c r="G5776" s="1" t="s">
        <v>10</v>
      </c>
      <c r="H5776" s="1" t="s">
        <v>10</v>
      </c>
      <c r="I5776" s="1" t="s">
        <v>19310</v>
      </c>
      <c r="J5776" s="1" t="s">
        <v>19799</v>
      </c>
      <c r="K5776" s="1" t="s">
        <v>27</v>
      </c>
      <c r="L5776" s="1" t="s">
        <v>20256</v>
      </c>
      <c r="M5776" s="1" t="s">
        <v>5</v>
      </c>
      <c r="N5776" s="1" t="s">
        <v>25</v>
      </c>
      <c r="O5776" s="1" t="s">
        <v>38</v>
      </c>
      <c r="P5776" s="5" t="s">
        <v>32069</v>
      </c>
    </row>
    <row r="5777" spans="1:16" x14ac:dyDescent="0.2">
      <c r="A5777" s="1" t="s">
        <v>194</v>
      </c>
      <c r="B5777" s="1" t="s">
        <v>6481</v>
      </c>
      <c r="C5777" s="1" t="s">
        <v>20261</v>
      </c>
      <c r="D5777" s="1" t="s">
        <v>20262</v>
      </c>
      <c r="E5777" s="1" t="s">
        <v>20263</v>
      </c>
      <c r="F5777" s="1" t="s">
        <v>10</v>
      </c>
      <c r="G5777" s="1" t="s">
        <v>10</v>
      </c>
      <c r="H5777" s="1" t="s">
        <v>10</v>
      </c>
      <c r="I5777" s="1" t="s">
        <v>19310</v>
      </c>
      <c r="J5777" s="1" t="s">
        <v>19799</v>
      </c>
      <c r="K5777" s="1" t="s">
        <v>27</v>
      </c>
      <c r="L5777" s="1" t="s">
        <v>20260</v>
      </c>
      <c r="M5777" s="1" t="s">
        <v>5</v>
      </c>
      <c r="N5777" s="1" t="s">
        <v>25</v>
      </c>
      <c r="O5777" s="1" t="s">
        <v>38</v>
      </c>
      <c r="P5777" s="5" t="s">
        <v>32069</v>
      </c>
    </row>
    <row r="5778" spans="1:16" x14ac:dyDescent="0.2">
      <c r="A5778" s="1" t="s">
        <v>194</v>
      </c>
      <c r="B5778" s="1" t="s">
        <v>6481</v>
      </c>
      <c r="C5778" s="1" t="s">
        <v>20265</v>
      </c>
      <c r="D5778" s="1" t="s">
        <v>20266</v>
      </c>
      <c r="E5778" s="1" t="s">
        <v>20267</v>
      </c>
      <c r="F5778" s="1" t="s">
        <v>10</v>
      </c>
      <c r="G5778" s="1" t="s">
        <v>10</v>
      </c>
      <c r="H5778" s="1" t="s">
        <v>10</v>
      </c>
      <c r="I5778" s="1" t="s">
        <v>19310</v>
      </c>
      <c r="J5778" s="1" t="s">
        <v>19799</v>
      </c>
      <c r="K5778" s="1" t="s">
        <v>27</v>
      </c>
      <c r="L5778" s="1" t="s">
        <v>20264</v>
      </c>
      <c r="M5778" s="1" t="s">
        <v>5</v>
      </c>
      <c r="N5778" s="1" t="s">
        <v>25</v>
      </c>
      <c r="O5778" s="1" t="s">
        <v>38</v>
      </c>
      <c r="P5778" s="5" t="s">
        <v>32068</v>
      </c>
    </row>
    <row r="5779" spans="1:16" x14ac:dyDescent="0.2">
      <c r="A5779" s="1" t="s">
        <v>194</v>
      </c>
      <c r="B5779" s="1" t="s">
        <v>6481</v>
      </c>
      <c r="C5779" s="1" t="s">
        <v>20269</v>
      </c>
      <c r="D5779" s="1" t="s">
        <v>20270</v>
      </c>
      <c r="E5779" s="1" t="s">
        <v>20271</v>
      </c>
      <c r="F5779" s="1" t="s">
        <v>10</v>
      </c>
      <c r="G5779" s="1" t="s">
        <v>10</v>
      </c>
      <c r="H5779" s="1" t="s">
        <v>10</v>
      </c>
      <c r="I5779" s="1" t="s">
        <v>19310</v>
      </c>
      <c r="J5779" s="1" t="s">
        <v>19799</v>
      </c>
      <c r="K5779" s="1" t="s">
        <v>27</v>
      </c>
      <c r="L5779" s="1" t="s">
        <v>20268</v>
      </c>
      <c r="M5779" s="1" t="s">
        <v>5</v>
      </c>
      <c r="N5779" s="1" t="s">
        <v>25</v>
      </c>
      <c r="O5779" s="1" t="s">
        <v>38</v>
      </c>
      <c r="P5779" s="5" t="s">
        <v>32070</v>
      </c>
    </row>
    <row r="5780" spans="1:16" x14ac:dyDescent="0.2">
      <c r="A5780" s="1" t="s">
        <v>194</v>
      </c>
      <c r="B5780" s="1" t="s">
        <v>6481</v>
      </c>
      <c r="C5780" s="1" t="s">
        <v>20273</v>
      </c>
      <c r="D5780" s="1" t="s">
        <v>20274</v>
      </c>
      <c r="E5780" s="1" t="s">
        <v>20275</v>
      </c>
      <c r="F5780" s="1" t="s">
        <v>10</v>
      </c>
      <c r="G5780" s="1" t="s">
        <v>10</v>
      </c>
      <c r="H5780" s="1" t="s">
        <v>10</v>
      </c>
      <c r="I5780" s="1" t="s">
        <v>19310</v>
      </c>
      <c r="J5780" s="1" t="s">
        <v>19799</v>
      </c>
      <c r="K5780" s="1" t="s">
        <v>27</v>
      </c>
      <c r="L5780" s="1" t="s">
        <v>20272</v>
      </c>
      <c r="M5780" s="1" t="s">
        <v>5</v>
      </c>
      <c r="N5780" s="1" t="s">
        <v>25</v>
      </c>
      <c r="O5780" s="1" t="s">
        <v>38</v>
      </c>
      <c r="P5780" s="5" t="s">
        <v>32069</v>
      </c>
    </row>
    <row r="5781" spans="1:16" x14ac:dyDescent="0.2">
      <c r="A5781" s="1" t="s">
        <v>194</v>
      </c>
      <c r="B5781" s="1" t="s">
        <v>6481</v>
      </c>
      <c r="C5781" s="1" t="s">
        <v>20277</v>
      </c>
      <c r="D5781" s="1" t="s">
        <v>20278</v>
      </c>
      <c r="E5781" s="1" t="s">
        <v>20279</v>
      </c>
      <c r="F5781" s="1" t="s">
        <v>10</v>
      </c>
      <c r="G5781" s="1" t="s">
        <v>10</v>
      </c>
      <c r="H5781" s="1" t="s">
        <v>10</v>
      </c>
      <c r="I5781" s="1" t="s">
        <v>19310</v>
      </c>
      <c r="J5781" s="1" t="s">
        <v>19799</v>
      </c>
      <c r="K5781" s="1" t="s">
        <v>27</v>
      </c>
      <c r="L5781" s="1" t="s">
        <v>20276</v>
      </c>
      <c r="M5781" s="1" t="s">
        <v>5</v>
      </c>
      <c r="N5781" s="1" t="s">
        <v>25</v>
      </c>
      <c r="O5781" s="1" t="s">
        <v>38</v>
      </c>
      <c r="P5781" s="5" t="s">
        <v>32069</v>
      </c>
    </row>
    <row r="5782" spans="1:16" x14ac:dyDescent="0.2">
      <c r="A5782" s="1" t="s">
        <v>194</v>
      </c>
      <c r="B5782" s="1" t="s">
        <v>6481</v>
      </c>
      <c r="C5782" s="1" t="s">
        <v>20281</v>
      </c>
      <c r="D5782" s="1" t="s">
        <v>20282</v>
      </c>
      <c r="E5782" s="1" t="s">
        <v>20283</v>
      </c>
      <c r="F5782" s="1" t="s">
        <v>10</v>
      </c>
      <c r="G5782" s="1" t="s">
        <v>10</v>
      </c>
      <c r="H5782" s="1" t="s">
        <v>10</v>
      </c>
      <c r="I5782" s="1" t="s">
        <v>19310</v>
      </c>
      <c r="J5782" s="1" t="s">
        <v>19799</v>
      </c>
      <c r="K5782" s="1" t="s">
        <v>27</v>
      </c>
      <c r="L5782" s="1" t="s">
        <v>20280</v>
      </c>
      <c r="M5782" s="1" t="s">
        <v>5</v>
      </c>
      <c r="N5782" s="1" t="s">
        <v>25</v>
      </c>
      <c r="O5782" s="1" t="s">
        <v>38</v>
      </c>
      <c r="P5782" s="5" t="s">
        <v>32070</v>
      </c>
    </row>
    <row r="5783" spans="1:16" x14ac:dyDescent="0.2">
      <c r="A5783" s="1" t="s">
        <v>194</v>
      </c>
      <c r="B5783" s="1" t="s">
        <v>6481</v>
      </c>
      <c r="C5783" s="1" t="s">
        <v>20285</v>
      </c>
      <c r="D5783" s="1" t="s">
        <v>20286</v>
      </c>
      <c r="E5783" s="1" t="s">
        <v>20287</v>
      </c>
      <c r="F5783" s="1" t="s">
        <v>10</v>
      </c>
      <c r="G5783" s="1" t="s">
        <v>10</v>
      </c>
      <c r="H5783" s="1" t="s">
        <v>10</v>
      </c>
      <c r="I5783" s="1" t="s">
        <v>19310</v>
      </c>
      <c r="J5783" s="1" t="s">
        <v>19799</v>
      </c>
      <c r="K5783" s="1" t="s">
        <v>27</v>
      </c>
      <c r="L5783" s="1" t="s">
        <v>20284</v>
      </c>
      <c r="M5783" s="1" t="s">
        <v>5</v>
      </c>
      <c r="N5783" s="1" t="s">
        <v>25</v>
      </c>
      <c r="O5783" s="1" t="s">
        <v>38</v>
      </c>
      <c r="P5783" s="5" t="s">
        <v>32070</v>
      </c>
    </row>
    <row r="5784" spans="1:16" x14ac:dyDescent="0.2">
      <c r="A5784" s="1" t="s">
        <v>194</v>
      </c>
      <c r="B5784" s="1" t="s">
        <v>6481</v>
      </c>
      <c r="C5784" s="1" t="s">
        <v>20289</v>
      </c>
      <c r="D5784" s="1" t="s">
        <v>20290</v>
      </c>
      <c r="E5784" s="1" t="s">
        <v>20291</v>
      </c>
      <c r="F5784" s="1" t="s">
        <v>10</v>
      </c>
      <c r="G5784" s="1" t="s">
        <v>10</v>
      </c>
      <c r="H5784" s="1" t="s">
        <v>10</v>
      </c>
      <c r="I5784" s="1" t="s">
        <v>19310</v>
      </c>
      <c r="J5784" s="1" t="s">
        <v>19799</v>
      </c>
      <c r="K5784" s="1" t="s">
        <v>27</v>
      </c>
      <c r="L5784" s="1" t="s">
        <v>20288</v>
      </c>
      <c r="M5784" s="1" t="s">
        <v>5</v>
      </c>
      <c r="N5784" s="1" t="s">
        <v>25</v>
      </c>
      <c r="O5784" s="1" t="s">
        <v>38</v>
      </c>
      <c r="P5784" s="5" t="s">
        <v>32069</v>
      </c>
    </row>
    <row r="5785" spans="1:16" x14ac:dyDescent="0.2">
      <c r="A5785" s="1" t="s">
        <v>194</v>
      </c>
      <c r="B5785" s="1" t="s">
        <v>6481</v>
      </c>
      <c r="C5785" s="1" t="s">
        <v>20293</v>
      </c>
      <c r="D5785" s="1" t="s">
        <v>20294</v>
      </c>
      <c r="E5785" s="1" t="s">
        <v>20295</v>
      </c>
      <c r="F5785" s="1" t="s">
        <v>10</v>
      </c>
      <c r="G5785" s="1" t="s">
        <v>10</v>
      </c>
      <c r="H5785" s="1" t="s">
        <v>10</v>
      </c>
      <c r="I5785" s="1" t="s">
        <v>19310</v>
      </c>
      <c r="J5785" s="1" t="s">
        <v>19799</v>
      </c>
      <c r="K5785" s="1" t="s">
        <v>27</v>
      </c>
      <c r="L5785" s="1" t="s">
        <v>20292</v>
      </c>
      <c r="M5785" s="1" t="s">
        <v>5</v>
      </c>
      <c r="N5785" s="1" t="s">
        <v>960</v>
      </c>
      <c r="O5785" s="1" t="s">
        <v>38</v>
      </c>
      <c r="P5785" s="5" t="s">
        <v>32070</v>
      </c>
    </row>
    <row r="5786" spans="1:16" x14ac:dyDescent="0.2">
      <c r="A5786" s="1" t="s">
        <v>194</v>
      </c>
      <c r="B5786" s="1" t="s">
        <v>6481</v>
      </c>
      <c r="C5786" s="1" t="s">
        <v>20297</v>
      </c>
      <c r="D5786" s="1" t="s">
        <v>20298</v>
      </c>
      <c r="E5786" s="1" t="s">
        <v>20299</v>
      </c>
      <c r="F5786" s="1" t="s">
        <v>10</v>
      </c>
      <c r="G5786" s="1" t="s">
        <v>10</v>
      </c>
      <c r="H5786" s="1" t="s">
        <v>10</v>
      </c>
      <c r="I5786" s="1" t="s">
        <v>19310</v>
      </c>
      <c r="J5786" s="1" t="s">
        <v>19799</v>
      </c>
      <c r="K5786" s="1" t="s">
        <v>27</v>
      </c>
      <c r="L5786" s="1" t="s">
        <v>20296</v>
      </c>
      <c r="M5786" s="1" t="s">
        <v>5</v>
      </c>
      <c r="N5786" s="1" t="s">
        <v>25</v>
      </c>
      <c r="O5786" s="1" t="s">
        <v>38</v>
      </c>
      <c r="P5786" s="5" t="s">
        <v>32070</v>
      </c>
    </row>
    <row r="5787" spans="1:16" x14ac:dyDescent="0.2">
      <c r="A5787" s="1" t="s">
        <v>194</v>
      </c>
      <c r="B5787" s="1" t="s">
        <v>6481</v>
      </c>
      <c r="C5787" s="1" t="s">
        <v>20301</v>
      </c>
      <c r="D5787" s="1" t="s">
        <v>20302</v>
      </c>
      <c r="E5787" s="1" t="s">
        <v>20303</v>
      </c>
      <c r="F5787" s="1" t="s">
        <v>10</v>
      </c>
      <c r="G5787" s="1" t="s">
        <v>10</v>
      </c>
      <c r="H5787" s="1" t="s">
        <v>10</v>
      </c>
      <c r="I5787" s="1" t="s">
        <v>19310</v>
      </c>
      <c r="J5787" s="1" t="s">
        <v>19799</v>
      </c>
      <c r="K5787" s="1" t="s">
        <v>27</v>
      </c>
      <c r="L5787" s="1" t="s">
        <v>20300</v>
      </c>
      <c r="M5787" s="1" t="s">
        <v>5</v>
      </c>
      <c r="N5787" s="1" t="s">
        <v>25</v>
      </c>
      <c r="O5787" s="1" t="s">
        <v>38</v>
      </c>
      <c r="P5787" s="5" t="s">
        <v>32069</v>
      </c>
    </row>
    <row r="5788" spans="1:16" x14ac:dyDescent="0.2">
      <c r="A5788" s="1" t="s">
        <v>194</v>
      </c>
      <c r="B5788" s="1" t="s">
        <v>6481</v>
      </c>
      <c r="C5788" s="1" t="s">
        <v>20305</v>
      </c>
      <c r="D5788" s="1" t="s">
        <v>20306</v>
      </c>
      <c r="E5788" s="1" t="s">
        <v>20307</v>
      </c>
      <c r="F5788" s="1" t="s">
        <v>10</v>
      </c>
      <c r="G5788" s="1" t="s">
        <v>10</v>
      </c>
      <c r="H5788" s="1" t="s">
        <v>10</v>
      </c>
      <c r="I5788" s="1" t="s">
        <v>19310</v>
      </c>
      <c r="J5788" s="1" t="s">
        <v>19799</v>
      </c>
      <c r="K5788" s="1" t="s">
        <v>27</v>
      </c>
      <c r="L5788" s="1" t="s">
        <v>20304</v>
      </c>
      <c r="M5788" s="1" t="s">
        <v>5</v>
      </c>
      <c r="N5788" s="1" t="s">
        <v>25</v>
      </c>
      <c r="O5788" s="1" t="s">
        <v>38</v>
      </c>
      <c r="P5788" s="5" t="s">
        <v>32069</v>
      </c>
    </row>
    <row r="5789" spans="1:16" x14ac:dyDescent="0.2">
      <c r="A5789" s="1" t="s">
        <v>194</v>
      </c>
      <c r="B5789" s="1" t="s">
        <v>6481</v>
      </c>
      <c r="C5789" s="1" t="s">
        <v>20309</v>
      </c>
      <c r="D5789" s="1" t="s">
        <v>20310</v>
      </c>
      <c r="E5789" s="1" t="s">
        <v>20311</v>
      </c>
      <c r="F5789" s="1" t="s">
        <v>10</v>
      </c>
      <c r="G5789" s="1" t="s">
        <v>10</v>
      </c>
      <c r="H5789" s="1" t="s">
        <v>10</v>
      </c>
      <c r="I5789" s="1" t="s">
        <v>19310</v>
      </c>
      <c r="J5789" s="1" t="s">
        <v>19799</v>
      </c>
      <c r="K5789" s="1" t="s">
        <v>27</v>
      </c>
      <c r="L5789" s="1" t="s">
        <v>20308</v>
      </c>
      <c r="M5789" s="1" t="s">
        <v>5</v>
      </c>
      <c r="N5789" s="1" t="s">
        <v>25</v>
      </c>
      <c r="O5789" s="1" t="s">
        <v>38</v>
      </c>
      <c r="P5789" s="5" t="s">
        <v>32069</v>
      </c>
    </row>
    <row r="5790" spans="1:16" x14ac:dyDescent="0.2">
      <c r="A5790" s="1" t="s">
        <v>194</v>
      </c>
      <c r="B5790" s="1" t="s">
        <v>6481</v>
      </c>
      <c r="C5790" s="1" t="s">
        <v>20313</v>
      </c>
      <c r="D5790" s="1" t="s">
        <v>20314</v>
      </c>
      <c r="E5790" s="1" t="s">
        <v>20315</v>
      </c>
      <c r="F5790" s="1" t="s">
        <v>10</v>
      </c>
      <c r="G5790" s="1" t="s">
        <v>10</v>
      </c>
      <c r="H5790" s="1" t="s">
        <v>10</v>
      </c>
      <c r="I5790" s="1" t="s">
        <v>19310</v>
      </c>
      <c r="J5790" s="1" t="s">
        <v>19799</v>
      </c>
      <c r="K5790" s="1" t="s">
        <v>27</v>
      </c>
      <c r="L5790" s="1" t="s">
        <v>20312</v>
      </c>
      <c r="M5790" s="1" t="s">
        <v>5</v>
      </c>
      <c r="N5790" s="1" t="s">
        <v>25</v>
      </c>
      <c r="O5790" s="1" t="s">
        <v>38</v>
      </c>
      <c r="P5790" s="5" t="s">
        <v>32069</v>
      </c>
    </row>
    <row r="5791" spans="1:16" x14ac:dyDescent="0.2">
      <c r="A5791" s="1" t="s">
        <v>194</v>
      </c>
      <c r="B5791" s="1" t="s">
        <v>6481</v>
      </c>
      <c r="C5791" s="1" t="s">
        <v>20317</v>
      </c>
      <c r="D5791" s="1" t="s">
        <v>20318</v>
      </c>
      <c r="E5791" s="1" t="s">
        <v>20319</v>
      </c>
      <c r="F5791" s="1" t="s">
        <v>10</v>
      </c>
      <c r="G5791" s="1" t="s">
        <v>10</v>
      </c>
      <c r="H5791" s="1" t="s">
        <v>10</v>
      </c>
      <c r="I5791" s="1" t="s">
        <v>19310</v>
      </c>
      <c r="J5791" s="1" t="s">
        <v>19799</v>
      </c>
      <c r="K5791" s="1" t="s">
        <v>27</v>
      </c>
      <c r="L5791" s="1" t="s">
        <v>20316</v>
      </c>
      <c r="M5791" s="1" t="s">
        <v>5</v>
      </c>
      <c r="N5791" s="1" t="s">
        <v>25</v>
      </c>
      <c r="O5791" s="1" t="s">
        <v>38</v>
      </c>
      <c r="P5791" s="5" t="s">
        <v>32069</v>
      </c>
    </row>
    <row r="5792" spans="1:16" x14ac:dyDescent="0.2">
      <c r="A5792" s="1" t="s">
        <v>194</v>
      </c>
      <c r="B5792" s="1" t="s">
        <v>6481</v>
      </c>
      <c r="C5792" s="1" t="s">
        <v>20321</v>
      </c>
      <c r="D5792" s="1" t="s">
        <v>20322</v>
      </c>
      <c r="E5792" s="1" t="s">
        <v>20323</v>
      </c>
      <c r="F5792" s="1" t="s">
        <v>10</v>
      </c>
      <c r="G5792" s="1" t="s">
        <v>10</v>
      </c>
      <c r="H5792" s="1" t="s">
        <v>10</v>
      </c>
      <c r="I5792" s="1" t="s">
        <v>19310</v>
      </c>
      <c r="J5792" s="1" t="s">
        <v>19799</v>
      </c>
      <c r="K5792" s="1" t="s">
        <v>27</v>
      </c>
      <c r="L5792" s="1" t="s">
        <v>20320</v>
      </c>
      <c r="M5792" s="1" t="s">
        <v>5</v>
      </c>
      <c r="N5792" s="1" t="s">
        <v>25</v>
      </c>
      <c r="O5792" s="1" t="s">
        <v>38</v>
      </c>
      <c r="P5792" s="5" t="s">
        <v>32069</v>
      </c>
    </row>
    <row r="5793" spans="1:16" x14ac:dyDescent="0.2">
      <c r="A5793" s="1" t="s">
        <v>194</v>
      </c>
      <c r="B5793" s="1" t="s">
        <v>6481</v>
      </c>
      <c r="C5793" s="1" t="s">
        <v>20325</v>
      </c>
      <c r="D5793" s="1" t="s">
        <v>20326</v>
      </c>
      <c r="E5793" s="1" t="s">
        <v>20327</v>
      </c>
      <c r="F5793" s="1" t="s">
        <v>10</v>
      </c>
      <c r="G5793" s="1" t="s">
        <v>10</v>
      </c>
      <c r="H5793" s="1" t="s">
        <v>10</v>
      </c>
      <c r="I5793" s="1" t="s">
        <v>19310</v>
      </c>
      <c r="J5793" s="1" t="s">
        <v>19799</v>
      </c>
      <c r="K5793" s="1" t="s">
        <v>27</v>
      </c>
      <c r="L5793" s="1" t="s">
        <v>20324</v>
      </c>
      <c r="M5793" s="1" t="s">
        <v>5</v>
      </c>
      <c r="N5793" s="1" t="s">
        <v>25</v>
      </c>
      <c r="O5793" s="1" t="s">
        <v>38</v>
      </c>
      <c r="P5793" s="5" t="s">
        <v>32069</v>
      </c>
    </row>
    <row r="5794" spans="1:16" x14ac:dyDescent="0.2">
      <c r="A5794" s="1" t="s">
        <v>194</v>
      </c>
      <c r="B5794" s="1" t="s">
        <v>6481</v>
      </c>
      <c r="C5794" s="1" t="s">
        <v>20329</v>
      </c>
      <c r="D5794" s="1" t="s">
        <v>20330</v>
      </c>
      <c r="E5794" s="1" t="s">
        <v>20331</v>
      </c>
      <c r="F5794" s="1" t="s">
        <v>10</v>
      </c>
      <c r="G5794" s="1" t="s">
        <v>10</v>
      </c>
      <c r="H5794" s="1" t="s">
        <v>10</v>
      </c>
      <c r="I5794" s="1" t="s">
        <v>19310</v>
      </c>
      <c r="J5794" s="1" t="s">
        <v>19799</v>
      </c>
      <c r="K5794" s="1" t="s">
        <v>27</v>
      </c>
      <c r="L5794" s="1" t="s">
        <v>20328</v>
      </c>
      <c r="M5794" s="1" t="s">
        <v>5</v>
      </c>
      <c r="N5794" s="1" t="s">
        <v>25</v>
      </c>
      <c r="O5794" s="1" t="s">
        <v>38</v>
      </c>
      <c r="P5794" s="5" t="s">
        <v>32070</v>
      </c>
    </row>
    <row r="5795" spans="1:16" x14ac:dyDescent="0.2">
      <c r="A5795" s="1" t="s">
        <v>194</v>
      </c>
      <c r="B5795" s="1" t="s">
        <v>6481</v>
      </c>
      <c r="C5795" s="1" t="s">
        <v>20333</v>
      </c>
      <c r="D5795" s="1" t="s">
        <v>20334</v>
      </c>
      <c r="E5795" s="1" t="s">
        <v>20335</v>
      </c>
      <c r="F5795" s="1" t="s">
        <v>10</v>
      </c>
      <c r="G5795" s="1" t="s">
        <v>10</v>
      </c>
      <c r="H5795" s="1" t="s">
        <v>10</v>
      </c>
      <c r="I5795" s="1" t="s">
        <v>19310</v>
      </c>
      <c r="J5795" s="1" t="s">
        <v>19799</v>
      </c>
      <c r="K5795" s="1" t="s">
        <v>27</v>
      </c>
      <c r="L5795" s="1" t="s">
        <v>20332</v>
      </c>
      <c r="M5795" s="1" t="s">
        <v>5</v>
      </c>
      <c r="N5795" s="1" t="s">
        <v>25</v>
      </c>
      <c r="O5795" s="1" t="s">
        <v>38</v>
      </c>
      <c r="P5795" s="5" t="s">
        <v>30624</v>
      </c>
    </row>
    <row r="5796" spans="1:16" x14ac:dyDescent="0.2">
      <c r="A5796" s="1" t="s">
        <v>194</v>
      </c>
      <c r="B5796" s="1" t="s">
        <v>6481</v>
      </c>
      <c r="C5796" s="1" t="s">
        <v>20338</v>
      </c>
      <c r="D5796" s="1" t="s">
        <v>20339</v>
      </c>
      <c r="E5796" s="1" t="s">
        <v>20340</v>
      </c>
      <c r="F5796" s="1" t="s">
        <v>10</v>
      </c>
      <c r="G5796" s="1" t="s">
        <v>10</v>
      </c>
      <c r="H5796" s="1" t="s">
        <v>10</v>
      </c>
      <c r="I5796" s="1" t="s">
        <v>19310</v>
      </c>
      <c r="J5796" s="1" t="s">
        <v>19799</v>
      </c>
      <c r="K5796" s="1" t="s">
        <v>27</v>
      </c>
      <c r="L5796" s="1" t="s">
        <v>20337</v>
      </c>
      <c r="M5796" s="1" t="s">
        <v>5</v>
      </c>
      <c r="N5796" s="1" t="s">
        <v>25</v>
      </c>
      <c r="O5796" s="1" t="s">
        <v>38</v>
      </c>
      <c r="P5796" s="5" t="s">
        <v>32071</v>
      </c>
    </row>
    <row r="5797" spans="1:16" x14ac:dyDescent="0.2">
      <c r="A5797" s="1" t="s">
        <v>194</v>
      </c>
      <c r="B5797" s="1" t="s">
        <v>6481</v>
      </c>
      <c r="C5797" s="1" t="s">
        <v>20342</v>
      </c>
      <c r="D5797" s="1" t="s">
        <v>20343</v>
      </c>
      <c r="E5797" s="1" t="s">
        <v>20344</v>
      </c>
      <c r="F5797" s="1" t="s">
        <v>10</v>
      </c>
      <c r="G5797" s="1" t="s">
        <v>10</v>
      </c>
      <c r="H5797" s="1" t="s">
        <v>10</v>
      </c>
      <c r="I5797" s="1" t="s">
        <v>19310</v>
      </c>
      <c r="J5797" s="1" t="s">
        <v>19799</v>
      </c>
      <c r="K5797" s="1" t="s">
        <v>27</v>
      </c>
      <c r="L5797" s="1" t="s">
        <v>20341</v>
      </c>
      <c r="M5797" s="1" t="s">
        <v>5</v>
      </c>
      <c r="N5797" s="1" t="s">
        <v>25</v>
      </c>
      <c r="O5797" s="1" t="s">
        <v>38</v>
      </c>
      <c r="P5797" s="5" t="s">
        <v>32071</v>
      </c>
    </row>
    <row r="5798" spans="1:16" x14ac:dyDescent="0.2">
      <c r="A5798" s="1" t="s">
        <v>194</v>
      </c>
      <c r="B5798" s="1" t="s">
        <v>6481</v>
      </c>
      <c r="C5798" s="1" t="s">
        <v>20346</v>
      </c>
      <c r="D5798" s="1" t="s">
        <v>20347</v>
      </c>
      <c r="E5798" s="1" t="s">
        <v>20348</v>
      </c>
      <c r="F5798" s="1" t="s">
        <v>10</v>
      </c>
      <c r="G5798" s="1" t="s">
        <v>10</v>
      </c>
      <c r="H5798" s="1" t="s">
        <v>10</v>
      </c>
      <c r="I5798" s="1" t="s">
        <v>19310</v>
      </c>
      <c r="J5798" s="1" t="s">
        <v>19799</v>
      </c>
      <c r="K5798" s="1" t="s">
        <v>27</v>
      </c>
      <c r="L5798" s="1" t="s">
        <v>20345</v>
      </c>
      <c r="M5798" s="1" t="s">
        <v>5</v>
      </c>
      <c r="N5798" s="1" t="s">
        <v>25</v>
      </c>
      <c r="O5798" s="1" t="s">
        <v>38</v>
      </c>
      <c r="P5798" s="5" t="s">
        <v>32072</v>
      </c>
    </row>
    <row r="5799" spans="1:16" x14ac:dyDescent="0.2">
      <c r="A5799" s="1" t="s">
        <v>194</v>
      </c>
      <c r="B5799" s="1" t="s">
        <v>6481</v>
      </c>
      <c r="C5799" s="1" t="s">
        <v>20350</v>
      </c>
      <c r="D5799" s="1" t="s">
        <v>20351</v>
      </c>
      <c r="E5799" s="1" t="s">
        <v>20352</v>
      </c>
      <c r="F5799" s="1" t="s">
        <v>10</v>
      </c>
      <c r="G5799" s="1" t="s">
        <v>10</v>
      </c>
      <c r="H5799" s="1" t="s">
        <v>10</v>
      </c>
      <c r="I5799" s="1" t="s">
        <v>19310</v>
      </c>
      <c r="J5799" s="1" t="s">
        <v>20336</v>
      </c>
      <c r="K5799" s="1" t="s">
        <v>27</v>
      </c>
      <c r="L5799" s="1" t="s">
        <v>20349</v>
      </c>
      <c r="M5799" s="1" t="s">
        <v>5</v>
      </c>
      <c r="N5799" s="1" t="s">
        <v>25</v>
      </c>
      <c r="O5799" s="1" t="s">
        <v>38</v>
      </c>
      <c r="P5799" s="5" t="s">
        <v>32073</v>
      </c>
    </row>
    <row r="5800" spans="1:16" x14ac:dyDescent="0.2">
      <c r="A5800" s="1" t="s">
        <v>194</v>
      </c>
      <c r="B5800" s="1" t="s">
        <v>195</v>
      </c>
      <c r="C5800" s="1" t="s">
        <v>20355</v>
      </c>
      <c r="D5800" s="1" t="s">
        <v>20356</v>
      </c>
      <c r="E5800" s="1" t="s">
        <v>20357</v>
      </c>
      <c r="F5800" s="1" t="s">
        <v>10</v>
      </c>
      <c r="G5800" s="1" t="s">
        <v>10</v>
      </c>
      <c r="H5800" s="1" t="s">
        <v>10</v>
      </c>
      <c r="I5800" s="1" t="s">
        <v>19310</v>
      </c>
      <c r="J5800" s="1" t="s">
        <v>20353</v>
      </c>
      <c r="K5800" s="1" t="s">
        <v>27</v>
      </c>
      <c r="L5800" s="1" t="s">
        <v>20354</v>
      </c>
      <c r="M5800" s="1" t="s">
        <v>5</v>
      </c>
      <c r="N5800" s="1" t="s">
        <v>25</v>
      </c>
      <c r="O5800" s="1" t="s">
        <v>38</v>
      </c>
      <c r="P5800" s="5" t="s">
        <v>32074</v>
      </c>
    </row>
    <row r="5801" spans="1:16" x14ac:dyDescent="0.2">
      <c r="A5801" s="1" t="s">
        <v>66</v>
      </c>
      <c r="B5801" s="1" t="s">
        <v>1117</v>
      </c>
      <c r="C5801" s="1" t="s">
        <v>20360</v>
      </c>
      <c r="D5801" s="1" t="s">
        <v>20361</v>
      </c>
      <c r="E5801" s="1" t="s">
        <v>20362</v>
      </c>
      <c r="F5801" s="1" t="s">
        <v>10</v>
      </c>
      <c r="G5801" s="1" t="s">
        <v>10</v>
      </c>
      <c r="H5801" s="1" t="s">
        <v>10</v>
      </c>
      <c r="I5801" s="1" t="s">
        <v>19310</v>
      </c>
      <c r="J5801" s="1" t="s">
        <v>20358</v>
      </c>
      <c r="K5801" s="1" t="s">
        <v>7</v>
      </c>
      <c r="L5801" s="1" t="s">
        <v>20359</v>
      </c>
      <c r="M5801" s="1" t="s">
        <v>5</v>
      </c>
      <c r="N5801" s="1" t="s">
        <v>25</v>
      </c>
      <c r="O5801" s="1" t="s">
        <v>38</v>
      </c>
      <c r="P5801" s="5" t="s">
        <v>30625</v>
      </c>
    </row>
    <row r="5802" spans="1:16" x14ac:dyDescent="0.2">
      <c r="A5802" s="1" t="s">
        <v>20</v>
      </c>
      <c r="B5802" s="1" t="s">
        <v>101</v>
      </c>
      <c r="C5802" s="1" t="s">
        <v>20364</v>
      </c>
      <c r="D5802" s="1" t="s">
        <v>12830</v>
      </c>
      <c r="E5802" s="1" t="s">
        <v>20365</v>
      </c>
      <c r="F5802" s="1" t="s">
        <v>10</v>
      </c>
      <c r="G5802" s="1" t="s">
        <v>10</v>
      </c>
      <c r="H5802" s="1" t="s">
        <v>10</v>
      </c>
      <c r="I5802" s="1" t="s">
        <v>19310</v>
      </c>
      <c r="J5802" s="1" t="s">
        <v>19754</v>
      </c>
      <c r="K5802" s="1" t="s">
        <v>27</v>
      </c>
      <c r="L5802" s="1" t="s">
        <v>20363</v>
      </c>
      <c r="M5802" s="1" t="s">
        <v>5</v>
      </c>
      <c r="N5802" s="1" t="s">
        <v>25</v>
      </c>
      <c r="O5802" s="1" t="s">
        <v>38</v>
      </c>
      <c r="P5802" s="5" t="s">
        <v>30626</v>
      </c>
    </row>
    <row r="5803" spans="1:16" x14ac:dyDescent="0.2">
      <c r="A5803" s="1" t="s">
        <v>20</v>
      </c>
      <c r="B5803" s="1" t="s">
        <v>309</v>
      </c>
      <c r="C5803" s="1" t="s">
        <v>20367</v>
      </c>
      <c r="D5803" s="1" t="s">
        <v>10</v>
      </c>
      <c r="E5803" s="1" t="s">
        <v>20368</v>
      </c>
      <c r="F5803" s="1" t="s">
        <v>10</v>
      </c>
      <c r="G5803" s="1" t="s">
        <v>10</v>
      </c>
      <c r="H5803" s="1" t="s">
        <v>10</v>
      </c>
      <c r="I5803" s="1" t="s">
        <v>19310</v>
      </c>
      <c r="J5803" s="1" t="s">
        <v>19754</v>
      </c>
      <c r="K5803" s="1" t="s">
        <v>27</v>
      </c>
      <c r="L5803" s="1" t="s">
        <v>20366</v>
      </c>
      <c r="M5803" s="1" t="s">
        <v>5</v>
      </c>
      <c r="N5803" s="1" t="s">
        <v>25</v>
      </c>
      <c r="O5803" s="1" t="s">
        <v>38</v>
      </c>
      <c r="P5803" s="5" t="s">
        <v>30627</v>
      </c>
    </row>
    <row r="5804" spans="1:16" x14ac:dyDescent="0.2">
      <c r="A5804" s="1" t="s">
        <v>194</v>
      </c>
      <c r="B5804" s="1" t="s">
        <v>7145</v>
      </c>
      <c r="C5804" s="1" t="s">
        <v>20370</v>
      </c>
      <c r="D5804" s="1" t="s">
        <v>10</v>
      </c>
      <c r="E5804" s="1" t="s">
        <v>20371</v>
      </c>
      <c r="F5804" s="1" t="s">
        <v>10</v>
      </c>
      <c r="G5804" s="1" t="s">
        <v>10</v>
      </c>
      <c r="H5804" s="1" t="s">
        <v>10</v>
      </c>
      <c r="I5804" s="1" t="s">
        <v>19310</v>
      </c>
      <c r="J5804" s="1" t="s">
        <v>19754</v>
      </c>
      <c r="K5804" s="1" t="s">
        <v>27</v>
      </c>
      <c r="L5804" s="1" t="s">
        <v>20369</v>
      </c>
      <c r="M5804" s="1" t="s">
        <v>5</v>
      </c>
      <c r="N5804" s="1" t="s">
        <v>25</v>
      </c>
      <c r="O5804" s="1" t="s">
        <v>38</v>
      </c>
      <c r="P5804" s="5" t="s">
        <v>30627</v>
      </c>
    </row>
    <row r="5805" spans="1:16" x14ac:dyDescent="0.2">
      <c r="A5805" s="1" t="s">
        <v>194</v>
      </c>
      <c r="B5805" s="1" t="s">
        <v>4492</v>
      </c>
      <c r="C5805" s="1" t="s">
        <v>20373</v>
      </c>
      <c r="D5805" s="1" t="s">
        <v>20374</v>
      </c>
      <c r="E5805" s="1" t="s">
        <v>20375</v>
      </c>
      <c r="F5805" s="1" t="s">
        <v>10</v>
      </c>
      <c r="G5805" s="1" t="s">
        <v>10</v>
      </c>
      <c r="H5805" s="1" t="s">
        <v>10</v>
      </c>
      <c r="I5805" s="1" t="s">
        <v>19310</v>
      </c>
      <c r="J5805" s="1" t="s">
        <v>19754</v>
      </c>
      <c r="K5805" s="1" t="s">
        <v>27</v>
      </c>
      <c r="L5805" s="1" t="s">
        <v>20372</v>
      </c>
      <c r="M5805" s="1" t="s">
        <v>5</v>
      </c>
      <c r="N5805" s="1" t="s">
        <v>960</v>
      </c>
      <c r="O5805" s="1" t="s">
        <v>38</v>
      </c>
      <c r="P5805" s="5" t="s">
        <v>30627</v>
      </c>
    </row>
    <row r="5806" spans="1:16" x14ac:dyDescent="0.2">
      <c r="A5806" s="1" t="s">
        <v>194</v>
      </c>
      <c r="B5806" s="1" t="s">
        <v>6481</v>
      </c>
      <c r="C5806" s="1" t="s">
        <v>20377</v>
      </c>
      <c r="D5806" s="1" t="s">
        <v>10</v>
      </c>
      <c r="E5806" s="1" t="s">
        <v>20378</v>
      </c>
      <c r="F5806" s="1" t="s">
        <v>10</v>
      </c>
      <c r="G5806" s="1" t="s">
        <v>10</v>
      </c>
      <c r="H5806" s="1" t="s">
        <v>10</v>
      </c>
      <c r="I5806" s="1" t="s">
        <v>19310</v>
      </c>
      <c r="J5806" s="1" t="s">
        <v>19754</v>
      </c>
      <c r="K5806" s="1" t="s">
        <v>27</v>
      </c>
      <c r="L5806" s="1" t="s">
        <v>20376</v>
      </c>
      <c r="M5806" s="1" t="s">
        <v>5</v>
      </c>
      <c r="N5806" s="1" t="s">
        <v>25</v>
      </c>
      <c r="O5806" s="1" t="s">
        <v>38</v>
      </c>
      <c r="P5806" s="5" t="s">
        <v>30330</v>
      </c>
    </row>
    <row r="5807" spans="1:16" x14ac:dyDescent="0.2">
      <c r="A5807" s="1" t="s">
        <v>329</v>
      </c>
      <c r="B5807" s="1" t="s">
        <v>596</v>
      </c>
      <c r="C5807" s="1" t="s">
        <v>20380</v>
      </c>
      <c r="D5807" s="1" t="s">
        <v>10</v>
      </c>
      <c r="E5807" s="1" t="s">
        <v>20381</v>
      </c>
      <c r="F5807" s="1" t="s">
        <v>10</v>
      </c>
      <c r="G5807" s="1" t="s">
        <v>10</v>
      </c>
      <c r="H5807" s="1" t="s">
        <v>10</v>
      </c>
      <c r="I5807" s="1" t="s">
        <v>19310</v>
      </c>
      <c r="J5807" s="1" t="s">
        <v>19754</v>
      </c>
      <c r="K5807" s="1" t="s">
        <v>27</v>
      </c>
      <c r="L5807" s="1" t="s">
        <v>20379</v>
      </c>
      <c r="M5807" s="1" t="s">
        <v>5</v>
      </c>
      <c r="N5807" s="1" t="s">
        <v>25</v>
      </c>
      <c r="O5807" s="1" t="s">
        <v>38</v>
      </c>
      <c r="P5807" s="5" t="s">
        <v>30627</v>
      </c>
    </row>
    <row r="5808" spans="1:16" x14ac:dyDescent="0.2">
      <c r="A5808" s="1" t="s">
        <v>194</v>
      </c>
      <c r="B5808" s="1" t="s">
        <v>6481</v>
      </c>
      <c r="C5808" s="1" t="s">
        <v>20383</v>
      </c>
      <c r="D5808" s="1" t="s">
        <v>20384</v>
      </c>
      <c r="E5808" s="1" t="s">
        <v>20385</v>
      </c>
      <c r="F5808" s="1" t="s">
        <v>10</v>
      </c>
      <c r="G5808" s="1" t="s">
        <v>10</v>
      </c>
      <c r="H5808" s="1" t="s">
        <v>10</v>
      </c>
      <c r="I5808" s="1" t="s">
        <v>19310</v>
      </c>
      <c r="J5808" s="1" t="s">
        <v>19754</v>
      </c>
      <c r="K5808" s="1" t="s">
        <v>27</v>
      </c>
      <c r="L5808" s="1" t="s">
        <v>20382</v>
      </c>
      <c r="M5808" s="1" t="s">
        <v>5</v>
      </c>
      <c r="N5808" s="1" t="s">
        <v>25</v>
      </c>
      <c r="O5808" s="1" t="s">
        <v>38</v>
      </c>
      <c r="P5808" s="5" t="s">
        <v>30627</v>
      </c>
    </row>
    <row r="5809" spans="1:16" x14ac:dyDescent="0.2">
      <c r="A5809" s="1" t="s">
        <v>194</v>
      </c>
      <c r="B5809" s="1" t="s">
        <v>6481</v>
      </c>
      <c r="C5809" s="1" t="s">
        <v>20387</v>
      </c>
      <c r="D5809" s="1" t="s">
        <v>20388</v>
      </c>
      <c r="E5809" s="1" t="s">
        <v>20389</v>
      </c>
      <c r="F5809" s="1" t="s">
        <v>10</v>
      </c>
      <c r="G5809" s="1" t="s">
        <v>10</v>
      </c>
      <c r="H5809" s="1" t="s">
        <v>10</v>
      </c>
      <c r="I5809" s="1" t="s">
        <v>19310</v>
      </c>
      <c r="J5809" s="1" t="s">
        <v>19754</v>
      </c>
      <c r="K5809" s="1" t="s">
        <v>27</v>
      </c>
      <c r="L5809" s="1" t="s">
        <v>20386</v>
      </c>
      <c r="M5809" s="1" t="s">
        <v>5</v>
      </c>
      <c r="N5809" s="1" t="s">
        <v>25</v>
      </c>
      <c r="O5809" s="1" t="s">
        <v>38</v>
      </c>
      <c r="P5809" s="5" t="s">
        <v>30627</v>
      </c>
    </row>
    <row r="5810" spans="1:16" x14ac:dyDescent="0.2">
      <c r="A5810" s="1" t="s">
        <v>194</v>
      </c>
      <c r="B5810" s="1" t="s">
        <v>6481</v>
      </c>
      <c r="C5810" s="1" t="s">
        <v>20391</v>
      </c>
      <c r="D5810" s="1" t="s">
        <v>20392</v>
      </c>
      <c r="E5810" s="1" t="s">
        <v>20393</v>
      </c>
      <c r="F5810" s="1" t="s">
        <v>10</v>
      </c>
      <c r="G5810" s="1" t="s">
        <v>10</v>
      </c>
      <c r="H5810" s="1" t="s">
        <v>10</v>
      </c>
      <c r="I5810" s="1" t="s">
        <v>19310</v>
      </c>
      <c r="J5810" s="1" t="s">
        <v>19754</v>
      </c>
      <c r="K5810" s="1" t="s">
        <v>27</v>
      </c>
      <c r="L5810" s="1" t="s">
        <v>20390</v>
      </c>
      <c r="M5810" s="1" t="s">
        <v>5</v>
      </c>
      <c r="N5810" s="1" t="s">
        <v>25</v>
      </c>
      <c r="O5810" s="1" t="s">
        <v>38</v>
      </c>
      <c r="P5810" s="5" t="s">
        <v>30627</v>
      </c>
    </row>
    <row r="5811" spans="1:16" x14ac:dyDescent="0.2">
      <c r="A5811" s="1" t="s">
        <v>194</v>
      </c>
      <c r="B5811" s="1" t="s">
        <v>6481</v>
      </c>
      <c r="C5811" s="1" t="s">
        <v>20395</v>
      </c>
      <c r="D5811" s="1" t="s">
        <v>20396</v>
      </c>
      <c r="E5811" s="1" t="s">
        <v>20397</v>
      </c>
      <c r="F5811" s="1" t="s">
        <v>10</v>
      </c>
      <c r="G5811" s="1" t="s">
        <v>10</v>
      </c>
      <c r="H5811" s="1" t="s">
        <v>10</v>
      </c>
      <c r="I5811" s="1" t="s">
        <v>19310</v>
      </c>
      <c r="J5811" s="1" t="s">
        <v>19754</v>
      </c>
      <c r="K5811" s="1" t="s">
        <v>27</v>
      </c>
      <c r="L5811" s="1" t="s">
        <v>20394</v>
      </c>
      <c r="M5811" s="1" t="s">
        <v>5</v>
      </c>
      <c r="N5811" s="1" t="s">
        <v>960</v>
      </c>
      <c r="O5811" s="1" t="s">
        <v>38</v>
      </c>
      <c r="P5811" s="5" t="s">
        <v>30628</v>
      </c>
    </row>
    <row r="5812" spans="1:16" x14ac:dyDescent="0.2">
      <c r="A5812" s="1" t="s">
        <v>194</v>
      </c>
      <c r="B5812" s="1" t="s">
        <v>6481</v>
      </c>
      <c r="C5812" s="1" t="s">
        <v>20399</v>
      </c>
      <c r="D5812" s="1" t="s">
        <v>20400</v>
      </c>
      <c r="E5812" s="1" t="s">
        <v>20401</v>
      </c>
      <c r="F5812" s="1" t="s">
        <v>10</v>
      </c>
      <c r="G5812" s="1" t="s">
        <v>10</v>
      </c>
      <c r="H5812" s="1" t="s">
        <v>10</v>
      </c>
      <c r="I5812" s="1" t="s">
        <v>19310</v>
      </c>
      <c r="J5812" s="1" t="s">
        <v>19754</v>
      </c>
      <c r="K5812" s="1" t="s">
        <v>27</v>
      </c>
      <c r="L5812" s="1" t="s">
        <v>20398</v>
      </c>
      <c r="M5812" s="1" t="s">
        <v>5</v>
      </c>
      <c r="N5812" s="1" t="s">
        <v>960</v>
      </c>
      <c r="O5812" s="1" t="s">
        <v>38</v>
      </c>
      <c r="P5812" s="5" t="s">
        <v>30627</v>
      </c>
    </row>
    <row r="5813" spans="1:16" x14ac:dyDescent="0.2">
      <c r="A5813" s="1" t="s">
        <v>20</v>
      </c>
      <c r="B5813" s="1" t="s">
        <v>445</v>
      </c>
      <c r="C5813" s="1" t="s">
        <v>20403</v>
      </c>
      <c r="D5813" s="1" t="s">
        <v>20404</v>
      </c>
      <c r="E5813" s="1" t="s">
        <v>20405</v>
      </c>
      <c r="F5813" s="1" t="s">
        <v>10</v>
      </c>
      <c r="G5813" s="1" t="s">
        <v>10</v>
      </c>
      <c r="H5813" s="1" t="s">
        <v>10</v>
      </c>
      <c r="I5813" s="1" t="s">
        <v>19310</v>
      </c>
      <c r="J5813" s="1" t="s">
        <v>19874</v>
      </c>
      <c r="K5813" s="1" t="s">
        <v>1548</v>
      </c>
      <c r="L5813" s="1" t="s">
        <v>20402</v>
      </c>
      <c r="M5813" s="1" t="s">
        <v>5</v>
      </c>
      <c r="N5813" s="1" t="s">
        <v>25</v>
      </c>
      <c r="O5813" s="1" t="s">
        <v>38</v>
      </c>
      <c r="P5813" s="5" t="s">
        <v>32075</v>
      </c>
    </row>
    <row r="5814" spans="1:16" x14ac:dyDescent="0.2">
      <c r="A5814" s="1" t="s">
        <v>20</v>
      </c>
      <c r="B5814" s="1" t="s">
        <v>445</v>
      </c>
      <c r="C5814" s="1" t="s">
        <v>20407</v>
      </c>
      <c r="D5814" s="1" t="s">
        <v>20408</v>
      </c>
      <c r="E5814" s="1" t="s">
        <v>20409</v>
      </c>
      <c r="F5814" s="1" t="s">
        <v>10</v>
      </c>
      <c r="G5814" s="1" t="s">
        <v>10</v>
      </c>
      <c r="H5814" s="1" t="s">
        <v>10</v>
      </c>
      <c r="I5814" s="1" t="s">
        <v>19310</v>
      </c>
      <c r="J5814" s="1" t="s">
        <v>19874</v>
      </c>
      <c r="K5814" s="1" t="s">
        <v>1548</v>
      </c>
      <c r="L5814" s="1" t="s">
        <v>20406</v>
      </c>
      <c r="M5814" s="1" t="s">
        <v>5</v>
      </c>
      <c r="N5814" s="1" t="s">
        <v>25</v>
      </c>
      <c r="O5814" s="1" t="s">
        <v>38</v>
      </c>
      <c r="P5814" s="5" t="s">
        <v>32075</v>
      </c>
    </row>
    <row r="5815" spans="1:16" x14ac:dyDescent="0.2">
      <c r="A5815" s="1" t="s">
        <v>66</v>
      </c>
      <c r="B5815" s="1" t="s">
        <v>1127</v>
      </c>
      <c r="C5815" s="1" t="s">
        <v>20411</v>
      </c>
      <c r="D5815" s="1" t="s">
        <v>20412</v>
      </c>
      <c r="E5815" s="1" t="s">
        <v>20413</v>
      </c>
      <c r="F5815" s="1" t="s">
        <v>10</v>
      </c>
      <c r="G5815" s="1" t="s">
        <v>10</v>
      </c>
      <c r="H5815" s="1" t="s">
        <v>10</v>
      </c>
      <c r="I5815" s="1" t="s">
        <v>19310</v>
      </c>
      <c r="J5815" s="1" t="s">
        <v>19874</v>
      </c>
      <c r="K5815" s="1" t="s">
        <v>1548</v>
      </c>
      <c r="L5815" s="1" t="s">
        <v>20410</v>
      </c>
      <c r="M5815" s="1" t="s">
        <v>5</v>
      </c>
      <c r="N5815" s="1" t="s">
        <v>25</v>
      </c>
      <c r="O5815" s="1" t="s">
        <v>38</v>
      </c>
      <c r="P5815" s="5" t="s">
        <v>32076</v>
      </c>
    </row>
    <row r="5816" spans="1:16" x14ac:dyDescent="0.2">
      <c r="A5816" s="1" t="s">
        <v>66</v>
      </c>
      <c r="B5816" s="1" t="s">
        <v>498</v>
      </c>
      <c r="C5816" s="1" t="s">
        <v>20415</v>
      </c>
      <c r="D5816" s="1" t="s">
        <v>20416</v>
      </c>
      <c r="E5816" s="1" t="s">
        <v>20417</v>
      </c>
      <c r="F5816" s="1" t="s">
        <v>10</v>
      </c>
      <c r="G5816" s="1" t="s">
        <v>10</v>
      </c>
      <c r="H5816" s="1" t="s">
        <v>10</v>
      </c>
      <c r="I5816" s="1" t="s">
        <v>19310</v>
      </c>
      <c r="J5816" s="1" t="s">
        <v>19874</v>
      </c>
      <c r="K5816" s="1" t="s">
        <v>1548</v>
      </c>
      <c r="L5816" s="1" t="s">
        <v>20414</v>
      </c>
      <c r="M5816" s="1" t="s">
        <v>5</v>
      </c>
      <c r="N5816" s="1" t="s">
        <v>25</v>
      </c>
      <c r="O5816" s="1" t="s">
        <v>38</v>
      </c>
      <c r="P5816" s="5" t="s">
        <v>32077</v>
      </c>
    </row>
    <row r="5817" spans="1:16" x14ac:dyDescent="0.2">
      <c r="A5817" s="1" t="s">
        <v>20</v>
      </c>
      <c r="B5817" s="1" t="s">
        <v>445</v>
      </c>
      <c r="C5817" s="1" t="s">
        <v>20419</v>
      </c>
      <c r="D5817" s="1" t="s">
        <v>20420</v>
      </c>
      <c r="E5817" s="1" t="s">
        <v>20421</v>
      </c>
      <c r="F5817" s="1" t="s">
        <v>10</v>
      </c>
      <c r="G5817" s="1" t="s">
        <v>10</v>
      </c>
      <c r="H5817" s="1" t="s">
        <v>10</v>
      </c>
      <c r="I5817" s="1" t="s">
        <v>19310</v>
      </c>
      <c r="J5817" s="1" t="s">
        <v>19356</v>
      </c>
      <c r="K5817" s="1" t="s">
        <v>27</v>
      </c>
      <c r="L5817" s="1" t="s">
        <v>20418</v>
      </c>
      <c r="M5817" s="1" t="s">
        <v>5</v>
      </c>
      <c r="N5817" s="1" t="s">
        <v>25</v>
      </c>
      <c r="O5817" s="1" t="s">
        <v>38</v>
      </c>
      <c r="P5817" s="5" t="s">
        <v>30913</v>
      </c>
    </row>
    <row r="5818" spans="1:16" x14ac:dyDescent="0.2">
      <c r="A5818" s="1" t="s">
        <v>487</v>
      </c>
      <c r="B5818" s="1" t="s">
        <v>488</v>
      </c>
      <c r="C5818" s="1" t="s">
        <v>20423</v>
      </c>
      <c r="D5818" s="1" t="s">
        <v>20424</v>
      </c>
      <c r="E5818" s="1"/>
      <c r="F5818" s="1" t="s">
        <v>10</v>
      </c>
      <c r="G5818" s="1" t="s">
        <v>10</v>
      </c>
      <c r="H5818" s="1" t="s">
        <v>10</v>
      </c>
      <c r="I5818" s="1" t="s">
        <v>19310</v>
      </c>
      <c r="J5818" s="1" t="s">
        <v>20425</v>
      </c>
      <c r="K5818" s="1" t="s">
        <v>27</v>
      </c>
      <c r="L5818" s="1" t="s">
        <v>20422</v>
      </c>
      <c r="M5818" s="1" t="s">
        <v>5</v>
      </c>
      <c r="N5818" s="1" t="s">
        <v>25</v>
      </c>
      <c r="O5818" s="1" t="s">
        <v>38</v>
      </c>
      <c r="P5818" s="5" t="s">
        <v>32078</v>
      </c>
    </row>
    <row r="5819" spans="1:16" x14ac:dyDescent="0.2">
      <c r="A5819" s="1" t="s">
        <v>487</v>
      </c>
      <c r="B5819" s="1" t="s">
        <v>488</v>
      </c>
      <c r="C5819" s="1" t="s">
        <v>20427</v>
      </c>
      <c r="D5819" s="1" t="s">
        <v>20428</v>
      </c>
      <c r="E5819" s="1"/>
      <c r="F5819" s="1" t="s">
        <v>10</v>
      </c>
      <c r="G5819" s="1" t="s">
        <v>10</v>
      </c>
      <c r="H5819" s="1" t="s">
        <v>10</v>
      </c>
      <c r="I5819" s="1" t="s">
        <v>19310</v>
      </c>
      <c r="J5819" s="1" t="s">
        <v>20429</v>
      </c>
      <c r="K5819" s="1" t="s">
        <v>27</v>
      </c>
      <c r="L5819" s="1" t="s">
        <v>20426</v>
      </c>
      <c r="M5819" s="1" t="s">
        <v>5</v>
      </c>
      <c r="N5819" s="1" t="s">
        <v>25</v>
      </c>
      <c r="O5819" s="1" t="s">
        <v>38</v>
      </c>
      <c r="P5819" s="5" t="s">
        <v>32079</v>
      </c>
    </row>
    <row r="5820" spans="1:16" x14ac:dyDescent="0.2">
      <c r="A5820" s="1" t="s">
        <v>487</v>
      </c>
      <c r="B5820" s="1" t="s">
        <v>488</v>
      </c>
      <c r="C5820" s="1" t="s">
        <v>20431</v>
      </c>
      <c r="D5820" s="1" t="s">
        <v>20432</v>
      </c>
      <c r="E5820" s="1" t="s">
        <v>20434</v>
      </c>
      <c r="F5820" s="1" t="s">
        <v>10</v>
      </c>
      <c r="G5820" s="1" t="s">
        <v>10</v>
      </c>
      <c r="H5820" s="1" t="s">
        <v>10</v>
      </c>
      <c r="I5820" s="1" t="s">
        <v>19310</v>
      </c>
      <c r="J5820" s="1" t="s">
        <v>20433</v>
      </c>
      <c r="K5820" s="1" t="s">
        <v>27</v>
      </c>
      <c r="L5820" s="1" t="s">
        <v>20430</v>
      </c>
      <c r="M5820" s="1" t="s">
        <v>5</v>
      </c>
      <c r="N5820" s="1" t="s">
        <v>6</v>
      </c>
      <c r="O5820" s="1" t="s">
        <v>38</v>
      </c>
      <c r="P5820" s="5" t="s">
        <v>32080</v>
      </c>
    </row>
    <row r="5821" spans="1:16" x14ac:dyDescent="0.2">
      <c r="A5821" s="1" t="s">
        <v>20</v>
      </c>
      <c r="B5821" s="1" t="s">
        <v>101</v>
      </c>
      <c r="C5821" s="1" t="s">
        <v>20436</v>
      </c>
      <c r="D5821" s="1" t="s">
        <v>20437</v>
      </c>
      <c r="E5821" s="1" t="s">
        <v>20438</v>
      </c>
      <c r="F5821" s="1" t="s">
        <v>10</v>
      </c>
      <c r="G5821" s="1" t="s">
        <v>10</v>
      </c>
      <c r="H5821" s="1" t="s">
        <v>10</v>
      </c>
      <c r="I5821" s="1" t="s">
        <v>19310</v>
      </c>
      <c r="J5821" s="1" t="s">
        <v>19958</v>
      </c>
      <c r="K5821" s="1" t="s">
        <v>130</v>
      </c>
      <c r="L5821" s="1" t="s">
        <v>20435</v>
      </c>
      <c r="M5821" s="1" t="s">
        <v>5</v>
      </c>
      <c r="N5821" s="1" t="s">
        <v>25</v>
      </c>
      <c r="O5821" s="1" t="s">
        <v>38</v>
      </c>
      <c r="P5821" s="5" t="s">
        <v>32081</v>
      </c>
    </row>
    <row r="5822" spans="1:16" x14ac:dyDescent="0.2">
      <c r="A5822" s="1" t="s">
        <v>1385</v>
      </c>
      <c r="B5822" s="1" t="s">
        <v>2930</v>
      </c>
      <c r="C5822" s="1" t="s">
        <v>20440</v>
      </c>
      <c r="D5822" s="1" t="s">
        <v>20441</v>
      </c>
      <c r="E5822" s="1" t="s">
        <v>20442</v>
      </c>
      <c r="F5822" s="1" t="s">
        <v>27</v>
      </c>
      <c r="G5822" s="1" t="s">
        <v>10</v>
      </c>
      <c r="H5822" s="1" t="s">
        <v>20443</v>
      </c>
      <c r="I5822" s="1" t="s">
        <v>19310</v>
      </c>
      <c r="J5822" s="1" t="s">
        <v>19767</v>
      </c>
      <c r="K5822" s="1" t="s">
        <v>27</v>
      </c>
      <c r="L5822" s="1" t="s">
        <v>20439</v>
      </c>
      <c r="M5822" s="1" t="s">
        <v>5</v>
      </c>
      <c r="N5822" s="1" t="s">
        <v>25</v>
      </c>
      <c r="O5822" s="1" t="s">
        <v>8</v>
      </c>
      <c r="P5822" s="5" t="s">
        <v>10</v>
      </c>
    </row>
    <row r="5823" spans="1:16" x14ac:dyDescent="0.2">
      <c r="A5823" s="1" t="s">
        <v>194</v>
      </c>
      <c r="B5823" s="1" t="s">
        <v>6481</v>
      </c>
      <c r="C5823" s="1" t="s">
        <v>20445</v>
      </c>
      <c r="D5823" s="1" t="s">
        <v>20446</v>
      </c>
      <c r="E5823" s="1" t="s">
        <v>20447</v>
      </c>
      <c r="F5823" s="1" t="s">
        <v>10</v>
      </c>
      <c r="G5823" s="1" t="s">
        <v>10</v>
      </c>
      <c r="H5823" s="1" t="s">
        <v>10</v>
      </c>
      <c r="I5823" s="1" t="s">
        <v>19310</v>
      </c>
      <c r="J5823" s="1" t="s">
        <v>19799</v>
      </c>
      <c r="K5823" s="1" t="s">
        <v>27</v>
      </c>
      <c r="L5823" s="1" t="s">
        <v>20444</v>
      </c>
      <c r="M5823" s="1" t="s">
        <v>5</v>
      </c>
      <c r="N5823" s="1" t="s">
        <v>960</v>
      </c>
      <c r="O5823" s="1" t="s">
        <v>38</v>
      </c>
      <c r="P5823" s="5" t="s">
        <v>10</v>
      </c>
    </row>
    <row r="5824" spans="1:16" x14ac:dyDescent="0.2">
      <c r="A5824" s="1" t="s">
        <v>20</v>
      </c>
      <c r="B5824" s="1" t="s">
        <v>445</v>
      </c>
      <c r="C5824" s="1" t="s">
        <v>20449</v>
      </c>
      <c r="D5824" s="1" t="s">
        <v>20450</v>
      </c>
      <c r="E5824" s="1" t="s">
        <v>20451</v>
      </c>
      <c r="F5824" s="1" t="s">
        <v>10</v>
      </c>
      <c r="G5824" s="1" t="s">
        <v>10</v>
      </c>
      <c r="H5824" s="1" t="s">
        <v>10</v>
      </c>
      <c r="I5824" s="1" t="s">
        <v>19310</v>
      </c>
      <c r="J5824" s="1" t="s">
        <v>19318</v>
      </c>
      <c r="K5824" s="1" t="s">
        <v>27</v>
      </c>
      <c r="L5824" s="1" t="s">
        <v>20448</v>
      </c>
      <c r="M5824" s="1" t="s">
        <v>5</v>
      </c>
      <c r="N5824" s="1" t="s">
        <v>25</v>
      </c>
      <c r="O5824" s="1" t="s">
        <v>38</v>
      </c>
      <c r="P5824" s="5" t="s">
        <v>32082</v>
      </c>
    </row>
    <row r="5825" spans="1:16" x14ac:dyDescent="0.2">
      <c r="A5825" s="1" t="s">
        <v>20</v>
      </c>
      <c r="B5825" s="1" t="s">
        <v>99</v>
      </c>
      <c r="C5825" s="1" t="s">
        <v>20453</v>
      </c>
      <c r="D5825" s="1" t="s">
        <v>20454</v>
      </c>
      <c r="E5825" s="1" t="s">
        <v>20455</v>
      </c>
      <c r="F5825" s="1" t="s">
        <v>10</v>
      </c>
      <c r="G5825" s="1" t="s">
        <v>10</v>
      </c>
      <c r="H5825" s="1" t="s">
        <v>10</v>
      </c>
      <c r="I5825" s="1" t="s">
        <v>19310</v>
      </c>
      <c r="J5825" s="1" t="s">
        <v>19</v>
      </c>
      <c r="K5825" s="1" t="s">
        <v>1548</v>
      </c>
      <c r="L5825" s="1" t="s">
        <v>20452</v>
      </c>
      <c r="M5825" s="1" t="s">
        <v>5</v>
      </c>
      <c r="N5825" s="1" t="s">
        <v>25</v>
      </c>
      <c r="O5825" s="1" t="s">
        <v>38</v>
      </c>
      <c r="P5825" s="5" t="s">
        <v>32024</v>
      </c>
    </row>
    <row r="5826" spans="1:16" x14ac:dyDescent="0.2">
      <c r="A5826" s="1" t="s">
        <v>42</v>
      </c>
      <c r="B5826" s="1" t="s">
        <v>588</v>
      </c>
      <c r="C5826" s="1" t="s">
        <v>20457</v>
      </c>
      <c r="D5826" s="1" t="s">
        <v>20458</v>
      </c>
      <c r="E5826" s="1" t="s">
        <v>20460</v>
      </c>
      <c r="F5826" s="1" t="s">
        <v>20459</v>
      </c>
      <c r="G5826" s="1" t="s">
        <v>1042</v>
      </c>
      <c r="H5826" s="1" t="s">
        <v>20461</v>
      </c>
      <c r="I5826" s="1" t="s">
        <v>19310</v>
      </c>
      <c r="J5826" s="1" t="s">
        <v>19</v>
      </c>
      <c r="K5826" s="1" t="s">
        <v>586</v>
      </c>
      <c r="L5826" s="1" t="s">
        <v>20456</v>
      </c>
      <c r="M5826" s="1" t="s">
        <v>5</v>
      </c>
      <c r="N5826" s="1" t="s">
        <v>6</v>
      </c>
      <c r="O5826" s="1" t="s">
        <v>8</v>
      </c>
      <c r="P5826" s="5" t="s">
        <v>10</v>
      </c>
    </row>
    <row r="5827" spans="1:16" ht="127.5" x14ac:dyDescent="0.2">
      <c r="A5827" s="1" t="s">
        <v>194</v>
      </c>
      <c r="B5827" s="1" t="s">
        <v>6479</v>
      </c>
      <c r="C5827" s="1" t="s">
        <v>20464</v>
      </c>
      <c r="D5827" s="1" t="s">
        <v>20464</v>
      </c>
      <c r="E5827" s="1"/>
      <c r="F5827" s="1" t="s">
        <v>27</v>
      </c>
      <c r="G5827" s="1" t="s">
        <v>10</v>
      </c>
      <c r="H5827" s="1" t="s">
        <v>20465</v>
      </c>
      <c r="I5827" s="1" t="s">
        <v>19310</v>
      </c>
      <c r="J5827" s="1" t="s">
        <v>19888</v>
      </c>
      <c r="K5827" s="1" t="s">
        <v>27</v>
      </c>
      <c r="L5827" s="1" t="s">
        <v>20463</v>
      </c>
      <c r="M5827" s="1" t="s">
        <v>5</v>
      </c>
      <c r="N5827" s="1" t="s">
        <v>6</v>
      </c>
      <c r="O5827" s="1" t="s">
        <v>8</v>
      </c>
      <c r="P5827" s="9" t="s">
        <v>32083</v>
      </c>
    </row>
    <row r="5828" spans="1:16" x14ac:dyDescent="0.2">
      <c r="A5828" s="1" t="s">
        <v>66</v>
      </c>
      <c r="B5828" s="1" t="s">
        <v>498</v>
      </c>
      <c r="C5828" s="1" t="s">
        <v>20467</v>
      </c>
      <c r="D5828" s="1" t="s">
        <v>20468</v>
      </c>
      <c r="E5828" s="1" t="s">
        <v>20469</v>
      </c>
      <c r="F5828" s="1" t="s">
        <v>10</v>
      </c>
      <c r="G5828" s="1" t="s">
        <v>10</v>
      </c>
      <c r="H5828" s="1" t="s">
        <v>10</v>
      </c>
      <c r="I5828" s="1" t="s">
        <v>19310</v>
      </c>
      <c r="J5828" s="1" t="s">
        <v>19874</v>
      </c>
      <c r="K5828" s="1" t="s">
        <v>1548</v>
      </c>
      <c r="L5828" s="1" t="s">
        <v>20466</v>
      </c>
      <c r="M5828" s="1" t="s">
        <v>5</v>
      </c>
      <c r="N5828" s="1" t="s">
        <v>25</v>
      </c>
      <c r="O5828" s="1" t="s">
        <v>38</v>
      </c>
      <c r="P5828" s="5" t="s">
        <v>32084</v>
      </c>
    </row>
    <row r="5829" spans="1:16" x14ac:dyDescent="0.2">
      <c r="A5829" s="1" t="s">
        <v>194</v>
      </c>
      <c r="B5829" s="1" t="s">
        <v>6481</v>
      </c>
      <c r="C5829" s="1" t="s">
        <v>20471</v>
      </c>
      <c r="D5829" s="1" t="s">
        <v>20472</v>
      </c>
      <c r="E5829" s="1" t="s">
        <v>20473</v>
      </c>
      <c r="F5829" s="1" t="s">
        <v>27</v>
      </c>
      <c r="G5829" s="1" t="s">
        <v>10</v>
      </c>
      <c r="H5829" s="1" t="s">
        <v>20474</v>
      </c>
      <c r="I5829" s="1" t="s">
        <v>19310</v>
      </c>
      <c r="J5829" s="1" t="s">
        <v>19754</v>
      </c>
      <c r="K5829" s="1" t="s">
        <v>27</v>
      </c>
      <c r="L5829" s="1" t="s">
        <v>20470</v>
      </c>
      <c r="M5829" s="1" t="s">
        <v>5</v>
      </c>
      <c r="N5829" s="1" t="s">
        <v>960</v>
      </c>
      <c r="O5829" s="1" t="s">
        <v>8</v>
      </c>
      <c r="P5829" s="5" t="s">
        <v>10</v>
      </c>
    </row>
    <row r="5830" spans="1:16" x14ac:dyDescent="0.2">
      <c r="A5830" s="1" t="s">
        <v>194</v>
      </c>
      <c r="B5830" s="1" t="s">
        <v>6481</v>
      </c>
      <c r="C5830" s="1" t="s">
        <v>20476</v>
      </c>
      <c r="D5830" s="1" t="s">
        <v>10</v>
      </c>
      <c r="E5830" s="1" t="s">
        <v>20477</v>
      </c>
      <c r="F5830" s="1" t="s">
        <v>10</v>
      </c>
      <c r="G5830" s="1" t="s">
        <v>10</v>
      </c>
      <c r="H5830" s="1" t="s">
        <v>10</v>
      </c>
      <c r="I5830" s="1" t="s">
        <v>19310</v>
      </c>
      <c r="J5830" s="1" t="s">
        <v>19754</v>
      </c>
      <c r="K5830" s="1" t="s">
        <v>27</v>
      </c>
      <c r="L5830" s="1" t="s">
        <v>20475</v>
      </c>
      <c r="M5830" s="1" t="s">
        <v>5</v>
      </c>
      <c r="N5830" s="1" t="s">
        <v>960</v>
      </c>
      <c r="O5830" s="1" t="s">
        <v>38</v>
      </c>
      <c r="P5830" s="5" t="s">
        <v>30629</v>
      </c>
    </row>
    <row r="5831" spans="1:16" x14ac:dyDescent="0.2">
      <c r="A5831" s="1" t="s">
        <v>194</v>
      </c>
      <c r="B5831" s="1" t="s">
        <v>6481</v>
      </c>
      <c r="C5831" s="1" t="s">
        <v>20479</v>
      </c>
      <c r="D5831" s="1" t="s">
        <v>8051</v>
      </c>
      <c r="E5831" s="1" t="s">
        <v>20480</v>
      </c>
      <c r="F5831" s="1" t="s">
        <v>10</v>
      </c>
      <c r="G5831" s="1" t="s">
        <v>10</v>
      </c>
      <c r="H5831" s="1" t="s">
        <v>10</v>
      </c>
      <c r="I5831" s="1" t="s">
        <v>19310</v>
      </c>
      <c r="J5831" s="1" t="s">
        <v>19754</v>
      </c>
      <c r="K5831" s="1" t="s">
        <v>27</v>
      </c>
      <c r="L5831" s="1" t="s">
        <v>20478</v>
      </c>
      <c r="M5831" s="1" t="s">
        <v>5</v>
      </c>
      <c r="N5831" s="1" t="s">
        <v>960</v>
      </c>
      <c r="O5831" s="1" t="s">
        <v>38</v>
      </c>
      <c r="P5831" s="5" t="s">
        <v>10</v>
      </c>
    </row>
    <row r="5832" spans="1:16" x14ac:dyDescent="0.2">
      <c r="A5832" s="1" t="s">
        <v>194</v>
      </c>
      <c r="B5832" s="1" t="s">
        <v>6481</v>
      </c>
      <c r="C5832" s="1" t="s">
        <v>20482</v>
      </c>
      <c r="D5832" s="1" t="s">
        <v>10</v>
      </c>
      <c r="E5832" s="1" t="s">
        <v>20483</v>
      </c>
      <c r="F5832" s="1" t="s">
        <v>10</v>
      </c>
      <c r="G5832" s="1" t="s">
        <v>10</v>
      </c>
      <c r="H5832" s="1" t="s">
        <v>10</v>
      </c>
      <c r="I5832" s="1" t="s">
        <v>19310</v>
      </c>
      <c r="J5832" s="1" t="s">
        <v>19754</v>
      </c>
      <c r="K5832" s="1" t="s">
        <v>27</v>
      </c>
      <c r="L5832" s="1" t="s">
        <v>20481</v>
      </c>
      <c r="M5832" s="1" t="s">
        <v>5</v>
      </c>
      <c r="N5832" s="1" t="s">
        <v>960</v>
      </c>
      <c r="O5832" s="1" t="s">
        <v>38</v>
      </c>
      <c r="P5832" s="5" t="s">
        <v>29944</v>
      </c>
    </row>
    <row r="5833" spans="1:16" x14ac:dyDescent="0.2">
      <c r="A5833" s="1" t="s">
        <v>194</v>
      </c>
      <c r="B5833" s="1" t="s">
        <v>6481</v>
      </c>
      <c r="C5833" s="1" t="s">
        <v>20485</v>
      </c>
      <c r="D5833" s="1" t="s">
        <v>10</v>
      </c>
      <c r="E5833" s="1" t="s">
        <v>20486</v>
      </c>
      <c r="F5833" s="1" t="s">
        <v>10</v>
      </c>
      <c r="G5833" s="1" t="s">
        <v>10</v>
      </c>
      <c r="H5833" s="1" t="s">
        <v>10</v>
      </c>
      <c r="I5833" s="1" t="s">
        <v>19310</v>
      </c>
      <c r="J5833" s="1" t="s">
        <v>19754</v>
      </c>
      <c r="K5833" s="1" t="s">
        <v>27</v>
      </c>
      <c r="L5833" s="1" t="s">
        <v>20484</v>
      </c>
      <c r="M5833" s="1" t="s">
        <v>5</v>
      </c>
      <c r="N5833" s="1" t="s">
        <v>960</v>
      </c>
      <c r="O5833" s="1" t="s">
        <v>38</v>
      </c>
      <c r="P5833" s="5" t="s">
        <v>29944</v>
      </c>
    </row>
    <row r="5834" spans="1:16" x14ac:dyDescent="0.2">
      <c r="A5834" s="1" t="s">
        <v>1385</v>
      </c>
      <c r="B5834" s="1" t="s">
        <v>1490</v>
      </c>
      <c r="C5834" s="1" t="s">
        <v>20488</v>
      </c>
      <c r="D5834" s="1" t="s">
        <v>20489</v>
      </c>
      <c r="E5834" s="1" t="s">
        <v>20490</v>
      </c>
      <c r="F5834" s="1" t="s">
        <v>27</v>
      </c>
      <c r="G5834" s="1" t="s">
        <v>10</v>
      </c>
      <c r="H5834" s="1" t="s">
        <v>20491</v>
      </c>
      <c r="I5834" s="1" t="s">
        <v>19310</v>
      </c>
      <c r="J5834" s="1" t="s">
        <v>19754</v>
      </c>
      <c r="K5834" s="1" t="s">
        <v>27</v>
      </c>
      <c r="L5834" s="1" t="s">
        <v>20487</v>
      </c>
      <c r="M5834" s="1" t="s">
        <v>5</v>
      </c>
      <c r="N5834" s="1" t="s">
        <v>960</v>
      </c>
      <c r="O5834" s="1" t="s">
        <v>8</v>
      </c>
      <c r="P5834" s="5" t="s">
        <v>30630</v>
      </c>
    </row>
    <row r="5835" spans="1:16" x14ac:dyDescent="0.2">
      <c r="A5835" s="1" t="s">
        <v>1385</v>
      </c>
      <c r="B5835" s="1" t="s">
        <v>1490</v>
      </c>
      <c r="C5835" s="1" t="s">
        <v>20493</v>
      </c>
      <c r="D5835" s="1" t="s">
        <v>20494</v>
      </c>
      <c r="E5835" s="1" t="s">
        <v>20495</v>
      </c>
      <c r="F5835" s="1" t="s">
        <v>10</v>
      </c>
      <c r="G5835" s="1" t="s">
        <v>10</v>
      </c>
      <c r="H5835" s="1" t="s">
        <v>10</v>
      </c>
      <c r="I5835" s="1" t="s">
        <v>19310</v>
      </c>
      <c r="J5835" s="1" t="s">
        <v>19754</v>
      </c>
      <c r="K5835" s="1" t="s">
        <v>27</v>
      </c>
      <c r="L5835" s="1" t="s">
        <v>20492</v>
      </c>
      <c r="M5835" s="1" t="s">
        <v>5</v>
      </c>
      <c r="N5835" s="1" t="s">
        <v>960</v>
      </c>
      <c r="O5835" s="1" t="s">
        <v>38</v>
      </c>
      <c r="P5835" s="5" t="s">
        <v>30631</v>
      </c>
    </row>
    <row r="5836" spans="1:16" x14ac:dyDescent="0.2">
      <c r="A5836" s="1" t="s">
        <v>194</v>
      </c>
      <c r="B5836" s="1" t="s">
        <v>6481</v>
      </c>
      <c r="C5836" s="1" t="s">
        <v>20497</v>
      </c>
      <c r="D5836" s="1" t="s">
        <v>10</v>
      </c>
      <c r="E5836" s="1" t="s">
        <v>10</v>
      </c>
      <c r="F5836" s="1" t="s">
        <v>10</v>
      </c>
      <c r="G5836" s="1" t="s">
        <v>10</v>
      </c>
      <c r="H5836" s="1" t="s">
        <v>10</v>
      </c>
      <c r="I5836" s="1" t="s">
        <v>19310</v>
      </c>
      <c r="J5836" s="1" t="s">
        <v>19754</v>
      </c>
      <c r="K5836" s="1" t="s">
        <v>27</v>
      </c>
      <c r="L5836" s="1" t="s">
        <v>20496</v>
      </c>
      <c r="M5836" s="1" t="s">
        <v>5</v>
      </c>
      <c r="N5836" s="1" t="s">
        <v>960</v>
      </c>
      <c r="O5836" s="1" t="s">
        <v>38</v>
      </c>
      <c r="P5836" s="5" t="s">
        <v>10</v>
      </c>
    </row>
    <row r="5837" spans="1:16" x14ac:dyDescent="0.2">
      <c r="A5837" s="1" t="s">
        <v>194</v>
      </c>
      <c r="B5837" s="1" t="s">
        <v>6481</v>
      </c>
      <c r="C5837" s="1" t="s">
        <v>20499</v>
      </c>
      <c r="D5837" s="1" t="s">
        <v>20500</v>
      </c>
      <c r="E5837" s="1" t="s">
        <v>20501</v>
      </c>
      <c r="F5837" s="1" t="s">
        <v>27</v>
      </c>
      <c r="G5837" s="1" t="s">
        <v>10</v>
      </c>
      <c r="H5837" s="1" t="s">
        <v>20502</v>
      </c>
      <c r="I5837" s="1" t="s">
        <v>19310</v>
      </c>
      <c r="J5837" s="1" t="s">
        <v>19754</v>
      </c>
      <c r="K5837" s="1" t="s">
        <v>27</v>
      </c>
      <c r="L5837" s="1" t="s">
        <v>20498</v>
      </c>
      <c r="M5837" s="1" t="s">
        <v>5</v>
      </c>
      <c r="N5837" s="1" t="s">
        <v>960</v>
      </c>
      <c r="O5837" s="1" t="s">
        <v>8</v>
      </c>
      <c r="P5837" s="5" t="s">
        <v>30632</v>
      </c>
    </row>
    <row r="5838" spans="1:16" x14ac:dyDescent="0.2">
      <c r="A5838" s="1" t="s">
        <v>194</v>
      </c>
      <c r="B5838" s="1" t="s">
        <v>6481</v>
      </c>
      <c r="C5838" s="1" t="s">
        <v>20504</v>
      </c>
      <c r="D5838" s="1" t="s">
        <v>20505</v>
      </c>
      <c r="E5838" s="1" t="s">
        <v>20506</v>
      </c>
      <c r="F5838" s="1" t="s">
        <v>27</v>
      </c>
      <c r="G5838" s="1" t="s">
        <v>10</v>
      </c>
      <c r="H5838" s="1" t="s">
        <v>20507</v>
      </c>
      <c r="I5838" s="1" t="s">
        <v>19310</v>
      </c>
      <c r="J5838" s="1" t="s">
        <v>19754</v>
      </c>
      <c r="K5838" s="1" t="s">
        <v>27</v>
      </c>
      <c r="L5838" s="1" t="s">
        <v>20503</v>
      </c>
      <c r="M5838" s="1" t="s">
        <v>5</v>
      </c>
      <c r="N5838" s="1" t="s">
        <v>960</v>
      </c>
      <c r="O5838" s="1" t="s">
        <v>8</v>
      </c>
      <c r="P5838" s="5" t="s">
        <v>10</v>
      </c>
    </row>
    <row r="5839" spans="1:16" x14ac:dyDescent="0.2">
      <c r="A5839" s="1" t="s">
        <v>194</v>
      </c>
      <c r="B5839" s="1" t="s">
        <v>6481</v>
      </c>
      <c r="C5839" s="1" t="s">
        <v>20509</v>
      </c>
      <c r="D5839" s="1" t="s">
        <v>20510</v>
      </c>
      <c r="E5839" s="1" t="s">
        <v>20511</v>
      </c>
      <c r="F5839" s="1" t="s">
        <v>27</v>
      </c>
      <c r="G5839" s="1" t="s">
        <v>10</v>
      </c>
      <c r="H5839" s="1" t="s">
        <v>20512</v>
      </c>
      <c r="I5839" s="1" t="s">
        <v>19310</v>
      </c>
      <c r="J5839" s="1" t="s">
        <v>19754</v>
      </c>
      <c r="K5839" s="1" t="s">
        <v>27</v>
      </c>
      <c r="L5839" s="1" t="s">
        <v>20508</v>
      </c>
      <c r="M5839" s="1" t="s">
        <v>5</v>
      </c>
      <c r="N5839" s="1" t="s">
        <v>960</v>
      </c>
      <c r="O5839" s="1" t="s">
        <v>8</v>
      </c>
      <c r="P5839" s="5" t="s">
        <v>10</v>
      </c>
    </row>
    <row r="5840" spans="1:16" x14ac:dyDescent="0.2">
      <c r="A5840" s="1" t="s">
        <v>194</v>
      </c>
      <c r="B5840" s="1" t="s">
        <v>6481</v>
      </c>
      <c r="C5840" s="1" t="s">
        <v>20514</v>
      </c>
      <c r="D5840" s="1" t="s">
        <v>18729</v>
      </c>
      <c r="E5840" s="1" t="s">
        <v>20515</v>
      </c>
      <c r="F5840" s="1" t="s">
        <v>27</v>
      </c>
      <c r="G5840" s="1" t="s">
        <v>10</v>
      </c>
      <c r="H5840" s="1" t="s">
        <v>20516</v>
      </c>
      <c r="I5840" s="1" t="s">
        <v>19310</v>
      </c>
      <c r="J5840" s="1" t="s">
        <v>19754</v>
      </c>
      <c r="K5840" s="1" t="s">
        <v>27</v>
      </c>
      <c r="L5840" s="1" t="s">
        <v>20513</v>
      </c>
      <c r="M5840" s="1" t="s">
        <v>5</v>
      </c>
      <c r="N5840" s="1" t="s">
        <v>960</v>
      </c>
      <c r="O5840" s="1" t="s">
        <v>8</v>
      </c>
      <c r="P5840" s="5" t="s">
        <v>10</v>
      </c>
    </row>
    <row r="5841" spans="1:16" x14ac:dyDescent="0.2">
      <c r="A5841" s="1" t="s">
        <v>329</v>
      </c>
      <c r="B5841" s="1" t="s">
        <v>340</v>
      </c>
      <c r="C5841" s="1" t="s">
        <v>20518</v>
      </c>
      <c r="D5841" s="1" t="s">
        <v>20519</v>
      </c>
      <c r="E5841" s="1" t="s">
        <v>20520</v>
      </c>
      <c r="F5841" s="1" t="s">
        <v>27</v>
      </c>
      <c r="G5841" s="1" t="s">
        <v>10</v>
      </c>
      <c r="H5841" s="1" t="s">
        <v>20519</v>
      </c>
      <c r="I5841" s="1" t="s">
        <v>19310</v>
      </c>
      <c r="J5841" s="1" t="s">
        <v>19754</v>
      </c>
      <c r="K5841" s="1" t="s">
        <v>27</v>
      </c>
      <c r="L5841" s="1" t="s">
        <v>20517</v>
      </c>
      <c r="M5841" s="1" t="s">
        <v>5</v>
      </c>
      <c r="N5841" s="1" t="s">
        <v>960</v>
      </c>
      <c r="O5841" s="1" t="s">
        <v>8</v>
      </c>
      <c r="P5841" s="5" t="s">
        <v>30602</v>
      </c>
    </row>
    <row r="5842" spans="1:16" x14ac:dyDescent="0.2">
      <c r="A5842" s="1" t="s">
        <v>194</v>
      </c>
      <c r="B5842" s="1" t="s">
        <v>6481</v>
      </c>
      <c r="C5842" s="1" t="s">
        <v>20522</v>
      </c>
      <c r="D5842" s="1" t="s">
        <v>20523</v>
      </c>
      <c r="E5842" s="1" t="s">
        <v>20524</v>
      </c>
      <c r="F5842" s="1" t="s">
        <v>10</v>
      </c>
      <c r="G5842" s="1" t="s">
        <v>10</v>
      </c>
      <c r="H5842" s="1" t="s">
        <v>10</v>
      </c>
      <c r="I5842" s="1" t="s">
        <v>19310</v>
      </c>
      <c r="J5842" s="1" t="s">
        <v>19754</v>
      </c>
      <c r="K5842" s="1" t="s">
        <v>27</v>
      </c>
      <c r="L5842" s="1" t="s">
        <v>20521</v>
      </c>
      <c r="M5842" s="1" t="s">
        <v>5</v>
      </c>
      <c r="N5842" s="1" t="s">
        <v>960</v>
      </c>
      <c r="O5842" s="1" t="s">
        <v>38</v>
      </c>
      <c r="P5842" s="5" t="s">
        <v>30632</v>
      </c>
    </row>
    <row r="5843" spans="1:16" x14ac:dyDescent="0.2">
      <c r="A5843" s="1" t="s">
        <v>194</v>
      </c>
      <c r="B5843" s="1" t="s">
        <v>6481</v>
      </c>
      <c r="C5843" s="1" t="s">
        <v>20527</v>
      </c>
      <c r="D5843" s="1" t="s">
        <v>20528</v>
      </c>
      <c r="E5843" s="1" t="s">
        <v>20529</v>
      </c>
      <c r="F5843" s="1" t="s">
        <v>10</v>
      </c>
      <c r="G5843" s="1" t="s">
        <v>10</v>
      </c>
      <c r="H5843" s="1" t="s">
        <v>10</v>
      </c>
      <c r="I5843" s="1" t="s">
        <v>19310</v>
      </c>
      <c r="J5843" s="1" t="s">
        <v>19754</v>
      </c>
      <c r="K5843" s="1" t="s">
        <v>27</v>
      </c>
      <c r="L5843" s="1" t="s">
        <v>20526</v>
      </c>
      <c r="M5843" s="1" t="s">
        <v>5</v>
      </c>
      <c r="N5843" s="1" t="s">
        <v>960</v>
      </c>
      <c r="O5843" s="1" t="s">
        <v>38</v>
      </c>
      <c r="P5843" s="5" t="s">
        <v>30632</v>
      </c>
    </row>
    <row r="5844" spans="1:16" x14ac:dyDescent="0.2">
      <c r="A5844" s="1" t="s">
        <v>194</v>
      </c>
      <c r="B5844" s="1" t="s">
        <v>6481</v>
      </c>
      <c r="C5844" s="1" t="s">
        <v>20531</v>
      </c>
      <c r="D5844" s="1" t="s">
        <v>16112</v>
      </c>
      <c r="E5844" s="1" t="s">
        <v>20532</v>
      </c>
      <c r="F5844" s="1" t="s">
        <v>10</v>
      </c>
      <c r="G5844" s="1" t="s">
        <v>10</v>
      </c>
      <c r="H5844" s="1" t="s">
        <v>10</v>
      </c>
      <c r="I5844" s="1" t="s">
        <v>19310</v>
      </c>
      <c r="J5844" s="1" t="s">
        <v>19754</v>
      </c>
      <c r="K5844" s="1" t="s">
        <v>27</v>
      </c>
      <c r="L5844" s="1" t="s">
        <v>20530</v>
      </c>
      <c r="M5844" s="1" t="s">
        <v>5</v>
      </c>
      <c r="N5844" s="1" t="s">
        <v>960</v>
      </c>
      <c r="O5844" s="1" t="s">
        <v>38</v>
      </c>
      <c r="P5844" s="5" t="s">
        <v>10</v>
      </c>
    </row>
    <row r="5845" spans="1:16" x14ac:dyDescent="0.2">
      <c r="A5845" s="1" t="s">
        <v>66</v>
      </c>
      <c r="B5845" s="1" t="s">
        <v>1117</v>
      </c>
      <c r="C5845" s="1" t="s">
        <v>20534</v>
      </c>
      <c r="D5845" s="1" t="s">
        <v>20535</v>
      </c>
      <c r="E5845" s="1" t="s">
        <v>20537</v>
      </c>
      <c r="F5845" s="1" t="s">
        <v>10</v>
      </c>
      <c r="G5845" s="1" t="s">
        <v>10</v>
      </c>
      <c r="H5845" s="1" t="s">
        <v>10</v>
      </c>
      <c r="I5845" s="1" t="s">
        <v>19310</v>
      </c>
      <c r="J5845" s="1" t="s">
        <v>20536</v>
      </c>
      <c r="K5845" s="1" t="s">
        <v>27</v>
      </c>
      <c r="L5845" s="1" t="s">
        <v>20533</v>
      </c>
      <c r="M5845" s="1" t="s">
        <v>5</v>
      </c>
      <c r="N5845" s="1" t="s">
        <v>25</v>
      </c>
      <c r="O5845" s="1" t="s">
        <v>38</v>
      </c>
      <c r="P5845" s="5" t="s">
        <v>32085</v>
      </c>
    </row>
    <row r="5846" spans="1:16" x14ac:dyDescent="0.2">
      <c r="A5846" s="1" t="s">
        <v>20</v>
      </c>
      <c r="B5846" s="1" t="s">
        <v>21</v>
      </c>
      <c r="C5846" s="1" t="s">
        <v>20539</v>
      </c>
      <c r="D5846" s="1" t="s">
        <v>20540</v>
      </c>
      <c r="E5846" s="1" t="s">
        <v>20541</v>
      </c>
      <c r="F5846" s="1" t="s">
        <v>522</v>
      </c>
      <c r="G5846" s="1" t="s">
        <v>10</v>
      </c>
      <c r="H5846" s="1" t="s">
        <v>20542</v>
      </c>
      <c r="I5846" s="1" t="s">
        <v>19310</v>
      </c>
      <c r="J5846" s="1" t="s">
        <v>19767</v>
      </c>
      <c r="K5846" s="1" t="s">
        <v>27</v>
      </c>
      <c r="L5846" s="1" t="s">
        <v>20538</v>
      </c>
      <c r="M5846" s="1" t="s">
        <v>5</v>
      </c>
      <c r="N5846" s="1" t="s">
        <v>25</v>
      </c>
      <c r="O5846" s="1" t="s">
        <v>8</v>
      </c>
      <c r="P5846" s="5" t="s">
        <v>32086</v>
      </c>
    </row>
    <row r="5847" spans="1:16" x14ac:dyDescent="0.2">
      <c r="A5847" s="1" t="s">
        <v>66</v>
      </c>
      <c r="B5847" s="1" t="s">
        <v>1117</v>
      </c>
      <c r="C5847" s="1" t="s">
        <v>20544</v>
      </c>
      <c r="D5847" s="1" t="s">
        <v>1352</v>
      </c>
      <c r="E5847" s="1" t="s">
        <v>20546</v>
      </c>
      <c r="F5847" s="1" t="s">
        <v>414</v>
      </c>
      <c r="G5847" s="1" t="s">
        <v>20547</v>
      </c>
      <c r="H5847" s="1" t="s">
        <v>10</v>
      </c>
      <c r="I5847" s="1" t="s">
        <v>19310</v>
      </c>
      <c r="J5847" s="1" t="s">
        <v>20545</v>
      </c>
      <c r="K5847" s="1" t="s">
        <v>27</v>
      </c>
      <c r="L5847" s="1" t="s">
        <v>20543</v>
      </c>
      <c r="M5847" s="1" t="s">
        <v>5</v>
      </c>
      <c r="N5847" s="1" t="s">
        <v>25</v>
      </c>
      <c r="O5847" s="1" t="s">
        <v>8</v>
      </c>
      <c r="P5847" s="5" t="s">
        <v>32087</v>
      </c>
    </row>
    <row r="5848" spans="1:16" x14ac:dyDescent="0.2">
      <c r="A5848" s="1" t="s">
        <v>66</v>
      </c>
      <c r="B5848" s="1" t="s">
        <v>498</v>
      </c>
      <c r="C5848" s="1" t="s">
        <v>20549</v>
      </c>
      <c r="D5848" s="1" t="s">
        <v>20550</v>
      </c>
      <c r="E5848" s="1" t="s">
        <v>20551</v>
      </c>
      <c r="F5848" s="1" t="s">
        <v>27</v>
      </c>
      <c r="G5848" s="1" t="s">
        <v>10</v>
      </c>
      <c r="H5848" s="1" t="s">
        <v>20552</v>
      </c>
      <c r="I5848" s="1" t="s">
        <v>19310</v>
      </c>
      <c r="J5848" s="1" t="s">
        <v>19767</v>
      </c>
      <c r="K5848" s="1" t="s">
        <v>27</v>
      </c>
      <c r="L5848" s="1" t="s">
        <v>20548</v>
      </c>
      <c r="M5848" s="1" t="s">
        <v>5</v>
      </c>
      <c r="N5848" s="1" t="s">
        <v>25</v>
      </c>
      <c r="O5848" s="1" t="s">
        <v>8</v>
      </c>
      <c r="P5848" s="5" t="s">
        <v>32088</v>
      </c>
    </row>
    <row r="5849" spans="1:16" x14ac:dyDescent="0.2">
      <c r="A5849" s="1" t="s">
        <v>20</v>
      </c>
      <c r="B5849" s="1" t="s">
        <v>445</v>
      </c>
      <c r="C5849" s="1" t="s">
        <v>20554</v>
      </c>
      <c r="D5849" s="1" t="s">
        <v>9330</v>
      </c>
      <c r="E5849" s="1" t="s">
        <v>20556</v>
      </c>
      <c r="F5849" s="1" t="s">
        <v>10</v>
      </c>
      <c r="G5849" s="1" t="s">
        <v>10</v>
      </c>
      <c r="H5849" s="1" t="s">
        <v>10</v>
      </c>
      <c r="I5849" s="1" t="s">
        <v>19310</v>
      </c>
      <c r="J5849" s="1" t="s">
        <v>20555</v>
      </c>
      <c r="K5849" s="1" t="s">
        <v>1548</v>
      </c>
      <c r="L5849" s="1" t="s">
        <v>20553</v>
      </c>
      <c r="M5849" s="1" t="s">
        <v>5</v>
      </c>
      <c r="N5849" s="1" t="s">
        <v>25</v>
      </c>
      <c r="O5849" s="1" t="s">
        <v>38</v>
      </c>
      <c r="P5849" s="5" t="s">
        <v>32044</v>
      </c>
    </row>
    <row r="5850" spans="1:16" x14ac:dyDescent="0.2">
      <c r="A5850" s="1" t="s">
        <v>194</v>
      </c>
      <c r="B5850" s="1" t="s">
        <v>7145</v>
      </c>
      <c r="C5850" s="1" t="s">
        <v>20558</v>
      </c>
      <c r="D5850" s="1" t="s">
        <v>20559</v>
      </c>
      <c r="E5850" s="1" t="s">
        <v>20560</v>
      </c>
      <c r="F5850" s="1" t="s">
        <v>27</v>
      </c>
      <c r="G5850" s="1" t="s">
        <v>10</v>
      </c>
      <c r="H5850" s="1" t="s">
        <v>20561</v>
      </c>
      <c r="I5850" s="1" t="s">
        <v>19310</v>
      </c>
      <c r="J5850" s="1" t="s">
        <v>19767</v>
      </c>
      <c r="K5850" s="1" t="s">
        <v>2367</v>
      </c>
      <c r="L5850" s="1" t="s">
        <v>20557</v>
      </c>
      <c r="M5850" s="1" t="s">
        <v>5</v>
      </c>
      <c r="N5850" s="1" t="s">
        <v>25</v>
      </c>
      <c r="O5850" s="1" t="s">
        <v>8</v>
      </c>
      <c r="P5850" s="5" t="s">
        <v>32089</v>
      </c>
    </row>
    <row r="5851" spans="1:16" x14ac:dyDescent="0.2">
      <c r="A5851" s="1" t="s">
        <v>66</v>
      </c>
      <c r="B5851" s="1" t="s">
        <v>67</v>
      </c>
      <c r="C5851" s="1" t="s">
        <v>20563</v>
      </c>
      <c r="D5851" s="1" t="s">
        <v>20564</v>
      </c>
      <c r="E5851" s="1" t="s">
        <v>20565</v>
      </c>
      <c r="F5851" s="1" t="s">
        <v>27</v>
      </c>
      <c r="G5851" s="1" t="s">
        <v>10</v>
      </c>
      <c r="H5851" s="1" t="s">
        <v>20566</v>
      </c>
      <c r="I5851" s="1" t="s">
        <v>19310</v>
      </c>
      <c r="J5851" s="1" t="s">
        <v>19767</v>
      </c>
      <c r="K5851" s="1" t="s">
        <v>2367</v>
      </c>
      <c r="L5851" s="1" t="s">
        <v>20562</v>
      </c>
      <c r="M5851" s="1" t="s">
        <v>5</v>
      </c>
      <c r="N5851" s="1" t="s">
        <v>25</v>
      </c>
      <c r="O5851" s="1" t="s">
        <v>8</v>
      </c>
      <c r="P5851" s="5" t="s">
        <v>32090</v>
      </c>
    </row>
    <row r="5852" spans="1:16" x14ac:dyDescent="0.2">
      <c r="A5852" s="1" t="s">
        <v>20</v>
      </c>
      <c r="B5852" s="1" t="s">
        <v>445</v>
      </c>
      <c r="C5852" s="1" t="s">
        <v>20568</v>
      </c>
      <c r="D5852" s="1" t="s">
        <v>20568</v>
      </c>
      <c r="E5852" s="1" t="s">
        <v>20569</v>
      </c>
      <c r="F5852" s="1" t="s">
        <v>10</v>
      </c>
      <c r="G5852" s="1" t="s">
        <v>10</v>
      </c>
      <c r="H5852" s="1" t="s">
        <v>10</v>
      </c>
      <c r="I5852" s="1" t="s">
        <v>19310</v>
      </c>
      <c r="J5852" s="1" t="s">
        <v>10</v>
      </c>
      <c r="K5852" s="1" t="s">
        <v>27</v>
      </c>
      <c r="L5852" s="1" t="s">
        <v>20567</v>
      </c>
      <c r="M5852" s="1" t="s">
        <v>5</v>
      </c>
      <c r="N5852" s="1" t="s">
        <v>25</v>
      </c>
      <c r="O5852" s="1" t="s">
        <v>38</v>
      </c>
      <c r="P5852" s="5" t="s">
        <v>30330</v>
      </c>
    </row>
    <row r="5853" spans="1:16" x14ac:dyDescent="0.2">
      <c r="A5853" s="1" t="s">
        <v>194</v>
      </c>
      <c r="B5853" s="1" t="s">
        <v>4492</v>
      </c>
      <c r="C5853" s="1" t="s">
        <v>20571</v>
      </c>
      <c r="D5853" s="1" t="s">
        <v>20572</v>
      </c>
      <c r="E5853" s="1" t="s">
        <v>20573</v>
      </c>
      <c r="F5853" s="1" t="s">
        <v>10</v>
      </c>
      <c r="G5853" s="1" t="s">
        <v>10</v>
      </c>
      <c r="H5853" s="1" t="s">
        <v>10</v>
      </c>
      <c r="I5853" s="1" t="s">
        <v>19310</v>
      </c>
      <c r="J5853" s="1" t="s">
        <v>19874</v>
      </c>
      <c r="K5853" s="1" t="s">
        <v>1548</v>
      </c>
      <c r="L5853" s="1" t="s">
        <v>20570</v>
      </c>
      <c r="M5853" s="1" t="s">
        <v>5</v>
      </c>
      <c r="N5853" s="1" t="s">
        <v>960</v>
      </c>
      <c r="O5853" s="1" t="s">
        <v>38</v>
      </c>
      <c r="P5853" s="5" t="s">
        <v>32091</v>
      </c>
    </row>
    <row r="5854" spans="1:16" x14ac:dyDescent="0.2">
      <c r="A5854" s="1" t="s">
        <v>194</v>
      </c>
      <c r="B5854" s="1" t="s">
        <v>4492</v>
      </c>
      <c r="C5854" s="1" t="s">
        <v>20575</v>
      </c>
      <c r="D5854" s="1" t="s">
        <v>20576</v>
      </c>
      <c r="E5854" s="1" t="s">
        <v>20577</v>
      </c>
      <c r="F5854" s="1" t="s">
        <v>10</v>
      </c>
      <c r="G5854" s="1" t="s">
        <v>10</v>
      </c>
      <c r="H5854" s="1" t="s">
        <v>10</v>
      </c>
      <c r="I5854" s="1" t="s">
        <v>19310</v>
      </c>
      <c r="J5854" s="1" t="s">
        <v>19874</v>
      </c>
      <c r="K5854" s="1" t="s">
        <v>1548</v>
      </c>
      <c r="L5854" s="1" t="s">
        <v>20574</v>
      </c>
      <c r="M5854" s="1" t="s">
        <v>5</v>
      </c>
      <c r="N5854" s="1" t="s">
        <v>25</v>
      </c>
      <c r="O5854" s="1" t="s">
        <v>38</v>
      </c>
      <c r="P5854" s="5" t="s">
        <v>30633</v>
      </c>
    </row>
    <row r="5855" spans="1:16" x14ac:dyDescent="0.2">
      <c r="A5855" s="1" t="s">
        <v>194</v>
      </c>
      <c r="B5855" s="1" t="s">
        <v>4492</v>
      </c>
      <c r="C5855" s="1" t="s">
        <v>20579</v>
      </c>
      <c r="D5855" s="1" t="s">
        <v>20580</v>
      </c>
      <c r="E5855" s="1" t="s">
        <v>20581</v>
      </c>
      <c r="F5855" s="1" t="s">
        <v>10</v>
      </c>
      <c r="G5855" s="1" t="s">
        <v>10</v>
      </c>
      <c r="H5855" s="1" t="s">
        <v>10</v>
      </c>
      <c r="I5855" s="1" t="s">
        <v>19310</v>
      </c>
      <c r="J5855" s="1" t="s">
        <v>19874</v>
      </c>
      <c r="K5855" s="1" t="s">
        <v>1548</v>
      </c>
      <c r="L5855" s="1" t="s">
        <v>20578</v>
      </c>
      <c r="M5855" s="1" t="s">
        <v>5</v>
      </c>
      <c r="N5855" s="1" t="s">
        <v>6</v>
      </c>
      <c r="O5855" s="1" t="s">
        <v>38</v>
      </c>
      <c r="P5855" s="5" t="s">
        <v>32092</v>
      </c>
    </row>
    <row r="5856" spans="1:16" x14ac:dyDescent="0.2">
      <c r="A5856" s="1" t="s">
        <v>66</v>
      </c>
      <c r="B5856" s="1" t="s">
        <v>498</v>
      </c>
      <c r="C5856" s="1" t="s">
        <v>20583</v>
      </c>
      <c r="D5856" s="1" t="s">
        <v>20584</v>
      </c>
      <c r="E5856" s="1" t="s">
        <v>20585</v>
      </c>
      <c r="F5856" s="1" t="s">
        <v>10</v>
      </c>
      <c r="G5856" s="1" t="s">
        <v>10</v>
      </c>
      <c r="H5856" s="1" t="s">
        <v>10</v>
      </c>
      <c r="I5856" s="1" t="s">
        <v>19310</v>
      </c>
      <c r="J5856" s="1" t="s">
        <v>19874</v>
      </c>
      <c r="K5856" s="1" t="s">
        <v>1548</v>
      </c>
      <c r="L5856" s="1" t="s">
        <v>20582</v>
      </c>
      <c r="M5856" s="1" t="s">
        <v>5</v>
      </c>
      <c r="N5856" s="1" t="s">
        <v>25</v>
      </c>
      <c r="O5856" s="1" t="s">
        <v>38</v>
      </c>
      <c r="P5856" s="5" t="s">
        <v>32075</v>
      </c>
    </row>
    <row r="5857" spans="1:16" x14ac:dyDescent="0.2">
      <c r="A5857" s="1" t="s">
        <v>66</v>
      </c>
      <c r="B5857" s="1" t="s">
        <v>498</v>
      </c>
      <c r="C5857" s="1" t="s">
        <v>20587</v>
      </c>
      <c r="D5857" s="1" t="s">
        <v>20588</v>
      </c>
      <c r="E5857" s="1" t="s">
        <v>20589</v>
      </c>
      <c r="F5857" s="1" t="s">
        <v>10</v>
      </c>
      <c r="G5857" s="1" t="s">
        <v>10</v>
      </c>
      <c r="H5857" s="1" t="s">
        <v>10</v>
      </c>
      <c r="I5857" s="1" t="s">
        <v>19310</v>
      </c>
      <c r="J5857" s="1" t="s">
        <v>19874</v>
      </c>
      <c r="K5857" s="1" t="s">
        <v>1548</v>
      </c>
      <c r="L5857" s="1" t="s">
        <v>20586</v>
      </c>
      <c r="M5857" s="1" t="s">
        <v>5</v>
      </c>
      <c r="N5857" s="1" t="s">
        <v>25</v>
      </c>
      <c r="O5857" s="1" t="s">
        <v>38</v>
      </c>
      <c r="P5857" s="5" t="s">
        <v>32093</v>
      </c>
    </row>
    <row r="5858" spans="1:16" x14ac:dyDescent="0.2">
      <c r="A5858" s="1" t="s">
        <v>66</v>
      </c>
      <c r="B5858" s="1" t="s">
        <v>498</v>
      </c>
      <c r="C5858" s="1" t="s">
        <v>20591</v>
      </c>
      <c r="D5858" s="1" t="s">
        <v>20592</v>
      </c>
      <c r="E5858" s="1" t="s">
        <v>20593</v>
      </c>
      <c r="F5858" s="1" t="s">
        <v>10</v>
      </c>
      <c r="G5858" s="1" t="s">
        <v>10</v>
      </c>
      <c r="H5858" s="1" t="s">
        <v>10</v>
      </c>
      <c r="I5858" s="1" t="s">
        <v>19310</v>
      </c>
      <c r="J5858" s="1" t="s">
        <v>19874</v>
      </c>
      <c r="K5858" s="1" t="s">
        <v>1548</v>
      </c>
      <c r="L5858" s="1" t="s">
        <v>20590</v>
      </c>
      <c r="M5858" s="1" t="s">
        <v>5</v>
      </c>
      <c r="N5858" s="1" t="s">
        <v>25</v>
      </c>
      <c r="O5858" s="1" t="s">
        <v>38</v>
      </c>
      <c r="P5858" s="5" t="s">
        <v>32075</v>
      </c>
    </row>
    <row r="5859" spans="1:16" x14ac:dyDescent="0.2">
      <c r="A5859" s="1" t="s">
        <v>66</v>
      </c>
      <c r="B5859" s="1" t="s">
        <v>498</v>
      </c>
      <c r="C5859" s="1" t="s">
        <v>20595</v>
      </c>
      <c r="D5859" s="1" t="s">
        <v>20596</v>
      </c>
      <c r="E5859" s="1" t="s">
        <v>20597</v>
      </c>
      <c r="F5859" s="1" t="s">
        <v>10</v>
      </c>
      <c r="G5859" s="1" t="s">
        <v>10</v>
      </c>
      <c r="H5859" s="1" t="s">
        <v>10</v>
      </c>
      <c r="I5859" s="1" t="s">
        <v>19310</v>
      </c>
      <c r="J5859" s="1" t="s">
        <v>19874</v>
      </c>
      <c r="K5859" s="1" t="s">
        <v>1548</v>
      </c>
      <c r="L5859" s="1" t="s">
        <v>20594</v>
      </c>
      <c r="M5859" s="1" t="s">
        <v>5</v>
      </c>
      <c r="N5859" s="1" t="s">
        <v>25</v>
      </c>
      <c r="O5859" s="1" t="s">
        <v>38</v>
      </c>
      <c r="P5859" s="5" t="s">
        <v>32075</v>
      </c>
    </row>
    <row r="5860" spans="1:16" x14ac:dyDescent="0.2">
      <c r="A5860" s="1" t="s">
        <v>66</v>
      </c>
      <c r="B5860" s="1" t="s">
        <v>674</v>
      </c>
      <c r="C5860" s="1" t="s">
        <v>20599</v>
      </c>
      <c r="D5860" s="1" t="s">
        <v>10439</v>
      </c>
      <c r="E5860" s="1" t="s">
        <v>20600</v>
      </c>
      <c r="F5860" s="1" t="s">
        <v>27</v>
      </c>
      <c r="G5860" s="1" t="s">
        <v>10</v>
      </c>
      <c r="H5860" s="1" t="s">
        <v>20601</v>
      </c>
      <c r="I5860" s="1" t="s">
        <v>19310</v>
      </c>
      <c r="J5860" s="1" t="s">
        <v>19874</v>
      </c>
      <c r="K5860" s="1" t="s">
        <v>1548</v>
      </c>
      <c r="L5860" s="1" t="s">
        <v>20598</v>
      </c>
      <c r="M5860" s="1" t="s">
        <v>5</v>
      </c>
      <c r="N5860" s="1" t="s">
        <v>6</v>
      </c>
      <c r="O5860" s="1" t="s">
        <v>8</v>
      </c>
      <c r="P5860" s="5" t="s">
        <v>32075</v>
      </c>
    </row>
    <row r="5861" spans="1:16" x14ac:dyDescent="0.2">
      <c r="A5861" s="1" t="s">
        <v>487</v>
      </c>
      <c r="B5861" s="1" t="s">
        <v>784</v>
      </c>
      <c r="C5861" s="1" t="s">
        <v>20603</v>
      </c>
      <c r="D5861" s="1" t="s">
        <v>532</v>
      </c>
      <c r="E5861" s="1" t="s">
        <v>20604</v>
      </c>
      <c r="F5861" s="1" t="s">
        <v>27</v>
      </c>
      <c r="G5861" s="1" t="s">
        <v>10</v>
      </c>
      <c r="H5861" s="1" t="s">
        <v>20605</v>
      </c>
      <c r="I5861" s="1" t="s">
        <v>19310</v>
      </c>
      <c r="J5861" s="1" t="s">
        <v>19874</v>
      </c>
      <c r="K5861" s="1" t="s">
        <v>1548</v>
      </c>
      <c r="L5861" s="1" t="s">
        <v>20602</v>
      </c>
      <c r="M5861" s="1" t="s">
        <v>5</v>
      </c>
      <c r="N5861" s="1" t="s">
        <v>25</v>
      </c>
      <c r="O5861" s="1" t="s">
        <v>8</v>
      </c>
      <c r="P5861" s="5" t="s">
        <v>32094</v>
      </c>
    </row>
    <row r="5862" spans="1:16" x14ac:dyDescent="0.2">
      <c r="A5862" s="1" t="s">
        <v>194</v>
      </c>
      <c r="B5862" s="1" t="s">
        <v>195</v>
      </c>
      <c r="C5862" s="1" t="s">
        <v>20607</v>
      </c>
      <c r="D5862" s="1" t="s">
        <v>20608</v>
      </c>
      <c r="E5862" s="1" t="s">
        <v>20609</v>
      </c>
      <c r="F5862" s="1" t="s">
        <v>10</v>
      </c>
      <c r="G5862" s="1" t="s">
        <v>10</v>
      </c>
      <c r="H5862" s="1" t="s">
        <v>10</v>
      </c>
      <c r="I5862" s="1" t="s">
        <v>19310</v>
      </c>
      <c r="J5862" s="1" t="s">
        <v>19851</v>
      </c>
      <c r="K5862" s="1" t="s">
        <v>27</v>
      </c>
      <c r="L5862" s="1" t="s">
        <v>20606</v>
      </c>
      <c r="M5862" s="1" t="s">
        <v>5</v>
      </c>
      <c r="N5862" s="1" t="s">
        <v>25</v>
      </c>
      <c r="O5862" s="1" t="s">
        <v>38</v>
      </c>
      <c r="P5862" s="5"/>
    </row>
    <row r="5863" spans="1:16" x14ac:dyDescent="0.2">
      <c r="A5863" s="1" t="s">
        <v>194</v>
      </c>
      <c r="B5863" s="1" t="s">
        <v>6481</v>
      </c>
      <c r="C5863" s="1" t="s">
        <v>20611</v>
      </c>
      <c r="D5863" s="1" t="s">
        <v>20612</v>
      </c>
      <c r="E5863" s="1" t="s">
        <v>20613</v>
      </c>
      <c r="F5863" s="1" t="s">
        <v>10</v>
      </c>
      <c r="G5863" s="1" t="s">
        <v>10</v>
      </c>
      <c r="H5863" s="1" t="s">
        <v>10</v>
      </c>
      <c r="I5863" s="1" t="s">
        <v>19310</v>
      </c>
      <c r="J5863" s="1" t="s">
        <v>19799</v>
      </c>
      <c r="K5863" s="1" t="s">
        <v>27</v>
      </c>
      <c r="L5863" s="1" t="s">
        <v>20610</v>
      </c>
      <c r="M5863" s="1" t="s">
        <v>5</v>
      </c>
      <c r="N5863" s="1" t="s">
        <v>960</v>
      </c>
      <c r="O5863" s="1" t="s">
        <v>38</v>
      </c>
      <c r="P5863" s="5" t="s">
        <v>32095</v>
      </c>
    </row>
    <row r="5864" spans="1:16" x14ac:dyDescent="0.2">
      <c r="A5864" s="1" t="s">
        <v>194</v>
      </c>
      <c r="B5864" s="1" t="s">
        <v>6481</v>
      </c>
      <c r="C5864" s="1" t="s">
        <v>20615</v>
      </c>
      <c r="D5864" s="1" t="s">
        <v>20616</v>
      </c>
      <c r="E5864" s="1" t="s">
        <v>20617</v>
      </c>
      <c r="F5864" s="1" t="s">
        <v>10</v>
      </c>
      <c r="G5864" s="1" t="s">
        <v>10</v>
      </c>
      <c r="H5864" s="1" t="s">
        <v>10</v>
      </c>
      <c r="I5864" s="1" t="s">
        <v>19310</v>
      </c>
      <c r="J5864" s="1" t="s">
        <v>19799</v>
      </c>
      <c r="K5864" s="1" t="s">
        <v>27</v>
      </c>
      <c r="L5864" s="1" t="s">
        <v>20614</v>
      </c>
      <c r="M5864" s="1" t="s">
        <v>5</v>
      </c>
      <c r="N5864" s="1" t="s">
        <v>960</v>
      </c>
      <c r="O5864" s="1" t="s">
        <v>38</v>
      </c>
      <c r="P5864" s="5" t="s">
        <v>32096</v>
      </c>
    </row>
    <row r="5865" spans="1:16" x14ac:dyDescent="0.2">
      <c r="A5865" s="1" t="s">
        <v>194</v>
      </c>
      <c r="B5865" s="1" t="s">
        <v>6481</v>
      </c>
      <c r="C5865" s="1" t="s">
        <v>20619</v>
      </c>
      <c r="D5865" s="1" t="s">
        <v>20620</v>
      </c>
      <c r="E5865" s="1" t="s">
        <v>20621</v>
      </c>
      <c r="F5865" s="1" t="s">
        <v>10</v>
      </c>
      <c r="G5865" s="1" t="s">
        <v>10</v>
      </c>
      <c r="H5865" s="1" t="s">
        <v>10</v>
      </c>
      <c r="I5865" s="1" t="s">
        <v>19310</v>
      </c>
      <c r="J5865" s="1" t="s">
        <v>19799</v>
      </c>
      <c r="K5865" s="1" t="s">
        <v>27</v>
      </c>
      <c r="L5865" s="1" t="s">
        <v>20618</v>
      </c>
      <c r="M5865" s="1" t="s">
        <v>5</v>
      </c>
      <c r="N5865" s="1" t="s">
        <v>960</v>
      </c>
      <c r="O5865" s="1" t="s">
        <v>38</v>
      </c>
      <c r="P5865" s="5" t="s">
        <v>32096</v>
      </c>
    </row>
    <row r="5866" spans="1:16" x14ac:dyDescent="0.2">
      <c r="A5866" s="1" t="s">
        <v>194</v>
      </c>
      <c r="B5866" s="1" t="s">
        <v>6481</v>
      </c>
      <c r="C5866" s="1" t="s">
        <v>20623</v>
      </c>
      <c r="D5866" s="1" t="s">
        <v>20624</v>
      </c>
      <c r="E5866" s="1" t="s">
        <v>20625</v>
      </c>
      <c r="F5866" s="1" t="s">
        <v>10</v>
      </c>
      <c r="G5866" s="1" t="s">
        <v>10</v>
      </c>
      <c r="H5866" s="1" t="s">
        <v>10</v>
      </c>
      <c r="I5866" s="1" t="s">
        <v>19310</v>
      </c>
      <c r="J5866" s="1" t="s">
        <v>20336</v>
      </c>
      <c r="K5866" s="1" t="s">
        <v>27</v>
      </c>
      <c r="L5866" s="1" t="s">
        <v>20622</v>
      </c>
      <c r="M5866" s="1" t="s">
        <v>5</v>
      </c>
      <c r="N5866" s="1" t="s">
        <v>25</v>
      </c>
      <c r="O5866" s="1" t="s">
        <v>38</v>
      </c>
      <c r="P5866" s="5" t="s">
        <v>32097</v>
      </c>
    </row>
    <row r="5867" spans="1:16" x14ac:dyDescent="0.2">
      <c r="A5867" s="1" t="s">
        <v>194</v>
      </c>
      <c r="B5867" s="1" t="s">
        <v>6481</v>
      </c>
      <c r="C5867" s="1" t="s">
        <v>20627</v>
      </c>
      <c r="D5867" s="1" t="s">
        <v>20628</v>
      </c>
      <c r="E5867" s="1" t="s">
        <v>20629</v>
      </c>
      <c r="F5867" s="1" t="s">
        <v>10</v>
      </c>
      <c r="G5867" s="1" t="s">
        <v>10</v>
      </c>
      <c r="H5867" s="1" t="s">
        <v>10</v>
      </c>
      <c r="I5867" s="1" t="s">
        <v>19310</v>
      </c>
      <c r="J5867" s="1" t="s">
        <v>20336</v>
      </c>
      <c r="K5867" s="1" t="s">
        <v>27</v>
      </c>
      <c r="L5867" s="1" t="s">
        <v>20626</v>
      </c>
      <c r="M5867" s="1" t="s">
        <v>5</v>
      </c>
      <c r="N5867" s="1" t="s">
        <v>25</v>
      </c>
      <c r="O5867" s="1" t="s">
        <v>38</v>
      </c>
      <c r="P5867" s="5" t="s">
        <v>32097</v>
      </c>
    </row>
    <row r="5868" spans="1:16" x14ac:dyDescent="0.2">
      <c r="A5868" s="1" t="s">
        <v>20</v>
      </c>
      <c r="B5868" s="1" t="s">
        <v>445</v>
      </c>
      <c r="C5868" s="1" t="s">
        <v>20632</v>
      </c>
      <c r="D5868" s="1" t="s">
        <v>20633</v>
      </c>
      <c r="E5868" s="1" t="s">
        <v>20634</v>
      </c>
      <c r="F5868" s="1" t="s">
        <v>10</v>
      </c>
      <c r="G5868" s="1" t="s">
        <v>10</v>
      </c>
      <c r="H5868" s="1" t="s">
        <v>10</v>
      </c>
      <c r="I5868" s="1" t="s">
        <v>19310</v>
      </c>
      <c r="J5868" s="1" t="s">
        <v>19754</v>
      </c>
      <c r="K5868" s="1" t="s">
        <v>27</v>
      </c>
      <c r="L5868" s="1" t="s">
        <v>20631</v>
      </c>
      <c r="M5868" s="1" t="s">
        <v>5</v>
      </c>
      <c r="N5868" s="1" t="s">
        <v>960</v>
      </c>
      <c r="O5868" s="1" t="s">
        <v>38</v>
      </c>
      <c r="P5868" s="5" t="s">
        <v>30634</v>
      </c>
    </row>
    <row r="5869" spans="1:16" x14ac:dyDescent="0.2">
      <c r="A5869" s="1" t="s">
        <v>1385</v>
      </c>
      <c r="B5869" s="1" t="s">
        <v>1490</v>
      </c>
      <c r="C5869" s="1" t="s">
        <v>20636</v>
      </c>
      <c r="D5869" s="1" t="s">
        <v>20637</v>
      </c>
      <c r="E5869" s="1" t="s">
        <v>20638</v>
      </c>
      <c r="F5869" s="1" t="s">
        <v>27</v>
      </c>
      <c r="G5869" s="1" t="s">
        <v>10</v>
      </c>
      <c r="H5869" s="1" t="s">
        <v>20639</v>
      </c>
      <c r="I5869" s="1" t="s">
        <v>19310</v>
      </c>
      <c r="J5869" s="1" t="s">
        <v>19754</v>
      </c>
      <c r="K5869" s="1" t="s">
        <v>27</v>
      </c>
      <c r="L5869" s="1" t="s">
        <v>20635</v>
      </c>
      <c r="M5869" s="1" t="s">
        <v>5</v>
      </c>
      <c r="N5869" s="1" t="s">
        <v>960</v>
      </c>
      <c r="O5869" s="1" t="s">
        <v>8</v>
      </c>
      <c r="P5869" s="5" t="s">
        <v>54</v>
      </c>
    </row>
    <row r="5870" spans="1:16" x14ac:dyDescent="0.2">
      <c r="A5870" s="1" t="s">
        <v>194</v>
      </c>
      <c r="B5870" s="1" t="s">
        <v>10</v>
      </c>
      <c r="C5870" s="1" t="s">
        <v>20641</v>
      </c>
      <c r="D5870" s="1" t="s">
        <v>20642</v>
      </c>
      <c r="E5870" s="1" t="s">
        <v>20643</v>
      </c>
      <c r="F5870" s="1" t="s">
        <v>27</v>
      </c>
      <c r="G5870" s="1" t="s">
        <v>10</v>
      </c>
      <c r="H5870" s="1" t="s">
        <v>20642</v>
      </c>
      <c r="I5870" s="1" t="s">
        <v>19310</v>
      </c>
      <c r="J5870" s="1" t="s">
        <v>19754</v>
      </c>
      <c r="K5870" s="1" t="s">
        <v>27</v>
      </c>
      <c r="L5870" s="1" t="s">
        <v>20640</v>
      </c>
      <c r="M5870" s="1" t="s">
        <v>5</v>
      </c>
      <c r="N5870" s="1" t="s">
        <v>960</v>
      </c>
      <c r="O5870" s="1" t="s">
        <v>8</v>
      </c>
      <c r="P5870" s="5" t="s">
        <v>32098</v>
      </c>
    </row>
    <row r="5871" spans="1:16" x14ac:dyDescent="0.2">
      <c r="A5871" s="1" t="s">
        <v>194</v>
      </c>
      <c r="B5871" s="1" t="s">
        <v>6481</v>
      </c>
      <c r="C5871" s="1" t="s">
        <v>20645</v>
      </c>
      <c r="D5871" s="1" t="s">
        <v>10</v>
      </c>
      <c r="E5871" s="1" t="s">
        <v>20646</v>
      </c>
      <c r="F5871" s="1" t="s">
        <v>10</v>
      </c>
      <c r="G5871" s="1" t="s">
        <v>10</v>
      </c>
      <c r="H5871" s="1" t="s">
        <v>10</v>
      </c>
      <c r="I5871" s="1" t="s">
        <v>19310</v>
      </c>
      <c r="J5871" s="1" t="s">
        <v>19754</v>
      </c>
      <c r="K5871" s="1" t="s">
        <v>27</v>
      </c>
      <c r="L5871" s="1" t="s">
        <v>20644</v>
      </c>
      <c r="M5871" s="1" t="s">
        <v>5</v>
      </c>
      <c r="N5871" s="1" t="s">
        <v>25</v>
      </c>
      <c r="O5871" s="1" t="s">
        <v>38</v>
      </c>
      <c r="P5871" s="5" t="s">
        <v>30635</v>
      </c>
    </row>
    <row r="5872" spans="1:16" x14ac:dyDescent="0.2">
      <c r="A5872" s="1" t="s">
        <v>20</v>
      </c>
      <c r="B5872" s="1" t="s">
        <v>1047</v>
      </c>
      <c r="C5872" s="1" t="s">
        <v>20648</v>
      </c>
      <c r="D5872" s="1" t="s">
        <v>14917</v>
      </c>
      <c r="E5872" s="1" t="s">
        <v>20649</v>
      </c>
      <c r="F5872" s="1" t="s">
        <v>27</v>
      </c>
      <c r="G5872" s="1" t="s">
        <v>10</v>
      </c>
      <c r="H5872" s="1" t="s">
        <v>1699</v>
      </c>
      <c r="I5872" s="1" t="s">
        <v>19310</v>
      </c>
      <c r="J5872" s="1" t="s">
        <v>19767</v>
      </c>
      <c r="K5872" s="1" t="s">
        <v>27</v>
      </c>
      <c r="L5872" s="1" t="s">
        <v>20647</v>
      </c>
      <c r="M5872" s="1" t="s">
        <v>5</v>
      </c>
      <c r="N5872" s="1" t="s">
        <v>25</v>
      </c>
      <c r="O5872" s="1" t="s">
        <v>8</v>
      </c>
      <c r="P5872" s="5" t="s">
        <v>30636</v>
      </c>
    </row>
    <row r="5873" spans="1:16" x14ac:dyDescent="0.2">
      <c r="A5873" s="1" t="s">
        <v>1385</v>
      </c>
      <c r="B5873" s="1" t="s">
        <v>1490</v>
      </c>
      <c r="C5873" s="1" t="s">
        <v>20651</v>
      </c>
      <c r="D5873" s="1" t="s">
        <v>20652</v>
      </c>
      <c r="E5873" s="1" t="s">
        <v>20653</v>
      </c>
      <c r="F5873" s="1" t="s">
        <v>10</v>
      </c>
      <c r="G5873" s="1" t="s">
        <v>10</v>
      </c>
      <c r="H5873" s="1" t="s">
        <v>10</v>
      </c>
      <c r="I5873" s="1" t="s">
        <v>19310</v>
      </c>
      <c r="J5873" s="1" t="s">
        <v>19851</v>
      </c>
      <c r="K5873" s="1" t="s">
        <v>27</v>
      </c>
      <c r="L5873" s="1" t="s">
        <v>20650</v>
      </c>
      <c r="M5873" s="1" t="s">
        <v>5</v>
      </c>
      <c r="N5873" s="1" t="s">
        <v>25</v>
      </c>
      <c r="O5873" s="1" t="s">
        <v>38</v>
      </c>
      <c r="P5873" s="5" t="s">
        <v>32099</v>
      </c>
    </row>
    <row r="5874" spans="1:16" x14ac:dyDescent="0.2">
      <c r="A5874" s="1" t="s">
        <v>1385</v>
      </c>
      <c r="B5874" s="1" t="s">
        <v>2028</v>
      </c>
      <c r="C5874" s="1" t="s">
        <v>20655</v>
      </c>
      <c r="D5874" s="1" t="s">
        <v>20656</v>
      </c>
      <c r="E5874" s="1" t="s">
        <v>20657</v>
      </c>
      <c r="F5874" s="1" t="s">
        <v>10</v>
      </c>
      <c r="G5874" s="1" t="s">
        <v>10</v>
      </c>
      <c r="H5874" s="1" t="s">
        <v>20658</v>
      </c>
      <c r="I5874" s="1" t="s">
        <v>19310</v>
      </c>
      <c r="J5874" s="1" t="s">
        <v>19851</v>
      </c>
      <c r="K5874" s="1" t="s">
        <v>27</v>
      </c>
      <c r="L5874" s="1" t="s">
        <v>20654</v>
      </c>
      <c r="M5874" s="1" t="s">
        <v>5</v>
      </c>
      <c r="N5874" s="1" t="s">
        <v>25</v>
      </c>
      <c r="O5874" s="1" t="s">
        <v>8</v>
      </c>
      <c r="P5874" s="5" t="s">
        <v>31</v>
      </c>
    </row>
    <row r="5875" spans="1:16" x14ac:dyDescent="0.2">
      <c r="A5875" s="1" t="s">
        <v>1385</v>
      </c>
      <c r="B5875" s="1" t="s">
        <v>1490</v>
      </c>
      <c r="C5875" s="1" t="s">
        <v>20660</v>
      </c>
      <c r="D5875" s="1" t="s">
        <v>14917</v>
      </c>
      <c r="E5875" s="1" t="s">
        <v>20661</v>
      </c>
      <c r="F5875" s="1" t="s">
        <v>27</v>
      </c>
      <c r="G5875" s="1" t="s">
        <v>10</v>
      </c>
      <c r="H5875" s="1" t="s">
        <v>20662</v>
      </c>
      <c r="I5875" s="1" t="s">
        <v>19310</v>
      </c>
      <c r="J5875" s="1" t="s">
        <v>19851</v>
      </c>
      <c r="K5875" s="1" t="s">
        <v>27</v>
      </c>
      <c r="L5875" s="1" t="s">
        <v>20659</v>
      </c>
      <c r="M5875" s="1" t="s">
        <v>5</v>
      </c>
      <c r="N5875" s="1" t="s">
        <v>25</v>
      </c>
      <c r="O5875" s="1" t="s">
        <v>8</v>
      </c>
      <c r="P5875" s="5" t="s">
        <v>32100</v>
      </c>
    </row>
    <row r="5876" spans="1:16" x14ac:dyDescent="0.2">
      <c r="A5876" s="1" t="s">
        <v>66</v>
      </c>
      <c r="B5876" s="1" t="s">
        <v>1127</v>
      </c>
      <c r="C5876" s="1" t="s">
        <v>20664</v>
      </c>
      <c r="D5876" s="1" t="s">
        <v>14917</v>
      </c>
      <c r="E5876" s="1" t="s">
        <v>20665</v>
      </c>
      <c r="F5876" s="1" t="s">
        <v>27</v>
      </c>
      <c r="G5876" s="1" t="s">
        <v>10</v>
      </c>
      <c r="H5876" s="1" t="s">
        <v>10</v>
      </c>
      <c r="I5876" s="1" t="s">
        <v>19310</v>
      </c>
      <c r="J5876" s="1" t="s">
        <v>19767</v>
      </c>
      <c r="K5876" s="1" t="s">
        <v>27</v>
      </c>
      <c r="L5876" s="1" t="s">
        <v>20663</v>
      </c>
      <c r="M5876" s="1" t="s">
        <v>5</v>
      </c>
      <c r="N5876" s="1" t="s">
        <v>25</v>
      </c>
      <c r="O5876" s="1" t="s">
        <v>8</v>
      </c>
      <c r="P5876" s="5" t="s">
        <v>30915</v>
      </c>
    </row>
    <row r="5877" spans="1:16" x14ac:dyDescent="0.2">
      <c r="A5877" s="1" t="s">
        <v>66</v>
      </c>
      <c r="B5877" s="1" t="s">
        <v>498</v>
      </c>
      <c r="C5877" s="1" t="s">
        <v>20667</v>
      </c>
      <c r="D5877" s="1" t="s">
        <v>20668</v>
      </c>
      <c r="E5877" s="1" t="s">
        <v>20669</v>
      </c>
      <c r="F5877" s="1" t="s">
        <v>27</v>
      </c>
      <c r="G5877" s="1" t="s">
        <v>10</v>
      </c>
      <c r="H5877" s="1" t="s">
        <v>20670</v>
      </c>
      <c r="I5877" s="1" t="s">
        <v>19310</v>
      </c>
      <c r="J5877" s="1" t="s">
        <v>19799</v>
      </c>
      <c r="K5877" s="1" t="s">
        <v>27</v>
      </c>
      <c r="L5877" s="1" t="s">
        <v>20666</v>
      </c>
      <c r="M5877" s="1" t="s">
        <v>5</v>
      </c>
      <c r="N5877" s="1" t="s">
        <v>432</v>
      </c>
      <c r="O5877" s="1" t="s">
        <v>8</v>
      </c>
      <c r="P5877" s="5" t="s">
        <v>32101</v>
      </c>
    </row>
    <row r="5878" spans="1:16" x14ac:dyDescent="0.2">
      <c r="A5878" s="1" t="s">
        <v>194</v>
      </c>
      <c r="B5878" s="1" t="s">
        <v>6481</v>
      </c>
      <c r="C5878" s="1" t="s">
        <v>20672</v>
      </c>
      <c r="D5878" s="1" t="s">
        <v>20673</v>
      </c>
      <c r="E5878" s="1" t="s">
        <v>20674</v>
      </c>
      <c r="F5878" s="1" t="s">
        <v>10</v>
      </c>
      <c r="G5878" s="1" t="s">
        <v>10</v>
      </c>
      <c r="H5878" s="1" t="s">
        <v>10</v>
      </c>
      <c r="I5878" s="1" t="s">
        <v>19310</v>
      </c>
      <c r="J5878" s="1" t="s">
        <v>19799</v>
      </c>
      <c r="K5878" s="1" t="s">
        <v>27</v>
      </c>
      <c r="L5878" s="1" t="s">
        <v>20671</v>
      </c>
      <c r="M5878" s="1" t="s">
        <v>5</v>
      </c>
      <c r="N5878" s="1" t="s">
        <v>960</v>
      </c>
      <c r="O5878" s="1" t="s">
        <v>38</v>
      </c>
      <c r="P5878" s="5" t="s">
        <v>32102</v>
      </c>
    </row>
    <row r="5879" spans="1:16" x14ac:dyDescent="0.2">
      <c r="A5879" s="1" t="s">
        <v>66</v>
      </c>
      <c r="B5879" s="1" t="s">
        <v>498</v>
      </c>
      <c r="C5879" s="1" t="s">
        <v>20676</v>
      </c>
      <c r="D5879" s="1" t="s">
        <v>20677</v>
      </c>
      <c r="E5879" s="1" t="s">
        <v>20678</v>
      </c>
      <c r="F5879" s="1" t="s">
        <v>27</v>
      </c>
      <c r="G5879" s="1" t="s">
        <v>10</v>
      </c>
      <c r="H5879" s="1" t="s">
        <v>20679</v>
      </c>
      <c r="I5879" s="1" t="s">
        <v>19310</v>
      </c>
      <c r="J5879" s="1" t="s">
        <v>19799</v>
      </c>
      <c r="K5879" s="1" t="s">
        <v>27</v>
      </c>
      <c r="L5879" s="1" t="s">
        <v>20675</v>
      </c>
      <c r="M5879" s="1" t="s">
        <v>5</v>
      </c>
      <c r="N5879" s="1" t="s">
        <v>960</v>
      </c>
      <c r="O5879" s="1" t="s">
        <v>8</v>
      </c>
      <c r="P5879" s="5" t="s">
        <v>32103</v>
      </c>
    </row>
    <row r="5880" spans="1:16" x14ac:dyDescent="0.2">
      <c r="A5880" s="1" t="s">
        <v>194</v>
      </c>
      <c r="B5880" s="1" t="s">
        <v>6481</v>
      </c>
      <c r="C5880" s="1" t="s">
        <v>20681</v>
      </c>
      <c r="D5880" s="1" t="s">
        <v>20682</v>
      </c>
      <c r="E5880" s="1" t="s">
        <v>20683</v>
      </c>
      <c r="F5880" s="1" t="s">
        <v>10</v>
      </c>
      <c r="G5880" s="1" t="s">
        <v>10</v>
      </c>
      <c r="H5880" s="1" t="s">
        <v>10</v>
      </c>
      <c r="I5880" s="1" t="s">
        <v>19310</v>
      </c>
      <c r="J5880" s="1" t="s">
        <v>19799</v>
      </c>
      <c r="K5880" s="1" t="s">
        <v>27</v>
      </c>
      <c r="L5880" s="1" t="s">
        <v>20680</v>
      </c>
      <c r="M5880" s="1" t="s">
        <v>5</v>
      </c>
      <c r="N5880" s="1" t="s">
        <v>25</v>
      </c>
      <c r="O5880" s="1" t="s">
        <v>38</v>
      </c>
      <c r="P5880" s="5" t="s">
        <v>32104</v>
      </c>
    </row>
    <row r="5881" spans="1:16" x14ac:dyDescent="0.2">
      <c r="A5881" s="1" t="s">
        <v>194</v>
      </c>
      <c r="B5881" s="1" t="s">
        <v>6481</v>
      </c>
      <c r="C5881" s="1" t="s">
        <v>20685</v>
      </c>
      <c r="D5881" s="1" t="s">
        <v>20686</v>
      </c>
      <c r="E5881" s="1" t="s">
        <v>20687</v>
      </c>
      <c r="F5881" s="1" t="s">
        <v>10</v>
      </c>
      <c r="G5881" s="1" t="s">
        <v>10</v>
      </c>
      <c r="H5881" s="1" t="s">
        <v>10</v>
      </c>
      <c r="I5881" s="1" t="s">
        <v>19310</v>
      </c>
      <c r="J5881" s="1" t="s">
        <v>19799</v>
      </c>
      <c r="K5881" s="1" t="s">
        <v>27</v>
      </c>
      <c r="L5881" s="1" t="s">
        <v>20684</v>
      </c>
      <c r="M5881" s="1" t="s">
        <v>5</v>
      </c>
      <c r="N5881" s="1" t="s">
        <v>960</v>
      </c>
      <c r="O5881" s="1" t="s">
        <v>38</v>
      </c>
      <c r="P5881" s="5" t="s">
        <v>32105</v>
      </c>
    </row>
    <row r="5882" spans="1:16" x14ac:dyDescent="0.2">
      <c r="A5882" s="1" t="s">
        <v>194</v>
      </c>
      <c r="B5882" s="1" t="s">
        <v>6481</v>
      </c>
      <c r="C5882" s="1" t="s">
        <v>20689</v>
      </c>
      <c r="D5882" s="1" t="s">
        <v>20690</v>
      </c>
      <c r="E5882" s="1" t="s">
        <v>20691</v>
      </c>
      <c r="F5882" s="1" t="s">
        <v>10</v>
      </c>
      <c r="G5882" s="1" t="s">
        <v>10</v>
      </c>
      <c r="H5882" s="1" t="s">
        <v>10</v>
      </c>
      <c r="I5882" s="1" t="s">
        <v>19310</v>
      </c>
      <c r="J5882" s="1" t="s">
        <v>19799</v>
      </c>
      <c r="K5882" s="1" t="s">
        <v>27</v>
      </c>
      <c r="L5882" s="1" t="s">
        <v>20688</v>
      </c>
      <c r="M5882" s="1" t="s">
        <v>5</v>
      </c>
      <c r="N5882" s="1" t="s">
        <v>960</v>
      </c>
      <c r="O5882" s="1" t="s">
        <v>38</v>
      </c>
      <c r="P5882" s="5" t="s">
        <v>32106</v>
      </c>
    </row>
    <row r="5883" spans="1:16" x14ac:dyDescent="0.2">
      <c r="A5883" s="1" t="s">
        <v>194</v>
      </c>
      <c r="B5883" s="1" t="s">
        <v>6481</v>
      </c>
      <c r="C5883" s="1" t="s">
        <v>20693</v>
      </c>
      <c r="D5883" s="1" t="s">
        <v>20694</v>
      </c>
      <c r="E5883" s="1" t="s">
        <v>20695</v>
      </c>
      <c r="F5883" s="1" t="s">
        <v>10</v>
      </c>
      <c r="G5883" s="1" t="s">
        <v>10</v>
      </c>
      <c r="H5883" s="1" t="s">
        <v>10</v>
      </c>
      <c r="I5883" s="1" t="s">
        <v>19310</v>
      </c>
      <c r="J5883" s="1" t="s">
        <v>19799</v>
      </c>
      <c r="K5883" s="1" t="s">
        <v>27</v>
      </c>
      <c r="L5883" s="1" t="s">
        <v>20692</v>
      </c>
      <c r="M5883" s="1" t="s">
        <v>5</v>
      </c>
      <c r="N5883" s="1" t="s">
        <v>6</v>
      </c>
      <c r="O5883" s="1" t="s">
        <v>38</v>
      </c>
      <c r="P5883" s="5" t="s">
        <v>32107</v>
      </c>
    </row>
    <row r="5884" spans="1:16" x14ac:dyDescent="0.2">
      <c r="A5884" s="1" t="s">
        <v>194</v>
      </c>
      <c r="B5884" s="1" t="s">
        <v>6481</v>
      </c>
      <c r="C5884" s="1" t="s">
        <v>20697</v>
      </c>
      <c r="D5884" s="1" t="s">
        <v>20698</v>
      </c>
      <c r="E5884" s="1" t="s">
        <v>20699</v>
      </c>
      <c r="F5884" s="1" t="s">
        <v>27</v>
      </c>
      <c r="G5884" s="1" t="s">
        <v>10</v>
      </c>
      <c r="H5884" s="1" t="s">
        <v>20700</v>
      </c>
      <c r="I5884" s="1" t="s">
        <v>19310</v>
      </c>
      <c r="J5884" s="1" t="s">
        <v>19799</v>
      </c>
      <c r="K5884" s="1" t="s">
        <v>27</v>
      </c>
      <c r="L5884" s="1" t="s">
        <v>20696</v>
      </c>
      <c r="M5884" s="1" t="s">
        <v>5</v>
      </c>
      <c r="N5884" s="1" t="s">
        <v>6</v>
      </c>
      <c r="O5884" s="1" t="s">
        <v>8</v>
      </c>
      <c r="P5884" s="5" t="s">
        <v>32108</v>
      </c>
    </row>
    <row r="5885" spans="1:16" x14ac:dyDescent="0.2">
      <c r="A5885" s="1" t="s">
        <v>194</v>
      </c>
      <c r="B5885" s="1" t="s">
        <v>6481</v>
      </c>
      <c r="C5885" s="1" t="s">
        <v>20702</v>
      </c>
      <c r="D5885" s="1" t="s">
        <v>20703</v>
      </c>
      <c r="E5885" s="1" t="s">
        <v>20704</v>
      </c>
      <c r="F5885" s="1" t="s">
        <v>10</v>
      </c>
      <c r="G5885" s="1" t="s">
        <v>10</v>
      </c>
      <c r="H5885" s="1" t="s">
        <v>10</v>
      </c>
      <c r="I5885" s="1" t="s">
        <v>19310</v>
      </c>
      <c r="J5885" s="1" t="s">
        <v>19799</v>
      </c>
      <c r="K5885" s="1" t="s">
        <v>27</v>
      </c>
      <c r="L5885" s="1" t="s">
        <v>20701</v>
      </c>
      <c r="M5885" s="1" t="s">
        <v>5</v>
      </c>
      <c r="N5885" s="1" t="s">
        <v>960</v>
      </c>
      <c r="O5885" s="1" t="s">
        <v>38</v>
      </c>
      <c r="P5885" s="5" t="s">
        <v>32109</v>
      </c>
    </row>
    <row r="5886" spans="1:16" x14ac:dyDescent="0.2">
      <c r="A5886" s="1" t="s">
        <v>194</v>
      </c>
      <c r="B5886" s="1" t="s">
        <v>6481</v>
      </c>
      <c r="C5886" s="1" t="s">
        <v>20706</v>
      </c>
      <c r="D5886" s="1" t="s">
        <v>20707</v>
      </c>
      <c r="E5886" s="1" t="s">
        <v>20708</v>
      </c>
      <c r="F5886" s="1" t="s">
        <v>27</v>
      </c>
      <c r="G5886" s="1" t="s">
        <v>10</v>
      </c>
      <c r="H5886" s="1" t="s">
        <v>20709</v>
      </c>
      <c r="I5886" s="1" t="s">
        <v>19310</v>
      </c>
      <c r="J5886" s="1" t="s">
        <v>19799</v>
      </c>
      <c r="K5886" s="1" t="s">
        <v>27</v>
      </c>
      <c r="L5886" s="1" t="s">
        <v>20705</v>
      </c>
      <c r="M5886" s="1" t="s">
        <v>5</v>
      </c>
      <c r="N5886" s="1" t="s">
        <v>960</v>
      </c>
      <c r="O5886" s="1" t="s">
        <v>8</v>
      </c>
      <c r="P5886" s="5" t="s">
        <v>32110</v>
      </c>
    </row>
    <row r="5887" spans="1:16" x14ac:dyDescent="0.2">
      <c r="A5887" s="1" t="s">
        <v>194</v>
      </c>
      <c r="B5887" s="1" t="s">
        <v>6481</v>
      </c>
      <c r="C5887" s="1" t="s">
        <v>20711</v>
      </c>
      <c r="D5887" s="1" t="s">
        <v>20712</v>
      </c>
      <c r="E5887" s="1" t="s">
        <v>20713</v>
      </c>
      <c r="F5887" s="1" t="s">
        <v>10</v>
      </c>
      <c r="G5887" s="1" t="s">
        <v>10</v>
      </c>
      <c r="H5887" s="1" t="s">
        <v>10</v>
      </c>
      <c r="I5887" s="1" t="s">
        <v>19310</v>
      </c>
      <c r="J5887" s="1" t="s">
        <v>19799</v>
      </c>
      <c r="K5887" s="1" t="s">
        <v>27</v>
      </c>
      <c r="L5887" s="1" t="s">
        <v>20710</v>
      </c>
      <c r="M5887" s="1" t="s">
        <v>5</v>
      </c>
      <c r="N5887" s="1" t="s">
        <v>960</v>
      </c>
      <c r="O5887" s="1" t="s">
        <v>38</v>
      </c>
      <c r="P5887" s="5" t="s">
        <v>32111</v>
      </c>
    </row>
    <row r="5888" spans="1:16" x14ac:dyDescent="0.2">
      <c r="A5888" s="1" t="s">
        <v>194</v>
      </c>
      <c r="B5888" s="1" t="s">
        <v>6481</v>
      </c>
      <c r="C5888" s="1" t="s">
        <v>20715</v>
      </c>
      <c r="D5888" s="1" t="s">
        <v>20716</v>
      </c>
      <c r="E5888" s="1" t="s">
        <v>20717</v>
      </c>
      <c r="F5888" s="1" t="s">
        <v>10</v>
      </c>
      <c r="G5888" s="1" t="s">
        <v>10</v>
      </c>
      <c r="H5888" s="1" t="s">
        <v>10</v>
      </c>
      <c r="I5888" s="1" t="s">
        <v>19310</v>
      </c>
      <c r="J5888" s="1" t="s">
        <v>19799</v>
      </c>
      <c r="K5888" s="1" t="s">
        <v>27</v>
      </c>
      <c r="L5888" s="1" t="s">
        <v>20714</v>
      </c>
      <c r="M5888" s="1" t="s">
        <v>5</v>
      </c>
      <c r="N5888" s="1" t="s">
        <v>960</v>
      </c>
      <c r="O5888" s="1" t="s">
        <v>38</v>
      </c>
      <c r="P5888" s="5" t="s">
        <v>32112</v>
      </c>
    </row>
    <row r="5889" spans="1:16" x14ac:dyDescent="0.2">
      <c r="A5889" s="1" t="s">
        <v>194</v>
      </c>
      <c r="B5889" s="1" t="s">
        <v>6481</v>
      </c>
      <c r="C5889" s="1" t="s">
        <v>20719</v>
      </c>
      <c r="D5889" s="1" t="s">
        <v>20720</v>
      </c>
      <c r="E5889" s="1" t="s">
        <v>20721</v>
      </c>
      <c r="F5889" s="1" t="s">
        <v>27</v>
      </c>
      <c r="G5889" s="1" t="s">
        <v>10</v>
      </c>
      <c r="H5889" s="1" t="s">
        <v>20722</v>
      </c>
      <c r="I5889" s="1" t="s">
        <v>19310</v>
      </c>
      <c r="J5889" s="1" t="s">
        <v>19799</v>
      </c>
      <c r="K5889" s="1" t="s">
        <v>27</v>
      </c>
      <c r="L5889" s="1" t="s">
        <v>20718</v>
      </c>
      <c r="M5889" s="1" t="s">
        <v>5</v>
      </c>
      <c r="N5889" s="1" t="s">
        <v>960</v>
      </c>
      <c r="O5889" s="1" t="s">
        <v>8</v>
      </c>
      <c r="P5889" s="5" t="s">
        <v>32113</v>
      </c>
    </row>
    <row r="5890" spans="1:16" x14ac:dyDescent="0.2">
      <c r="A5890" s="1" t="s">
        <v>194</v>
      </c>
      <c r="B5890" s="1" t="s">
        <v>6481</v>
      </c>
      <c r="C5890" s="1" t="s">
        <v>20724</v>
      </c>
      <c r="D5890" s="1" t="s">
        <v>20725</v>
      </c>
      <c r="E5890" s="1" t="s">
        <v>20726</v>
      </c>
      <c r="F5890" s="1" t="s">
        <v>27</v>
      </c>
      <c r="G5890" s="1" t="s">
        <v>10</v>
      </c>
      <c r="H5890" s="1" t="s">
        <v>20727</v>
      </c>
      <c r="I5890" s="1" t="s">
        <v>19310</v>
      </c>
      <c r="J5890" s="1" t="s">
        <v>19799</v>
      </c>
      <c r="K5890" s="1" t="s">
        <v>27</v>
      </c>
      <c r="L5890" s="1" t="s">
        <v>20723</v>
      </c>
      <c r="M5890" s="1" t="s">
        <v>5</v>
      </c>
      <c r="N5890" s="1" t="s">
        <v>960</v>
      </c>
      <c r="O5890" s="1" t="s">
        <v>8</v>
      </c>
      <c r="P5890" s="5" t="s">
        <v>32114</v>
      </c>
    </row>
    <row r="5891" spans="1:16" x14ac:dyDescent="0.2">
      <c r="A5891" s="1" t="s">
        <v>194</v>
      </c>
      <c r="B5891" s="1" t="s">
        <v>6481</v>
      </c>
      <c r="C5891" s="1" t="s">
        <v>20729</v>
      </c>
      <c r="D5891" s="1" t="s">
        <v>20730</v>
      </c>
      <c r="E5891" s="1" t="s">
        <v>20731</v>
      </c>
      <c r="F5891" s="1" t="s">
        <v>10</v>
      </c>
      <c r="G5891" s="1" t="s">
        <v>10</v>
      </c>
      <c r="H5891" s="1" t="s">
        <v>10</v>
      </c>
      <c r="I5891" s="1" t="s">
        <v>19310</v>
      </c>
      <c r="J5891" s="1" t="s">
        <v>19799</v>
      </c>
      <c r="K5891" s="1" t="s">
        <v>27</v>
      </c>
      <c r="L5891" s="1" t="s">
        <v>20728</v>
      </c>
      <c r="M5891" s="1" t="s">
        <v>5</v>
      </c>
      <c r="N5891" s="1" t="s">
        <v>960</v>
      </c>
      <c r="O5891" s="1" t="s">
        <v>38</v>
      </c>
      <c r="P5891" s="5" t="s">
        <v>32115</v>
      </c>
    </row>
    <row r="5892" spans="1:16" x14ac:dyDescent="0.2">
      <c r="A5892" s="1" t="s">
        <v>194</v>
      </c>
      <c r="B5892" s="1" t="s">
        <v>6481</v>
      </c>
      <c r="C5892" s="1" t="s">
        <v>20733</v>
      </c>
      <c r="D5892" s="1" t="s">
        <v>20734</v>
      </c>
      <c r="E5892" s="1" t="s">
        <v>20735</v>
      </c>
      <c r="F5892" s="1" t="s">
        <v>27</v>
      </c>
      <c r="G5892" s="1" t="s">
        <v>10</v>
      </c>
      <c r="H5892" s="1" t="s">
        <v>20736</v>
      </c>
      <c r="I5892" s="1" t="s">
        <v>19310</v>
      </c>
      <c r="J5892" s="1" t="s">
        <v>19799</v>
      </c>
      <c r="K5892" s="1" t="s">
        <v>27</v>
      </c>
      <c r="L5892" s="1" t="s">
        <v>20732</v>
      </c>
      <c r="M5892" s="1" t="s">
        <v>5</v>
      </c>
      <c r="N5892" s="1" t="s">
        <v>25</v>
      </c>
      <c r="O5892" s="1" t="s">
        <v>8</v>
      </c>
      <c r="P5892" s="5" t="s">
        <v>32116</v>
      </c>
    </row>
    <row r="5893" spans="1:16" x14ac:dyDescent="0.2">
      <c r="A5893" s="1" t="s">
        <v>194</v>
      </c>
      <c r="B5893" s="1" t="s">
        <v>6481</v>
      </c>
      <c r="C5893" s="1" t="s">
        <v>20738</v>
      </c>
      <c r="D5893" s="1" t="s">
        <v>20739</v>
      </c>
      <c r="E5893" s="1" t="s">
        <v>20740</v>
      </c>
      <c r="F5893" s="1" t="s">
        <v>27</v>
      </c>
      <c r="G5893" s="1" t="s">
        <v>10</v>
      </c>
      <c r="H5893" s="1" t="s">
        <v>20741</v>
      </c>
      <c r="I5893" s="1" t="s">
        <v>19310</v>
      </c>
      <c r="J5893" s="1" t="s">
        <v>19799</v>
      </c>
      <c r="K5893" s="1" t="s">
        <v>27</v>
      </c>
      <c r="L5893" s="1" t="s">
        <v>20737</v>
      </c>
      <c r="M5893" s="1" t="s">
        <v>5</v>
      </c>
      <c r="N5893" s="1" t="s">
        <v>960</v>
      </c>
      <c r="O5893" s="1" t="s">
        <v>8</v>
      </c>
      <c r="P5893" s="5" t="s">
        <v>32117</v>
      </c>
    </row>
    <row r="5894" spans="1:16" x14ac:dyDescent="0.2">
      <c r="A5894" s="1" t="s">
        <v>66</v>
      </c>
      <c r="B5894" s="1" t="s">
        <v>1127</v>
      </c>
      <c r="C5894" s="1" t="s">
        <v>20743</v>
      </c>
      <c r="D5894" s="1" t="s">
        <v>20744</v>
      </c>
      <c r="E5894" s="1" t="s">
        <v>20745</v>
      </c>
      <c r="F5894" s="1" t="s">
        <v>10</v>
      </c>
      <c r="G5894" s="1" t="s">
        <v>10</v>
      </c>
      <c r="H5894" s="1" t="s">
        <v>10</v>
      </c>
      <c r="I5894" s="1" t="s">
        <v>19310</v>
      </c>
      <c r="J5894" s="1" t="s">
        <v>19799</v>
      </c>
      <c r="K5894" s="1" t="s">
        <v>27</v>
      </c>
      <c r="L5894" s="1" t="s">
        <v>20742</v>
      </c>
      <c r="M5894" s="1" t="s">
        <v>5</v>
      </c>
      <c r="N5894" s="1" t="s">
        <v>960</v>
      </c>
      <c r="O5894" s="1" t="s">
        <v>38</v>
      </c>
      <c r="P5894" s="5" t="s">
        <v>32118</v>
      </c>
    </row>
    <row r="5895" spans="1:16" x14ac:dyDescent="0.2">
      <c r="A5895" s="1" t="s">
        <v>66</v>
      </c>
      <c r="B5895" s="1" t="s">
        <v>498</v>
      </c>
      <c r="C5895" s="1" t="s">
        <v>20747</v>
      </c>
      <c r="D5895" s="1" t="s">
        <v>20748</v>
      </c>
      <c r="E5895" s="1" t="s">
        <v>20749</v>
      </c>
      <c r="F5895" s="1" t="s">
        <v>27</v>
      </c>
      <c r="G5895" s="1" t="s">
        <v>10</v>
      </c>
      <c r="H5895" s="1" t="s">
        <v>20750</v>
      </c>
      <c r="I5895" s="1" t="s">
        <v>19310</v>
      </c>
      <c r="J5895" s="1" t="s">
        <v>19799</v>
      </c>
      <c r="K5895" s="1" t="s">
        <v>27</v>
      </c>
      <c r="L5895" s="1" t="s">
        <v>20746</v>
      </c>
      <c r="M5895" s="1" t="s">
        <v>5</v>
      </c>
      <c r="N5895" s="1" t="s">
        <v>960</v>
      </c>
      <c r="O5895" s="1" t="s">
        <v>8</v>
      </c>
      <c r="P5895" s="5" t="s">
        <v>32119</v>
      </c>
    </row>
    <row r="5896" spans="1:16" x14ac:dyDescent="0.2">
      <c r="A5896" s="1" t="s">
        <v>66</v>
      </c>
      <c r="B5896" s="1" t="s">
        <v>498</v>
      </c>
      <c r="C5896" s="1" t="s">
        <v>20752</v>
      </c>
      <c r="D5896" s="1" t="s">
        <v>20753</v>
      </c>
      <c r="E5896" s="1" t="s">
        <v>20754</v>
      </c>
      <c r="F5896" s="1" t="s">
        <v>27</v>
      </c>
      <c r="G5896" s="1" t="s">
        <v>10</v>
      </c>
      <c r="H5896" s="1" t="s">
        <v>20679</v>
      </c>
      <c r="I5896" s="1" t="s">
        <v>19310</v>
      </c>
      <c r="J5896" s="1" t="s">
        <v>19799</v>
      </c>
      <c r="K5896" s="1" t="s">
        <v>27</v>
      </c>
      <c r="L5896" s="1" t="s">
        <v>20751</v>
      </c>
      <c r="M5896" s="1" t="s">
        <v>5</v>
      </c>
      <c r="N5896" s="1" t="s">
        <v>960</v>
      </c>
      <c r="O5896" s="1" t="s">
        <v>8</v>
      </c>
      <c r="P5896" s="5" t="s">
        <v>32120</v>
      </c>
    </row>
    <row r="5897" spans="1:16" x14ac:dyDescent="0.2">
      <c r="A5897" s="1" t="s">
        <v>194</v>
      </c>
      <c r="B5897" s="1" t="s">
        <v>6481</v>
      </c>
      <c r="C5897" s="1" t="s">
        <v>20756</v>
      </c>
      <c r="D5897" s="1" t="s">
        <v>20757</v>
      </c>
      <c r="E5897" s="1" t="s">
        <v>20758</v>
      </c>
      <c r="F5897" s="1" t="s">
        <v>10</v>
      </c>
      <c r="G5897" s="1" t="s">
        <v>10</v>
      </c>
      <c r="H5897" s="1" t="s">
        <v>10</v>
      </c>
      <c r="I5897" s="1" t="s">
        <v>19310</v>
      </c>
      <c r="J5897" s="1" t="s">
        <v>19799</v>
      </c>
      <c r="K5897" s="1" t="s">
        <v>27</v>
      </c>
      <c r="L5897" s="1" t="s">
        <v>20755</v>
      </c>
      <c r="M5897" s="1" t="s">
        <v>5</v>
      </c>
      <c r="N5897" s="1" t="s">
        <v>6</v>
      </c>
      <c r="O5897" s="1" t="s">
        <v>38</v>
      </c>
      <c r="P5897" s="5" t="s">
        <v>32121</v>
      </c>
    </row>
    <row r="5898" spans="1:16" x14ac:dyDescent="0.2">
      <c r="A5898" s="1" t="s">
        <v>194</v>
      </c>
      <c r="B5898" s="1" t="s">
        <v>6481</v>
      </c>
      <c r="C5898" s="1" t="s">
        <v>20760</v>
      </c>
      <c r="D5898" s="1" t="s">
        <v>20761</v>
      </c>
      <c r="E5898" s="1" t="s">
        <v>20762</v>
      </c>
      <c r="F5898" s="1" t="s">
        <v>27</v>
      </c>
      <c r="G5898" s="1" t="s">
        <v>10</v>
      </c>
      <c r="H5898" s="1" t="s">
        <v>8649</v>
      </c>
      <c r="I5898" s="1" t="s">
        <v>19310</v>
      </c>
      <c r="J5898" s="1" t="s">
        <v>19799</v>
      </c>
      <c r="K5898" s="1" t="s">
        <v>27</v>
      </c>
      <c r="L5898" s="1" t="s">
        <v>20759</v>
      </c>
      <c r="M5898" s="1" t="s">
        <v>5</v>
      </c>
      <c r="N5898" s="1" t="s">
        <v>6</v>
      </c>
      <c r="O5898" s="1" t="s">
        <v>8</v>
      </c>
      <c r="P5898" s="5" t="s">
        <v>19810</v>
      </c>
    </row>
    <row r="5899" spans="1:16" x14ac:dyDescent="0.2">
      <c r="A5899" s="1" t="s">
        <v>194</v>
      </c>
      <c r="B5899" s="1" t="s">
        <v>6481</v>
      </c>
      <c r="C5899" s="1" t="s">
        <v>20764</v>
      </c>
      <c r="D5899" s="1" t="s">
        <v>20765</v>
      </c>
      <c r="E5899" s="1" t="s">
        <v>20766</v>
      </c>
      <c r="F5899" s="1" t="s">
        <v>10</v>
      </c>
      <c r="G5899" s="1" t="s">
        <v>10</v>
      </c>
      <c r="H5899" s="1" t="s">
        <v>10</v>
      </c>
      <c r="I5899" s="1" t="s">
        <v>19310</v>
      </c>
      <c r="J5899" s="1" t="s">
        <v>19799</v>
      </c>
      <c r="K5899" s="1" t="s">
        <v>27</v>
      </c>
      <c r="L5899" s="1" t="s">
        <v>20763</v>
      </c>
      <c r="M5899" s="1" t="s">
        <v>5</v>
      </c>
      <c r="N5899" s="1" t="s">
        <v>25</v>
      </c>
      <c r="O5899" s="1" t="s">
        <v>38</v>
      </c>
      <c r="P5899" s="5" t="s">
        <v>32122</v>
      </c>
    </row>
    <row r="5900" spans="1:16" x14ac:dyDescent="0.2">
      <c r="A5900" s="1" t="s">
        <v>20</v>
      </c>
      <c r="B5900" s="1" t="s">
        <v>309</v>
      </c>
      <c r="C5900" s="1" t="s">
        <v>20768</v>
      </c>
      <c r="D5900" s="1" t="s">
        <v>20769</v>
      </c>
      <c r="E5900" s="1" t="s">
        <v>20771</v>
      </c>
      <c r="F5900" s="1" t="s">
        <v>10</v>
      </c>
      <c r="G5900" s="1" t="s">
        <v>10</v>
      </c>
      <c r="H5900" s="1" t="s">
        <v>10</v>
      </c>
      <c r="I5900" s="1" t="s">
        <v>19310</v>
      </c>
      <c r="J5900" s="1" t="s">
        <v>20770</v>
      </c>
      <c r="K5900" s="1" t="s">
        <v>100</v>
      </c>
      <c r="L5900" s="1" t="s">
        <v>20767</v>
      </c>
      <c r="M5900" s="1" t="s">
        <v>5</v>
      </c>
      <c r="N5900" s="1" t="s">
        <v>25</v>
      </c>
      <c r="O5900" s="1" t="s">
        <v>38</v>
      </c>
      <c r="P5900" s="5" t="s">
        <v>30637</v>
      </c>
    </row>
    <row r="5901" spans="1:16" x14ac:dyDescent="0.2">
      <c r="A5901" s="1" t="s">
        <v>20</v>
      </c>
      <c r="B5901" s="1" t="s">
        <v>309</v>
      </c>
      <c r="C5901" s="1" t="s">
        <v>20773</v>
      </c>
      <c r="D5901" s="1" t="s">
        <v>20774</v>
      </c>
      <c r="E5901" s="1" t="s">
        <v>20775</v>
      </c>
      <c r="F5901" s="1" t="s">
        <v>10</v>
      </c>
      <c r="G5901" s="1" t="s">
        <v>10</v>
      </c>
      <c r="H5901" s="1" t="s">
        <v>10</v>
      </c>
      <c r="I5901" s="1" t="s">
        <v>19310</v>
      </c>
      <c r="J5901" s="1" t="s">
        <v>10</v>
      </c>
      <c r="K5901" s="1" t="s">
        <v>1468</v>
      </c>
      <c r="L5901" s="1" t="s">
        <v>20772</v>
      </c>
      <c r="M5901" s="1" t="s">
        <v>5</v>
      </c>
      <c r="N5901" s="1" t="s">
        <v>25</v>
      </c>
      <c r="O5901" s="1" t="s">
        <v>38</v>
      </c>
      <c r="P5901" s="5" t="s">
        <v>30638</v>
      </c>
    </row>
    <row r="5902" spans="1:16" x14ac:dyDescent="0.2">
      <c r="A5902" s="1" t="s">
        <v>42</v>
      </c>
      <c r="B5902" s="1" t="s">
        <v>43</v>
      </c>
      <c r="C5902" s="1" t="s">
        <v>20777</v>
      </c>
      <c r="D5902" s="1" t="s">
        <v>20778</v>
      </c>
      <c r="E5902" s="1"/>
      <c r="F5902" s="1" t="s">
        <v>27</v>
      </c>
      <c r="G5902" s="1" t="s">
        <v>10</v>
      </c>
      <c r="H5902" s="1" t="s">
        <v>20779</v>
      </c>
      <c r="I5902" s="1" t="s">
        <v>19310</v>
      </c>
      <c r="J5902" s="1" t="s">
        <v>19767</v>
      </c>
      <c r="K5902" s="1" t="s">
        <v>27</v>
      </c>
      <c r="L5902" s="1" t="s">
        <v>20776</v>
      </c>
      <c r="M5902" s="1" t="s">
        <v>5</v>
      </c>
      <c r="N5902" s="1" t="s">
        <v>25</v>
      </c>
      <c r="O5902" s="1" t="s">
        <v>8</v>
      </c>
      <c r="P5902" s="5" t="s">
        <v>32123</v>
      </c>
    </row>
    <row r="5903" spans="1:16" x14ac:dyDescent="0.2">
      <c r="A5903" s="1" t="s">
        <v>194</v>
      </c>
      <c r="B5903" s="1" t="s">
        <v>6481</v>
      </c>
      <c r="C5903" s="1" t="s">
        <v>20781</v>
      </c>
      <c r="D5903" s="1" t="s">
        <v>20782</v>
      </c>
      <c r="E5903" s="1" t="s">
        <v>20784</v>
      </c>
      <c r="F5903" s="1" t="s">
        <v>10</v>
      </c>
      <c r="G5903" s="1" t="s">
        <v>10</v>
      </c>
      <c r="H5903" s="1" t="s">
        <v>10</v>
      </c>
      <c r="I5903" s="1" t="s">
        <v>19310</v>
      </c>
      <c r="J5903" s="1" t="s">
        <v>20783</v>
      </c>
      <c r="K5903" s="1" t="s">
        <v>7</v>
      </c>
      <c r="L5903" s="1" t="s">
        <v>20780</v>
      </c>
      <c r="M5903" s="1" t="s">
        <v>5</v>
      </c>
      <c r="N5903" s="1" t="s">
        <v>25</v>
      </c>
      <c r="O5903" s="1" t="s">
        <v>38</v>
      </c>
      <c r="P5903" s="5" t="s">
        <v>30618</v>
      </c>
    </row>
    <row r="5904" spans="1:16" x14ac:dyDescent="0.2">
      <c r="A5904" s="1" t="s">
        <v>20</v>
      </c>
      <c r="B5904" s="1" t="s">
        <v>445</v>
      </c>
      <c r="C5904" s="1" t="s">
        <v>20786</v>
      </c>
      <c r="D5904" s="1" t="s">
        <v>20787</v>
      </c>
      <c r="E5904" s="1" t="s">
        <v>20788</v>
      </c>
      <c r="F5904" s="1" t="s">
        <v>10</v>
      </c>
      <c r="G5904" s="1" t="s">
        <v>10</v>
      </c>
      <c r="H5904" s="1" t="s">
        <v>10</v>
      </c>
      <c r="I5904" s="1" t="s">
        <v>19310</v>
      </c>
      <c r="J5904" s="1" t="s">
        <v>10</v>
      </c>
      <c r="K5904" s="1" t="s">
        <v>1468</v>
      </c>
      <c r="L5904" s="1" t="s">
        <v>20785</v>
      </c>
      <c r="M5904" s="1" t="s">
        <v>5</v>
      </c>
      <c r="N5904" s="1" t="s">
        <v>25</v>
      </c>
      <c r="O5904" s="1" t="s">
        <v>38</v>
      </c>
      <c r="P5904" s="5" t="s">
        <v>30590</v>
      </c>
    </row>
    <row r="5905" spans="1:16" x14ac:dyDescent="0.2">
      <c r="A5905" s="1" t="s">
        <v>20</v>
      </c>
      <c r="B5905" s="1" t="s">
        <v>445</v>
      </c>
      <c r="C5905" s="1" t="s">
        <v>20790</v>
      </c>
      <c r="D5905" s="1" t="s">
        <v>20791</v>
      </c>
      <c r="E5905" s="1" t="s">
        <v>20792</v>
      </c>
      <c r="F5905" s="1" t="s">
        <v>10</v>
      </c>
      <c r="G5905" s="1" t="s">
        <v>10</v>
      </c>
      <c r="H5905" s="1" t="s">
        <v>10</v>
      </c>
      <c r="I5905" s="1" t="s">
        <v>19310</v>
      </c>
      <c r="J5905" s="1" t="s">
        <v>20048</v>
      </c>
      <c r="K5905" s="1" t="s">
        <v>10</v>
      </c>
      <c r="L5905" s="1" t="s">
        <v>20789</v>
      </c>
      <c r="M5905" s="1" t="s">
        <v>5</v>
      </c>
      <c r="N5905" s="1" t="s">
        <v>25</v>
      </c>
      <c r="O5905" s="1" t="s">
        <v>38</v>
      </c>
      <c r="P5905" s="5" t="s">
        <v>30590</v>
      </c>
    </row>
    <row r="5906" spans="1:16" x14ac:dyDescent="0.2">
      <c r="A5906" s="1" t="s">
        <v>20</v>
      </c>
      <c r="B5906" s="1" t="s">
        <v>253</v>
      </c>
      <c r="C5906" s="1" t="s">
        <v>20794</v>
      </c>
      <c r="D5906" s="1" t="s">
        <v>20795</v>
      </c>
      <c r="E5906" s="1" t="s">
        <v>20796</v>
      </c>
      <c r="F5906" s="1" t="s">
        <v>10</v>
      </c>
      <c r="G5906" s="1" t="s">
        <v>10</v>
      </c>
      <c r="H5906" s="1" t="s">
        <v>10</v>
      </c>
      <c r="I5906" s="1" t="s">
        <v>19310</v>
      </c>
      <c r="J5906" s="1" t="s">
        <v>10901</v>
      </c>
      <c r="K5906" s="1" t="s">
        <v>47</v>
      </c>
      <c r="L5906" s="1" t="s">
        <v>20793</v>
      </c>
      <c r="M5906" s="1" t="s">
        <v>5</v>
      </c>
      <c r="N5906" s="1" t="s">
        <v>6</v>
      </c>
      <c r="O5906" s="1" t="s">
        <v>38</v>
      </c>
      <c r="P5906" s="5" t="s">
        <v>29943</v>
      </c>
    </row>
    <row r="5907" spans="1:16" x14ac:dyDescent="0.2">
      <c r="A5907" s="1" t="s">
        <v>42</v>
      </c>
      <c r="B5907" s="1" t="s">
        <v>1377</v>
      </c>
      <c r="C5907" s="1" t="s">
        <v>20798</v>
      </c>
      <c r="D5907" s="1" t="s">
        <v>20799</v>
      </c>
      <c r="E5907" s="1" t="s">
        <v>20800</v>
      </c>
      <c r="F5907" s="1" t="s">
        <v>10</v>
      </c>
      <c r="G5907" s="1" t="s">
        <v>10</v>
      </c>
      <c r="H5907" s="1" t="s">
        <v>10</v>
      </c>
      <c r="I5907" s="1" t="s">
        <v>19310</v>
      </c>
      <c r="J5907" s="1" t="s">
        <v>10</v>
      </c>
      <c r="K5907" s="1" t="s">
        <v>7</v>
      </c>
      <c r="L5907" s="1" t="s">
        <v>20797</v>
      </c>
      <c r="M5907" s="1" t="s">
        <v>5</v>
      </c>
      <c r="N5907" s="1" t="s">
        <v>25</v>
      </c>
      <c r="O5907" s="1" t="s">
        <v>38</v>
      </c>
      <c r="P5907" s="5" t="s">
        <v>30590</v>
      </c>
    </row>
    <row r="5908" spans="1:16" x14ac:dyDescent="0.2">
      <c r="A5908" s="1" t="s">
        <v>42</v>
      </c>
      <c r="B5908" s="1" t="s">
        <v>43</v>
      </c>
      <c r="C5908" s="1" t="s">
        <v>20802</v>
      </c>
      <c r="D5908" s="1" t="s">
        <v>20803</v>
      </c>
      <c r="E5908" s="1" t="s">
        <v>20804</v>
      </c>
      <c r="F5908" s="1" t="s">
        <v>10</v>
      </c>
      <c r="G5908" s="1" t="s">
        <v>10</v>
      </c>
      <c r="H5908" s="1" t="s">
        <v>10</v>
      </c>
      <c r="I5908" s="1" t="s">
        <v>19310</v>
      </c>
      <c r="J5908" s="1" t="s">
        <v>10901</v>
      </c>
      <c r="K5908" s="1" t="s">
        <v>179</v>
      </c>
      <c r="L5908" s="1" t="s">
        <v>20801</v>
      </c>
      <c r="M5908" s="1" t="s">
        <v>5</v>
      </c>
      <c r="N5908" s="1" t="s">
        <v>25</v>
      </c>
      <c r="O5908" s="1" t="s">
        <v>38</v>
      </c>
      <c r="P5908" s="5" t="s">
        <v>30590</v>
      </c>
    </row>
    <row r="5909" spans="1:16" x14ac:dyDescent="0.2">
      <c r="A5909" s="1" t="s">
        <v>20</v>
      </c>
      <c r="B5909" s="1" t="s">
        <v>132</v>
      </c>
      <c r="C5909" s="1" t="s">
        <v>20806</v>
      </c>
      <c r="D5909" s="1" t="s">
        <v>20807</v>
      </c>
      <c r="E5909" s="1" t="s">
        <v>20808</v>
      </c>
      <c r="F5909" s="1" t="s">
        <v>10</v>
      </c>
      <c r="G5909" s="1" t="s">
        <v>10</v>
      </c>
      <c r="H5909" s="1" t="s">
        <v>10</v>
      </c>
      <c r="I5909" s="1" t="s">
        <v>19310</v>
      </c>
      <c r="J5909" s="1" t="s">
        <v>10</v>
      </c>
      <c r="K5909" s="1" t="s">
        <v>7</v>
      </c>
      <c r="L5909" s="1" t="s">
        <v>20805</v>
      </c>
      <c r="M5909" s="1" t="s">
        <v>5</v>
      </c>
      <c r="N5909" s="1" t="s">
        <v>25</v>
      </c>
      <c r="O5909" s="1" t="s">
        <v>38</v>
      </c>
      <c r="P5909" s="5" t="s">
        <v>30589</v>
      </c>
    </row>
    <row r="5910" spans="1:16" x14ac:dyDescent="0.2">
      <c r="A5910" s="1" t="s">
        <v>20</v>
      </c>
      <c r="B5910" s="1" t="s">
        <v>132</v>
      </c>
      <c r="C5910" s="1" t="s">
        <v>20810</v>
      </c>
      <c r="D5910" s="1" t="s">
        <v>20811</v>
      </c>
      <c r="E5910" s="1" t="s">
        <v>20812</v>
      </c>
      <c r="F5910" s="1" t="s">
        <v>10</v>
      </c>
      <c r="G5910" s="1" t="s">
        <v>10</v>
      </c>
      <c r="H5910" s="1" t="s">
        <v>10</v>
      </c>
      <c r="I5910" s="1" t="s">
        <v>19310</v>
      </c>
      <c r="J5910" s="1" t="s">
        <v>10</v>
      </c>
      <c r="K5910" s="1" t="s">
        <v>7</v>
      </c>
      <c r="L5910" s="1" t="s">
        <v>20809</v>
      </c>
      <c r="M5910" s="1" t="s">
        <v>5</v>
      </c>
      <c r="N5910" s="1" t="s">
        <v>25</v>
      </c>
      <c r="O5910" s="1" t="s">
        <v>38</v>
      </c>
      <c r="P5910" s="5" t="s">
        <v>32124</v>
      </c>
    </row>
    <row r="5911" spans="1:16" x14ac:dyDescent="0.2">
      <c r="A5911" s="1" t="s">
        <v>329</v>
      </c>
      <c r="B5911" s="1" t="s">
        <v>1659</v>
      </c>
      <c r="C5911" s="1" t="s">
        <v>19567</v>
      </c>
      <c r="D5911" s="1" t="s">
        <v>1226</v>
      </c>
      <c r="E5911" s="1" t="s">
        <v>20814</v>
      </c>
      <c r="F5911" s="1" t="s">
        <v>10</v>
      </c>
      <c r="G5911" s="1" t="s">
        <v>10</v>
      </c>
      <c r="H5911" s="1" t="s">
        <v>10</v>
      </c>
      <c r="I5911" s="1" t="s">
        <v>19310</v>
      </c>
      <c r="J5911" s="1" t="s">
        <v>10</v>
      </c>
      <c r="K5911" s="1" t="s">
        <v>47</v>
      </c>
      <c r="L5911" s="1" t="s">
        <v>20813</v>
      </c>
      <c r="M5911" s="1" t="s">
        <v>5</v>
      </c>
      <c r="N5911" s="1" t="s">
        <v>25</v>
      </c>
      <c r="O5911" s="1" t="s">
        <v>38</v>
      </c>
      <c r="P5911" s="5" t="s">
        <v>30639</v>
      </c>
    </row>
    <row r="5912" spans="1:16" x14ac:dyDescent="0.2">
      <c r="A5912" s="1" t="s">
        <v>329</v>
      </c>
      <c r="B5912" s="1" t="s">
        <v>340</v>
      </c>
      <c r="C5912" s="1" t="s">
        <v>20816</v>
      </c>
      <c r="D5912" s="1" t="s">
        <v>1573</v>
      </c>
      <c r="E5912" s="1" t="s">
        <v>20817</v>
      </c>
      <c r="F5912" s="1" t="s">
        <v>10</v>
      </c>
      <c r="G5912" s="1" t="s">
        <v>1042</v>
      </c>
      <c r="H5912" s="1" t="s">
        <v>20816</v>
      </c>
      <c r="I5912" s="1" t="s">
        <v>19310</v>
      </c>
      <c r="J5912" s="1" t="s">
        <v>10901</v>
      </c>
      <c r="K5912" s="1" t="s">
        <v>244</v>
      </c>
      <c r="L5912" s="1" t="s">
        <v>20815</v>
      </c>
      <c r="M5912" s="1" t="s">
        <v>5</v>
      </c>
      <c r="N5912" s="1" t="s">
        <v>25</v>
      </c>
      <c r="O5912" s="1" t="s">
        <v>8</v>
      </c>
      <c r="P5912" s="5" t="s">
        <v>29946</v>
      </c>
    </row>
    <row r="5913" spans="1:16" x14ac:dyDescent="0.2">
      <c r="A5913" s="1" t="s">
        <v>20</v>
      </c>
      <c r="B5913" s="1" t="s">
        <v>253</v>
      </c>
      <c r="C5913" s="1" t="s">
        <v>20819</v>
      </c>
      <c r="D5913" s="1" t="s">
        <v>20820</v>
      </c>
      <c r="E5913" s="1" t="s">
        <v>20822</v>
      </c>
      <c r="F5913" s="1" t="s">
        <v>10</v>
      </c>
      <c r="G5913" s="1" t="s">
        <v>10</v>
      </c>
      <c r="H5913" s="1" t="s">
        <v>10</v>
      </c>
      <c r="I5913" s="1" t="s">
        <v>19310</v>
      </c>
      <c r="J5913" s="1" t="s">
        <v>20821</v>
      </c>
      <c r="K5913" s="1" t="s">
        <v>27</v>
      </c>
      <c r="L5913" s="1" t="s">
        <v>20818</v>
      </c>
      <c r="M5913" s="1" t="s">
        <v>5</v>
      </c>
      <c r="N5913" s="1" t="s">
        <v>6</v>
      </c>
      <c r="O5913" s="1" t="s">
        <v>38</v>
      </c>
      <c r="P5913" s="5" t="s">
        <v>32125</v>
      </c>
    </row>
    <row r="5914" spans="1:16" x14ac:dyDescent="0.2">
      <c r="A5914" s="1" t="s">
        <v>42</v>
      </c>
      <c r="B5914" s="1" t="s">
        <v>118</v>
      </c>
      <c r="C5914" s="1" t="s">
        <v>20824</v>
      </c>
      <c r="D5914" s="1" t="s">
        <v>20825</v>
      </c>
      <c r="E5914" s="1" t="s">
        <v>20827</v>
      </c>
      <c r="F5914" s="1" t="s">
        <v>10</v>
      </c>
      <c r="G5914" s="1" t="s">
        <v>10</v>
      </c>
      <c r="H5914" s="1" t="s">
        <v>10</v>
      </c>
      <c r="I5914" s="1" t="s">
        <v>19310</v>
      </c>
      <c r="J5914" s="1" t="s">
        <v>20826</v>
      </c>
      <c r="K5914" s="1" t="s">
        <v>10</v>
      </c>
      <c r="L5914" s="1" t="s">
        <v>20823</v>
      </c>
      <c r="M5914" s="1" t="s">
        <v>5</v>
      </c>
      <c r="N5914" s="1" t="s">
        <v>25</v>
      </c>
      <c r="O5914" s="1" t="s">
        <v>38</v>
      </c>
      <c r="P5914" s="5" t="s">
        <v>30640</v>
      </c>
    </row>
    <row r="5915" spans="1:16" x14ac:dyDescent="0.2">
      <c r="A5915" s="1" t="s">
        <v>42</v>
      </c>
      <c r="B5915" s="1" t="s">
        <v>2091</v>
      </c>
      <c r="C5915" s="1" t="s">
        <v>20829</v>
      </c>
      <c r="D5915" s="1" t="s">
        <v>20830</v>
      </c>
      <c r="E5915" s="1" t="s">
        <v>10</v>
      </c>
      <c r="F5915" s="1" t="s">
        <v>10</v>
      </c>
      <c r="G5915" s="1" t="s">
        <v>10</v>
      </c>
      <c r="H5915" s="1" t="s">
        <v>10</v>
      </c>
      <c r="I5915" s="1" t="s">
        <v>19310</v>
      </c>
      <c r="J5915" s="1" t="s">
        <v>19749</v>
      </c>
      <c r="K5915" s="1" t="s">
        <v>27</v>
      </c>
      <c r="L5915" s="1" t="s">
        <v>20828</v>
      </c>
      <c r="M5915" s="1" t="s">
        <v>5</v>
      </c>
      <c r="N5915" s="1" t="s">
        <v>25</v>
      </c>
      <c r="O5915" s="1" t="s">
        <v>38</v>
      </c>
      <c r="P5915" s="5" t="s">
        <v>32126</v>
      </c>
    </row>
    <row r="5916" spans="1:16" x14ac:dyDescent="0.2">
      <c r="A5916" s="1" t="s">
        <v>42</v>
      </c>
      <c r="B5916" s="1" t="s">
        <v>966</v>
      </c>
      <c r="C5916" s="1" t="s">
        <v>20832</v>
      </c>
      <c r="D5916" s="1" t="s">
        <v>20833</v>
      </c>
      <c r="E5916" s="1" t="s">
        <v>20834</v>
      </c>
      <c r="F5916" s="1" t="s">
        <v>10</v>
      </c>
      <c r="G5916" s="1" t="s">
        <v>10</v>
      </c>
      <c r="H5916" s="1" t="s">
        <v>10</v>
      </c>
      <c r="I5916" s="1" t="s">
        <v>19310</v>
      </c>
      <c r="J5916" s="1" t="s">
        <v>19749</v>
      </c>
      <c r="K5916" s="1" t="s">
        <v>27</v>
      </c>
      <c r="L5916" s="1" t="s">
        <v>20831</v>
      </c>
      <c r="M5916" s="1" t="s">
        <v>5</v>
      </c>
      <c r="N5916" s="1" t="s">
        <v>25</v>
      </c>
      <c r="O5916" s="1" t="s">
        <v>38</v>
      </c>
      <c r="P5916" s="5" t="s">
        <v>32127</v>
      </c>
    </row>
    <row r="5917" spans="1:16" x14ac:dyDescent="0.2">
      <c r="A5917" s="1" t="s">
        <v>20</v>
      </c>
      <c r="B5917" s="1" t="s">
        <v>132</v>
      </c>
      <c r="C5917" s="1" t="s">
        <v>20836</v>
      </c>
      <c r="D5917" s="1" t="s">
        <v>12335</v>
      </c>
      <c r="E5917" s="1" t="s">
        <v>20837</v>
      </c>
      <c r="F5917" s="1" t="s">
        <v>10</v>
      </c>
      <c r="G5917" s="1" t="s">
        <v>10</v>
      </c>
      <c r="H5917" s="1" t="s">
        <v>10</v>
      </c>
      <c r="I5917" s="1" t="s">
        <v>19310</v>
      </c>
      <c r="J5917" s="1" t="s">
        <v>19318</v>
      </c>
      <c r="K5917" s="1" t="s">
        <v>64</v>
      </c>
      <c r="L5917" s="1" t="s">
        <v>20835</v>
      </c>
      <c r="M5917" s="1" t="s">
        <v>5</v>
      </c>
      <c r="N5917" s="1" t="s">
        <v>25</v>
      </c>
      <c r="O5917" s="1" t="s">
        <v>38</v>
      </c>
      <c r="P5917" s="5" t="s">
        <v>32128</v>
      </c>
    </row>
    <row r="5918" spans="1:16" x14ac:dyDescent="0.2">
      <c r="A5918" s="1" t="s">
        <v>10</v>
      </c>
      <c r="B5918" s="1" t="s">
        <v>10</v>
      </c>
      <c r="C5918" s="1" t="s">
        <v>20839</v>
      </c>
      <c r="D5918" s="1" t="s">
        <v>20839</v>
      </c>
      <c r="E5918" s="1" t="s">
        <v>10</v>
      </c>
      <c r="F5918" s="1" t="s">
        <v>27</v>
      </c>
      <c r="G5918" s="1" t="s">
        <v>10</v>
      </c>
      <c r="H5918" s="1" t="s">
        <v>20839</v>
      </c>
      <c r="I5918" s="1" t="s">
        <v>19310</v>
      </c>
      <c r="J5918" s="1" t="s">
        <v>10</v>
      </c>
      <c r="K5918" s="1" t="s">
        <v>10</v>
      </c>
      <c r="L5918" s="1" t="s">
        <v>20838</v>
      </c>
      <c r="M5918" s="1" t="s">
        <v>5</v>
      </c>
      <c r="N5918" s="1" t="s">
        <v>6</v>
      </c>
      <c r="O5918" s="1" t="s">
        <v>8</v>
      </c>
      <c r="P5918" s="5" t="s">
        <v>30250</v>
      </c>
    </row>
    <row r="5919" spans="1:16" x14ac:dyDescent="0.2">
      <c r="A5919" s="1" t="s">
        <v>42</v>
      </c>
      <c r="B5919" s="1" t="s">
        <v>118</v>
      </c>
      <c r="C5919" s="1" t="s">
        <v>20841</v>
      </c>
      <c r="D5919" s="1" t="s">
        <v>20842</v>
      </c>
      <c r="E5919" s="1" t="s">
        <v>20843</v>
      </c>
      <c r="F5919" s="1" t="s">
        <v>10</v>
      </c>
      <c r="G5919" s="1" t="s">
        <v>10</v>
      </c>
      <c r="H5919" s="1" t="s">
        <v>10</v>
      </c>
      <c r="I5919" s="1" t="s">
        <v>19310</v>
      </c>
      <c r="J5919" s="1" t="s">
        <v>19381</v>
      </c>
      <c r="K5919" s="1" t="s">
        <v>27</v>
      </c>
      <c r="L5919" s="1" t="s">
        <v>20840</v>
      </c>
      <c r="M5919" s="1" t="s">
        <v>5</v>
      </c>
      <c r="N5919" s="1" t="s">
        <v>25</v>
      </c>
      <c r="O5919" s="1" t="s">
        <v>38</v>
      </c>
      <c r="P5919" s="5" t="s">
        <v>32017</v>
      </c>
    </row>
    <row r="5920" spans="1:16" x14ac:dyDescent="0.2">
      <c r="A5920" s="1" t="s">
        <v>20</v>
      </c>
      <c r="B5920" s="1" t="s">
        <v>309</v>
      </c>
      <c r="C5920" s="1" t="s">
        <v>20845</v>
      </c>
      <c r="D5920" s="1" t="s">
        <v>10</v>
      </c>
      <c r="E5920" s="1" t="s">
        <v>20846</v>
      </c>
      <c r="F5920" s="1" t="s">
        <v>10</v>
      </c>
      <c r="G5920" s="1" t="s">
        <v>10</v>
      </c>
      <c r="H5920" s="1" t="s">
        <v>10</v>
      </c>
      <c r="I5920" s="1" t="s">
        <v>19310</v>
      </c>
      <c r="J5920" s="1" t="s">
        <v>19381</v>
      </c>
      <c r="K5920" s="1" t="s">
        <v>64</v>
      </c>
      <c r="L5920" s="1" t="s">
        <v>20844</v>
      </c>
      <c r="M5920" s="1" t="s">
        <v>5</v>
      </c>
      <c r="N5920" s="1" t="s">
        <v>25</v>
      </c>
      <c r="O5920" s="1" t="s">
        <v>38</v>
      </c>
      <c r="P5920" s="5" t="s">
        <v>30641</v>
      </c>
    </row>
    <row r="5921" spans="1:16" x14ac:dyDescent="0.2">
      <c r="A5921" s="1" t="s">
        <v>20</v>
      </c>
      <c r="B5921" s="1" t="s">
        <v>445</v>
      </c>
      <c r="C5921" s="1" t="s">
        <v>20848</v>
      </c>
      <c r="D5921" s="1" t="s">
        <v>20849</v>
      </c>
      <c r="E5921" s="1" t="s">
        <v>20850</v>
      </c>
      <c r="F5921" s="1" t="s">
        <v>10</v>
      </c>
      <c r="G5921" s="1" t="s">
        <v>10</v>
      </c>
      <c r="H5921" s="1" t="s">
        <v>10</v>
      </c>
      <c r="I5921" s="1" t="s">
        <v>19310</v>
      </c>
      <c r="J5921" s="1" t="s">
        <v>20048</v>
      </c>
      <c r="K5921" s="1" t="s">
        <v>7</v>
      </c>
      <c r="L5921" s="1" t="s">
        <v>20847</v>
      </c>
      <c r="M5921" s="1" t="s">
        <v>5</v>
      </c>
      <c r="N5921" s="1" t="s">
        <v>25</v>
      </c>
      <c r="O5921" s="1" t="s">
        <v>38</v>
      </c>
      <c r="P5921" s="5" t="s">
        <v>32129</v>
      </c>
    </row>
    <row r="5922" spans="1:16" x14ac:dyDescent="0.2">
      <c r="A5922" s="1" t="s">
        <v>42</v>
      </c>
      <c r="B5922" s="1" t="s">
        <v>1377</v>
      </c>
      <c r="C5922" s="1" t="s">
        <v>20852</v>
      </c>
      <c r="D5922" s="1" t="s">
        <v>20853</v>
      </c>
      <c r="E5922" s="1" t="s">
        <v>20854</v>
      </c>
      <c r="F5922" s="1" t="s">
        <v>10</v>
      </c>
      <c r="G5922" s="1" t="s">
        <v>10</v>
      </c>
      <c r="H5922" s="1" t="s">
        <v>10</v>
      </c>
      <c r="I5922" s="1" t="s">
        <v>19310</v>
      </c>
      <c r="J5922" s="1" t="s">
        <v>10</v>
      </c>
      <c r="K5922" s="1" t="s">
        <v>100</v>
      </c>
      <c r="L5922" s="1" t="s">
        <v>20851</v>
      </c>
      <c r="M5922" s="1" t="s">
        <v>5</v>
      </c>
      <c r="N5922" s="1" t="s">
        <v>25</v>
      </c>
      <c r="O5922" s="1" t="s">
        <v>38</v>
      </c>
      <c r="P5922" s="5" t="s">
        <v>30642</v>
      </c>
    </row>
    <row r="5923" spans="1:16" x14ac:dyDescent="0.2">
      <c r="A5923" s="1" t="s">
        <v>194</v>
      </c>
      <c r="B5923" s="1" t="s">
        <v>4492</v>
      </c>
      <c r="C5923" s="1" t="s">
        <v>20856</v>
      </c>
      <c r="D5923" s="1" t="s">
        <v>20857</v>
      </c>
      <c r="E5923" s="1" t="s">
        <v>20859</v>
      </c>
      <c r="F5923" s="1" t="s">
        <v>474</v>
      </c>
      <c r="G5923" s="1" t="s">
        <v>4490</v>
      </c>
      <c r="H5923" s="1" t="s">
        <v>6790</v>
      </c>
      <c r="I5923" s="1" t="s">
        <v>19310</v>
      </c>
      <c r="J5923" s="1" t="s">
        <v>20858</v>
      </c>
      <c r="K5923" s="1" t="s">
        <v>1548</v>
      </c>
      <c r="L5923" s="1" t="s">
        <v>20855</v>
      </c>
      <c r="M5923" s="1" t="s">
        <v>5</v>
      </c>
      <c r="N5923" s="1" t="s">
        <v>960</v>
      </c>
      <c r="O5923" s="1" t="s">
        <v>8</v>
      </c>
      <c r="P5923" s="5" t="s">
        <v>32815</v>
      </c>
    </row>
    <row r="5924" spans="1:16" x14ac:dyDescent="0.2">
      <c r="A5924" s="1" t="s">
        <v>329</v>
      </c>
      <c r="B5924" s="1" t="s">
        <v>753</v>
      </c>
      <c r="C5924" s="1" t="s">
        <v>20861</v>
      </c>
      <c r="D5924" s="1" t="s">
        <v>20862</v>
      </c>
      <c r="E5924" s="1" t="s">
        <v>20864</v>
      </c>
      <c r="F5924" s="1" t="s">
        <v>10</v>
      </c>
      <c r="G5924" s="1" t="s">
        <v>10</v>
      </c>
      <c r="H5924" s="1" t="s">
        <v>10</v>
      </c>
      <c r="I5924" s="1" t="s">
        <v>19310</v>
      </c>
      <c r="J5924" s="1" t="s">
        <v>20863</v>
      </c>
      <c r="K5924" s="1" t="s">
        <v>27</v>
      </c>
      <c r="L5924" s="1" t="s">
        <v>20860</v>
      </c>
      <c r="M5924" s="1" t="s">
        <v>5</v>
      </c>
      <c r="N5924" s="1" t="s">
        <v>25</v>
      </c>
      <c r="O5924" s="1" t="s">
        <v>38</v>
      </c>
      <c r="P5924" s="5" t="s">
        <v>32816</v>
      </c>
    </row>
    <row r="5925" spans="1:16" x14ac:dyDescent="0.2">
      <c r="A5925" s="1" t="s">
        <v>20</v>
      </c>
      <c r="B5925" s="1" t="s">
        <v>445</v>
      </c>
      <c r="C5925" s="1" t="s">
        <v>20867</v>
      </c>
      <c r="D5925" s="1" t="s">
        <v>20868</v>
      </c>
      <c r="E5925" s="1" t="s">
        <v>20869</v>
      </c>
      <c r="F5925" s="1" t="s">
        <v>10</v>
      </c>
      <c r="G5925" s="1" t="s">
        <v>10</v>
      </c>
      <c r="H5925" s="1" t="s">
        <v>10</v>
      </c>
      <c r="I5925" s="1" t="s">
        <v>19310</v>
      </c>
      <c r="J5925" s="1" t="s">
        <v>10</v>
      </c>
      <c r="K5925" s="1" t="s">
        <v>64</v>
      </c>
      <c r="L5925" s="1" t="s">
        <v>20866</v>
      </c>
      <c r="M5925" s="1" t="s">
        <v>5</v>
      </c>
      <c r="N5925" s="1" t="s">
        <v>25</v>
      </c>
      <c r="O5925" s="1" t="s">
        <v>38</v>
      </c>
      <c r="P5925" s="5"/>
    </row>
    <row r="5926" spans="1:16" x14ac:dyDescent="0.2">
      <c r="A5926" s="1" t="s">
        <v>194</v>
      </c>
      <c r="B5926" s="1" t="s">
        <v>7145</v>
      </c>
      <c r="C5926" s="1" t="s">
        <v>20871</v>
      </c>
      <c r="D5926" s="1" t="s">
        <v>20872</v>
      </c>
      <c r="E5926" s="1" t="s">
        <v>20873</v>
      </c>
      <c r="F5926" s="1" t="s">
        <v>10</v>
      </c>
      <c r="G5926" s="1" t="s">
        <v>10</v>
      </c>
      <c r="H5926" s="1" t="s">
        <v>10</v>
      </c>
      <c r="I5926" s="1" t="s">
        <v>19310</v>
      </c>
      <c r="J5926" s="1" t="s">
        <v>19356</v>
      </c>
      <c r="K5926" s="1" t="s">
        <v>64</v>
      </c>
      <c r="L5926" s="1" t="s">
        <v>20870</v>
      </c>
      <c r="M5926" s="1" t="s">
        <v>5</v>
      </c>
      <c r="N5926" s="1" t="s">
        <v>25</v>
      </c>
      <c r="O5926" s="1" t="s">
        <v>38</v>
      </c>
      <c r="P5926" s="5" t="s">
        <v>32130</v>
      </c>
    </row>
    <row r="5927" spans="1:16" x14ac:dyDescent="0.2">
      <c r="A5927" s="1" t="s">
        <v>194</v>
      </c>
      <c r="B5927" s="1" t="s">
        <v>7145</v>
      </c>
      <c r="C5927" s="1" t="s">
        <v>20875</v>
      </c>
      <c r="D5927" s="1" t="s">
        <v>20876</v>
      </c>
      <c r="E5927" s="1" t="s">
        <v>20877</v>
      </c>
      <c r="F5927" s="1" t="s">
        <v>10</v>
      </c>
      <c r="G5927" s="1" t="s">
        <v>10</v>
      </c>
      <c r="H5927" s="1" t="s">
        <v>10</v>
      </c>
      <c r="I5927" s="1" t="s">
        <v>19310</v>
      </c>
      <c r="J5927" s="1" t="s">
        <v>19318</v>
      </c>
      <c r="K5927" s="1" t="s">
        <v>64</v>
      </c>
      <c r="L5927" s="1" t="s">
        <v>20874</v>
      </c>
      <c r="M5927" s="1" t="s">
        <v>5</v>
      </c>
      <c r="N5927" s="1" t="s">
        <v>25</v>
      </c>
      <c r="O5927" s="1" t="s">
        <v>38</v>
      </c>
      <c r="P5927" s="5"/>
    </row>
    <row r="5928" spans="1:16" x14ac:dyDescent="0.2">
      <c r="A5928" s="1" t="s">
        <v>194</v>
      </c>
      <c r="B5928" s="1" t="s">
        <v>6481</v>
      </c>
      <c r="C5928" s="1" t="s">
        <v>20879</v>
      </c>
      <c r="D5928" s="1" t="s">
        <v>10</v>
      </c>
      <c r="E5928" s="1" t="s">
        <v>20880</v>
      </c>
      <c r="F5928" s="1" t="s">
        <v>10</v>
      </c>
      <c r="G5928" s="1" t="s">
        <v>10</v>
      </c>
      <c r="H5928" s="1" t="s">
        <v>10</v>
      </c>
      <c r="I5928" s="1" t="s">
        <v>19310</v>
      </c>
      <c r="J5928" s="1" t="s">
        <v>19356</v>
      </c>
      <c r="K5928" s="1" t="s">
        <v>64</v>
      </c>
      <c r="L5928" s="1" t="s">
        <v>20878</v>
      </c>
      <c r="M5928" s="1" t="s">
        <v>5</v>
      </c>
      <c r="N5928" s="1" t="s">
        <v>25</v>
      </c>
      <c r="O5928" s="1" t="s">
        <v>38</v>
      </c>
      <c r="P5928" s="5"/>
    </row>
    <row r="5929" spans="1:16" x14ac:dyDescent="0.2">
      <c r="A5929" s="1" t="s">
        <v>42</v>
      </c>
      <c r="B5929" s="1" t="s">
        <v>50</v>
      </c>
      <c r="C5929" s="1" t="s">
        <v>16241</v>
      </c>
      <c r="D5929" s="1" t="s">
        <v>11356</v>
      </c>
      <c r="E5929" s="1" t="s">
        <v>20882</v>
      </c>
      <c r="F5929" s="1" t="s">
        <v>10</v>
      </c>
      <c r="G5929" s="1" t="s">
        <v>16242</v>
      </c>
      <c r="H5929" s="1" t="s">
        <v>10</v>
      </c>
      <c r="I5929" s="1" t="s">
        <v>19310</v>
      </c>
      <c r="J5929" s="1" t="s">
        <v>10901</v>
      </c>
      <c r="K5929" s="1" t="s">
        <v>47</v>
      </c>
      <c r="L5929" s="1" t="s">
        <v>20881</v>
      </c>
      <c r="M5929" s="1" t="s">
        <v>5</v>
      </c>
      <c r="N5929" s="1" t="s">
        <v>25</v>
      </c>
      <c r="O5929" s="1" t="s">
        <v>8</v>
      </c>
      <c r="P5929" s="5" t="s">
        <v>29944</v>
      </c>
    </row>
    <row r="5930" spans="1:16" x14ac:dyDescent="0.2">
      <c r="A5930" s="1" t="s">
        <v>487</v>
      </c>
      <c r="B5930" s="1" t="s">
        <v>765</v>
      </c>
      <c r="C5930" s="1" t="s">
        <v>20885</v>
      </c>
      <c r="D5930" s="1" t="s">
        <v>532</v>
      </c>
      <c r="E5930" s="1" t="s">
        <v>20886</v>
      </c>
      <c r="F5930" s="1" t="s">
        <v>10</v>
      </c>
      <c r="G5930" s="1" t="s">
        <v>10</v>
      </c>
      <c r="H5930" s="1" t="s">
        <v>20885</v>
      </c>
      <c r="I5930" s="1" t="s">
        <v>19310</v>
      </c>
      <c r="J5930" s="1" t="s">
        <v>10901</v>
      </c>
      <c r="K5930" s="1" t="s">
        <v>64</v>
      </c>
      <c r="L5930" s="1" t="s">
        <v>20884</v>
      </c>
      <c r="M5930" s="1" t="s">
        <v>5</v>
      </c>
      <c r="N5930" s="1" t="s">
        <v>25</v>
      </c>
      <c r="O5930" s="1" t="s">
        <v>8</v>
      </c>
      <c r="P5930" s="5" t="s">
        <v>30643</v>
      </c>
    </row>
    <row r="5931" spans="1:16" x14ac:dyDescent="0.2">
      <c r="A5931" s="1" t="s">
        <v>20</v>
      </c>
      <c r="B5931" s="1" t="s">
        <v>93</v>
      </c>
      <c r="C5931" s="1" t="s">
        <v>20888</v>
      </c>
      <c r="D5931" s="1" t="s">
        <v>20889</v>
      </c>
      <c r="E5931" s="1" t="s">
        <v>20890</v>
      </c>
      <c r="F5931" s="1" t="s">
        <v>10</v>
      </c>
      <c r="G5931" s="1" t="s">
        <v>10</v>
      </c>
      <c r="H5931" s="1" t="s">
        <v>10</v>
      </c>
      <c r="I5931" s="1" t="s">
        <v>19310</v>
      </c>
      <c r="J5931" s="1" t="s">
        <v>2123</v>
      </c>
      <c r="K5931" s="1" t="s">
        <v>1468</v>
      </c>
      <c r="L5931" s="1" t="s">
        <v>20887</v>
      </c>
      <c r="M5931" s="1" t="s">
        <v>5</v>
      </c>
      <c r="N5931" s="1" t="s">
        <v>25</v>
      </c>
      <c r="O5931" s="1" t="s">
        <v>38</v>
      </c>
      <c r="P5931" s="5" t="s">
        <v>30644</v>
      </c>
    </row>
    <row r="5932" spans="1:16" x14ac:dyDescent="0.2">
      <c r="A5932" s="1" t="s">
        <v>20</v>
      </c>
      <c r="B5932" s="1" t="s">
        <v>445</v>
      </c>
      <c r="C5932" s="1" t="s">
        <v>20892</v>
      </c>
      <c r="D5932" s="1" t="s">
        <v>20893</v>
      </c>
      <c r="E5932" s="1" t="s">
        <v>20895</v>
      </c>
      <c r="F5932" s="1" t="s">
        <v>10</v>
      </c>
      <c r="G5932" s="1" t="s">
        <v>10</v>
      </c>
      <c r="H5932" s="1" t="s">
        <v>10</v>
      </c>
      <c r="I5932" s="1" t="s">
        <v>19310</v>
      </c>
      <c r="J5932" s="1" t="s">
        <v>20894</v>
      </c>
      <c r="K5932" s="1" t="s">
        <v>1468</v>
      </c>
      <c r="L5932" s="1" t="s">
        <v>20891</v>
      </c>
      <c r="M5932" s="1" t="s">
        <v>5</v>
      </c>
      <c r="N5932" s="1" t="s">
        <v>25</v>
      </c>
      <c r="O5932" s="1" t="s">
        <v>38</v>
      </c>
      <c r="P5932" s="5" t="s">
        <v>10</v>
      </c>
    </row>
    <row r="5933" spans="1:16" x14ac:dyDescent="0.2">
      <c r="A5933" s="1" t="s">
        <v>20</v>
      </c>
      <c r="B5933" s="1" t="s">
        <v>1047</v>
      </c>
      <c r="C5933" s="1" t="s">
        <v>20897</v>
      </c>
      <c r="D5933" s="1" t="s">
        <v>20897</v>
      </c>
      <c r="E5933" s="1" t="s">
        <v>20898</v>
      </c>
      <c r="F5933" s="1" t="s">
        <v>27</v>
      </c>
      <c r="G5933" s="1" t="s">
        <v>10</v>
      </c>
      <c r="H5933" s="1" t="s">
        <v>20899</v>
      </c>
      <c r="I5933" s="1" t="s">
        <v>19310</v>
      </c>
      <c r="J5933" s="1" t="s">
        <v>10901</v>
      </c>
      <c r="K5933" s="1" t="s">
        <v>1563</v>
      </c>
      <c r="L5933" s="1" t="s">
        <v>20896</v>
      </c>
      <c r="M5933" s="1" t="s">
        <v>5</v>
      </c>
      <c r="N5933" s="1" t="s">
        <v>25</v>
      </c>
      <c r="O5933" s="1" t="s">
        <v>8</v>
      </c>
      <c r="P5933" s="5" t="s">
        <v>31</v>
      </c>
    </row>
    <row r="5934" spans="1:16" x14ac:dyDescent="0.2">
      <c r="A5934" s="1" t="s">
        <v>32</v>
      </c>
      <c r="B5934" s="1" t="s">
        <v>3895</v>
      </c>
      <c r="C5934" s="1" t="s">
        <v>20901</v>
      </c>
      <c r="D5934" s="1" t="s">
        <v>20902</v>
      </c>
      <c r="E5934" s="1" t="s">
        <v>20903</v>
      </c>
      <c r="F5934" s="1" t="s">
        <v>27</v>
      </c>
      <c r="G5934" s="1" t="s">
        <v>10</v>
      </c>
      <c r="H5934" s="1" t="s">
        <v>20904</v>
      </c>
      <c r="I5934" s="1" t="s">
        <v>19310</v>
      </c>
      <c r="J5934" s="1" t="s">
        <v>10901</v>
      </c>
      <c r="K5934" s="1" t="s">
        <v>64</v>
      </c>
      <c r="L5934" s="1" t="s">
        <v>20900</v>
      </c>
      <c r="M5934" s="1" t="s">
        <v>5</v>
      </c>
      <c r="N5934" s="1" t="s">
        <v>25</v>
      </c>
      <c r="O5934" s="1" t="s">
        <v>8</v>
      </c>
      <c r="P5934" s="5" t="s">
        <v>10</v>
      </c>
    </row>
    <row r="5935" spans="1:16" x14ac:dyDescent="0.2">
      <c r="A5935" s="1" t="s">
        <v>20</v>
      </c>
      <c r="B5935" s="1" t="s">
        <v>1047</v>
      </c>
      <c r="C5935" s="1" t="s">
        <v>20906</v>
      </c>
      <c r="D5935" s="1" t="s">
        <v>20907</v>
      </c>
      <c r="E5935" s="1" t="s">
        <v>20908</v>
      </c>
      <c r="F5935" s="1" t="s">
        <v>10</v>
      </c>
      <c r="G5935" s="1" t="s">
        <v>10</v>
      </c>
      <c r="H5935" s="1" t="s">
        <v>10</v>
      </c>
      <c r="I5935" s="1" t="s">
        <v>19310</v>
      </c>
      <c r="J5935" s="1" t="s">
        <v>10901</v>
      </c>
      <c r="K5935" s="1" t="s">
        <v>64</v>
      </c>
      <c r="L5935" s="1" t="s">
        <v>20905</v>
      </c>
      <c r="M5935" s="1" t="s">
        <v>5</v>
      </c>
      <c r="N5935" s="1" t="s">
        <v>25</v>
      </c>
      <c r="O5935" s="1" t="s">
        <v>38</v>
      </c>
      <c r="P5935" s="5" t="s">
        <v>10</v>
      </c>
    </row>
    <row r="5936" spans="1:16" x14ac:dyDescent="0.2">
      <c r="A5936" s="1" t="s">
        <v>42</v>
      </c>
      <c r="B5936" s="1" t="s">
        <v>109</v>
      </c>
      <c r="C5936" s="1" t="s">
        <v>20910</v>
      </c>
      <c r="D5936" s="1" t="s">
        <v>20911</v>
      </c>
      <c r="E5936" s="1" t="s">
        <v>20912</v>
      </c>
      <c r="F5936" s="1" t="s">
        <v>522</v>
      </c>
      <c r="G5936" s="1" t="s">
        <v>20913</v>
      </c>
      <c r="H5936" s="1" t="s">
        <v>10</v>
      </c>
      <c r="I5936" s="1" t="s">
        <v>19310</v>
      </c>
      <c r="J5936" s="1" t="s">
        <v>1856</v>
      </c>
      <c r="K5936" s="1" t="s">
        <v>37</v>
      </c>
      <c r="L5936" s="1" t="s">
        <v>20909</v>
      </c>
      <c r="M5936" s="1" t="s">
        <v>5</v>
      </c>
      <c r="N5936" s="1" t="s">
        <v>6</v>
      </c>
      <c r="O5936" s="1" t="s">
        <v>8</v>
      </c>
      <c r="P5936" s="5" t="s">
        <v>30645</v>
      </c>
    </row>
    <row r="5937" spans="1:16" x14ac:dyDescent="0.2">
      <c r="A5937" s="1" t="s">
        <v>20</v>
      </c>
      <c r="B5937" s="1" t="s">
        <v>302</v>
      </c>
      <c r="C5937" s="1" t="s">
        <v>20915</v>
      </c>
      <c r="D5937" s="1" t="s">
        <v>479</v>
      </c>
      <c r="E5937" s="1" t="s">
        <v>20916</v>
      </c>
      <c r="F5937" s="1" t="s">
        <v>10</v>
      </c>
      <c r="G5937" s="1" t="s">
        <v>10</v>
      </c>
      <c r="H5937" s="1" t="s">
        <v>10</v>
      </c>
      <c r="I5937" s="1" t="s">
        <v>19310</v>
      </c>
      <c r="J5937" s="1" t="s">
        <v>19318</v>
      </c>
      <c r="K5937" s="1" t="s">
        <v>64</v>
      </c>
      <c r="L5937" s="1" t="s">
        <v>20914</v>
      </c>
      <c r="M5937" s="1" t="s">
        <v>5</v>
      </c>
      <c r="N5937" s="1" t="s">
        <v>25</v>
      </c>
      <c r="O5937" s="1" t="s">
        <v>38</v>
      </c>
      <c r="P5937" s="5" t="s">
        <v>14</v>
      </c>
    </row>
    <row r="5938" spans="1:16" x14ac:dyDescent="0.2">
      <c r="A5938" s="1" t="s">
        <v>194</v>
      </c>
      <c r="B5938" s="1" t="s">
        <v>195</v>
      </c>
      <c r="C5938" s="1" t="s">
        <v>20918</v>
      </c>
      <c r="D5938" s="1" t="s">
        <v>20919</v>
      </c>
      <c r="E5938" s="1" t="s">
        <v>20920</v>
      </c>
      <c r="F5938" s="1" t="s">
        <v>474</v>
      </c>
      <c r="G5938" s="1" t="s">
        <v>4490</v>
      </c>
      <c r="H5938" s="1" t="s">
        <v>20921</v>
      </c>
      <c r="I5938" s="1" t="s">
        <v>19310</v>
      </c>
      <c r="J5938" s="1" t="s">
        <v>20462</v>
      </c>
      <c r="K5938" s="1" t="s">
        <v>64</v>
      </c>
      <c r="L5938" s="1" t="s">
        <v>20917</v>
      </c>
      <c r="M5938" s="1" t="s">
        <v>5</v>
      </c>
      <c r="N5938" s="1" t="s">
        <v>25</v>
      </c>
      <c r="O5938" s="1" t="s">
        <v>8</v>
      </c>
      <c r="P5938" s="5" t="s">
        <v>30646</v>
      </c>
    </row>
    <row r="5939" spans="1:16" x14ac:dyDescent="0.2">
      <c r="A5939" s="1" t="s">
        <v>42</v>
      </c>
      <c r="B5939" s="1" t="s">
        <v>1377</v>
      </c>
      <c r="C5939" s="1" t="s">
        <v>20923</v>
      </c>
      <c r="D5939" s="1" t="s">
        <v>20924</v>
      </c>
      <c r="E5939" s="1" t="s">
        <v>20926</v>
      </c>
      <c r="F5939" s="1" t="s">
        <v>10</v>
      </c>
      <c r="G5939" s="1" t="s">
        <v>10</v>
      </c>
      <c r="H5939" s="1" t="s">
        <v>10</v>
      </c>
      <c r="I5939" s="1" t="s">
        <v>19310</v>
      </c>
      <c r="J5939" s="1" t="s">
        <v>20925</v>
      </c>
      <c r="K5939" s="1" t="s">
        <v>100</v>
      </c>
      <c r="L5939" s="1" t="s">
        <v>20922</v>
      </c>
      <c r="M5939" s="1" t="s">
        <v>5</v>
      </c>
      <c r="N5939" s="1" t="s">
        <v>25</v>
      </c>
      <c r="O5939" s="1" t="s">
        <v>38</v>
      </c>
      <c r="P5939" s="5" t="s">
        <v>30618</v>
      </c>
    </row>
    <row r="5940" spans="1:16" x14ac:dyDescent="0.2">
      <c r="A5940" s="1" t="s">
        <v>20</v>
      </c>
      <c r="B5940" s="1" t="s">
        <v>93</v>
      </c>
      <c r="C5940" s="1" t="s">
        <v>20928</v>
      </c>
      <c r="D5940" s="1" t="s">
        <v>20929</v>
      </c>
      <c r="E5940" s="1" t="s">
        <v>10</v>
      </c>
      <c r="F5940" s="1" t="s">
        <v>19669</v>
      </c>
      <c r="G5940" s="1" t="s">
        <v>1042</v>
      </c>
      <c r="H5940" s="1" t="s">
        <v>18</v>
      </c>
      <c r="I5940" s="1" t="s">
        <v>19310</v>
      </c>
      <c r="J5940" s="1" t="s">
        <v>10</v>
      </c>
      <c r="K5940" s="1" t="s">
        <v>10</v>
      </c>
      <c r="L5940" s="1" t="s">
        <v>20927</v>
      </c>
      <c r="M5940" s="1" t="s">
        <v>5</v>
      </c>
      <c r="N5940" s="1" t="s">
        <v>1009</v>
      </c>
      <c r="O5940" s="1" t="s">
        <v>8</v>
      </c>
      <c r="P5940" s="5"/>
    </row>
    <row r="5941" spans="1:16" x14ac:dyDescent="0.2">
      <c r="A5941" s="1" t="s">
        <v>194</v>
      </c>
      <c r="B5941" s="1" t="s">
        <v>6481</v>
      </c>
      <c r="C5941" s="1" t="s">
        <v>20931</v>
      </c>
      <c r="D5941" s="1" t="s">
        <v>20932</v>
      </c>
      <c r="E5941" s="1" t="s">
        <v>20933</v>
      </c>
      <c r="F5941" s="1" t="s">
        <v>10</v>
      </c>
      <c r="G5941" s="1" t="s">
        <v>10</v>
      </c>
      <c r="H5941" s="1" t="s">
        <v>10</v>
      </c>
      <c r="I5941" s="1" t="s">
        <v>19310</v>
      </c>
      <c r="J5941" s="1" t="s">
        <v>19</v>
      </c>
      <c r="K5941" s="1" t="s">
        <v>64</v>
      </c>
      <c r="L5941" s="1" t="s">
        <v>20930</v>
      </c>
      <c r="M5941" s="1" t="s">
        <v>5</v>
      </c>
      <c r="N5941" s="1" t="s">
        <v>25</v>
      </c>
      <c r="O5941" s="1" t="s">
        <v>38</v>
      </c>
      <c r="P5941" s="5" t="s">
        <v>32131</v>
      </c>
    </row>
    <row r="5942" spans="1:16" x14ac:dyDescent="0.2">
      <c r="A5942" s="1" t="s">
        <v>20</v>
      </c>
      <c r="B5942" s="1" t="s">
        <v>309</v>
      </c>
      <c r="C5942" s="1" t="s">
        <v>20935</v>
      </c>
      <c r="D5942" s="1" t="s">
        <v>10</v>
      </c>
      <c r="E5942" s="1" t="s">
        <v>20936</v>
      </c>
      <c r="F5942" s="1" t="s">
        <v>10</v>
      </c>
      <c r="G5942" s="1" t="s">
        <v>10</v>
      </c>
      <c r="H5942" s="1" t="s">
        <v>10</v>
      </c>
      <c r="I5942" s="1" t="s">
        <v>19310</v>
      </c>
      <c r="J5942" s="1" t="s">
        <v>19</v>
      </c>
      <c r="K5942" s="1" t="s">
        <v>7</v>
      </c>
      <c r="L5942" s="1" t="s">
        <v>20934</v>
      </c>
      <c r="M5942" s="1" t="s">
        <v>5</v>
      </c>
      <c r="N5942" s="1" t="s">
        <v>25</v>
      </c>
      <c r="O5942" s="1" t="s">
        <v>38</v>
      </c>
      <c r="P5942" s="5" t="s">
        <v>32132</v>
      </c>
    </row>
    <row r="5943" spans="1:16" x14ac:dyDescent="0.2">
      <c r="A5943" s="1" t="s">
        <v>10</v>
      </c>
      <c r="B5943" s="1" t="s">
        <v>10</v>
      </c>
      <c r="C5943" s="1" t="s">
        <v>20938</v>
      </c>
      <c r="D5943" s="1" t="s">
        <v>484</v>
      </c>
      <c r="E5943" s="1" t="s">
        <v>20939</v>
      </c>
      <c r="F5943" s="1" t="s">
        <v>10</v>
      </c>
      <c r="G5943" s="1" t="s">
        <v>10</v>
      </c>
      <c r="H5943" s="1" t="s">
        <v>10</v>
      </c>
      <c r="I5943" s="1" t="s">
        <v>19310</v>
      </c>
      <c r="J5943" s="1" t="s">
        <v>10</v>
      </c>
      <c r="K5943" s="1" t="s">
        <v>10</v>
      </c>
      <c r="L5943" s="1" t="s">
        <v>20937</v>
      </c>
      <c r="M5943" s="1" t="s">
        <v>5</v>
      </c>
      <c r="N5943" s="1" t="s">
        <v>6</v>
      </c>
      <c r="O5943" s="1" t="s">
        <v>38</v>
      </c>
      <c r="P5943" s="5"/>
    </row>
    <row r="5944" spans="1:16" x14ac:dyDescent="0.2">
      <c r="A5944" s="1" t="s">
        <v>194</v>
      </c>
      <c r="B5944" s="1" t="s">
        <v>6481</v>
      </c>
      <c r="C5944" s="1" t="s">
        <v>20941</v>
      </c>
      <c r="D5944" s="1" t="s">
        <v>10</v>
      </c>
      <c r="E5944" s="1" t="s">
        <v>20942</v>
      </c>
      <c r="F5944" s="1" t="s">
        <v>10</v>
      </c>
      <c r="G5944" s="1" t="s">
        <v>10</v>
      </c>
      <c r="H5944" s="1" t="s">
        <v>10</v>
      </c>
      <c r="I5944" s="1" t="s">
        <v>19310</v>
      </c>
      <c r="J5944" s="1" t="s">
        <v>19435</v>
      </c>
      <c r="K5944" s="1" t="s">
        <v>64</v>
      </c>
      <c r="L5944" s="1" t="s">
        <v>20940</v>
      </c>
      <c r="M5944" s="1" t="s">
        <v>5</v>
      </c>
      <c r="N5944" s="1" t="s">
        <v>25</v>
      </c>
      <c r="O5944" s="1" t="s">
        <v>38</v>
      </c>
      <c r="P5944" s="5"/>
    </row>
    <row r="5945" spans="1:16" ht="63.75" x14ac:dyDescent="0.2">
      <c r="A5945" s="1" t="s">
        <v>42</v>
      </c>
      <c r="B5945" s="1" t="s">
        <v>118</v>
      </c>
      <c r="C5945" s="1" t="s">
        <v>20944</v>
      </c>
      <c r="D5945" s="1" t="s">
        <v>10</v>
      </c>
      <c r="E5945" s="1" t="s">
        <v>20945</v>
      </c>
      <c r="F5945" s="1" t="s">
        <v>10</v>
      </c>
      <c r="G5945" s="1" t="s">
        <v>10</v>
      </c>
      <c r="H5945" s="1" t="s">
        <v>10</v>
      </c>
      <c r="I5945" s="1" t="s">
        <v>19310</v>
      </c>
      <c r="J5945" s="1" t="s">
        <v>10</v>
      </c>
      <c r="K5945" s="1" t="s">
        <v>64</v>
      </c>
      <c r="L5945" s="1" t="s">
        <v>20943</v>
      </c>
      <c r="M5945" s="1" t="s">
        <v>3905</v>
      </c>
      <c r="N5945" s="1" t="s">
        <v>25</v>
      </c>
      <c r="O5945" s="1" t="s">
        <v>38</v>
      </c>
      <c r="P5945" s="9" t="s">
        <v>32817</v>
      </c>
    </row>
    <row r="5946" spans="1:16" x14ac:dyDescent="0.2">
      <c r="A5946" s="1" t="s">
        <v>20</v>
      </c>
      <c r="B5946" s="1" t="s">
        <v>132</v>
      </c>
      <c r="C5946" s="1" t="s">
        <v>20947</v>
      </c>
      <c r="D5946" s="1" t="s">
        <v>10</v>
      </c>
      <c r="E5946" s="1" t="s">
        <v>10</v>
      </c>
      <c r="F5946" s="1" t="s">
        <v>10</v>
      </c>
      <c r="G5946" s="1" t="s">
        <v>10</v>
      </c>
      <c r="H5946" s="1" t="s">
        <v>10</v>
      </c>
      <c r="I5946" s="1" t="s">
        <v>19310</v>
      </c>
      <c r="J5946" s="1" t="s">
        <v>19</v>
      </c>
      <c r="K5946" s="1" t="s">
        <v>64</v>
      </c>
      <c r="L5946" s="1" t="s">
        <v>20946</v>
      </c>
      <c r="M5946" s="1" t="s">
        <v>5</v>
      </c>
      <c r="N5946" s="1" t="s">
        <v>25</v>
      </c>
      <c r="O5946" s="1" t="s">
        <v>38</v>
      </c>
      <c r="P5946" s="5" t="s">
        <v>32019</v>
      </c>
    </row>
    <row r="5947" spans="1:16" x14ac:dyDescent="0.2">
      <c r="A5947" s="1" t="s">
        <v>20</v>
      </c>
      <c r="B5947" s="1" t="s">
        <v>309</v>
      </c>
      <c r="C5947" s="1" t="s">
        <v>20949</v>
      </c>
      <c r="D5947" s="1" t="s">
        <v>10</v>
      </c>
      <c r="E5947" s="1" t="s">
        <v>20950</v>
      </c>
      <c r="F5947" s="1" t="s">
        <v>10</v>
      </c>
      <c r="G5947" s="1" t="s">
        <v>10</v>
      </c>
      <c r="H5947" s="1" t="s">
        <v>10</v>
      </c>
      <c r="I5947" s="1" t="s">
        <v>19310</v>
      </c>
      <c r="J5947" s="1" t="s">
        <v>19</v>
      </c>
      <c r="K5947" s="1" t="s">
        <v>64</v>
      </c>
      <c r="L5947" s="1" t="s">
        <v>20948</v>
      </c>
      <c r="M5947" s="1" t="s">
        <v>5</v>
      </c>
      <c r="N5947" s="1" t="s">
        <v>25</v>
      </c>
      <c r="O5947" s="1" t="s">
        <v>38</v>
      </c>
      <c r="P5947" s="5" t="s">
        <v>119</v>
      </c>
    </row>
    <row r="5948" spans="1:16" x14ac:dyDescent="0.2">
      <c r="A5948" s="1" t="s">
        <v>32</v>
      </c>
      <c r="B5948" s="1" t="s">
        <v>7383</v>
      </c>
      <c r="C5948" s="1" t="s">
        <v>20952</v>
      </c>
      <c r="D5948" s="1" t="s">
        <v>10</v>
      </c>
      <c r="E5948" s="1" t="s">
        <v>20953</v>
      </c>
      <c r="F5948" s="1" t="s">
        <v>10</v>
      </c>
      <c r="G5948" s="1" t="s">
        <v>10</v>
      </c>
      <c r="H5948" s="1" t="s">
        <v>10</v>
      </c>
      <c r="I5948" s="1" t="s">
        <v>19310</v>
      </c>
      <c r="J5948" s="1" t="s">
        <v>19</v>
      </c>
      <c r="K5948" s="1" t="s">
        <v>64</v>
      </c>
      <c r="L5948" s="1" t="s">
        <v>20951</v>
      </c>
      <c r="M5948" s="1" t="s">
        <v>5</v>
      </c>
      <c r="N5948" s="1" t="s">
        <v>25</v>
      </c>
      <c r="O5948" s="1" t="s">
        <v>38</v>
      </c>
      <c r="P5948" s="5"/>
    </row>
    <row r="5949" spans="1:16" x14ac:dyDescent="0.2">
      <c r="A5949" s="1" t="s">
        <v>20</v>
      </c>
      <c r="B5949" s="1" t="s">
        <v>132</v>
      </c>
      <c r="C5949" s="1" t="s">
        <v>20955</v>
      </c>
      <c r="D5949" s="1" t="s">
        <v>10</v>
      </c>
      <c r="E5949" s="1" t="s">
        <v>20956</v>
      </c>
      <c r="F5949" s="1" t="s">
        <v>10</v>
      </c>
      <c r="G5949" s="1" t="s">
        <v>10</v>
      </c>
      <c r="H5949" s="1" t="s">
        <v>10</v>
      </c>
      <c r="I5949" s="1" t="s">
        <v>19310</v>
      </c>
      <c r="J5949" s="1" t="s">
        <v>19</v>
      </c>
      <c r="K5949" s="1" t="s">
        <v>7</v>
      </c>
      <c r="L5949" s="1" t="s">
        <v>20954</v>
      </c>
      <c r="M5949" s="1" t="s">
        <v>5</v>
      </c>
      <c r="N5949" s="1" t="s">
        <v>25</v>
      </c>
      <c r="O5949" s="1" t="s">
        <v>38</v>
      </c>
      <c r="P5949" s="5" t="s">
        <v>32020</v>
      </c>
    </row>
    <row r="5950" spans="1:16" x14ac:dyDescent="0.2">
      <c r="A5950" s="1" t="s">
        <v>194</v>
      </c>
      <c r="B5950" s="1" t="s">
        <v>7145</v>
      </c>
      <c r="C5950" s="1" t="s">
        <v>20958</v>
      </c>
      <c r="D5950" s="1" t="s">
        <v>10</v>
      </c>
      <c r="E5950" s="1" t="s">
        <v>20959</v>
      </c>
      <c r="F5950" s="1" t="s">
        <v>10</v>
      </c>
      <c r="G5950" s="1" t="s">
        <v>10</v>
      </c>
      <c r="H5950" s="1" t="s">
        <v>10</v>
      </c>
      <c r="I5950" s="1" t="s">
        <v>19310</v>
      </c>
      <c r="J5950" s="1" t="s">
        <v>10</v>
      </c>
      <c r="K5950" s="1" t="s">
        <v>64</v>
      </c>
      <c r="L5950" s="1" t="s">
        <v>20957</v>
      </c>
      <c r="M5950" s="1" t="s">
        <v>5</v>
      </c>
      <c r="N5950" s="1" t="s">
        <v>6</v>
      </c>
      <c r="O5950" s="1" t="s">
        <v>38</v>
      </c>
      <c r="P5950" s="5"/>
    </row>
    <row r="5951" spans="1:16" x14ac:dyDescent="0.2">
      <c r="A5951" s="1" t="s">
        <v>20</v>
      </c>
      <c r="B5951" s="1" t="s">
        <v>445</v>
      </c>
      <c r="C5951" s="1" t="s">
        <v>20961</v>
      </c>
      <c r="D5951" s="1" t="s">
        <v>20962</v>
      </c>
      <c r="E5951" s="1" t="s">
        <v>20963</v>
      </c>
      <c r="F5951" s="1" t="s">
        <v>10</v>
      </c>
      <c r="G5951" s="1" t="s">
        <v>10</v>
      </c>
      <c r="H5951" s="1" t="s">
        <v>10</v>
      </c>
      <c r="I5951" s="1" t="s">
        <v>19310</v>
      </c>
      <c r="J5951" s="1" t="s">
        <v>19381</v>
      </c>
      <c r="K5951" s="1" t="s">
        <v>7</v>
      </c>
      <c r="L5951" s="1" t="s">
        <v>20960</v>
      </c>
      <c r="M5951" s="1" t="s">
        <v>5</v>
      </c>
      <c r="N5951" s="1" t="s">
        <v>25</v>
      </c>
      <c r="O5951" s="1" t="s">
        <v>38</v>
      </c>
      <c r="P5951" s="5" t="s">
        <v>10</v>
      </c>
    </row>
    <row r="5952" spans="1:16" x14ac:dyDescent="0.2">
      <c r="A5952" s="1" t="s">
        <v>20</v>
      </c>
      <c r="B5952" s="1" t="s">
        <v>445</v>
      </c>
      <c r="C5952" s="1" t="s">
        <v>20965</v>
      </c>
      <c r="D5952" s="1" t="s">
        <v>10</v>
      </c>
      <c r="E5952" s="1" t="s">
        <v>20966</v>
      </c>
      <c r="F5952" s="1" t="s">
        <v>10</v>
      </c>
      <c r="G5952" s="1" t="s">
        <v>10</v>
      </c>
      <c r="H5952" s="1" t="s">
        <v>10</v>
      </c>
      <c r="I5952" s="1" t="s">
        <v>19310</v>
      </c>
      <c r="J5952" s="1" t="s">
        <v>19314</v>
      </c>
      <c r="K5952" s="1" t="s">
        <v>64</v>
      </c>
      <c r="L5952" s="1" t="s">
        <v>20964</v>
      </c>
      <c r="M5952" s="1" t="s">
        <v>5</v>
      </c>
      <c r="N5952" s="1" t="s">
        <v>25</v>
      </c>
      <c r="O5952" s="1" t="s">
        <v>38</v>
      </c>
      <c r="P5952" s="5" t="s">
        <v>119</v>
      </c>
    </row>
    <row r="5953" spans="1:16" x14ac:dyDescent="0.2">
      <c r="A5953" s="1" t="s">
        <v>194</v>
      </c>
      <c r="B5953" s="1" t="s">
        <v>7145</v>
      </c>
      <c r="C5953" s="1" t="s">
        <v>20968</v>
      </c>
      <c r="D5953" s="1" t="s">
        <v>10</v>
      </c>
      <c r="E5953" s="1" t="s">
        <v>20969</v>
      </c>
      <c r="F5953" s="1" t="s">
        <v>10</v>
      </c>
      <c r="G5953" s="1" t="s">
        <v>10</v>
      </c>
      <c r="H5953" s="1" t="s">
        <v>10</v>
      </c>
      <c r="I5953" s="1" t="s">
        <v>19310</v>
      </c>
      <c r="J5953" s="1" t="s">
        <v>19435</v>
      </c>
      <c r="K5953" s="1" t="s">
        <v>64</v>
      </c>
      <c r="L5953" s="1" t="s">
        <v>20967</v>
      </c>
      <c r="M5953" s="1" t="s">
        <v>5</v>
      </c>
      <c r="N5953" s="1" t="s">
        <v>25</v>
      </c>
      <c r="O5953" s="1" t="s">
        <v>38</v>
      </c>
      <c r="P5953" s="5" t="s">
        <v>32133</v>
      </c>
    </row>
    <row r="5954" spans="1:16" x14ac:dyDescent="0.2">
      <c r="A5954" s="1" t="s">
        <v>194</v>
      </c>
      <c r="B5954" s="1" t="s">
        <v>7145</v>
      </c>
      <c r="C5954" s="1" t="s">
        <v>20972</v>
      </c>
      <c r="D5954" s="1" t="s">
        <v>10</v>
      </c>
      <c r="E5954" s="1" t="s">
        <v>20973</v>
      </c>
      <c r="F5954" s="1" t="s">
        <v>10</v>
      </c>
      <c r="G5954" s="1" t="s">
        <v>10</v>
      </c>
      <c r="H5954" s="1" t="s">
        <v>10</v>
      </c>
      <c r="I5954" s="1" t="s">
        <v>19310</v>
      </c>
      <c r="J5954" s="1" t="s">
        <v>19435</v>
      </c>
      <c r="K5954" s="1" t="s">
        <v>64</v>
      </c>
      <c r="L5954" s="1" t="s">
        <v>20971</v>
      </c>
      <c r="M5954" s="1" t="s">
        <v>5</v>
      </c>
      <c r="N5954" s="1" t="s">
        <v>25</v>
      </c>
      <c r="O5954" s="1" t="s">
        <v>38</v>
      </c>
      <c r="P5954" s="5" t="s">
        <v>32133</v>
      </c>
    </row>
    <row r="5955" spans="1:16" x14ac:dyDescent="0.2">
      <c r="A5955" s="1" t="s">
        <v>20</v>
      </c>
      <c r="B5955" s="1" t="s">
        <v>310</v>
      </c>
      <c r="C5955" s="1" t="s">
        <v>20975</v>
      </c>
      <c r="D5955" s="1" t="s">
        <v>10</v>
      </c>
      <c r="E5955" s="1" t="s">
        <v>20976</v>
      </c>
      <c r="F5955" s="1" t="s">
        <v>10</v>
      </c>
      <c r="G5955" s="1" t="s">
        <v>10</v>
      </c>
      <c r="H5955" s="1" t="s">
        <v>10</v>
      </c>
      <c r="I5955" s="1" t="s">
        <v>19310</v>
      </c>
      <c r="J5955" s="1" t="s">
        <v>19</v>
      </c>
      <c r="K5955" s="1" t="s">
        <v>100</v>
      </c>
      <c r="L5955" s="1" t="s">
        <v>20974</v>
      </c>
      <c r="M5955" s="1" t="s">
        <v>5</v>
      </c>
      <c r="N5955" s="1" t="s">
        <v>25</v>
      </c>
      <c r="O5955" s="1" t="s">
        <v>38</v>
      </c>
      <c r="P5955" s="5" t="s">
        <v>32131</v>
      </c>
    </row>
    <row r="5956" spans="1:16" x14ac:dyDescent="0.2">
      <c r="A5956" s="1" t="s">
        <v>20</v>
      </c>
      <c r="B5956" s="1" t="s">
        <v>445</v>
      </c>
      <c r="C5956" s="1" t="s">
        <v>20978</v>
      </c>
      <c r="D5956" s="1" t="s">
        <v>10</v>
      </c>
      <c r="E5956" s="1" t="s">
        <v>20979</v>
      </c>
      <c r="F5956" s="1" t="s">
        <v>10</v>
      </c>
      <c r="G5956" s="1" t="s">
        <v>10</v>
      </c>
      <c r="H5956" s="1" t="s">
        <v>10</v>
      </c>
      <c r="I5956" s="1" t="s">
        <v>19310</v>
      </c>
      <c r="J5956" s="1" t="s">
        <v>10</v>
      </c>
      <c r="K5956" s="1" t="s">
        <v>64</v>
      </c>
      <c r="L5956" s="1" t="s">
        <v>20977</v>
      </c>
      <c r="M5956" s="1" t="s">
        <v>3905</v>
      </c>
      <c r="N5956" s="1" t="s">
        <v>25</v>
      </c>
      <c r="O5956" s="1" t="s">
        <v>38</v>
      </c>
      <c r="P5956" s="5" t="s">
        <v>119</v>
      </c>
    </row>
    <row r="5957" spans="1:16" x14ac:dyDescent="0.2">
      <c r="A5957" s="1" t="s">
        <v>20</v>
      </c>
      <c r="B5957" s="1" t="s">
        <v>445</v>
      </c>
      <c r="C5957" s="1" t="s">
        <v>20981</v>
      </c>
      <c r="D5957" s="1" t="s">
        <v>20982</v>
      </c>
      <c r="E5957" s="1" t="s">
        <v>20983</v>
      </c>
      <c r="F5957" s="1" t="s">
        <v>10</v>
      </c>
      <c r="G5957" s="1" t="s">
        <v>10</v>
      </c>
      <c r="H5957" s="1" t="s">
        <v>10</v>
      </c>
      <c r="I5957" s="1" t="s">
        <v>19310</v>
      </c>
      <c r="J5957" s="1" t="s">
        <v>19356</v>
      </c>
      <c r="K5957" s="1" t="s">
        <v>64</v>
      </c>
      <c r="L5957" s="1" t="s">
        <v>20980</v>
      </c>
      <c r="M5957" s="1" t="s">
        <v>5</v>
      </c>
      <c r="N5957" s="1" t="s">
        <v>25</v>
      </c>
      <c r="O5957" s="1" t="s">
        <v>38</v>
      </c>
      <c r="P5957" s="5" t="s">
        <v>32131</v>
      </c>
    </row>
    <row r="5958" spans="1:16" x14ac:dyDescent="0.2">
      <c r="A5958" s="1" t="s">
        <v>66</v>
      </c>
      <c r="B5958" s="1" t="s">
        <v>1127</v>
      </c>
      <c r="C5958" s="1" t="s">
        <v>20985</v>
      </c>
      <c r="D5958" s="1" t="s">
        <v>10</v>
      </c>
      <c r="E5958" s="1" t="s">
        <v>20986</v>
      </c>
      <c r="F5958" s="1" t="s">
        <v>10</v>
      </c>
      <c r="G5958" s="1" t="s">
        <v>10</v>
      </c>
      <c r="H5958" s="1" t="s">
        <v>10</v>
      </c>
      <c r="I5958" s="1" t="s">
        <v>19310</v>
      </c>
      <c r="J5958" s="1" t="s">
        <v>10</v>
      </c>
      <c r="K5958" s="1" t="s">
        <v>64</v>
      </c>
      <c r="L5958" s="1" t="s">
        <v>20984</v>
      </c>
      <c r="M5958" s="1" t="s">
        <v>5</v>
      </c>
      <c r="N5958" s="1" t="s">
        <v>6</v>
      </c>
      <c r="O5958" s="1" t="s">
        <v>38</v>
      </c>
      <c r="P5958" s="5"/>
    </row>
    <row r="5959" spans="1:16" x14ac:dyDescent="0.2">
      <c r="A5959" s="1" t="s">
        <v>194</v>
      </c>
      <c r="B5959" s="1" t="s">
        <v>7145</v>
      </c>
      <c r="C5959" s="1" t="s">
        <v>20988</v>
      </c>
      <c r="D5959" s="1" t="s">
        <v>10</v>
      </c>
      <c r="E5959" s="1" t="s">
        <v>20989</v>
      </c>
      <c r="F5959" s="1" t="s">
        <v>10</v>
      </c>
      <c r="G5959" s="1" t="s">
        <v>10</v>
      </c>
      <c r="H5959" s="1" t="s">
        <v>10</v>
      </c>
      <c r="I5959" s="1" t="s">
        <v>19310</v>
      </c>
      <c r="J5959" s="1" t="s">
        <v>10</v>
      </c>
      <c r="K5959" s="1" t="s">
        <v>64</v>
      </c>
      <c r="L5959" s="1" t="s">
        <v>20987</v>
      </c>
      <c r="M5959" s="1" t="s">
        <v>5</v>
      </c>
      <c r="N5959" s="1" t="s">
        <v>6</v>
      </c>
      <c r="O5959" s="1" t="s">
        <v>38</v>
      </c>
      <c r="P5959" s="5"/>
    </row>
    <row r="5960" spans="1:16" x14ac:dyDescent="0.2">
      <c r="A5960" s="1" t="s">
        <v>20</v>
      </c>
      <c r="B5960" s="1" t="s">
        <v>445</v>
      </c>
      <c r="C5960" s="1" t="s">
        <v>20991</v>
      </c>
      <c r="D5960" s="1" t="s">
        <v>10</v>
      </c>
      <c r="E5960" s="1" t="s">
        <v>20992</v>
      </c>
      <c r="F5960" s="1" t="s">
        <v>10</v>
      </c>
      <c r="G5960" s="1" t="s">
        <v>10</v>
      </c>
      <c r="H5960" s="1" t="s">
        <v>10</v>
      </c>
      <c r="I5960" s="1" t="s">
        <v>19310</v>
      </c>
      <c r="J5960" s="1" t="s">
        <v>19322</v>
      </c>
      <c r="K5960" s="1" t="s">
        <v>64</v>
      </c>
      <c r="L5960" s="1" t="s">
        <v>20990</v>
      </c>
      <c r="M5960" s="1" t="s">
        <v>5</v>
      </c>
      <c r="N5960" s="1" t="s">
        <v>25</v>
      </c>
      <c r="O5960" s="1" t="s">
        <v>38</v>
      </c>
      <c r="P5960" s="5" t="s">
        <v>30641</v>
      </c>
    </row>
    <row r="5961" spans="1:16" x14ac:dyDescent="0.2">
      <c r="A5961" s="1" t="s">
        <v>20</v>
      </c>
      <c r="B5961" s="1" t="s">
        <v>1804</v>
      </c>
      <c r="C5961" s="1" t="s">
        <v>20994</v>
      </c>
      <c r="D5961" s="1" t="s">
        <v>10</v>
      </c>
      <c r="E5961" s="1" t="s">
        <v>20995</v>
      </c>
      <c r="F5961" s="1" t="s">
        <v>10</v>
      </c>
      <c r="G5961" s="1" t="s">
        <v>10</v>
      </c>
      <c r="H5961" s="1" t="s">
        <v>10</v>
      </c>
      <c r="I5961" s="1" t="s">
        <v>19310</v>
      </c>
      <c r="J5961" s="1" t="s">
        <v>19322</v>
      </c>
      <c r="K5961" s="1" t="s">
        <v>64</v>
      </c>
      <c r="L5961" s="1" t="s">
        <v>20993</v>
      </c>
      <c r="M5961" s="1" t="s">
        <v>3905</v>
      </c>
      <c r="N5961" s="1" t="s">
        <v>25</v>
      </c>
      <c r="O5961" s="1" t="s">
        <v>38</v>
      </c>
      <c r="P5961" s="5"/>
    </row>
    <row r="5962" spans="1:16" x14ac:dyDescent="0.2">
      <c r="A5962" s="1" t="s">
        <v>20</v>
      </c>
      <c r="B5962" s="1" t="s">
        <v>309</v>
      </c>
      <c r="C5962" s="1" t="s">
        <v>20997</v>
      </c>
      <c r="D5962" s="1" t="s">
        <v>10</v>
      </c>
      <c r="E5962" s="1" t="s">
        <v>20998</v>
      </c>
      <c r="F5962" s="1" t="s">
        <v>10</v>
      </c>
      <c r="G5962" s="1" t="s">
        <v>10</v>
      </c>
      <c r="H5962" s="1" t="s">
        <v>10</v>
      </c>
      <c r="I5962" s="1" t="s">
        <v>19310</v>
      </c>
      <c r="J5962" s="1" t="s">
        <v>19322</v>
      </c>
      <c r="K5962" s="1" t="s">
        <v>64</v>
      </c>
      <c r="L5962" s="1" t="s">
        <v>20996</v>
      </c>
      <c r="M5962" s="1" t="s">
        <v>5</v>
      </c>
      <c r="N5962" s="1" t="s">
        <v>25</v>
      </c>
      <c r="O5962" s="1" t="s">
        <v>38</v>
      </c>
      <c r="P5962" s="5" t="s">
        <v>30641</v>
      </c>
    </row>
    <row r="5963" spans="1:16" x14ac:dyDescent="0.2">
      <c r="A5963" s="1" t="s">
        <v>20</v>
      </c>
      <c r="B5963" s="1" t="s">
        <v>309</v>
      </c>
      <c r="C5963" s="1" t="s">
        <v>21000</v>
      </c>
      <c r="D5963" s="1" t="s">
        <v>10</v>
      </c>
      <c r="E5963" s="1" t="s">
        <v>21000</v>
      </c>
      <c r="F5963" s="1" t="s">
        <v>10</v>
      </c>
      <c r="G5963" s="1" t="s">
        <v>10</v>
      </c>
      <c r="H5963" s="1" t="s">
        <v>10</v>
      </c>
      <c r="I5963" s="1" t="s">
        <v>19310</v>
      </c>
      <c r="J5963" s="1" t="s">
        <v>19</v>
      </c>
      <c r="K5963" s="1" t="s">
        <v>7</v>
      </c>
      <c r="L5963" s="1" t="s">
        <v>20999</v>
      </c>
      <c r="M5963" s="1" t="s">
        <v>5</v>
      </c>
      <c r="N5963" s="1" t="s">
        <v>25</v>
      </c>
      <c r="O5963" s="1" t="s">
        <v>38</v>
      </c>
      <c r="P5963" s="5" t="s">
        <v>32132</v>
      </c>
    </row>
    <row r="5964" spans="1:16" x14ac:dyDescent="0.2">
      <c r="A5964" s="1" t="s">
        <v>10</v>
      </c>
      <c r="B5964" s="1" t="s">
        <v>10</v>
      </c>
      <c r="C5964" s="1" t="s">
        <v>21002</v>
      </c>
      <c r="D5964" s="1" t="s">
        <v>10</v>
      </c>
      <c r="E5964" s="1" t="s">
        <v>21003</v>
      </c>
      <c r="F5964" s="1" t="s">
        <v>10</v>
      </c>
      <c r="G5964" s="1" t="s">
        <v>10</v>
      </c>
      <c r="H5964" s="1" t="s">
        <v>10</v>
      </c>
      <c r="I5964" s="1" t="s">
        <v>19310</v>
      </c>
      <c r="J5964" s="1" t="s">
        <v>10</v>
      </c>
      <c r="K5964" s="1" t="s">
        <v>10</v>
      </c>
      <c r="L5964" s="1" t="s">
        <v>21001</v>
      </c>
      <c r="M5964" s="1" t="s">
        <v>5</v>
      </c>
      <c r="N5964" s="1" t="s">
        <v>6</v>
      </c>
      <c r="O5964" s="1" t="s">
        <v>38</v>
      </c>
      <c r="P5964" s="5"/>
    </row>
    <row r="5965" spans="1:16" x14ac:dyDescent="0.2">
      <c r="A5965" s="1" t="s">
        <v>10</v>
      </c>
      <c r="B5965" s="1" t="s">
        <v>10</v>
      </c>
      <c r="C5965" s="1" t="s">
        <v>21005</v>
      </c>
      <c r="D5965" s="1" t="s">
        <v>10</v>
      </c>
      <c r="E5965" s="1" t="s">
        <v>21006</v>
      </c>
      <c r="F5965" s="1" t="s">
        <v>10</v>
      </c>
      <c r="G5965" s="1" t="s">
        <v>10</v>
      </c>
      <c r="H5965" s="1" t="s">
        <v>10</v>
      </c>
      <c r="I5965" s="1" t="s">
        <v>19310</v>
      </c>
      <c r="J5965" s="1" t="s">
        <v>10</v>
      </c>
      <c r="K5965" s="1" t="s">
        <v>10</v>
      </c>
      <c r="L5965" s="1" t="s">
        <v>21004</v>
      </c>
      <c r="M5965" s="1" t="s">
        <v>5</v>
      </c>
      <c r="N5965" s="1" t="s">
        <v>6</v>
      </c>
      <c r="O5965" s="1" t="s">
        <v>38</v>
      </c>
      <c r="P5965" s="5"/>
    </row>
    <row r="5966" spans="1:16" x14ac:dyDescent="0.2">
      <c r="A5966" s="1" t="s">
        <v>2187</v>
      </c>
      <c r="B5966" s="1" t="s">
        <v>21011</v>
      </c>
      <c r="C5966" s="1" t="s">
        <v>21008</v>
      </c>
      <c r="D5966" s="1" t="s">
        <v>21009</v>
      </c>
      <c r="E5966" s="1" t="s">
        <v>21010</v>
      </c>
      <c r="F5966" s="1" t="s">
        <v>10</v>
      </c>
      <c r="G5966" s="1" t="s">
        <v>10</v>
      </c>
      <c r="H5966" s="1" t="s">
        <v>10</v>
      </c>
      <c r="I5966" s="1" t="s">
        <v>19310</v>
      </c>
      <c r="J5966" s="1" t="s">
        <v>19</v>
      </c>
      <c r="K5966" s="1" t="s">
        <v>1548</v>
      </c>
      <c r="L5966" s="1" t="s">
        <v>21007</v>
      </c>
      <c r="M5966" s="1" t="s">
        <v>5</v>
      </c>
      <c r="N5966" s="1" t="s">
        <v>25</v>
      </c>
      <c r="O5966" s="1" t="s">
        <v>38</v>
      </c>
      <c r="P5966" s="5" t="s">
        <v>32134</v>
      </c>
    </row>
    <row r="5967" spans="1:16" x14ac:dyDescent="0.2">
      <c r="A5967" s="1" t="s">
        <v>20</v>
      </c>
      <c r="B5967" s="1" t="s">
        <v>101</v>
      </c>
      <c r="C5967" s="1" t="s">
        <v>21013</v>
      </c>
      <c r="D5967" s="1" t="s">
        <v>9953</v>
      </c>
      <c r="E5967" s="1" t="s">
        <v>21014</v>
      </c>
      <c r="F5967" s="1" t="s">
        <v>10</v>
      </c>
      <c r="G5967" s="1" t="s">
        <v>10</v>
      </c>
      <c r="H5967" s="1" t="s">
        <v>10</v>
      </c>
      <c r="I5967" s="1" t="s">
        <v>19310</v>
      </c>
      <c r="J5967" s="1" t="s">
        <v>19381</v>
      </c>
      <c r="K5967" s="1" t="s">
        <v>7</v>
      </c>
      <c r="L5967" s="1" t="s">
        <v>21012</v>
      </c>
      <c r="M5967" s="1" t="s">
        <v>5</v>
      </c>
      <c r="N5967" s="1" t="s">
        <v>25</v>
      </c>
      <c r="O5967" s="1" t="s">
        <v>38</v>
      </c>
      <c r="P5967" s="5" t="s">
        <v>32135</v>
      </c>
    </row>
    <row r="5968" spans="1:16" x14ac:dyDescent="0.2">
      <c r="A5968" s="1" t="s">
        <v>20</v>
      </c>
      <c r="B5968" s="1" t="s">
        <v>309</v>
      </c>
      <c r="C5968" s="1" t="s">
        <v>21016</v>
      </c>
      <c r="D5968" s="1" t="s">
        <v>21017</v>
      </c>
      <c r="E5968" s="1" t="s">
        <v>21018</v>
      </c>
      <c r="F5968" s="1" t="s">
        <v>10</v>
      </c>
      <c r="G5968" s="1" t="s">
        <v>10</v>
      </c>
      <c r="H5968" s="1" t="s">
        <v>10</v>
      </c>
      <c r="I5968" s="1" t="s">
        <v>19310</v>
      </c>
      <c r="J5968" s="1" t="s">
        <v>19381</v>
      </c>
      <c r="K5968" s="1" t="s">
        <v>7</v>
      </c>
      <c r="L5968" s="1" t="s">
        <v>21015</v>
      </c>
      <c r="M5968" s="1" t="s">
        <v>5</v>
      </c>
      <c r="N5968" s="1" t="s">
        <v>25</v>
      </c>
      <c r="O5968" s="1" t="s">
        <v>38</v>
      </c>
      <c r="P5968" s="5" t="s">
        <v>30647</v>
      </c>
    </row>
    <row r="5969" spans="1:16" x14ac:dyDescent="0.2">
      <c r="A5969" s="1" t="s">
        <v>42</v>
      </c>
      <c r="B5969" s="1" t="s">
        <v>118</v>
      </c>
      <c r="C5969" s="1" t="s">
        <v>21020</v>
      </c>
      <c r="D5969" s="1" t="s">
        <v>21021</v>
      </c>
      <c r="E5969" s="1" t="s">
        <v>21022</v>
      </c>
      <c r="F5969" s="1" t="s">
        <v>10</v>
      </c>
      <c r="G5969" s="1" t="s">
        <v>10</v>
      </c>
      <c r="H5969" s="1" t="s">
        <v>10</v>
      </c>
      <c r="I5969" s="1" t="s">
        <v>19310</v>
      </c>
      <c r="J5969" s="1" t="s">
        <v>19381</v>
      </c>
      <c r="K5969" s="1" t="s">
        <v>7</v>
      </c>
      <c r="L5969" s="1" t="s">
        <v>21019</v>
      </c>
      <c r="M5969" s="1" t="s">
        <v>5</v>
      </c>
      <c r="N5969" s="1" t="s">
        <v>25</v>
      </c>
      <c r="O5969" s="1" t="s">
        <v>38</v>
      </c>
      <c r="P5969" s="5" t="s">
        <v>32136</v>
      </c>
    </row>
    <row r="5970" spans="1:16" x14ac:dyDescent="0.2">
      <c r="A5970" s="1" t="s">
        <v>20</v>
      </c>
      <c r="B5970" s="1" t="s">
        <v>132</v>
      </c>
      <c r="C5970" s="1" t="s">
        <v>21024</v>
      </c>
      <c r="D5970" s="1" t="s">
        <v>21025</v>
      </c>
      <c r="E5970" s="1" t="s">
        <v>21026</v>
      </c>
      <c r="F5970" s="1" t="s">
        <v>10</v>
      </c>
      <c r="G5970" s="1" t="s">
        <v>10</v>
      </c>
      <c r="H5970" s="1" t="s">
        <v>10</v>
      </c>
      <c r="I5970" s="1" t="s">
        <v>19310</v>
      </c>
      <c r="J5970" s="1" t="s">
        <v>19381</v>
      </c>
      <c r="K5970" s="1" t="s">
        <v>7</v>
      </c>
      <c r="L5970" s="1" t="s">
        <v>21023</v>
      </c>
      <c r="M5970" s="1" t="s">
        <v>5</v>
      </c>
      <c r="N5970" s="1" t="s">
        <v>25</v>
      </c>
      <c r="O5970" s="1" t="s">
        <v>38</v>
      </c>
      <c r="P5970" s="5" t="s">
        <v>32137</v>
      </c>
    </row>
    <row r="5971" spans="1:16" x14ac:dyDescent="0.2">
      <c r="A5971" s="1" t="s">
        <v>10</v>
      </c>
      <c r="B5971" s="1" t="s">
        <v>10</v>
      </c>
      <c r="C5971" s="1" t="s">
        <v>21028</v>
      </c>
      <c r="D5971" s="1" t="s">
        <v>10</v>
      </c>
      <c r="E5971" s="1" t="s">
        <v>21029</v>
      </c>
      <c r="F5971" s="1" t="s">
        <v>10</v>
      </c>
      <c r="G5971" s="1" t="s">
        <v>10</v>
      </c>
      <c r="H5971" s="1" t="s">
        <v>10</v>
      </c>
      <c r="I5971" s="1" t="s">
        <v>19310</v>
      </c>
      <c r="J5971" s="1" t="s">
        <v>10</v>
      </c>
      <c r="K5971" s="1" t="s">
        <v>10</v>
      </c>
      <c r="L5971" s="1" t="s">
        <v>21027</v>
      </c>
      <c r="M5971" s="1" t="s">
        <v>5</v>
      </c>
      <c r="N5971" s="1" t="s">
        <v>6</v>
      </c>
      <c r="O5971" s="1" t="s">
        <v>38</v>
      </c>
      <c r="P5971" s="5"/>
    </row>
    <row r="5972" spans="1:16" x14ac:dyDescent="0.2">
      <c r="A5972" s="1" t="s">
        <v>20</v>
      </c>
      <c r="B5972" s="1" t="s">
        <v>309</v>
      </c>
      <c r="C5972" s="1" t="s">
        <v>21031</v>
      </c>
      <c r="D5972" s="1" t="s">
        <v>10</v>
      </c>
      <c r="E5972" s="1" t="s">
        <v>21032</v>
      </c>
      <c r="F5972" s="1" t="s">
        <v>10</v>
      </c>
      <c r="G5972" s="1" t="s">
        <v>10</v>
      </c>
      <c r="H5972" s="1" t="s">
        <v>10</v>
      </c>
      <c r="I5972" s="1" t="s">
        <v>19310</v>
      </c>
      <c r="J5972" s="1" t="s">
        <v>19</v>
      </c>
      <c r="K5972" s="1" t="s">
        <v>64</v>
      </c>
      <c r="L5972" s="1" t="s">
        <v>21030</v>
      </c>
      <c r="M5972" s="1" t="s">
        <v>5</v>
      </c>
      <c r="N5972" s="1" t="s">
        <v>25</v>
      </c>
      <c r="O5972" s="1" t="s">
        <v>38</v>
      </c>
      <c r="P5972" s="5" t="s">
        <v>32138</v>
      </c>
    </row>
    <row r="5973" spans="1:16" x14ac:dyDescent="0.2">
      <c r="A5973" s="1" t="s">
        <v>329</v>
      </c>
      <c r="B5973" s="1" t="s">
        <v>330</v>
      </c>
      <c r="C5973" s="1" t="s">
        <v>21034</v>
      </c>
      <c r="D5973" s="1" t="s">
        <v>10</v>
      </c>
      <c r="E5973" s="1" t="s">
        <v>21035</v>
      </c>
      <c r="F5973" s="1" t="s">
        <v>10</v>
      </c>
      <c r="G5973" s="1" t="s">
        <v>10</v>
      </c>
      <c r="H5973" s="1" t="s">
        <v>10</v>
      </c>
      <c r="I5973" s="1" t="s">
        <v>19310</v>
      </c>
      <c r="J5973" s="1" t="s">
        <v>19</v>
      </c>
      <c r="K5973" s="1" t="s">
        <v>64</v>
      </c>
      <c r="L5973" s="1" t="s">
        <v>21033</v>
      </c>
      <c r="M5973" s="1" t="s">
        <v>5</v>
      </c>
      <c r="N5973" s="1" t="s">
        <v>25</v>
      </c>
      <c r="O5973" s="1" t="s">
        <v>38</v>
      </c>
      <c r="P5973" s="5" t="s">
        <v>32131</v>
      </c>
    </row>
    <row r="5974" spans="1:16" x14ac:dyDescent="0.2">
      <c r="A5974" s="1" t="s">
        <v>20</v>
      </c>
      <c r="B5974" s="1" t="s">
        <v>445</v>
      </c>
      <c r="C5974" s="1" t="s">
        <v>21037</v>
      </c>
      <c r="D5974" s="1" t="s">
        <v>21038</v>
      </c>
      <c r="E5974" s="1" t="s">
        <v>21039</v>
      </c>
      <c r="F5974" s="1" t="s">
        <v>10</v>
      </c>
      <c r="G5974" s="1" t="s">
        <v>10</v>
      </c>
      <c r="H5974" s="1" t="s">
        <v>10</v>
      </c>
      <c r="I5974" s="1" t="s">
        <v>19310</v>
      </c>
      <c r="J5974" s="1" t="s">
        <v>19318</v>
      </c>
      <c r="K5974" s="1" t="s">
        <v>64</v>
      </c>
      <c r="L5974" s="1" t="s">
        <v>21036</v>
      </c>
      <c r="M5974" s="1" t="s">
        <v>5</v>
      </c>
      <c r="N5974" s="1" t="s">
        <v>25</v>
      </c>
      <c r="O5974" s="1" t="s">
        <v>38</v>
      </c>
      <c r="P5974" s="5" t="s">
        <v>31</v>
      </c>
    </row>
    <row r="5975" spans="1:16" x14ac:dyDescent="0.2">
      <c r="A5975" s="1" t="s">
        <v>194</v>
      </c>
      <c r="B5975" s="1" t="s">
        <v>6481</v>
      </c>
      <c r="C5975" s="1" t="s">
        <v>21041</v>
      </c>
      <c r="D5975" s="1" t="s">
        <v>10</v>
      </c>
      <c r="E5975" s="1" t="s">
        <v>21042</v>
      </c>
      <c r="F5975" s="1" t="s">
        <v>10</v>
      </c>
      <c r="G5975" s="1" t="s">
        <v>10</v>
      </c>
      <c r="H5975" s="1" t="s">
        <v>10</v>
      </c>
      <c r="I5975" s="1" t="s">
        <v>19310</v>
      </c>
      <c r="J5975" s="1" t="s">
        <v>19314</v>
      </c>
      <c r="K5975" s="1" t="s">
        <v>64</v>
      </c>
      <c r="L5975" s="1" t="s">
        <v>21040</v>
      </c>
      <c r="M5975" s="1" t="s">
        <v>3905</v>
      </c>
      <c r="N5975" s="1" t="s">
        <v>25</v>
      </c>
      <c r="O5975" s="1" t="s">
        <v>38</v>
      </c>
      <c r="P5975" s="5" t="s">
        <v>32131</v>
      </c>
    </row>
    <row r="5976" spans="1:16" x14ac:dyDescent="0.2">
      <c r="A5976" s="1" t="s">
        <v>20</v>
      </c>
      <c r="B5976" s="1" t="s">
        <v>21</v>
      </c>
      <c r="C5976" s="1" t="s">
        <v>21044</v>
      </c>
      <c r="D5976" s="1" t="s">
        <v>10</v>
      </c>
      <c r="E5976" s="1" t="s">
        <v>21045</v>
      </c>
      <c r="F5976" s="1" t="s">
        <v>27</v>
      </c>
      <c r="G5976" s="1" t="s">
        <v>10</v>
      </c>
      <c r="H5976" s="1" t="s">
        <v>21046</v>
      </c>
      <c r="I5976" s="1" t="s">
        <v>19310</v>
      </c>
      <c r="J5976" s="1" t="s">
        <v>19</v>
      </c>
      <c r="K5976" s="1" t="s">
        <v>64</v>
      </c>
      <c r="L5976" s="1" t="s">
        <v>21043</v>
      </c>
      <c r="M5976" s="1" t="s">
        <v>5</v>
      </c>
      <c r="N5976" s="1" t="s">
        <v>25</v>
      </c>
      <c r="O5976" s="1" t="s">
        <v>8</v>
      </c>
      <c r="P5976" s="5" t="s">
        <v>32131</v>
      </c>
    </row>
    <row r="5977" spans="1:16" x14ac:dyDescent="0.2">
      <c r="A5977" s="1" t="s">
        <v>10</v>
      </c>
      <c r="B5977" s="1" t="s">
        <v>10</v>
      </c>
      <c r="C5977" s="1" t="s">
        <v>21048</v>
      </c>
      <c r="D5977" s="1" t="s">
        <v>10</v>
      </c>
      <c r="E5977" s="1" t="s">
        <v>21049</v>
      </c>
      <c r="F5977" s="1" t="s">
        <v>10</v>
      </c>
      <c r="G5977" s="1" t="s">
        <v>10</v>
      </c>
      <c r="H5977" s="1" t="s">
        <v>10</v>
      </c>
      <c r="I5977" s="1" t="s">
        <v>19310</v>
      </c>
      <c r="J5977" s="1" t="s">
        <v>10</v>
      </c>
      <c r="K5977" s="1" t="s">
        <v>10</v>
      </c>
      <c r="L5977" s="1" t="s">
        <v>21047</v>
      </c>
      <c r="M5977" s="1" t="s">
        <v>5</v>
      </c>
      <c r="N5977" s="1" t="s">
        <v>6</v>
      </c>
      <c r="O5977" s="1" t="s">
        <v>38</v>
      </c>
      <c r="P5977" s="5"/>
    </row>
    <row r="5978" spans="1:16" x14ac:dyDescent="0.2">
      <c r="A5978" s="1" t="s">
        <v>194</v>
      </c>
      <c r="B5978" s="1" t="s">
        <v>6479</v>
      </c>
      <c r="C5978" s="1" t="s">
        <v>21051</v>
      </c>
      <c r="D5978" s="1" t="s">
        <v>21052</v>
      </c>
      <c r="E5978" s="1" t="s">
        <v>21053</v>
      </c>
      <c r="F5978" s="1" t="s">
        <v>10</v>
      </c>
      <c r="G5978" s="1" t="s">
        <v>10</v>
      </c>
      <c r="H5978" s="1" t="s">
        <v>10</v>
      </c>
      <c r="I5978" s="1" t="s">
        <v>19310</v>
      </c>
      <c r="J5978" s="1" t="s">
        <v>19</v>
      </c>
      <c r="K5978" s="1" t="s">
        <v>64</v>
      </c>
      <c r="L5978" s="1" t="s">
        <v>21050</v>
      </c>
      <c r="M5978" s="1" t="s">
        <v>5</v>
      </c>
      <c r="N5978" s="1" t="s">
        <v>25</v>
      </c>
      <c r="O5978" s="1" t="s">
        <v>38</v>
      </c>
      <c r="P5978" s="5" t="s">
        <v>32139</v>
      </c>
    </row>
    <row r="5979" spans="1:16" x14ac:dyDescent="0.2">
      <c r="A5979" s="1" t="s">
        <v>329</v>
      </c>
      <c r="B5979" s="1" t="s">
        <v>1738</v>
      </c>
      <c r="C5979" s="1" t="s">
        <v>21055</v>
      </c>
      <c r="D5979" s="1" t="s">
        <v>10</v>
      </c>
      <c r="E5979" s="1" t="s">
        <v>21056</v>
      </c>
      <c r="F5979" s="1" t="s">
        <v>10</v>
      </c>
      <c r="G5979" s="1" t="s">
        <v>10</v>
      </c>
      <c r="H5979" s="1" t="s">
        <v>10</v>
      </c>
      <c r="I5979" s="1" t="s">
        <v>19310</v>
      </c>
      <c r="J5979" s="1" t="s">
        <v>19</v>
      </c>
      <c r="K5979" s="1" t="s">
        <v>64</v>
      </c>
      <c r="L5979" s="1" t="s">
        <v>21054</v>
      </c>
      <c r="M5979" s="1" t="s">
        <v>5</v>
      </c>
      <c r="N5979" s="1" t="s">
        <v>25</v>
      </c>
      <c r="O5979" s="1" t="s">
        <v>38</v>
      </c>
      <c r="P5979" s="5" t="s">
        <v>31</v>
      </c>
    </row>
    <row r="5980" spans="1:16" x14ac:dyDescent="0.2">
      <c r="A5980" s="1" t="s">
        <v>194</v>
      </c>
      <c r="B5980" s="1" t="s">
        <v>6481</v>
      </c>
      <c r="C5980" s="1" t="s">
        <v>21058</v>
      </c>
      <c r="D5980" s="1" t="s">
        <v>10</v>
      </c>
      <c r="E5980" s="1" t="s">
        <v>21060</v>
      </c>
      <c r="F5980" s="1" t="s">
        <v>10</v>
      </c>
      <c r="G5980" s="1" t="s">
        <v>10</v>
      </c>
      <c r="H5980" s="1" t="s">
        <v>10</v>
      </c>
      <c r="I5980" s="1" t="s">
        <v>19310</v>
      </c>
      <c r="J5980" s="1" t="s">
        <v>21059</v>
      </c>
      <c r="K5980" s="1" t="s">
        <v>64</v>
      </c>
      <c r="L5980" s="1" t="s">
        <v>21057</v>
      </c>
      <c r="M5980" s="1" t="s">
        <v>5</v>
      </c>
      <c r="N5980" s="1" t="s">
        <v>1695</v>
      </c>
      <c r="O5980" s="1" t="s">
        <v>38</v>
      </c>
      <c r="P5980" s="5" t="s">
        <v>10</v>
      </c>
    </row>
    <row r="5981" spans="1:16" x14ac:dyDescent="0.2">
      <c r="A5981" s="1" t="s">
        <v>20</v>
      </c>
      <c r="B5981" s="1" t="s">
        <v>309</v>
      </c>
      <c r="C5981" s="1" t="s">
        <v>21062</v>
      </c>
      <c r="D5981" s="1" t="s">
        <v>21063</v>
      </c>
      <c r="E5981" s="1" t="s">
        <v>21064</v>
      </c>
      <c r="F5981" s="1" t="s">
        <v>10</v>
      </c>
      <c r="G5981" s="1" t="s">
        <v>10</v>
      </c>
      <c r="H5981" s="1" t="s">
        <v>10</v>
      </c>
      <c r="I5981" s="1" t="s">
        <v>19310</v>
      </c>
      <c r="J5981" s="1" t="s">
        <v>19318</v>
      </c>
      <c r="K5981" s="1" t="s">
        <v>27</v>
      </c>
      <c r="L5981" s="1" t="s">
        <v>21061</v>
      </c>
      <c r="M5981" s="1" t="s">
        <v>5</v>
      </c>
      <c r="N5981" s="1" t="s">
        <v>25</v>
      </c>
      <c r="O5981" s="1" t="s">
        <v>38</v>
      </c>
      <c r="P5981" s="5" t="s">
        <v>31</v>
      </c>
    </row>
    <row r="5982" spans="1:16" x14ac:dyDescent="0.2">
      <c r="A5982" s="1" t="s">
        <v>10</v>
      </c>
      <c r="B5982" s="1" t="s">
        <v>10</v>
      </c>
      <c r="C5982" s="1" t="s">
        <v>21066</v>
      </c>
      <c r="D5982" s="1" t="s">
        <v>10</v>
      </c>
      <c r="E5982" s="1" t="s">
        <v>21067</v>
      </c>
      <c r="F5982" s="1" t="s">
        <v>10</v>
      </c>
      <c r="G5982" s="1" t="s">
        <v>10</v>
      </c>
      <c r="H5982" s="1" t="s">
        <v>10</v>
      </c>
      <c r="I5982" s="1" t="s">
        <v>19310</v>
      </c>
      <c r="J5982" s="1" t="s">
        <v>10</v>
      </c>
      <c r="K5982" s="1" t="s">
        <v>10</v>
      </c>
      <c r="L5982" s="1" t="s">
        <v>21065</v>
      </c>
      <c r="M5982" s="1" t="s">
        <v>5</v>
      </c>
      <c r="N5982" s="1" t="s">
        <v>6</v>
      </c>
      <c r="O5982" s="1" t="s">
        <v>38</v>
      </c>
      <c r="P5982" s="5"/>
    </row>
    <row r="5983" spans="1:16" x14ac:dyDescent="0.2">
      <c r="A5983" s="1" t="s">
        <v>194</v>
      </c>
      <c r="B5983" s="1" t="s">
        <v>6481</v>
      </c>
      <c r="C5983" s="1" t="s">
        <v>21069</v>
      </c>
      <c r="D5983" s="1" t="s">
        <v>21070</v>
      </c>
      <c r="E5983" s="1" t="s">
        <v>21071</v>
      </c>
      <c r="F5983" s="1" t="s">
        <v>10</v>
      </c>
      <c r="G5983" s="1" t="s">
        <v>10</v>
      </c>
      <c r="H5983" s="1" t="s">
        <v>10</v>
      </c>
      <c r="I5983" s="1" t="s">
        <v>19310</v>
      </c>
      <c r="J5983" s="1" t="s">
        <v>19314</v>
      </c>
      <c r="K5983" s="1" t="s">
        <v>64</v>
      </c>
      <c r="L5983" s="1" t="s">
        <v>21068</v>
      </c>
      <c r="M5983" s="1" t="s">
        <v>5</v>
      </c>
      <c r="N5983" s="1" t="s">
        <v>25</v>
      </c>
      <c r="O5983" s="1" t="s">
        <v>38</v>
      </c>
      <c r="P5983" s="5" t="s">
        <v>32132</v>
      </c>
    </row>
    <row r="5984" spans="1:16" x14ac:dyDescent="0.2">
      <c r="A5984" s="1" t="s">
        <v>10</v>
      </c>
      <c r="B5984" s="1" t="s">
        <v>10</v>
      </c>
      <c r="C5984" s="1" t="s">
        <v>21073</v>
      </c>
      <c r="D5984" s="1" t="s">
        <v>10</v>
      </c>
      <c r="E5984" s="1" t="s">
        <v>21074</v>
      </c>
      <c r="F5984" s="1" t="s">
        <v>10</v>
      </c>
      <c r="G5984" s="1" t="s">
        <v>10</v>
      </c>
      <c r="H5984" s="1" t="s">
        <v>10</v>
      </c>
      <c r="I5984" s="1" t="s">
        <v>19310</v>
      </c>
      <c r="J5984" s="1" t="s">
        <v>10</v>
      </c>
      <c r="K5984" s="1" t="s">
        <v>10</v>
      </c>
      <c r="L5984" s="1" t="s">
        <v>21072</v>
      </c>
      <c r="M5984" s="1" t="s">
        <v>5</v>
      </c>
      <c r="N5984" s="1" t="s">
        <v>6</v>
      </c>
      <c r="O5984" s="1" t="s">
        <v>38</v>
      </c>
      <c r="P5984" s="5"/>
    </row>
    <row r="5985" spans="1:16" x14ac:dyDescent="0.2">
      <c r="A5985" s="1" t="s">
        <v>194</v>
      </c>
      <c r="B5985" s="1" t="s">
        <v>6479</v>
      </c>
      <c r="C5985" s="1" t="s">
        <v>21076</v>
      </c>
      <c r="D5985" s="1" t="s">
        <v>21077</v>
      </c>
      <c r="E5985" s="1" t="s">
        <v>21078</v>
      </c>
      <c r="F5985" s="1" t="s">
        <v>27</v>
      </c>
      <c r="G5985" s="1" t="s">
        <v>10</v>
      </c>
      <c r="H5985" s="1" t="s">
        <v>21079</v>
      </c>
      <c r="I5985" s="1" t="s">
        <v>19310</v>
      </c>
      <c r="J5985" s="1" t="s">
        <v>19888</v>
      </c>
      <c r="K5985" s="1" t="s">
        <v>27</v>
      </c>
      <c r="L5985" s="1" t="s">
        <v>21075</v>
      </c>
      <c r="M5985" s="1" t="s">
        <v>5</v>
      </c>
      <c r="N5985" s="1" t="s">
        <v>6</v>
      </c>
      <c r="O5985" s="1" t="s">
        <v>8</v>
      </c>
      <c r="P5985" s="5"/>
    </row>
    <row r="5986" spans="1:16" x14ac:dyDescent="0.2">
      <c r="A5986" s="1" t="s">
        <v>194</v>
      </c>
      <c r="B5986" s="1" t="s">
        <v>6479</v>
      </c>
      <c r="C5986" s="1" t="s">
        <v>21081</v>
      </c>
      <c r="D5986" s="1" t="s">
        <v>21082</v>
      </c>
      <c r="E5986" s="1" t="s">
        <v>21083</v>
      </c>
      <c r="F5986" s="1" t="s">
        <v>27</v>
      </c>
      <c r="G5986" s="1" t="s">
        <v>10</v>
      </c>
      <c r="H5986" s="1" t="s">
        <v>21084</v>
      </c>
      <c r="I5986" s="1" t="s">
        <v>19310</v>
      </c>
      <c r="J5986" s="1" t="s">
        <v>19888</v>
      </c>
      <c r="K5986" s="1" t="s">
        <v>27</v>
      </c>
      <c r="L5986" s="1" t="s">
        <v>21080</v>
      </c>
      <c r="M5986" s="1" t="s">
        <v>5</v>
      </c>
      <c r="N5986" s="1" t="s">
        <v>6</v>
      </c>
      <c r="O5986" s="1" t="s">
        <v>8</v>
      </c>
      <c r="P5986" s="5"/>
    </row>
    <row r="5987" spans="1:16" x14ac:dyDescent="0.2">
      <c r="A5987" s="1" t="s">
        <v>194</v>
      </c>
      <c r="B5987" s="1" t="s">
        <v>6479</v>
      </c>
      <c r="C5987" s="1" t="s">
        <v>21086</v>
      </c>
      <c r="D5987" s="1" t="s">
        <v>21086</v>
      </c>
      <c r="E5987" s="1" t="s">
        <v>21087</v>
      </c>
      <c r="F5987" s="1" t="s">
        <v>27</v>
      </c>
      <c r="G5987" s="1" t="s">
        <v>10</v>
      </c>
      <c r="H5987" s="1" t="s">
        <v>21088</v>
      </c>
      <c r="I5987" s="1" t="s">
        <v>19310</v>
      </c>
      <c r="J5987" s="1" t="s">
        <v>19888</v>
      </c>
      <c r="K5987" s="1" t="s">
        <v>27</v>
      </c>
      <c r="L5987" s="1" t="s">
        <v>21085</v>
      </c>
      <c r="M5987" s="1" t="s">
        <v>5</v>
      </c>
      <c r="N5987" s="1" t="s">
        <v>6</v>
      </c>
      <c r="O5987" s="1" t="s">
        <v>8</v>
      </c>
      <c r="P5987" s="5"/>
    </row>
    <row r="5988" spans="1:16" x14ac:dyDescent="0.2">
      <c r="A5988" s="1" t="s">
        <v>194</v>
      </c>
      <c r="B5988" s="1" t="s">
        <v>6479</v>
      </c>
      <c r="C5988" s="1" t="s">
        <v>21090</v>
      </c>
      <c r="D5988" s="1" t="s">
        <v>10</v>
      </c>
      <c r="E5988" s="1" t="s">
        <v>21091</v>
      </c>
      <c r="F5988" s="1" t="s">
        <v>27</v>
      </c>
      <c r="G5988" s="1" t="s">
        <v>10</v>
      </c>
      <c r="H5988" s="1" t="s">
        <v>21092</v>
      </c>
      <c r="I5988" s="1" t="s">
        <v>19310</v>
      </c>
      <c r="J5988" s="1" t="s">
        <v>19888</v>
      </c>
      <c r="K5988" s="1" t="s">
        <v>27</v>
      </c>
      <c r="L5988" s="1" t="s">
        <v>21089</v>
      </c>
      <c r="M5988" s="1" t="s">
        <v>5</v>
      </c>
      <c r="N5988" s="1" t="s">
        <v>6</v>
      </c>
      <c r="O5988" s="1" t="s">
        <v>8</v>
      </c>
      <c r="P5988" s="5"/>
    </row>
    <row r="5989" spans="1:16" x14ac:dyDescent="0.2">
      <c r="A5989" s="1" t="s">
        <v>487</v>
      </c>
      <c r="B5989" s="1" t="s">
        <v>488</v>
      </c>
      <c r="C5989" s="1" t="s">
        <v>21094</v>
      </c>
      <c r="D5989" s="1" t="s">
        <v>21095</v>
      </c>
      <c r="E5989" s="1" t="s">
        <v>21096</v>
      </c>
      <c r="F5989" s="1" t="s">
        <v>27</v>
      </c>
      <c r="G5989" s="1" t="s">
        <v>10</v>
      </c>
      <c r="H5989" s="1" t="s">
        <v>21097</v>
      </c>
      <c r="I5989" s="1" t="s">
        <v>19310</v>
      </c>
      <c r="J5989" s="1" t="s">
        <v>19888</v>
      </c>
      <c r="K5989" s="1" t="s">
        <v>27</v>
      </c>
      <c r="L5989" s="1" t="s">
        <v>21093</v>
      </c>
      <c r="M5989" s="1" t="s">
        <v>5</v>
      </c>
      <c r="N5989" s="1" t="s">
        <v>6</v>
      </c>
      <c r="O5989" s="1" t="s">
        <v>8</v>
      </c>
      <c r="P5989" s="5"/>
    </row>
    <row r="5990" spans="1:16" x14ac:dyDescent="0.2">
      <c r="A5990" s="1" t="s">
        <v>194</v>
      </c>
      <c r="B5990" s="1" t="s">
        <v>396</v>
      </c>
      <c r="C5990" s="1" t="s">
        <v>21099</v>
      </c>
      <c r="D5990" s="1" t="s">
        <v>21099</v>
      </c>
      <c r="E5990" s="1" t="s">
        <v>21100</v>
      </c>
      <c r="F5990" s="1" t="s">
        <v>27</v>
      </c>
      <c r="G5990" s="1" t="s">
        <v>10</v>
      </c>
      <c r="H5990" s="1" t="s">
        <v>21101</v>
      </c>
      <c r="I5990" s="1" t="s">
        <v>19310</v>
      </c>
      <c r="J5990" s="1" t="s">
        <v>19888</v>
      </c>
      <c r="K5990" s="1" t="s">
        <v>27</v>
      </c>
      <c r="L5990" s="1" t="s">
        <v>21098</v>
      </c>
      <c r="M5990" s="1" t="s">
        <v>5</v>
      </c>
      <c r="N5990" s="1" t="s">
        <v>6</v>
      </c>
      <c r="O5990" s="1" t="s">
        <v>8</v>
      </c>
      <c r="P5990" s="5"/>
    </row>
    <row r="5991" spans="1:16" x14ac:dyDescent="0.2">
      <c r="A5991" s="1" t="s">
        <v>194</v>
      </c>
      <c r="B5991" s="1" t="s">
        <v>7175</v>
      </c>
      <c r="C5991" s="1" t="s">
        <v>21103</v>
      </c>
      <c r="D5991" s="1" t="s">
        <v>21104</v>
      </c>
      <c r="E5991" s="1" t="s">
        <v>21105</v>
      </c>
      <c r="F5991" s="1" t="s">
        <v>27</v>
      </c>
      <c r="G5991" s="1" t="s">
        <v>10</v>
      </c>
      <c r="H5991" s="1" t="s">
        <v>21106</v>
      </c>
      <c r="I5991" s="1" t="s">
        <v>19310</v>
      </c>
      <c r="J5991" s="1" t="s">
        <v>19888</v>
      </c>
      <c r="K5991" s="1" t="s">
        <v>27</v>
      </c>
      <c r="L5991" s="1" t="s">
        <v>21102</v>
      </c>
      <c r="M5991" s="1" t="s">
        <v>5</v>
      </c>
      <c r="N5991" s="1" t="s">
        <v>6</v>
      </c>
      <c r="O5991" s="1" t="s">
        <v>8</v>
      </c>
      <c r="P5991" s="5"/>
    </row>
    <row r="5992" spans="1:16" x14ac:dyDescent="0.2">
      <c r="A5992" s="1" t="s">
        <v>194</v>
      </c>
      <c r="B5992" s="1" t="s">
        <v>6481</v>
      </c>
      <c r="C5992" s="1" t="s">
        <v>21108</v>
      </c>
      <c r="D5992" s="1" t="s">
        <v>21109</v>
      </c>
      <c r="E5992" s="1" t="s">
        <v>21110</v>
      </c>
      <c r="F5992" s="1" t="s">
        <v>27</v>
      </c>
      <c r="G5992" s="1" t="s">
        <v>10</v>
      </c>
      <c r="H5992" s="1" t="s">
        <v>21111</v>
      </c>
      <c r="I5992" s="1" t="s">
        <v>19310</v>
      </c>
      <c r="J5992" s="1" t="s">
        <v>19888</v>
      </c>
      <c r="K5992" s="1" t="s">
        <v>27</v>
      </c>
      <c r="L5992" s="1" t="s">
        <v>21107</v>
      </c>
      <c r="M5992" s="1" t="s">
        <v>5</v>
      </c>
      <c r="N5992" s="1" t="s">
        <v>6</v>
      </c>
      <c r="O5992" s="1" t="s">
        <v>8</v>
      </c>
      <c r="P5992" s="5"/>
    </row>
    <row r="5993" spans="1:16" x14ac:dyDescent="0.2">
      <c r="A5993" s="1" t="s">
        <v>194</v>
      </c>
      <c r="B5993" s="1" t="s">
        <v>6481</v>
      </c>
      <c r="C5993" s="1" t="s">
        <v>8649</v>
      </c>
      <c r="D5993" s="1" t="s">
        <v>18729</v>
      </c>
      <c r="E5993" s="1" t="s">
        <v>21113</v>
      </c>
      <c r="F5993" s="1" t="s">
        <v>27</v>
      </c>
      <c r="G5993" s="1" t="s">
        <v>10</v>
      </c>
      <c r="H5993" s="1" t="s">
        <v>21114</v>
      </c>
      <c r="I5993" s="1" t="s">
        <v>19310</v>
      </c>
      <c r="J5993" s="1" t="s">
        <v>19888</v>
      </c>
      <c r="K5993" s="1" t="s">
        <v>27</v>
      </c>
      <c r="L5993" s="1" t="s">
        <v>21112</v>
      </c>
      <c r="M5993" s="1" t="s">
        <v>5</v>
      </c>
      <c r="N5993" s="1" t="s">
        <v>6</v>
      </c>
      <c r="O5993" s="1" t="s">
        <v>8</v>
      </c>
      <c r="P5993" s="5"/>
    </row>
    <row r="5994" spans="1:16" x14ac:dyDescent="0.2">
      <c r="A5994" s="1" t="s">
        <v>194</v>
      </c>
      <c r="B5994" s="1" t="s">
        <v>6479</v>
      </c>
      <c r="C5994" s="1" t="s">
        <v>21116</v>
      </c>
      <c r="D5994" s="1" t="s">
        <v>21116</v>
      </c>
      <c r="E5994" s="1" t="s">
        <v>21117</v>
      </c>
      <c r="F5994" s="1" t="s">
        <v>27</v>
      </c>
      <c r="G5994" s="1" t="s">
        <v>10</v>
      </c>
      <c r="H5994" s="1" t="s">
        <v>21118</v>
      </c>
      <c r="I5994" s="1" t="s">
        <v>19310</v>
      </c>
      <c r="J5994" s="1" t="s">
        <v>19888</v>
      </c>
      <c r="K5994" s="1" t="s">
        <v>27</v>
      </c>
      <c r="L5994" s="1" t="s">
        <v>21115</v>
      </c>
      <c r="M5994" s="1" t="s">
        <v>5</v>
      </c>
      <c r="N5994" s="1" t="s">
        <v>6</v>
      </c>
      <c r="O5994" s="1" t="s">
        <v>8</v>
      </c>
      <c r="P5994" s="5"/>
    </row>
    <row r="5995" spans="1:16" x14ac:dyDescent="0.2">
      <c r="A5995" s="1" t="s">
        <v>487</v>
      </c>
      <c r="B5995" s="1" t="s">
        <v>488</v>
      </c>
      <c r="C5995" s="1" t="s">
        <v>21120</v>
      </c>
      <c r="D5995" s="1" t="s">
        <v>21121</v>
      </c>
      <c r="E5995" s="1" t="s">
        <v>21122</v>
      </c>
      <c r="F5995" s="1" t="s">
        <v>27</v>
      </c>
      <c r="G5995" s="1" t="s">
        <v>10</v>
      </c>
      <c r="H5995" s="1" t="s">
        <v>21118</v>
      </c>
      <c r="I5995" s="1" t="s">
        <v>19310</v>
      </c>
      <c r="J5995" s="1" t="s">
        <v>19888</v>
      </c>
      <c r="K5995" s="1" t="s">
        <v>27</v>
      </c>
      <c r="L5995" s="1" t="s">
        <v>21119</v>
      </c>
      <c r="M5995" s="1" t="s">
        <v>5</v>
      </c>
      <c r="N5995" s="1" t="s">
        <v>6</v>
      </c>
      <c r="O5995" s="1" t="s">
        <v>8</v>
      </c>
      <c r="P5995" s="5"/>
    </row>
    <row r="5996" spans="1:16" x14ac:dyDescent="0.2">
      <c r="A5996" s="1" t="s">
        <v>194</v>
      </c>
      <c r="B5996" s="1" t="s">
        <v>6479</v>
      </c>
      <c r="C5996" s="1" t="s">
        <v>21124</v>
      </c>
      <c r="D5996" s="1" t="s">
        <v>21125</v>
      </c>
      <c r="E5996" s="1" t="s">
        <v>21126</v>
      </c>
      <c r="F5996" s="1" t="s">
        <v>27</v>
      </c>
      <c r="G5996" s="1" t="s">
        <v>10</v>
      </c>
      <c r="H5996" s="1" t="s">
        <v>21127</v>
      </c>
      <c r="I5996" s="1" t="s">
        <v>19310</v>
      </c>
      <c r="J5996" s="1" t="s">
        <v>19888</v>
      </c>
      <c r="K5996" s="1" t="s">
        <v>27</v>
      </c>
      <c r="L5996" s="1" t="s">
        <v>21123</v>
      </c>
      <c r="M5996" s="1" t="s">
        <v>5</v>
      </c>
      <c r="N5996" s="1" t="s">
        <v>6</v>
      </c>
      <c r="O5996" s="1" t="s">
        <v>8</v>
      </c>
      <c r="P5996" s="5"/>
    </row>
    <row r="5997" spans="1:16" x14ac:dyDescent="0.2">
      <c r="A5997" s="1" t="s">
        <v>329</v>
      </c>
      <c r="B5997" s="1" t="s">
        <v>2120</v>
      </c>
      <c r="C5997" s="1" t="s">
        <v>21129</v>
      </c>
      <c r="D5997" s="1" t="s">
        <v>10</v>
      </c>
      <c r="E5997" s="1" t="s">
        <v>21130</v>
      </c>
      <c r="F5997" s="1" t="s">
        <v>105</v>
      </c>
      <c r="G5997" s="1" t="s">
        <v>2119</v>
      </c>
      <c r="H5997" s="1" t="s">
        <v>10</v>
      </c>
      <c r="I5997" s="1" t="s">
        <v>19310</v>
      </c>
      <c r="J5997" s="1" t="s">
        <v>19727</v>
      </c>
      <c r="K5997" s="1" t="s">
        <v>27</v>
      </c>
      <c r="L5997" s="1" t="s">
        <v>21128</v>
      </c>
      <c r="M5997" s="1" t="s">
        <v>5</v>
      </c>
      <c r="N5997" s="1" t="s">
        <v>6</v>
      </c>
      <c r="O5997" s="1" t="s">
        <v>8</v>
      </c>
      <c r="P5997" s="5" t="s">
        <v>10</v>
      </c>
    </row>
    <row r="5998" spans="1:16" x14ac:dyDescent="0.2">
      <c r="A5998" s="1" t="s">
        <v>329</v>
      </c>
      <c r="B5998" s="1" t="s">
        <v>691</v>
      </c>
      <c r="C5998" s="1" t="s">
        <v>21132</v>
      </c>
      <c r="D5998" s="1" t="s">
        <v>10</v>
      </c>
      <c r="E5998" s="1" t="s">
        <v>21133</v>
      </c>
      <c r="F5998" s="1" t="s">
        <v>105</v>
      </c>
      <c r="G5998" s="1" t="s">
        <v>10</v>
      </c>
      <c r="H5998" s="1" t="s">
        <v>21132</v>
      </c>
      <c r="I5998" s="1" t="s">
        <v>19310</v>
      </c>
      <c r="J5998" s="1" t="s">
        <v>19727</v>
      </c>
      <c r="K5998" s="1" t="s">
        <v>27</v>
      </c>
      <c r="L5998" s="1" t="s">
        <v>21131</v>
      </c>
      <c r="M5998" s="1" t="s">
        <v>5</v>
      </c>
      <c r="N5998" s="1" t="s">
        <v>6</v>
      </c>
      <c r="O5998" s="1" t="s">
        <v>8</v>
      </c>
      <c r="P5998" s="5" t="s">
        <v>10</v>
      </c>
    </row>
    <row r="5999" spans="1:16" x14ac:dyDescent="0.2">
      <c r="A5999" s="1" t="s">
        <v>194</v>
      </c>
      <c r="B5999" s="1" t="s">
        <v>6723</v>
      </c>
      <c r="C5999" s="1" t="s">
        <v>21135</v>
      </c>
      <c r="D5999" s="1" t="s">
        <v>10</v>
      </c>
      <c r="E5999" s="1" t="s">
        <v>21136</v>
      </c>
      <c r="F5999" s="1" t="s">
        <v>27</v>
      </c>
      <c r="G5999" s="1" t="s">
        <v>10</v>
      </c>
      <c r="H5999" s="1" t="s">
        <v>21137</v>
      </c>
      <c r="I5999" s="1" t="s">
        <v>19310</v>
      </c>
      <c r="J5999" s="1" t="s">
        <v>19727</v>
      </c>
      <c r="K5999" s="1" t="s">
        <v>27</v>
      </c>
      <c r="L5999" s="1" t="s">
        <v>21134</v>
      </c>
      <c r="M5999" s="1" t="s">
        <v>5</v>
      </c>
      <c r="N5999" s="1" t="s">
        <v>6</v>
      </c>
      <c r="O5999" s="1" t="s">
        <v>8</v>
      </c>
      <c r="P5999" s="5" t="s">
        <v>10</v>
      </c>
    </row>
    <row r="6000" spans="1:16" x14ac:dyDescent="0.2">
      <c r="A6000" s="1" t="s">
        <v>329</v>
      </c>
      <c r="B6000" s="1" t="s">
        <v>691</v>
      </c>
      <c r="C6000" s="1" t="s">
        <v>21139</v>
      </c>
      <c r="D6000" s="1" t="s">
        <v>10</v>
      </c>
      <c r="E6000" s="1" t="s">
        <v>21140</v>
      </c>
      <c r="F6000" s="1" t="s">
        <v>12064</v>
      </c>
      <c r="G6000" s="1" t="s">
        <v>21141</v>
      </c>
      <c r="H6000" s="1" t="s">
        <v>10</v>
      </c>
      <c r="I6000" s="1" t="s">
        <v>19310</v>
      </c>
      <c r="J6000" s="1" t="s">
        <v>19727</v>
      </c>
      <c r="K6000" s="1" t="s">
        <v>27</v>
      </c>
      <c r="L6000" s="1" t="s">
        <v>21138</v>
      </c>
      <c r="M6000" s="1" t="s">
        <v>5</v>
      </c>
      <c r="N6000" s="1" t="s">
        <v>6</v>
      </c>
      <c r="O6000" s="1" t="s">
        <v>8</v>
      </c>
      <c r="P6000" s="5" t="s">
        <v>10</v>
      </c>
    </row>
    <row r="6001" spans="1:16" x14ac:dyDescent="0.2">
      <c r="A6001" s="1" t="s">
        <v>194</v>
      </c>
      <c r="B6001" s="1" t="s">
        <v>7175</v>
      </c>
      <c r="C6001" s="1" t="s">
        <v>21143</v>
      </c>
      <c r="D6001" s="1" t="s">
        <v>10</v>
      </c>
      <c r="E6001" s="1" t="s">
        <v>21144</v>
      </c>
      <c r="F6001" s="1" t="s">
        <v>27</v>
      </c>
      <c r="G6001" s="1" t="s">
        <v>10</v>
      </c>
      <c r="H6001" s="1" t="s">
        <v>21145</v>
      </c>
      <c r="I6001" s="1" t="s">
        <v>19310</v>
      </c>
      <c r="J6001" s="1" t="s">
        <v>19727</v>
      </c>
      <c r="K6001" s="1" t="s">
        <v>27</v>
      </c>
      <c r="L6001" s="1" t="s">
        <v>21142</v>
      </c>
      <c r="M6001" s="1" t="s">
        <v>5</v>
      </c>
      <c r="N6001" s="1" t="s">
        <v>6</v>
      </c>
      <c r="O6001" s="1" t="s">
        <v>8</v>
      </c>
      <c r="P6001" s="5" t="s">
        <v>10</v>
      </c>
    </row>
    <row r="6002" spans="1:16" x14ac:dyDescent="0.2">
      <c r="A6002" s="1" t="s">
        <v>194</v>
      </c>
      <c r="B6002" s="1" t="s">
        <v>6481</v>
      </c>
      <c r="C6002" s="1" t="s">
        <v>21147</v>
      </c>
      <c r="D6002" s="1" t="s">
        <v>10</v>
      </c>
      <c r="E6002" s="1" t="s">
        <v>21148</v>
      </c>
      <c r="F6002" s="1" t="s">
        <v>27</v>
      </c>
      <c r="G6002" s="1" t="s">
        <v>10</v>
      </c>
      <c r="H6002" s="1" t="s">
        <v>21149</v>
      </c>
      <c r="I6002" s="1" t="s">
        <v>19310</v>
      </c>
      <c r="J6002" s="1" t="s">
        <v>19727</v>
      </c>
      <c r="K6002" s="1" t="s">
        <v>27</v>
      </c>
      <c r="L6002" s="1" t="s">
        <v>21146</v>
      </c>
      <c r="M6002" s="1" t="s">
        <v>5</v>
      </c>
      <c r="N6002" s="1" t="s">
        <v>6</v>
      </c>
      <c r="O6002" s="1" t="s">
        <v>8</v>
      </c>
      <c r="P6002" s="5" t="s">
        <v>10</v>
      </c>
    </row>
    <row r="6003" spans="1:16" x14ac:dyDescent="0.2">
      <c r="A6003" s="1" t="s">
        <v>194</v>
      </c>
      <c r="B6003" s="1" t="s">
        <v>6481</v>
      </c>
      <c r="C6003" s="1" t="s">
        <v>21151</v>
      </c>
      <c r="D6003" s="1" t="s">
        <v>10</v>
      </c>
      <c r="E6003" s="1" t="s">
        <v>21152</v>
      </c>
      <c r="F6003" s="1" t="s">
        <v>27</v>
      </c>
      <c r="G6003" s="1" t="s">
        <v>10</v>
      </c>
      <c r="H6003" s="1" t="s">
        <v>21153</v>
      </c>
      <c r="I6003" s="1" t="s">
        <v>19310</v>
      </c>
      <c r="J6003" s="1" t="s">
        <v>19727</v>
      </c>
      <c r="K6003" s="1" t="s">
        <v>27</v>
      </c>
      <c r="L6003" s="1" t="s">
        <v>21150</v>
      </c>
      <c r="M6003" s="1" t="s">
        <v>5</v>
      </c>
      <c r="N6003" s="1" t="s">
        <v>6</v>
      </c>
      <c r="O6003" s="1" t="s">
        <v>8</v>
      </c>
      <c r="P6003" s="5" t="s">
        <v>10</v>
      </c>
    </row>
    <row r="6004" spans="1:16" x14ac:dyDescent="0.2">
      <c r="A6004" s="1" t="s">
        <v>194</v>
      </c>
      <c r="B6004" s="1" t="s">
        <v>6481</v>
      </c>
      <c r="C6004" s="1" t="s">
        <v>21155</v>
      </c>
      <c r="D6004" s="1" t="s">
        <v>10</v>
      </c>
      <c r="E6004" s="1" t="s">
        <v>21156</v>
      </c>
      <c r="F6004" s="1" t="s">
        <v>27</v>
      </c>
      <c r="G6004" s="1" t="s">
        <v>10</v>
      </c>
      <c r="H6004" s="1" t="s">
        <v>21157</v>
      </c>
      <c r="I6004" s="1" t="s">
        <v>19310</v>
      </c>
      <c r="J6004" s="1" t="s">
        <v>19727</v>
      </c>
      <c r="K6004" s="1" t="s">
        <v>27</v>
      </c>
      <c r="L6004" s="1" t="s">
        <v>21154</v>
      </c>
      <c r="M6004" s="1" t="s">
        <v>5</v>
      </c>
      <c r="N6004" s="1" t="s">
        <v>6</v>
      </c>
      <c r="O6004" s="1" t="s">
        <v>8</v>
      </c>
      <c r="P6004" s="5" t="s">
        <v>10</v>
      </c>
    </row>
    <row r="6005" spans="1:16" x14ac:dyDescent="0.2">
      <c r="A6005" s="1" t="s">
        <v>194</v>
      </c>
      <c r="B6005" s="1" t="s">
        <v>4497</v>
      </c>
      <c r="C6005" s="1" t="s">
        <v>21159</v>
      </c>
      <c r="D6005" s="1" t="s">
        <v>10</v>
      </c>
      <c r="E6005" s="1" t="s">
        <v>21160</v>
      </c>
      <c r="F6005" s="1" t="s">
        <v>27</v>
      </c>
      <c r="G6005" s="1" t="s">
        <v>10</v>
      </c>
      <c r="H6005" s="1" t="s">
        <v>21161</v>
      </c>
      <c r="I6005" s="1" t="s">
        <v>19310</v>
      </c>
      <c r="J6005" s="1" t="s">
        <v>19727</v>
      </c>
      <c r="K6005" s="1" t="s">
        <v>27</v>
      </c>
      <c r="L6005" s="1" t="s">
        <v>21158</v>
      </c>
      <c r="M6005" s="1" t="s">
        <v>5</v>
      </c>
      <c r="N6005" s="1" t="s">
        <v>6</v>
      </c>
      <c r="O6005" s="1" t="s">
        <v>8</v>
      </c>
      <c r="P6005" s="5" t="s">
        <v>10</v>
      </c>
    </row>
    <row r="6006" spans="1:16" x14ac:dyDescent="0.2">
      <c r="A6006" s="1" t="s">
        <v>487</v>
      </c>
      <c r="B6006" s="1" t="s">
        <v>488</v>
      </c>
      <c r="C6006" s="1" t="s">
        <v>21163</v>
      </c>
      <c r="D6006" s="1" t="s">
        <v>10</v>
      </c>
      <c r="E6006" s="1" t="s">
        <v>10</v>
      </c>
      <c r="F6006" s="1" t="s">
        <v>27</v>
      </c>
      <c r="G6006" s="1" t="s">
        <v>10</v>
      </c>
      <c r="H6006" s="1" t="s">
        <v>21164</v>
      </c>
      <c r="I6006" s="1" t="s">
        <v>19310</v>
      </c>
      <c r="J6006" s="1" t="s">
        <v>19727</v>
      </c>
      <c r="K6006" s="1" t="s">
        <v>27</v>
      </c>
      <c r="L6006" s="1" t="s">
        <v>21162</v>
      </c>
      <c r="M6006" s="1" t="s">
        <v>5</v>
      </c>
      <c r="N6006" s="1" t="s">
        <v>6</v>
      </c>
      <c r="O6006" s="1" t="s">
        <v>8</v>
      </c>
      <c r="P6006" s="5" t="s">
        <v>10</v>
      </c>
    </row>
    <row r="6007" spans="1:16" x14ac:dyDescent="0.2">
      <c r="A6007" s="1" t="s">
        <v>194</v>
      </c>
      <c r="B6007" s="1" t="s">
        <v>6481</v>
      </c>
      <c r="C6007" s="1" t="s">
        <v>21099</v>
      </c>
      <c r="D6007" s="1" t="s">
        <v>10</v>
      </c>
      <c r="E6007" s="1" t="s">
        <v>21100</v>
      </c>
      <c r="F6007" s="1" t="s">
        <v>27</v>
      </c>
      <c r="G6007" s="1" t="s">
        <v>10</v>
      </c>
      <c r="H6007" s="1" t="s">
        <v>21166</v>
      </c>
      <c r="I6007" s="1" t="s">
        <v>19310</v>
      </c>
      <c r="J6007" s="1" t="s">
        <v>19727</v>
      </c>
      <c r="K6007" s="1" t="s">
        <v>27</v>
      </c>
      <c r="L6007" s="1" t="s">
        <v>21165</v>
      </c>
      <c r="M6007" s="1" t="s">
        <v>5</v>
      </c>
      <c r="N6007" s="1" t="s">
        <v>6</v>
      </c>
      <c r="O6007" s="1" t="s">
        <v>8</v>
      </c>
      <c r="P6007" s="5" t="s">
        <v>10</v>
      </c>
    </row>
    <row r="6008" spans="1:16" x14ac:dyDescent="0.2">
      <c r="A6008" s="1" t="s">
        <v>194</v>
      </c>
      <c r="B6008" s="1" t="s">
        <v>7175</v>
      </c>
      <c r="C6008" s="1" t="s">
        <v>7174</v>
      </c>
      <c r="D6008" s="1" t="s">
        <v>10</v>
      </c>
      <c r="E6008" s="1" t="s">
        <v>21168</v>
      </c>
      <c r="F6008" s="1" t="s">
        <v>27</v>
      </c>
      <c r="G6008" s="1" t="s">
        <v>10</v>
      </c>
      <c r="H6008" s="1" t="s">
        <v>19919</v>
      </c>
      <c r="I6008" s="1" t="s">
        <v>19310</v>
      </c>
      <c r="J6008" s="1" t="s">
        <v>19727</v>
      </c>
      <c r="K6008" s="1" t="s">
        <v>27</v>
      </c>
      <c r="L6008" s="1" t="s">
        <v>21167</v>
      </c>
      <c r="M6008" s="1" t="s">
        <v>5</v>
      </c>
      <c r="N6008" s="1" t="s">
        <v>1009</v>
      </c>
      <c r="O6008" s="1" t="s">
        <v>8</v>
      </c>
      <c r="P6008" s="5" t="s">
        <v>29846</v>
      </c>
    </row>
    <row r="6009" spans="1:16" x14ac:dyDescent="0.2">
      <c r="A6009" s="1" t="s">
        <v>194</v>
      </c>
      <c r="B6009" s="1" t="s">
        <v>6481</v>
      </c>
      <c r="C6009" s="1" t="s">
        <v>21170</v>
      </c>
      <c r="D6009" s="1" t="s">
        <v>10</v>
      </c>
      <c r="E6009" s="1" t="s">
        <v>21110</v>
      </c>
      <c r="F6009" s="1" t="s">
        <v>27</v>
      </c>
      <c r="G6009" s="1" t="s">
        <v>10</v>
      </c>
      <c r="H6009" s="1" t="s">
        <v>21171</v>
      </c>
      <c r="I6009" s="1" t="s">
        <v>19310</v>
      </c>
      <c r="J6009" s="1" t="s">
        <v>19727</v>
      </c>
      <c r="K6009" s="1" t="s">
        <v>27</v>
      </c>
      <c r="L6009" s="1" t="s">
        <v>21169</v>
      </c>
      <c r="M6009" s="1" t="s">
        <v>5</v>
      </c>
      <c r="N6009" s="1" t="s">
        <v>6</v>
      </c>
      <c r="O6009" s="1" t="s">
        <v>8</v>
      </c>
      <c r="P6009" s="5" t="s">
        <v>10</v>
      </c>
    </row>
    <row r="6010" spans="1:16" x14ac:dyDescent="0.2">
      <c r="A6010" s="1" t="s">
        <v>194</v>
      </c>
      <c r="B6010" s="1" t="s">
        <v>6481</v>
      </c>
      <c r="C6010" s="1" t="s">
        <v>21173</v>
      </c>
      <c r="D6010" s="1" t="s">
        <v>10</v>
      </c>
      <c r="E6010" s="1" t="s">
        <v>21174</v>
      </c>
      <c r="F6010" s="1" t="s">
        <v>27</v>
      </c>
      <c r="G6010" s="1" t="s">
        <v>10</v>
      </c>
      <c r="H6010" s="1" t="s">
        <v>21175</v>
      </c>
      <c r="I6010" s="1" t="s">
        <v>19310</v>
      </c>
      <c r="J6010" s="1" t="s">
        <v>19727</v>
      </c>
      <c r="K6010" s="1" t="s">
        <v>27</v>
      </c>
      <c r="L6010" s="1" t="s">
        <v>21172</v>
      </c>
      <c r="M6010" s="1" t="s">
        <v>5</v>
      </c>
      <c r="N6010" s="1" t="s">
        <v>6</v>
      </c>
      <c r="O6010" s="1" t="s">
        <v>8</v>
      </c>
      <c r="P6010" s="5" t="s">
        <v>10</v>
      </c>
    </row>
    <row r="6011" spans="1:16" x14ac:dyDescent="0.2">
      <c r="A6011" s="1" t="s">
        <v>194</v>
      </c>
      <c r="B6011" s="1" t="s">
        <v>6481</v>
      </c>
      <c r="C6011" s="1" t="s">
        <v>8649</v>
      </c>
      <c r="D6011" s="1" t="s">
        <v>10</v>
      </c>
      <c r="E6011" s="1" t="s">
        <v>21113</v>
      </c>
      <c r="F6011" s="1" t="s">
        <v>27</v>
      </c>
      <c r="G6011" s="1" t="s">
        <v>10</v>
      </c>
      <c r="H6011" s="1" t="s">
        <v>21177</v>
      </c>
      <c r="I6011" s="1" t="s">
        <v>19310</v>
      </c>
      <c r="J6011" s="1" t="s">
        <v>19727</v>
      </c>
      <c r="K6011" s="1" t="s">
        <v>27</v>
      </c>
      <c r="L6011" s="1" t="s">
        <v>21176</v>
      </c>
      <c r="M6011" s="1" t="s">
        <v>5</v>
      </c>
      <c r="N6011" s="1" t="s">
        <v>6</v>
      </c>
      <c r="O6011" s="1" t="s">
        <v>8</v>
      </c>
      <c r="P6011" s="5" t="s">
        <v>10</v>
      </c>
    </row>
    <row r="6012" spans="1:16" x14ac:dyDescent="0.2">
      <c r="A6012" s="1" t="s">
        <v>329</v>
      </c>
      <c r="B6012" s="1" t="s">
        <v>340</v>
      </c>
      <c r="C6012" s="1" t="s">
        <v>8694</v>
      </c>
      <c r="D6012" s="1" t="s">
        <v>10</v>
      </c>
      <c r="E6012" s="1" t="s">
        <v>21179</v>
      </c>
      <c r="F6012" s="1" t="s">
        <v>522</v>
      </c>
      <c r="G6012" s="1" t="s">
        <v>10</v>
      </c>
      <c r="H6012" s="1" t="s">
        <v>21180</v>
      </c>
      <c r="I6012" s="1" t="s">
        <v>19310</v>
      </c>
      <c r="J6012" s="1" t="s">
        <v>19727</v>
      </c>
      <c r="K6012" s="1" t="s">
        <v>27</v>
      </c>
      <c r="L6012" s="1" t="s">
        <v>21178</v>
      </c>
      <c r="M6012" s="1" t="s">
        <v>5</v>
      </c>
      <c r="N6012" s="1" t="s">
        <v>6</v>
      </c>
      <c r="O6012" s="1" t="s">
        <v>8</v>
      </c>
      <c r="P6012" s="5" t="s">
        <v>10</v>
      </c>
    </row>
    <row r="6013" spans="1:16" x14ac:dyDescent="0.2">
      <c r="A6013" s="1" t="s">
        <v>329</v>
      </c>
      <c r="B6013" s="1" t="s">
        <v>691</v>
      </c>
      <c r="C6013" s="1" t="s">
        <v>8720</v>
      </c>
      <c r="D6013" s="1" t="s">
        <v>10</v>
      </c>
      <c r="E6013" s="1" t="s">
        <v>21182</v>
      </c>
      <c r="F6013" s="1" t="s">
        <v>522</v>
      </c>
      <c r="G6013" s="1" t="s">
        <v>10</v>
      </c>
      <c r="H6013" s="1" t="s">
        <v>21183</v>
      </c>
      <c r="I6013" s="1" t="s">
        <v>19310</v>
      </c>
      <c r="J6013" s="1" t="s">
        <v>19727</v>
      </c>
      <c r="K6013" s="1" t="s">
        <v>27</v>
      </c>
      <c r="L6013" s="1" t="s">
        <v>21181</v>
      </c>
      <c r="M6013" s="1" t="s">
        <v>5</v>
      </c>
      <c r="N6013" s="1" t="s">
        <v>6</v>
      </c>
      <c r="O6013" s="1" t="s">
        <v>8</v>
      </c>
      <c r="P6013" s="5" t="s">
        <v>10</v>
      </c>
    </row>
    <row r="6014" spans="1:16" x14ac:dyDescent="0.2">
      <c r="A6014" s="1" t="s">
        <v>329</v>
      </c>
      <c r="B6014" s="1" t="s">
        <v>753</v>
      </c>
      <c r="C6014" s="1" t="s">
        <v>21185</v>
      </c>
      <c r="D6014" s="1" t="s">
        <v>10</v>
      </c>
      <c r="E6014" s="1" t="s">
        <v>21186</v>
      </c>
      <c r="F6014" s="1" t="s">
        <v>27</v>
      </c>
      <c r="G6014" s="1" t="s">
        <v>10</v>
      </c>
      <c r="H6014" s="1" t="s">
        <v>21187</v>
      </c>
      <c r="I6014" s="1" t="s">
        <v>19310</v>
      </c>
      <c r="J6014" s="1" t="s">
        <v>19727</v>
      </c>
      <c r="K6014" s="1" t="s">
        <v>27</v>
      </c>
      <c r="L6014" s="1" t="s">
        <v>21184</v>
      </c>
      <c r="M6014" s="1" t="s">
        <v>5</v>
      </c>
      <c r="N6014" s="1" t="s">
        <v>6</v>
      </c>
      <c r="O6014" s="1" t="s">
        <v>8</v>
      </c>
      <c r="P6014" s="5" t="s">
        <v>10</v>
      </c>
    </row>
    <row r="6015" spans="1:16" x14ac:dyDescent="0.2">
      <c r="A6015" s="1" t="s">
        <v>194</v>
      </c>
      <c r="B6015" s="1" t="s">
        <v>6481</v>
      </c>
      <c r="C6015" s="1" t="s">
        <v>21189</v>
      </c>
      <c r="D6015" s="1" t="s">
        <v>10</v>
      </c>
      <c r="E6015" s="1" t="s">
        <v>21190</v>
      </c>
      <c r="F6015" s="1" t="s">
        <v>27</v>
      </c>
      <c r="G6015" s="1" t="s">
        <v>10</v>
      </c>
      <c r="H6015" s="1" t="s">
        <v>19909</v>
      </c>
      <c r="I6015" s="1" t="s">
        <v>19310</v>
      </c>
      <c r="J6015" s="1" t="s">
        <v>19727</v>
      </c>
      <c r="K6015" s="1" t="s">
        <v>27</v>
      </c>
      <c r="L6015" s="1" t="s">
        <v>21188</v>
      </c>
      <c r="M6015" s="1" t="s">
        <v>5</v>
      </c>
      <c r="N6015" s="1" t="s">
        <v>6</v>
      </c>
      <c r="O6015" s="1" t="s">
        <v>8</v>
      </c>
      <c r="P6015" s="5" t="s">
        <v>10</v>
      </c>
    </row>
    <row r="6016" spans="1:16" x14ac:dyDescent="0.2">
      <c r="A6016" s="1" t="s">
        <v>194</v>
      </c>
      <c r="B6016" s="1" t="s">
        <v>6481</v>
      </c>
      <c r="C6016" s="1" t="s">
        <v>21192</v>
      </c>
      <c r="D6016" s="1" t="s">
        <v>10</v>
      </c>
      <c r="E6016" s="1" t="s">
        <v>21193</v>
      </c>
      <c r="F6016" s="1" t="s">
        <v>27</v>
      </c>
      <c r="G6016" s="1" t="s">
        <v>10</v>
      </c>
      <c r="H6016" s="1" t="s">
        <v>10</v>
      </c>
      <c r="I6016" s="1" t="s">
        <v>19310</v>
      </c>
      <c r="J6016" s="1" t="s">
        <v>19727</v>
      </c>
      <c r="K6016" s="1" t="s">
        <v>27</v>
      </c>
      <c r="L6016" s="1" t="s">
        <v>21191</v>
      </c>
      <c r="M6016" s="1" t="s">
        <v>5</v>
      </c>
      <c r="N6016" s="1" t="s">
        <v>6</v>
      </c>
      <c r="O6016" s="1" t="s">
        <v>8</v>
      </c>
      <c r="P6016" s="5" t="s">
        <v>10</v>
      </c>
    </row>
    <row r="6017" spans="1:16" x14ac:dyDescent="0.2">
      <c r="A6017" s="1" t="s">
        <v>194</v>
      </c>
      <c r="B6017" s="1" t="s">
        <v>6481</v>
      </c>
      <c r="C6017" s="1" t="s">
        <v>21195</v>
      </c>
      <c r="D6017" s="1" t="s">
        <v>10</v>
      </c>
      <c r="E6017" s="1" t="s">
        <v>10</v>
      </c>
      <c r="F6017" s="1" t="s">
        <v>27</v>
      </c>
      <c r="G6017" s="1" t="s">
        <v>1042</v>
      </c>
      <c r="H6017" s="1" t="s">
        <v>21196</v>
      </c>
      <c r="I6017" s="1" t="s">
        <v>19310</v>
      </c>
      <c r="J6017" s="1" t="s">
        <v>19727</v>
      </c>
      <c r="K6017" s="1" t="s">
        <v>27</v>
      </c>
      <c r="L6017" s="1" t="s">
        <v>21194</v>
      </c>
      <c r="M6017" s="1" t="s">
        <v>5</v>
      </c>
      <c r="N6017" s="1" t="s">
        <v>6</v>
      </c>
      <c r="O6017" s="1" t="s">
        <v>8</v>
      </c>
      <c r="P6017" s="5" t="s">
        <v>10</v>
      </c>
    </row>
    <row r="6018" spans="1:16" x14ac:dyDescent="0.2">
      <c r="A6018" s="1" t="s">
        <v>194</v>
      </c>
      <c r="B6018" s="1" t="s">
        <v>6481</v>
      </c>
      <c r="C6018" s="1" t="s">
        <v>21198</v>
      </c>
      <c r="D6018" s="1" t="s">
        <v>10</v>
      </c>
      <c r="E6018" s="1" t="s">
        <v>21199</v>
      </c>
      <c r="F6018" s="1" t="s">
        <v>27</v>
      </c>
      <c r="G6018" s="1" t="s">
        <v>10</v>
      </c>
      <c r="H6018" s="1" t="s">
        <v>21200</v>
      </c>
      <c r="I6018" s="1" t="s">
        <v>19310</v>
      </c>
      <c r="J6018" s="1" t="s">
        <v>19727</v>
      </c>
      <c r="K6018" s="1" t="s">
        <v>27</v>
      </c>
      <c r="L6018" s="1" t="s">
        <v>21197</v>
      </c>
      <c r="M6018" s="1" t="s">
        <v>5</v>
      </c>
      <c r="N6018" s="1" t="s">
        <v>6</v>
      </c>
      <c r="O6018" s="1" t="s">
        <v>8</v>
      </c>
      <c r="P6018" s="5" t="s">
        <v>10</v>
      </c>
    </row>
    <row r="6019" spans="1:16" x14ac:dyDescent="0.2">
      <c r="A6019" s="1" t="s">
        <v>329</v>
      </c>
      <c r="B6019" s="1" t="s">
        <v>1738</v>
      </c>
      <c r="C6019" s="1" t="s">
        <v>21202</v>
      </c>
      <c r="D6019" s="1" t="s">
        <v>10</v>
      </c>
      <c r="E6019" s="1" t="s">
        <v>21203</v>
      </c>
      <c r="F6019" s="1" t="s">
        <v>27</v>
      </c>
      <c r="G6019" s="1" t="s">
        <v>10</v>
      </c>
      <c r="H6019" s="1" t="s">
        <v>21204</v>
      </c>
      <c r="I6019" s="1" t="s">
        <v>19310</v>
      </c>
      <c r="J6019" s="1" t="s">
        <v>19727</v>
      </c>
      <c r="K6019" s="1" t="s">
        <v>27</v>
      </c>
      <c r="L6019" s="1" t="s">
        <v>21201</v>
      </c>
      <c r="M6019" s="1" t="s">
        <v>5</v>
      </c>
      <c r="N6019" s="1" t="s">
        <v>6</v>
      </c>
      <c r="O6019" s="1" t="s">
        <v>8</v>
      </c>
      <c r="P6019" s="5" t="s">
        <v>10</v>
      </c>
    </row>
    <row r="6020" spans="1:16" x14ac:dyDescent="0.2">
      <c r="A6020" s="1" t="s">
        <v>194</v>
      </c>
      <c r="B6020" s="1" t="s">
        <v>7175</v>
      </c>
      <c r="C6020" s="1" t="s">
        <v>21206</v>
      </c>
      <c r="D6020" s="1" t="s">
        <v>10</v>
      </c>
      <c r="E6020" s="1" t="s">
        <v>10</v>
      </c>
      <c r="F6020" s="1" t="s">
        <v>27</v>
      </c>
      <c r="G6020" s="1" t="s">
        <v>10</v>
      </c>
      <c r="H6020" s="1" t="s">
        <v>21207</v>
      </c>
      <c r="I6020" s="1" t="s">
        <v>19310</v>
      </c>
      <c r="J6020" s="1" t="s">
        <v>19727</v>
      </c>
      <c r="K6020" s="1" t="s">
        <v>27</v>
      </c>
      <c r="L6020" s="1" t="s">
        <v>21205</v>
      </c>
      <c r="M6020" s="1" t="s">
        <v>5</v>
      </c>
      <c r="N6020" s="1" t="s">
        <v>6</v>
      </c>
      <c r="O6020" s="1" t="s">
        <v>8</v>
      </c>
      <c r="P6020" s="5" t="s">
        <v>10</v>
      </c>
    </row>
    <row r="6021" spans="1:16" x14ac:dyDescent="0.2">
      <c r="A6021" s="1" t="s">
        <v>194</v>
      </c>
      <c r="B6021" s="1" t="s">
        <v>6481</v>
      </c>
      <c r="C6021" s="1" t="s">
        <v>21209</v>
      </c>
      <c r="D6021" s="1" t="s">
        <v>10</v>
      </c>
      <c r="E6021" s="1" t="s">
        <v>21210</v>
      </c>
      <c r="F6021" s="1" t="s">
        <v>10</v>
      </c>
      <c r="G6021" s="1" t="s">
        <v>10</v>
      </c>
      <c r="H6021" s="1" t="s">
        <v>10</v>
      </c>
      <c r="I6021" s="1" t="s">
        <v>19310</v>
      </c>
      <c r="J6021" s="1" t="s">
        <v>19727</v>
      </c>
      <c r="K6021" s="1" t="s">
        <v>27</v>
      </c>
      <c r="L6021" s="1" t="s">
        <v>21208</v>
      </c>
      <c r="M6021" s="1" t="s">
        <v>5</v>
      </c>
      <c r="N6021" s="1" t="s">
        <v>1597</v>
      </c>
      <c r="O6021" s="1" t="s">
        <v>38</v>
      </c>
      <c r="P6021" s="5"/>
    </row>
    <row r="6022" spans="1:16" x14ac:dyDescent="0.2">
      <c r="A6022" s="1" t="s">
        <v>194</v>
      </c>
      <c r="B6022" s="1" t="s">
        <v>6481</v>
      </c>
      <c r="C6022" s="1" t="s">
        <v>21212</v>
      </c>
      <c r="D6022" s="1" t="s">
        <v>10</v>
      </c>
      <c r="E6022" s="1" t="s">
        <v>21213</v>
      </c>
      <c r="F6022" s="1" t="s">
        <v>10</v>
      </c>
      <c r="G6022" s="1" t="s">
        <v>10</v>
      </c>
      <c r="H6022" s="1" t="s">
        <v>10</v>
      </c>
      <c r="I6022" s="1" t="s">
        <v>19310</v>
      </c>
      <c r="J6022" s="1" t="s">
        <v>10</v>
      </c>
      <c r="K6022" s="1" t="s">
        <v>27</v>
      </c>
      <c r="L6022" s="1" t="s">
        <v>21211</v>
      </c>
      <c r="M6022" s="1" t="s">
        <v>5</v>
      </c>
      <c r="N6022" s="1" t="s">
        <v>6</v>
      </c>
      <c r="O6022" s="1" t="s">
        <v>38</v>
      </c>
      <c r="P6022" s="5"/>
    </row>
    <row r="6023" spans="1:16" x14ac:dyDescent="0.2">
      <c r="A6023" s="1" t="s">
        <v>194</v>
      </c>
      <c r="B6023" s="1" t="s">
        <v>6481</v>
      </c>
      <c r="C6023" s="1" t="s">
        <v>21215</v>
      </c>
      <c r="D6023" s="1" t="s">
        <v>10</v>
      </c>
      <c r="E6023" s="1" t="s">
        <v>21216</v>
      </c>
      <c r="F6023" s="1" t="s">
        <v>10</v>
      </c>
      <c r="G6023" s="1" t="s">
        <v>10</v>
      </c>
      <c r="H6023" s="1" t="s">
        <v>10</v>
      </c>
      <c r="I6023" s="1" t="s">
        <v>19310</v>
      </c>
      <c r="J6023" s="1" t="s">
        <v>10</v>
      </c>
      <c r="K6023" s="1" t="s">
        <v>27</v>
      </c>
      <c r="L6023" s="1" t="s">
        <v>21214</v>
      </c>
      <c r="M6023" s="1" t="s">
        <v>5</v>
      </c>
      <c r="N6023" s="1" t="s">
        <v>6</v>
      </c>
      <c r="O6023" s="1" t="s">
        <v>38</v>
      </c>
      <c r="P6023" s="5"/>
    </row>
    <row r="6024" spans="1:16" x14ac:dyDescent="0.2">
      <c r="A6024" s="1" t="s">
        <v>194</v>
      </c>
      <c r="B6024" s="1" t="s">
        <v>6481</v>
      </c>
      <c r="C6024" s="1" t="s">
        <v>21218</v>
      </c>
      <c r="D6024" s="1" t="s">
        <v>10</v>
      </c>
      <c r="E6024" s="1" t="s">
        <v>21219</v>
      </c>
      <c r="F6024" s="1" t="s">
        <v>10</v>
      </c>
      <c r="G6024" s="1" t="s">
        <v>10</v>
      </c>
      <c r="H6024" s="1" t="s">
        <v>10</v>
      </c>
      <c r="I6024" s="1" t="s">
        <v>19310</v>
      </c>
      <c r="J6024" s="1" t="s">
        <v>10</v>
      </c>
      <c r="K6024" s="1" t="s">
        <v>27</v>
      </c>
      <c r="L6024" s="1" t="s">
        <v>21217</v>
      </c>
      <c r="M6024" s="1" t="s">
        <v>5</v>
      </c>
      <c r="N6024" s="1" t="s">
        <v>6</v>
      </c>
      <c r="O6024" s="1" t="s">
        <v>38</v>
      </c>
      <c r="P6024" s="5"/>
    </row>
    <row r="6025" spans="1:16" x14ac:dyDescent="0.2">
      <c r="A6025" s="1" t="s">
        <v>194</v>
      </c>
      <c r="B6025" s="1" t="s">
        <v>6481</v>
      </c>
      <c r="C6025" s="1" t="s">
        <v>21221</v>
      </c>
      <c r="D6025" s="1" t="s">
        <v>10</v>
      </c>
      <c r="E6025" s="1" t="s">
        <v>21222</v>
      </c>
      <c r="F6025" s="1" t="s">
        <v>10</v>
      </c>
      <c r="G6025" s="1" t="s">
        <v>10</v>
      </c>
      <c r="H6025" s="1" t="s">
        <v>10</v>
      </c>
      <c r="I6025" s="1" t="s">
        <v>19310</v>
      </c>
      <c r="J6025" s="1" t="s">
        <v>10</v>
      </c>
      <c r="K6025" s="1" t="s">
        <v>27</v>
      </c>
      <c r="L6025" s="1" t="s">
        <v>21220</v>
      </c>
      <c r="M6025" s="1" t="s">
        <v>5</v>
      </c>
      <c r="N6025" s="1" t="s">
        <v>6</v>
      </c>
      <c r="O6025" s="1" t="s">
        <v>38</v>
      </c>
      <c r="P6025" s="5"/>
    </row>
    <row r="6026" spans="1:16" x14ac:dyDescent="0.2">
      <c r="A6026" s="1" t="s">
        <v>194</v>
      </c>
      <c r="B6026" s="1" t="s">
        <v>6481</v>
      </c>
      <c r="C6026" s="1" t="s">
        <v>21224</v>
      </c>
      <c r="D6026" s="1" t="s">
        <v>10</v>
      </c>
      <c r="E6026" s="1" t="s">
        <v>21225</v>
      </c>
      <c r="F6026" s="1" t="s">
        <v>10</v>
      </c>
      <c r="G6026" s="1" t="s">
        <v>10</v>
      </c>
      <c r="H6026" s="1" t="s">
        <v>10</v>
      </c>
      <c r="I6026" s="1" t="s">
        <v>19310</v>
      </c>
      <c r="J6026" s="1" t="s">
        <v>10</v>
      </c>
      <c r="K6026" s="1" t="s">
        <v>27</v>
      </c>
      <c r="L6026" s="1" t="s">
        <v>21223</v>
      </c>
      <c r="M6026" s="1" t="s">
        <v>5</v>
      </c>
      <c r="N6026" s="1" t="s">
        <v>6</v>
      </c>
      <c r="O6026" s="1" t="s">
        <v>38</v>
      </c>
      <c r="P6026" s="5"/>
    </row>
    <row r="6027" spans="1:16" x14ac:dyDescent="0.2">
      <c r="A6027" s="1" t="s">
        <v>194</v>
      </c>
      <c r="B6027" s="1" t="s">
        <v>6481</v>
      </c>
      <c r="C6027" s="1" t="s">
        <v>21227</v>
      </c>
      <c r="D6027" s="1" t="s">
        <v>10</v>
      </c>
      <c r="E6027" s="1" t="s">
        <v>21228</v>
      </c>
      <c r="F6027" s="1" t="s">
        <v>10</v>
      </c>
      <c r="G6027" s="1" t="s">
        <v>10</v>
      </c>
      <c r="H6027" s="1" t="s">
        <v>10</v>
      </c>
      <c r="I6027" s="1" t="s">
        <v>19310</v>
      </c>
      <c r="J6027" s="1" t="s">
        <v>10</v>
      </c>
      <c r="K6027" s="1" t="s">
        <v>27</v>
      </c>
      <c r="L6027" s="1" t="s">
        <v>21226</v>
      </c>
      <c r="M6027" s="1" t="s">
        <v>5</v>
      </c>
      <c r="N6027" s="1" t="s">
        <v>6</v>
      </c>
      <c r="O6027" s="1" t="s">
        <v>38</v>
      </c>
      <c r="P6027" s="5"/>
    </row>
    <row r="6028" spans="1:16" x14ac:dyDescent="0.2">
      <c r="A6028" s="1" t="s">
        <v>194</v>
      </c>
      <c r="B6028" s="1" t="s">
        <v>6481</v>
      </c>
      <c r="C6028" s="1" t="s">
        <v>21230</v>
      </c>
      <c r="D6028" s="1" t="s">
        <v>10</v>
      </c>
      <c r="E6028" s="1" t="s">
        <v>21228</v>
      </c>
      <c r="F6028" s="1" t="s">
        <v>10</v>
      </c>
      <c r="G6028" s="1" t="s">
        <v>10</v>
      </c>
      <c r="H6028" s="1" t="s">
        <v>10</v>
      </c>
      <c r="I6028" s="1" t="s">
        <v>19310</v>
      </c>
      <c r="J6028" s="1" t="s">
        <v>10</v>
      </c>
      <c r="K6028" s="1" t="s">
        <v>27</v>
      </c>
      <c r="L6028" s="1" t="s">
        <v>21229</v>
      </c>
      <c r="M6028" s="1" t="s">
        <v>5</v>
      </c>
      <c r="N6028" s="1" t="s">
        <v>6</v>
      </c>
      <c r="O6028" s="1" t="s">
        <v>38</v>
      </c>
      <c r="P6028" s="5"/>
    </row>
    <row r="6029" spans="1:16" x14ac:dyDescent="0.2">
      <c r="A6029" s="1" t="s">
        <v>194</v>
      </c>
      <c r="B6029" s="1" t="s">
        <v>6481</v>
      </c>
      <c r="C6029" s="1" t="s">
        <v>21232</v>
      </c>
      <c r="D6029" s="1" t="s">
        <v>10</v>
      </c>
      <c r="E6029" s="1" t="s">
        <v>21228</v>
      </c>
      <c r="F6029" s="1" t="s">
        <v>10</v>
      </c>
      <c r="G6029" s="1" t="s">
        <v>10</v>
      </c>
      <c r="H6029" s="1" t="s">
        <v>10</v>
      </c>
      <c r="I6029" s="1" t="s">
        <v>19310</v>
      </c>
      <c r="J6029" s="1" t="s">
        <v>10</v>
      </c>
      <c r="K6029" s="1" t="s">
        <v>27</v>
      </c>
      <c r="L6029" s="1" t="s">
        <v>21231</v>
      </c>
      <c r="M6029" s="1" t="s">
        <v>5</v>
      </c>
      <c r="N6029" s="1" t="s">
        <v>6</v>
      </c>
      <c r="O6029" s="1" t="s">
        <v>38</v>
      </c>
      <c r="P6029" s="5"/>
    </row>
    <row r="6030" spans="1:16" x14ac:dyDescent="0.2">
      <c r="A6030" s="1" t="s">
        <v>194</v>
      </c>
      <c r="B6030" s="1" t="s">
        <v>6481</v>
      </c>
      <c r="C6030" s="1" t="s">
        <v>21234</v>
      </c>
      <c r="D6030" s="1" t="s">
        <v>10</v>
      </c>
      <c r="E6030" s="1" t="s">
        <v>21228</v>
      </c>
      <c r="F6030" s="1" t="s">
        <v>10</v>
      </c>
      <c r="G6030" s="1" t="s">
        <v>10</v>
      </c>
      <c r="H6030" s="1" t="s">
        <v>10</v>
      </c>
      <c r="I6030" s="1" t="s">
        <v>19310</v>
      </c>
      <c r="J6030" s="1" t="s">
        <v>10</v>
      </c>
      <c r="K6030" s="1" t="s">
        <v>27</v>
      </c>
      <c r="L6030" s="1" t="s">
        <v>21233</v>
      </c>
      <c r="M6030" s="1" t="s">
        <v>5</v>
      </c>
      <c r="N6030" s="1" t="s">
        <v>6</v>
      </c>
      <c r="O6030" s="1" t="s">
        <v>38</v>
      </c>
      <c r="P6030" s="5"/>
    </row>
    <row r="6031" spans="1:16" x14ac:dyDescent="0.2">
      <c r="A6031" s="1" t="s">
        <v>194</v>
      </c>
      <c r="B6031" s="1" t="s">
        <v>6481</v>
      </c>
      <c r="C6031" s="1" t="s">
        <v>21236</v>
      </c>
      <c r="D6031" s="1" t="s">
        <v>10</v>
      </c>
      <c r="E6031" s="1" t="s">
        <v>21228</v>
      </c>
      <c r="F6031" s="1" t="s">
        <v>10</v>
      </c>
      <c r="G6031" s="1" t="s">
        <v>10</v>
      </c>
      <c r="H6031" s="1" t="s">
        <v>10</v>
      </c>
      <c r="I6031" s="1" t="s">
        <v>19310</v>
      </c>
      <c r="J6031" s="1" t="s">
        <v>10</v>
      </c>
      <c r="K6031" s="1" t="s">
        <v>27</v>
      </c>
      <c r="L6031" s="1" t="s">
        <v>21235</v>
      </c>
      <c r="M6031" s="1" t="s">
        <v>5</v>
      </c>
      <c r="N6031" s="1" t="s">
        <v>6</v>
      </c>
      <c r="O6031" s="1" t="s">
        <v>38</v>
      </c>
      <c r="P6031" s="5"/>
    </row>
    <row r="6032" spans="1:16" x14ac:dyDescent="0.2">
      <c r="A6032" s="1" t="s">
        <v>194</v>
      </c>
      <c r="B6032" s="1" t="s">
        <v>6481</v>
      </c>
      <c r="C6032" s="1" t="s">
        <v>21238</v>
      </c>
      <c r="D6032" s="1" t="s">
        <v>10</v>
      </c>
      <c r="E6032" s="1" t="s">
        <v>21239</v>
      </c>
      <c r="F6032" s="1" t="s">
        <v>10</v>
      </c>
      <c r="G6032" s="1" t="s">
        <v>10</v>
      </c>
      <c r="H6032" s="1" t="s">
        <v>10</v>
      </c>
      <c r="I6032" s="1" t="s">
        <v>19310</v>
      </c>
      <c r="J6032" s="1" t="s">
        <v>10</v>
      </c>
      <c r="K6032" s="1" t="s">
        <v>27</v>
      </c>
      <c r="L6032" s="1" t="s">
        <v>21237</v>
      </c>
      <c r="M6032" s="1" t="s">
        <v>5</v>
      </c>
      <c r="N6032" s="1" t="s">
        <v>6</v>
      </c>
      <c r="O6032" s="1" t="s">
        <v>38</v>
      </c>
      <c r="P6032" s="5" t="s">
        <v>32818</v>
      </c>
    </row>
    <row r="6033" spans="1:16" x14ac:dyDescent="0.2">
      <c r="A6033" s="1" t="s">
        <v>194</v>
      </c>
      <c r="B6033" s="1" t="s">
        <v>6481</v>
      </c>
      <c r="C6033" s="1" t="s">
        <v>21241</v>
      </c>
      <c r="D6033" s="1" t="s">
        <v>10</v>
      </c>
      <c r="E6033" s="1" t="s">
        <v>10</v>
      </c>
      <c r="F6033" s="1" t="s">
        <v>10</v>
      </c>
      <c r="G6033" s="1" t="s">
        <v>10</v>
      </c>
      <c r="H6033" s="1" t="s">
        <v>10</v>
      </c>
      <c r="I6033" s="1" t="s">
        <v>19310</v>
      </c>
      <c r="J6033" s="1" t="s">
        <v>10</v>
      </c>
      <c r="K6033" s="1" t="s">
        <v>27</v>
      </c>
      <c r="L6033" s="1" t="s">
        <v>21240</v>
      </c>
      <c r="M6033" s="1" t="s">
        <v>5</v>
      </c>
      <c r="N6033" s="1" t="s">
        <v>6</v>
      </c>
      <c r="O6033" s="1" t="s">
        <v>38</v>
      </c>
      <c r="P6033" s="5" t="s">
        <v>32818</v>
      </c>
    </row>
    <row r="6034" spans="1:16" x14ac:dyDescent="0.2">
      <c r="A6034" s="1" t="s">
        <v>194</v>
      </c>
      <c r="B6034" s="1" t="s">
        <v>6481</v>
      </c>
      <c r="C6034" s="1" t="s">
        <v>9082</v>
      </c>
      <c r="D6034" s="1" t="s">
        <v>10</v>
      </c>
      <c r="E6034" s="1" t="s">
        <v>10</v>
      </c>
      <c r="F6034" s="1" t="s">
        <v>10</v>
      </c>
      <c r="G6034" s="1" t="s">
        <v>10</v>
      </c>
      <c r="H6034" s="1" t="s">
        <v>10</v>
      </c>
      <c r="I6034" s="1" t="s">
        <v>19310</v>
      </c>
      <c r="J6034" s="1" t="s">
        <v>10</v>
      </c>
      <c r="K6034" s="1" t="s">
        <v>27</v>
      </c>
      <c r="L6034" s="1" t="s">
        <v>21242</v>
      </c>
      <c r="M6034" s="1" t="s">
        <v>5</v>
      </c>
      <c r="N6034" s="1" t="s">
        <v>6</v>
      </c>
      <c r="O6034" s="1" t="s">
        <v>38</v>
      </c>
      <c r="P6034" s="5" t="s">
        <v>32818</v>
      </c>
    </row>
    <row r="6035" spans="1:16" x14ac:dyDescent="0.2">
      <c r="A6035" s="1" t="s">
        <v>194</v>
      </c>
      <c r="B6035" s="1" t="s">
        <v>6481</v>
      </c>
      <c r="C6035" s="1" t="s">
        <v>21244</v>
      </c>
      <c r="D6035" s="1" t="s">
        <v>10</v>
      </c>
      <c r="E6035" s="1" t="s">
        <v>10</v>
      </c>
      <c r="F6035" s="1" t="s">
        <v>10</v>
      </c>
      <c r="G6035" s="1" t="s">
        <v>10</v>
      </c>
      <c r="H6035" s="1" t="s">
        <v>10</v>
      </c>
      <c r="I6035" s="1" t="s">
        <v>19310</v>
      </c>
      <c r="J6035" s="1" t="s">
        <v>10</v>
      </c>
      <c r="K6035" s="1" t="s">
        <v>27</v>
      </c>
      <c r="L6035" s="1" t="s">
        <v>21243</v>
      </c>
      <c r="M6035" s="1" t="s">
        <v>5</v>
      </c>
      <c r="N6035" s="1" t="s">
        <v>6</v>
      </c>
      <c r="O6035" s="1" t="s">
        <v>38</v>
      </c>
      <c r="P6035" s="5" t="s">
        <v>32818</v>
      </c>
    </row>
    <row r="6036" spans="1:16" x14ac:dyDescent="0.2">
      <c r="A6036" s="1" t="s">
        <v>194</v>
      </c>
      <c r="B6036" s="1" t="s">
        <v>6479</v>
      </c>
      <c r="C6036" s="1" t="s">
        <v>21246</v>
      </c>
      <c r="D6036" s="1" t="s">
        <v>10</v>
      </c>
      <c r="E6036" s="1" t="s">
        <v>21247</v>
      </c>
      <c r="F6036" s="1" t="s">
        <v>27</v>
      </c>
      <c r="G6036" s="1" t="s">
        <v>10</v>
      </c>
      <c r="H6036" s="1" t="s">
        <v>31</v>
      </c>
      <c r="I6036" s="1" t="s">
        <v>19310</v>
      </c>
      <c r="J6036" s="1" t="s">
        <v>10</v>
      </c>
      <c r="K6036" s="1" t="s">
        <v>27</v>
      </c>
      <c r="L6036" s="1" t="s">
        <v>21245</v>
      </c>
      <c r="M6036" s="1" t="s">
        <v>5</v>
      </c>
      <c r="N6036" s="1" t="s">
        <v>6</v>
      </c>
      <c r="O6036" s="1" t="s">
        <v>8</v>
      </c>
      <c r="P6036" s="5"/>
    </row>
    <row r="6037" spans="1:16" x14ac:dyDescent="0.2">
      <c r="A6037" s="1" t="s">
        <v>194</v>
      </c>
      <c r="B6037" s="1" t="s">
        <v>6479</v>
      </c>
      <c r="C6037" s="1" t="s">
        <v>21249</v>
      </c>
      <c r="D6037" s="1" t="s">
        <v>10</v>
      </c>
      <c r="E6037" s="1" t="s">
        <v>21250</v>
      </c>
      <c r="F6037" s="1" t="s">
        <v>27</v>
      </c>
      <c r="G6037" s="1" t="s">
        <v>10</v>
      </c>
      <c r="H6037" s="1" t="s">
        <v>21251</v>
      </c>
      <c r="I6037" s="1" t="s">
        <v>19310</v>
      </c>
      <c r="J6037" s="1" t="s">
        <v>10</v>
      </c>
      <c r="K6037" s="1" t="s">
        <v>27</v>
      </c>
      <c r="L6037" s="1" t="s">
        <v>21248</v>
      </c>
      <c r="M6037" s="1" t="s">
        <v>5</v>
      </c>
      <c r="N6037" s="1" t="s">
        <v>6</v>
      </c>
      <c r="O6037" s="1" t="s">
        <v>8</v>
      </c>
      <c r="P6037" s="5"/>
    </row>
    <row r="6038" spans="1:16" x14ac:dyDescent="0.2">
      <c r="A6038" s="1" t="s">
        <v>194</v>
      </c>
      <c r="B6038" s="1" t="s">
        <v>6479</v>
      </c>
      <c r="C6038" s="1" t="s">
        <v>21253</v>
      </c>
      <c r="D6038" s="1" t="s">
        <v>10</v>
      </c>
      <c r="E6038" s="1" t="s">
        <v>21254</v>
      </c>
      <c r="F6038" s="1" t="s">
        <v>27</v>
      </c>
      <c r="G6038" s="1" t="s">
        <v>10</v>
      </c>
      <c r="H6038" s="1" t="s">
        <v>21251</v>
      </c>
      <c r="I6038" s="1" t="s">
        <v>19310</v>
      </c>
      <c r="J6038" s="1" t="s">
        <v>10</v>
      </c>
      <c r="K6038" s="1" t="s">
        <v>27</v>
      </c>
      <c r="L6038" s="1" t="s">
        <v>21252</v>
      </c>
      <c r="M6038" s="1" t="s">
        <v>5</v>
      </c>
      <c r="N6038" s="1" t="s">
        <v>6</v>
      </c>
      <c r="O6038" s="1" t="s">
        <v>8</v>
      </c>
      <c r="P6038" s="5"/>
    </row>
    <row r="6039" spans="1:16" x14ac:dyDescent="0.2">
      <c r="A6039" s="1" t="s">
        <v>194</v>
      </c>
      <c r="B6039" s="1" t="s">
        <v>7175</v>
      </c>
      <c r="C6039" s="1" t="s">
        <v>21256</v>
      </c>
      <c r="D6039" s="1" t="s">
        <v>10</v>
      </c>
      <c r="E6039" s="1" t="s">
        <v>21257</v>
      </c>
      <c r="F6039" s="1" t="s">
        <v>27</v>
      </c>
      <c r="G6039" s="1" t="s">
        <v>10</v>
      </c>
      <c r="H6039" s="1" t="s">
        <v>21258</v>
      </c>
      <c r="I6039" s="1" t="s">
        <v>19310</v>
      </c>
      <c r="J6039" s="1" t="s">
        <v>10</v>
      </c>
      <c r="K6039" s="1" t="s">
        <v>27</v>
      </c>
      <c r="L6039" s="1" t="s">
        <v>21255</v>
      </c>
      <c r="M6039" s="1" t="s">
        <v>5</v>
      </c>
      <c r="N6039" s="1" t="s">
        <v>6</v>
      </c>
      <c r="O6039" s="1" t="s">
        <v>8</v>
      </c>
      <c r="P6039" s="5"/>
    </row>
    <row r="6040" spans="1:16" x14ac:dyDescent="0.2">
      <c r="A6040" s="1" t="s">
        <v>194</v>
      </c>
      <c r="B6040" s="1" t="s">
        <v>6479</v>
      </c>
      <c r="C6040" s="1" t="s">
        <v>21260</v>
      </c>
      <c r="D6040" s="1" t="s">
        <v>10</v>
      </c>
      <c r="E6040" s="1" t="s">
        <v>21261</v>
      </c>
      <c r="F6040" s="1" t="s">
        <v>27</v>
      </c>
      <c r="G6040" s="1" t="s">
        <v>10</v>
      </c>
      <c r="H6040" s="1" t="s">
        <v>21262</v>
      </c>
      <c r="I6040" s="1" t="s">
        <v>19310</v>
      </c>
      <c r="J6040" s="1" t="s">
        <v>10</v>
      </c>
      <c r="K6040" s="1" t="s">
        <v>27</v>
      </c>
      <c r="L6040" s="1" t="s">
        <v>21259</v>
      </c>
      <c r="M6040" s="1" t="s">
        <v>5</v>
      </c>
      <c r="N6040" s="1" t="s">
        <v>6</v>
      </c>
      <c r="O6040" s="1" t="s">
        <v>8</v>
      </c>
      <c r="P6040" s="5"/>
    </row>
    <row r="6041" spans="1:16" x14ac:dyDescent="0.2">
      <c r="A6041" s="1" t="s">
        <v>194</v>
      </c>
      <c r="B6041" s="1" t="s">
        <v>6479</v>
      </c>
      <c r="C6041" s="1" t="s">
        <v>21264</v>
      </c>
      <c r="D6041" s="1" t="s">
        <v>10</v>
      </c>
      <c r="E6041" s="1" t="s">
        <v>21265</v>
      </c>
      <c r="F6041" s="1" t="s">
        <v>27</v>
      </c>
      <c r="G6041" s="1" t="s">
        <v>10</v>
      </c>
      <c r="H6041" s="1" t="s">
        <v>6950</v>
      </c>
      <c r="I6041" s="1" t="s">
        <v>19310</v>
      </c>
      <c r="J6041" s="1" t="s">
        <v>10</v>
      </c>
      <c r="K6041" s="1" t="s">
        <v>27</v>
      </c>
      <c r="L6041" s="1" t="s">
        <v>21263</v>
      </c>
      <c r="M6041" s="1" t="s">
        <v>5</v>
      </c>
      <c r="N6041" s="1" t="s">
        <v>6</v>
      </c>
      <c r="O6041" s="1" t="s">
        <v>8</v>
      </c>
      <c r="P6041" s="5"/>
    </row>
    <row r="6042" spans="1:16" x14ac:dyDescent="0.2">
      <c r="A6042" s="1" t="s">
        <v>194</v>
      </c>
      <c r="B6042" s="1" t="s">
        <v>6479</v>
      </c>
      <c r="C6042" s="1" t="s">
        <v>21267</v>
      </c>
      <c r="D6042" s="1" t="s">
        <v>10</v>
      </c>
      <c r="E6042" s="1" t="s">
        <v>21268</v>
      </c>
      <c r="F6042" s="1" t="s">
        <v>27</v>
      </c>
      <c r="G6042" s="1" t="s">
        <v>10</v>
      </c>
      <c r="H6042" s="1" t="s">
        <v>6950</v>
      </c>
      <c r="I6042" s="1" t="s">
        <v>19310</v>
      </c>
      <c r="J6042" s="1" t="s">
        <v>10</v>
      </c>
      <c r="K6042" s="1" t="s">
        <v>27</v>
      </c>
      <c r="L6042" s="1" t="s">
        <v>21266</v>
      </c>
      <c r="M6042" s="1" t="s">
        <v>5</v>
      </c>
      <c r="N6042" s="1" t="s">
        <v>6</v>
      </c>
      <c r="O6042" s="1" t="s">
        <v>8</v>
      </c>
      <c r="P6042" s="5"/>
    </row>
    <row r="6043" spans="1:16" x14ac:dyDescent="0.2">
      <c r="A6043" s="1" t="s">
        <v>194</v>
      </c>
      <c r="B6043" s="1" t="s">
        <v>6479</v>
      </c>
      <c r="C6043" s="1" t="s">
        <v>21270</v>
      </c>
      <c r="D6043" s="1" t="s">
        <v>16021</v>
      </c>
      <c r="E6043" s="1" t="s">
        <v>21271</v>
      </c>
      <c r="F6043" s="1" t="s">
        <v>10</v>
      </c>
      <c r="G6043" s="1" t="s">
        <v>10</v>
      </c>
      <c r="H6043" s="1" t="s">
        <v>10</v>
      </c>
      <c r="I6043" s="1" t="s">
        <v>19310</v>
      </c>
      <c r="J6043" s="1" t="s">
        <v>19727</v>
      </c>
      <c r="K6043" s="1" t="s">
        <v>27</v>
      </c>
      <c r="L6043" s="1" t="s">
        <v>21269</v>
      </c>
      <c r="M6043" s="1" t="s">
        <v>5</v>
      </c>
      <c r="N6043" s="1" t="s">
        <v>25</v>
      </c>
      <c r="O6043" s="1" t="s">
        <v>38</v>
      </c>
      <c r="P6043" s="5" t="s">
        <v>32819</v>
      </c>
    </row>
    <row r="6044" spans="1:16" x14ac:dyDescent="0.2">
      <c r="A6044" s="1" t="s">
        <v>194</v>
      </c>
      <c r="B6044" s="1" t="s">
        <v>6479</v>
      </c>
      <c r="C6044" s="1" t="s">
        <v>21273</v>
      </c>
      <c r="D6044" s="1" t="s">
        <v>21273</v>
      </c>
      <c r="E6044" s="1" t="s">
        <v>21274</v>
      </c>
      <c r="F6044" s="1" t="s">
        <v>10</v>
      </c>
      <c r="G6044" s="1" t="s">
        <v>10</v>
      </c>
      <c r="H6044" s="1" t="s">
        <v>10</v>
      </c>
      <c r="I6044" s="1" t="s">
        <v>19310</v>
      </c>
      <c r="J6044" s="1" t="s">
        <v>19727</v>
      </c>
      <c r="K6044" s="1" t="s">
        <v>27</v>
      </c>
      <c r="L6044" s="1" t="s">
        <v>21272</v>
      </c>
      <c r="M6044" s="1" t="s">
        <v>5</v>
      </c>
      <c r="N6044" s="1" t="s">
        <v>25</v>
      </c>
      <c r="O6044" s="1" t="s">
        <v>38</v>
      </c>
      <c r="P6044" s="5" t="s">
        <v>32820</v>
      </c>
    </row>
    <row r="6045" spans="1:16" x14ac:dyDescent="0.2">
      <c r="A6045" s="1" t="s">
        <v>194</v>
      </c>
      <c r="B6045" s="1" t="s">
        <v>6479</v>
      </c>
      <c r="C6045" s="1" t="s">
        <v>21276</v>
      </c>
      <c r="D6045" s="1" t="s">
        <v>10</v>
      </c>
      <c r="E6045" s="1" t="s">
        <v>21277</v>
      </c>
      <c r="F6045" s="1" t="s">
        <v>27</v>
      </c>
      <c r="G6045" s="1" t="s">
        <v>10</v>
      </c>
      <c r="H6045" s="1" t="s">
        <v>21278</v>
      </c>
      <c r="I6045" s="1" t="s">
        <v>19310</v>
      </c>
      <c r="J6045" s="1" t="s">
        <v>10</v>
      </c>
      <c r="K6045" s="1" t="s">
        <v>27</v>
      </c>
      <c r="L6045" s="1" t="s">
        <v>21275</v>
      </c>
      <c r="M6045" s="1" t="s">
        <v>5</v>
      </c>
      <c r="N6045" s="1" t="s">
        <v>6</v>
      </c>
      <c r="O6045" s="1" t="s">
        <v>8</v>
      </c>
      <c r="P6045" s="5" t="s">
        <v>32821</v>
      </c>
    </row>
    <row r="6046" spans="1:16" x14ac:dyDescent="0.2">
      <c r="A6046" s="1" t="s">
        <v>194</v>
      </c>
      <c r="B6046" s="1" t="s">
        <v>6479</v>
      </c>
      <c r="C6046" s="1" t="s">
        <v>21280</v>
      </c>
      <c r="D6046" s="1" t="s">
        <v>10</v>
      </c>
      <c r="E6046" s="1" t="s">
        <v>21281</v>
      </c>
      <c r="F6046" s="1" t="s">
        <v>27</v>
      </c>
      <c r="G6046" s="1" t="s">
        <v>10</v>
      </c>
      <c r="H6046" s="1" t="s">
        <v>21282</v>
      </c>
      <c r="I6046" s="1" t="s">
        <v>19310</v>
      </c>
      <c r="J6046" s="1" t="s">
        <v>10</v>
      </c>
      <c r="K6046" s="1" t="s">
        <v>27</v>
      </c>
      <c r="L6046" s="1" t="s">
        <v>21279</v>
      </c>
      <c r="M6046" s="1" t="s">
        <v>5</v>
      </c>
      <c r="N6046" s="1" t="s">
        <v>6</v>
      </c>
      <c r="O6046" s="1" t="s">
        <v>8</v>
      </c>
      <c r="P6046" s="5" t="s">
        <v>32822</v>
      </c>
    </row>
    <row r="6047" spans="1:16" x14ac:dyDescent="0.2">
      <c r="A6047" s="1" t="s">
        <v>66</v>
      </c>
      <c r="B6047" s="1" t="s">
        <v>498</v>
      </c>
      <c r="C6047" s="1" t="s">
        <v>21284</v>
      </c>
      <c r="D6047" s="1" t="s">
        <v>2611</v>
      </c>
      <c r="E6047" s="1"/>
      <c r="F6047" s="1" t="s">
        <v>10</v>
      </c>
      <c r="G6047" s="1" t="s">
        <v>10</v>
      </c>
      <c r="H6047" s="1" t="s">
        <v>10</v>
      </c>
      <c r="I6047" s="1" t="s">
        <v>19310</v>
      </c>
      <c r="J6047" s="1" t="s">
        <v>21285</v>
      </c>
      <c r="K6047" s="1" t="s">
        <v>27</v>
      </c>
      <c r="L6047" s="1" t="s">
        <v>21283</v>
      </c>
      <c r="M6047" s="1" t="s">
        <v>5</v>
      </c>
      <c r="N6047" s="1" t="s">
        <v>6</v>
      </c>
      <c r="O6047" s="1" t="s">
        <v>38</v>
      </c>
      <c r="P6047" s="5" t="s">
        <v>30648</v>
      </c>
    </row>
    <row r="6048" spans="1:16" x14ac:dyDescent="0.2">
      <c r="A6048" s="1" t="s">
        <v>487</v>
      </c>
      <c r="B6048" s="1" t="s">
        <v>488</v>
      </c>
      <c r="C6048" s="1" t="s">
        <v>21287</v>
      </c>
      <c r="D6048" s="1" t="s">
        <v>21288</v>
      </c>
      <c r="E6048" s="1"/>
      <c r="F6048" s="1" t="s">
        <v>10</v>
      </c>
      <c r="G6048" s="1" t="s">
        <v>10</v>
      </c>
      <c r="H6048" s="1" t="s">
        <v>10</v>
      </c>
      <c r="I6048" s="1" t="s">
        <v>19310</v>
      </c>
      <c r="J6048" s="1" t="s">
        <v>21289</v>
      </c>
      <c r="K6048" s="1" t="s">
        <v>27</v>
      </c>
      <c r="L6048" s="1" t="s">
        <v>21286</v>
      </c>
      <c r="M6048" s="1" t="s">
        <v>5</v>
      </c>
      <c r="N6048" s="1" t="s">
        <v>6</v>
      </c>
      <c r="O6048" s="1" t="s">
        <v>38</v>
      </c>
      <c r="P6048" s="5" t="s">
        <v>32140</v>
      </c>
    </row>
    <row r="6049" spans="1:16" x14ac:dyDescent="0.2">
      <c r="A6049" s="1" t="s">
        <v>487</v>
      </c>
      <c r="B6049" s="1" t="s">
        <v>488</v>
      </c>
      <c r="C6049" s="1" t="s">
        <v>21291</v>
      </c>
      <c r="D6049" s="1" t="s">
        <v>21292</v>
      </c>
      <c r="E6049" s="1" t="s">
        <v>21294</v>
      </c>
      <c r="F6049" s="1" t="s">
        <v>522</v>
      </c>
      <c r="G6049" s="1" t="s">
        <v>15362</v>
      </c>
      <c r="H6049" s="1" t="s">
        <v>10</v>
      </c>
      <c r="I6049" s="1" t="s">
        <v>19310</v>
      </c>
      <c r="J6049" s="1" t="s">
        <v>21293</v>
      </c>
      <c r="K6049" s="1" t="s">
        <v>64</v>
      </c>
      <c r="L6049" s="1" t="s">
        <v>21290</v>
      </c>
      <c r="M6049" s="1" t="s">
        <v>5</v>
      </c>
      <c r="N6049" s="1" t="s">
        <v>6</v>
      </c>
      <c r="O6049" s="1" t="s">
        <v>8</v>
      </c>
      <c r="P6049" s="5" t="s">
        <v>32141</v>
      </c>
    </row>
    <row r="6050" spans="1:16" x14ac:dyDescent="0.2">
      <c r="A6050" s="1" t="s">
        <v>487</v>
      </c>
      <c r="B6050" s="1" t="s">
        <v>488</v>
      </c>
      <c r="C6050" s="1" t="s">
        <v>21296</v>
      </c>
      <c r="D6050" s="1" t="s">
        <v>21297</v>
      </c>
      <c r="E6050" s="1" t="s">
        <v>21294</v>
      </c>
      <c r="F6050" s="1" t="s">
        <v>522</v>
      </c>
      <c r="G6050" s="1" t="s">
        <v>15362</v>
      </c>
      <c r="H6050" s="1" t="s">
        <v>10</v>
      </c>
      <c r="I6050" s="1" t="s">
        <v>19310</v>
      </c>
      <c r="J6050" s="1" t="s">
        <v>21293</v>
      </c>
      <c r="K6050" s="1" t="s">
        <v>64</v>
      </c>
      <c r="L6050" s="1" t="s">
        <v>21295</v>
      </c>
      <c r="M6050" s="1" t="s">
        <v>5</v>
      </c>
      <c r="N6050" s="1" t="s">
        <v>6</v>
      </c>
      <c r="O6050" s="1" t="s">
        <v>8</v>
      </c>
      <c r="P6050" s="5" t="s">
        <v>32142</v>
      </c>
    </row>
    <row r="6051" spans="1:16" x14ac:dyDescent="0.2">
      <c r="A6051" s="1" t="s">
        <v>487</v>
      </c>
      <c r="B6051" s="1" t="s">
        <v>488</v>
      </c>
      <c r="C6051" s="1" t="s">
        <v>21299</v>
      </c>
      <c r="D6051" s="1" t="s">
        <v>21300</v>
      </c>
      <c r="E6051" s="1" t="s">
        <v>21294</v>
      </c>
      <c r="F6051" s="1" t="s">
        <v>522</v>
      </c>
      <c r="G6051" s="1" t="s">
        <v>15362</v>
      </c>
      <c r="H6051" s="1" t="s">
        <v>10</v>
      </c>
      <c r="I6051" s="1" t="s">
        <v>19310</v>
      </c>
      <c r="J6051" s="1" t="s">
        <v>21293</v>
      </c>
      <c r="K6051" s="1" t="s">
        <v>64</v>
      </c>
      <c r="L6051" s="1" t="s">
        <v>21298</v>
      </c>
      <c r="M6051" s="1" t="s">
        <v>5</v>
      </c>
      <c r="N6051" s="1" t="s">
        <v>6</v>
      </c>
      <c r="O6051" s="1" t="s">
        <v>8</v>
      </c>
      <c r="P6051" s="5" t="s">
        <v>32142</v>
      </c>
    </row>
    <row r="6052" spans="1:16" x14ac:dyDescent="0.2">
      <c r="A6052" s="1" t="s">
        <v>487</v>
      </c>
      <c r="B6052" s="1" t="s">
        <v>488</v>
      </c>
      <c r="C6052" s="1" t="s">
        <v>21302</v>
      </c>
      <c r="D6052" s="1" t="s">
        <v>21303</v>
      </c>
      <c r="E6052" s="1" t="s">
        <v>21294</v>
      </c>
      <c r="F6052" s="1" t="s">
        <v>522</v>
      </c>
      <c r="G6052" s="1" t="s">
        <v>15362</v>
      </c>
      <c r="H6052" s="1" t="s">
        <v>10</v>
      </c>
      <c r="I6052" s="1" t="s">
        <v>19310</v>
      </c>
      <c r="J6052" s="1" t="s">
        <v>21293</v>
      </c>
      <c r="K6052" s="1" t="s">
        <v>64</v>
      </c>
      <c r="L6052" s="1" t="s">
        <v>21301</v>
      </c>
      <c r="M6052" s="1" t="s">
        <v>5</v>
      </c>
      <c r="N6052" s="1" t="s">
        <v>6</v>
      </c>
      <c r="O6052" s="1" t="s">
        <v>8</v>
      </c>
      <c r="P6052" s="5" t="s">
        <v>32142</v>
      </c>
    </row>
    <row r="6053" spans="1:16" x14ac:dyDescent="0.2">
      <c r="A6053" s="1" t="s">
        <v>487</v>
      </c>
      <c r="B6053" s="1" t="s">
        <v>488</v>
      </c>
      <c r="C6053" s="1" t="s">
        <v>21305</v>
      </c>
      <c r="D6053" s="1" t="s">
        <v>21306</v>
      </c>
      <c r="E6053" s="1" t="s">
        <v>21294</v>
      </c>
      <c r="F6053" s="1" t="s">
        <v>522</v>
      </c>
      <c r="G6053" s="1" t="s">
        <v>15362</v>
      </c>
      <c r="H6053" s="1" t="s">
        <v>10</v>
      </c>
      <c r="I6053" s="1" t="s">
        <v>19310</v>
      </c>
      <c r="J6053" s="1" t="s">
        <v>21293</v>
      </c>
      <c r="K6053" s="1" t="s">
        <v>64</v>
      </c>
      <c r="L6053" s="1" t="s">
        <v>21304</v>
      </c>
      <c r="M6053" s="1" t="s">
        <v>5</v>
      </c>
      <c r="N6053" s="1" t="s">
        <v>6</v>
      </c>
      <c r="O6053" s="1" t="s">
        <v>8</v>
      </c>
      <c r="P6053" s="5" t="s">
        <v>32142</v>
      </c>
    </row>
    <row r="6054" spans="1:16" x14ac:dyDescent="0.2">
      <c r="A6054" s="1" t="s">
        <v>487</v>
      </c>
      <c r="B6054" s="1" t="s">
        <v>488</v>
      </c>
      <c r="C6054" s="1" t="s">
        <v>21308</v>
      </c>
      <c r="D6054" s="1" t="s">
        <v>21309</v>
      </c>
      <c r="E6054" s="1" t="s">
        <v>21310</v>
      </c>
      <c r="F6054" s="1" t="s">
        <v>522</v>
      </c>
      <c r="G6054" s="1" t="s">
        <v>15362</v>
      </c>
      <c r="H6054" s="1" t="s">
        <v>10</v>
      </c>
      <c r="I6054" s="1" t="s">
        <v>19310</v>
      </c>
      <c r="J6054" s="1" t="s">
        <v>21293</v>
      </c>
      <c r="K6054" s="1" t="s">
        <v>64</v>
      </c>
      <c r="L6054" s="1" t="s">
        <v>21307</v>
      </c>
      <c r="M6054" s="1" t="s">
        <v>5</v>
      </c>
      <c r="N6054" s="1" t="s">
        <v>6</v>
      </c>
      <c r="O6054" s="1" t="s">
        <v>8</v>
      </c>
      <c r="P6054" s="5" t="s">
        <v>32142</v>
      </c>
    </row>
    <row r="6055" spans="1:16" x14ac:dyDescent="0.2">
      <c r="A6055" s="1" t="s">
        <v>487</v>
      </c>
      <c r="B6055" s="1" t="s">
        <v>488</v>
      </c>
      <c r="C6055" s="1" t="s">
        <v>21312</v>
      </c>
      <c r="D6055" s="1" t="s">
        <v>21313</v>
      </c>
      <c r="E6055" s="1" t="s">
        <v>21294</v>
      </c>
      <c r="F6055" s="1" t="s">
        <v>522</v>
      </c>
      <c r="G6055" s="1" t="s">
        <v>15943</v>
      </c>
      <c r="H6055" s="1" t="s">
        <v>10</v>
      </c>
      <c r="I6055" s="1" t="s">
        <v>19310</v>
      </c>
      <c r="J6055" s="1" t="s">
        <v>21293</v>
      </c>
      <c r="K6055" s="1" t="s">
        <v>64</v>
      </c>
      <c r="L6055" s="1" t="s">
        <v>21311</v>
      </c>
      <c r="M6055" s="1" t="s">
        <v>5</v>
      </c>
      <c r="N6055" s="1" t="s">
        <v>6</v>
      </c>
      <c r="O6055" s="1" t="s">
        <v>8</v>
      </c>
      <c r="P6055" s="5" t="s">
        <v>32143</v>
      </c>
    </row>
    <row r="6056" spans="1:16" x14ac:dyDescent="0.2">
      <c r="A6056" s="1" t="s">
        <v>487</v>
      </c>
      <c r="B6056" s="1" t="s">
        <v>488</v>
      </c>
      <c r="C6056" s="1" t="s">
        <v>21315</v>
      </c>
      <c r="D6056" s="1" t="s">
        <v>21316</v>
      </c>
      <c r="E6056" s="1" t="s">
        <v>21310</v>
      </c>
      <c r="F6056" s="1" t="s">
        <v>522</v>
      </c>
      <c r="G6056" s="1" t="s">
        <v>15943</v>
      </c>
      <c r="H6056" s="1" t="s">
        <v>10</v>
      </c>
      <c r="I6056" s="1" t="s">
        <v>19310</v>
      </c>
      <c r="J6056" s="1" t="s">
        <v>21293</v>
      </c>
      <c r="K6056" s="1" t="s">
        <v>64</v>
      </c>
      <c r="L6056" s="1" t="s">
        <v>21314</v>
      </c>
      <c r="M6056" s="1" t="s">
        <v>5</v>
      </c>
      <c r="N6056" s="1" t="s">
        <v>6</v>
      </c>
      <c r="O6056" s="1" t="s">
        <v>8</v>
      </c>
      <c r="P6056" s="5" t="s">
        <v>32143</v>
      </c>
    </row>
    <row r="6057" spans="1:16" x14ac:dyDescent="0.2">
      <c r="A6057" s="1" t="s">
        <v>194</v>
      </c>
      <c r="B6057" s="1" t="s">
        <v>195</v>
      </c>
      <c r="C6057" s="1" t="s">
        <v>21318</v>
      </c>
      <c r="D6057" s="1" t="s">
        <v>21319</v>
      </c>
      <c r="E6057" s="1" t="s">
        <v>21320</v>
      </c>
      <c r="F6057" s="1" t="s">
        <v>27</v>
      </c>
      <c r="G6057" s="1" t="s">
        <v>10</v>
      </c>
      <c r="H6057" s="1" t="s">
        <v>21321</v>
      </c>
      <c r="I6057" s="1" t="s">
        <v>19310</v>
      </c>
      <c r="J6057" s="1" t="s">
        <v>10</v>
      </c>
      <c r="K6057" s="1" t="s">
        <v>64</v>
      </c>
      <c r="L6057" s="1" t="s">
        <v>21317</v>
      </c>
      <c r="M6057" s="1" t="s">
        <v>5</v>
      </c>
      <c r="N6057" s="1" t="s">
        <v>6</v>
      </c>
      <c r="O6057" s="1" t="s">
        <v>8</v>
      </c>
      <c r="P6057" s="5" t="s">
        <v>10</v>
      </c>
    </row>
    <row r="6058" spans="1:16" x14ac:dyDescent="0.2">
      <c r="A6058" s="1" t="s">
        <v>194</v>
      </c>
      <c r="B6058" s="1" t="s">
        <v>4492</v>
      </c>
      <c r="C6058" s="1" t="s">
        <v>12040</v>
      </c>
      <c r="D6058" s="1" t="s">
        <v>6790</v>
      </c>
      <c r="E6058" s="1" t="s">
        <v>21323</v>
      </c>
      <c r="F6058" s="1" t="s">
        <v>474</v>
      </c>
      <c r="G6058" s="1" t="s">
        <v>476</v>
      </c>
      <c r="H6058" s="1" t="s">
        <v>10</v>
      </c>
      <c r="I6058" s="1" t="s">
        <v>19310</v>
      </c>
      <c r="J6058" s="1" t="s">
        <v>20462</v>
      </c>
      <c r="K6058" s="1" t="s">
        <v>27</v>
      </c>
      <c r="L6058" s="1" t="s">
        <v>21322</v>
      </c>
      <c r="M6058" s="1" t="s">
        <v>5</v>
      </c>
      <c r="N6058" s="1" t="s">
        <v>6</v>
      </c>
      <c r="O6058" s="1" t="s">
        <v>8</v>
      </c>
      <c r="P6058" s="5" t="s">
        <v>10</v>
      </c>
    </row>
    <row r="6059" spans="1:16" x14ac:dyDescent="0.2">
      <c r="A6059" s="1" t="s">
        <v>487</v>
      </c>
      <c r="B6059" s="1" t="s">
        <v>784</v>
      </c>
      <c r="C6059" s="1" t="s">
        <v>12116</v>
      </c>
      <c r="D6059" s="1" t="s">
        <v>10439</v>
      </c>
      <c r="E6059" s="1" t="s">
        <v>21325</v>
      </c>
      <c r="F6059" s="1" t="s">
        <v>27</v>
      </c>
      <c r="G6059" s="1" t="s">
        <v>10</v>
      </c>
      <c r="H6059" s="1" t="s">
        <v>21326</v>
      </c>
      <c r="I6059" s="1" t="s">
        <v>19310</v>
      </c>
      <c r="J6059" s="1" t="s">
        <v>20462</v>
      </c>
      <c r="K6059" s="1" t="s">
        <v>7</v>
      </c>
      <c r="L6059" s="1" t="s">
        <v>21324</v>
      </c>
      <c r="M6059" s="1" t="s">
        <v>5</v>
      </c>
      <c r="N6059" s="1" t="s">
        <v>6</v>
      </c>
      <c r="O6059" s="1" t="s">
        <v>8</v>
      </c>
      <c r="P6059" s="5" t="s">
        <v>10</v>
      </c>
    </row>
    <row r="6060" spans="1:16" x14ac:dyDescent="0.2">
      <c r="A6060" s="1" t="s">
        <v>194</v>
      </c>
      <c r="B6060" s="1" t="s">
        <v>4492</v>
      </c>
      <c r="C6060" s="1" t="s">
        <v>12040</v>
      </c>
      <c r="D6060" s="1" t="s">
        <v>6790</v>
      </c>
      <c r="E6060" s="1" t="s">
        <v>21328</v>
      </c>
      <c r="F6060" s="1" t="s">
        <v>474</v>
      </c>
      <c r="G6060" s="1" t="s">
        <v>476</v>
      </c>
      <c r="H6060" s="1" t="s">
        <v>10</v>
      </c>
      <c r="I6060" s="1" t="s">
        <v>19310</v>
      </c>
      <c r="J6060" s="1" t="s">
        <v>19874</v>
      </c>
      <c r="K6060" s="1" t="s">
        <v>1548</v>
      </c>
      <c r="L6060" s="1" t="s">
        <v>21327</v>
      </c>
      <c r="M6060" s="1" t="s">
        <v>5</v>
      </c>
      <c r="N6060" s="1" t="s">
        <v>6</v>
      </c>
      <c r="O6060" s="1" t="s">
        <v>8</v>
      </c>
      <c r="P6060" s="5" t="s">
        <v>32823</v>
      </c>
    </row>
    <row r="6061" spans="1:16" x14ac:dyDescent="0.2">
      <c r="A6061" s="1" t="s">
        <v>194</v>
      </c>
      <c r="B6061" s="1" t="s">
        <v>4492</v>
      </c>
      <c r="C6061" s="1" t="s">
        <v>21330</v>
      </c>
      <c r="D6061" s="1" t="s">
        <v>20182</v>
      </c>
      <c r="E6061" s="1" t="s">
        <v>21331</v>
      </c>
      <c r="F6061" s="1" t="s">
        <v>27</v>
      </c>
      <c r="G6061" s="1" t="s">
        <v>10</v>
      </c>
      <c r="H6061" s="1" t="s">
        <v>21330</v>
      </c>
      <c r="I6061" s="1" t="s">
        <v>19310</v>
      </c>
      <c r="J6061" s="1" t="s">
        <v>19874</v>
      </c>
      <c r="K6061" s="1" t="s">
        <v>1548</v>
      </c>
      <c r="L6061" s="1" t="s">
        <v>21329</v>
      </c>
      <c r="M6061" s="1" t="s">
        <v>5</v>
      </c>
      <c r="N6061" s="1" t="s">
        <v>6</v>
      </c>
      <c r="O6061" s="1" t="s">
        <v>8</v>
      </c>
      <c r="P6061" s="5"/>
    </row>
    <row r="6062" spans="1:16" x14ac:dyDescent="0.2">
      <c r="A6062" s="1" t="s">
        <v>194</v>
      </c>
      <c r="B6062" s="1" t="s">
        <v>6723</v>
      </c>
      <c r="C6062" s="1" t="s">
        <v>21333</v>
      </c>
      <c r="D6062" s="1" t="s">
        <v>21334</v>
      </c>
      <c r="E6062" s="1" t="s">
        <v>21328</v>
      </c>
      <c r="F6062" s="1" t="s">
        <v>27</v>
      </c>
      <c r="G6062" s="1" t="s">
        <v>10</v>
      </c>
      <c r="H6062" s="1" t="s">
        <v>21333</v>
      </c>
      <c r="I6062" s="1" t="s">
        <v>19310</v>
      </c>
      <c r="J6062" s="1" t="s">
        <v>19874</v>
      </c>
      <c r="K6062" s="1" t="s">
        <v>1548</v>
      </c>
      <c r="L6062" s="1" t="s">
        <v>21332</v>
      </c>
      <c r="M6062" s="1" t="s">
        <v>5</v>
      </c>
      <c r="N6062" s="1" t="s">
        <v>6</v>
      </c>
      <c r="O6062" s="1" t="s">
        <v>8</v>
      </c>
      <c r="P6062" s="5"/>
    </row>
    <row r="6063" spans="1:16" x14ac:dyDescent="0.2">
      <c r="A6063" s="1" t="s">
        <v>194</v>
      </c>
      <c r="B6063" s="1" t="s">
        <v>6723</v>
      </c>
      <c r="C6063" s="1" t="s">
        <v>21336</v>
      </c>
      <c r="D6063" s="1" t="s">
        <v>21337</v>
      </c>
      <c r="E6063" s="1" t="s">
        <v>21338</v>
      </c>
      <c r="F6063" s="1" t="s">
        <v>27</v>
      </c>
      <c r="G6063" s="1" t="s">
        <v>10</v>
      </c>
      <c r="H6063" s="1" t="s">
        <v>21336</v>
      </c>
      <c r="I6063" s="1" t="s">
        <v>19310</v>
      </c>
      <c r="J6063" s="1" t="s">
        <v>19874</v>
      </c>
      <c r="K6063" s="1" t="s">
        <v>1548</v>
      </c>
      <c r="L6063" s="1" t="s">
        <v>21335</v>
      </c>
      <c r="M6063" s="1" t="s">
        <v>5</v>
      </c>
      <c r="N6063" s="1" t="s">
        <v>6</v>
      </c>
      <c r="O6063" s="1" t="s">
        <v>8</v>
      </c>
      <c r="P6063" s="5"/>
    </row>
    <row r="6064" spans="1:16" x14ac:dyDescent="0.2">
      <c r="A6064" s="1" t="s">
        <v>32</v>
      </c>
      <c r="B6064" s="1" t="s">
        <v>8065</v>
      </c>
      <c r="C6064" s="1" t="s">
        <v>21340</v>
      </c>
      <c r="D6064" s="1" t="s">
        <v>21341</v>
      </c>
      <c r="E6064" s="1" t="s">
        <v>21342</v>
      </c>
      <c r="F6064" s="1" t="s">
        <v>27</v>
      </c>
      <c r="G6064" s="1" t="s">
        <v>10</v>
      </c>
      <c r="H6064" s="1" t="s">
        <v>21340</v>
      </c>
      <c r="I6064" s="1" t="s">
        <v>19310</v>
      </c>
      <c r="J6064" s="1" t="s">
        <v>19874</v>
      </c>
      <c r="K6064" s="1" t="s">
        <v>1548</v>
      </c>
      <c r="L6064" s="1" t="s">
        <v>21339</v>
      </c>
      <c r="M6064" s="1" t="s">
        <v>5</v>
      </c>
      <c r="N6064" s="1" t="s">
        <v>6</v>
      </c>
      <c r="O6064" s="1" t="s">
        <v>8</v>
      </c>
      <c r="P6064" s="5"/>
    </row>
    <row r="6065" spans="1:16" x14ac:dyDescent="0.2">
      <c r="A6065" s="1" t="s">
        <v>194</v>
      </c>
      <c r="B6065" s="1" t="s">
        <v>7145</v>
      </c>
      <c r="C6065" s="1" t="s">
        <v>21344</v>
      </c>
      <c r="D6065" s="1" t="s">
        <v>21345</v>
      </c>
      <c r="E6065" s="1" t="s">
        <v>21346</v>
      </c>
      <c r="F6065" s="1" t="s">
        <v>27</v>
      </c>
      <c r="G6065" s="1" t="s">
        <v>10</v>
      </c>
      <c r="H6065" s="1" t="s">
        <v>21344</v>
      </c>
      <c r="I6065" s="1" t="s">
        <v>19310</v>
      </c>
      <c r="J6065" s="1" t="s">
        <v>19874</v>
      </c>
      <c r="K6065" s="1" t="s">
        <v>1548</v>
      </c>
      <c r="L6065" s="1" t="s">
        <v>21343</v>
      </c>
      <c r="M6065" s="1" t="s">
        <v>5</v>
      </c>
      <c r="N6065" s="1" t="s">
        <v>6</v>
      </c>
      <c r="O6065" s="1" t="s">
        <v>8</v>
      </c>
      <c r="P6065" s="5"/>
    </row>
    <row r="6066" spans="1:16" x14ac:dyDescent="0.2">
      <c r="A6066" s="1" t="s">
        <v>329</v>
      </c>
      <c r="B6066" s="1" t="s">
        <v>8417</v>
      </c>
      <c r="C6066" s="1" t="s">
        <v>21348</v>
      </c>
      <c r="D6066" s="1" t="s">
        <v>21349</v>
      </c>
      <c r="E6066" s="1" t="s">
        <v>21350</v>
      </c>
      <c r="F6066" s="1" t="s">
        <v>27</v>
      </c>
      <c r="G6066" s="1" t="s">
        <v>10</v>
      </c>
      <c r="H6066" s="1" t="s">
        <v>21348</v>
      </c>
      <c r="I6066" s="1" t="s">
        <v>19310</v>
      </c>
      <c r="J6066" s="1" t="s">
        <v>19874</v>
      </c>
      <c r="K6066" s="1" t="s">
        <v>1548</v>
      </c>
      <c r="L6066" s="1" t="s">
        <v>21347</v>
      </c>
      <c r="M6066" s="1" t="s">
        <v>5</v>
      </c>
      <c r="N6066" s="1" t="s">
        <v>6</v>
      </c>
      <c r="O6066" s="1" t="s">
        <v>8</v>
      </c>
      <c r="P6066" s="5"/>
    </row>
    <row r="6067" spans="1:16" x14ac:dyDescent="0.2">
      <c r="A6067" s="1" t="s">
        <v>329</v>
      </c>
      <c r="B6067" s="1" t="s">
        <v>8417</v>
      </c>
      <c r="C6067" s="1" t="s">
        <v>21352</v>
      </c>
      <c r="D6067" s="1" t="s">
        <v>21353</v>
      </c>
      <c r="E6067" s="1" t="s">
        <v>21354</v>
      </c>
      <c r="F6067" s="1" t="s">
        <v>27</v>
      </c>
      <c r="G6067" s="1" t="s">
        <v>10</v>
      </c>
      <c r="H6067" s="1" t="s">
        <v>21352</v>
      </c>
      <c r="I6067" s="1" t="s">
        <v>19310</v>
      </c>
      <c r="J6067" s="1" t="s">
        <v>19874</v>
      </c>
      <c r="K6067" s="1" t="s">
        <v>1548</v>
      </c>
      <c r="L6067" s="1" t="s">
        <v>21351</v>
      </c>
      <c r="M6067" s="1" t="s">
        <v>5</v>
      </c>
      <c r="N6067" s="1" t="s">
        <v>6</v>
      </c>
      <c r="O6067" s="1" t="s">
        <v>8</v>
      </c>
      <c r="P6067" s="5"/>
    </row>
    <row r="6068" spans="1:16" x14ac:dyDescent="0.2">
      <c r="A6068" s="1" t="s">
        <v>66</v>
      </c>
      <c r="B6068" s="1" t="s">
        <v>1117</v>
      </c>
      <c r="C6068" s="1" t="s">
        <v>21356</v>
      </c>
      <c r="D6068" s="1" t="s">
        <v>21357</v>
      </c>
      <c r="E6068" s="1" t="s">
        <v>21359</v>
      </c>
      <c r="F6068" s="1" t="s">
        <v>522</v>
      </c>
      <c r="G6068" s="1" t="s">
        <v>10</v>
      </c>
      <c r="H6068" s="1" t="s">
        <v>10</v>
      </c>
      <c r="I6068" s="1" t="s">
        <v>19310</v>
      </c>
      <c r="J6068" s="1" t="s">
        <v>19874</v>
      </c>
      <c r="K6068" s="1" t="s">
        <v>1548</v>
      </c>
      <c r="L6068" s="1" t="s">
        <v>21355</v>
      </c>
      <c r="M6068" s="1" t="s">
        <v>5</v>
      </c>
      <c r="N6068" s="1" t="s">
        <v>960</v>
      </c>
      <c r="O6068" s="1" t="s">
        <v>8</v>
      </c>
      <c r="P6068" s="5" t="s">
        <v>32824</v>
      </c>
    </row>
    <row r="6069" spans="1:16" x14ac:dyDescent="0.2">
      <c r="A6069" s="1" t="s">
        <v>66</v>
      </c>
      <c r="B6069" s="1" t="s">
        <v>498</v>
      </c>
      <c r="C6069" s="1" t="s">
        <v>21361</v>
      </c>
      <c r="D6069" s="1" t="s">
        <v>21362</v>
      </c>
      <c r="E6069" s="1" t="s">
        <v>21363</v>
      </c>
      <c r="F6069" s="1" t="s">
        <v>522</v>
      </c>
      <c r="G6069" s="1" t="s">
        <v>15960</v>
      </c>
      <c r="H6069" s="1" t="s">
        <v>10</v>
      </c>
      <c r="I6069" s="1" t="s">
        <v>19310</v>
      </c>
      <c r="J6069" s="1" t="s">
        <v>19874</v>
      </c>
      <c r="K6069" s="1" t="s">
        <v>1548</v>
      </c>
      <c r="L6069" s="1" t="s">
        <v>21360</v>
      </c>
      <c r="M6069" s="1" t="s">
        <v>5</v>
      </c>
      <c r="N6069" s="1" t="s">
        <v>6</v>
      </c>
      <c r="O6069" s="1" t="s">
        <v>8</v>
      </c>
      <c r="P6069" s="5" t="s">
        <v>114</v>
      </c>
    </row>
    <row r="6070" spans="1:16" x14ac:dyDescent="0.2">
      <c r="A6070" s="1" t="s">
        <v>42</v>
      </c>
      <c r="B6070" s="1" t="s">
        <v>588</v>
      </c>
      <c r="C6070" s="1" t="s">
        <v>8694</v>
      </c>
      <c r="D6070" s="1" t="s">
        <v>21365</v>
      </c>
      <c r="E6070" s="1" t="s">
        <v>21366</v>
      </c>
      <c r="F6070" s="1" t="s">
        <v>522</v>
      </c>
      <c r="G6070" s="1" t="s">
        <v>21367</v>
      </c>
      <c r="H6070" s="1" t="s">
        <v>10</v>
      </c>
      <c r="I6070" s="1" t="s">
        <v>19310</v>
      </c>
      <c r="J6070" s="1" t="s">
        <v>19874</v>
      </c>
      <c r="K6070" s="1" t="s">
        <v>1548</v>
      </c>
      <c r="L6070" s="1" t="s">
        <v>21364</v>
      </c>
      <c r="M6070" s="1" t="s">
        <v>5</v>
      </c>
      <c r="N6070" s="1" t="s">
        <v>6</v>
      </c>
      <c r="O6070" s="1" t="s">
        <v>8</v>
      </c>
      <c r="P6070" s="5"/>
    </row>
    <row r="6071" spans="1:16" x14ac:dyDescent="0.2">
      <c r="A6071" s="1" t="s">
        <v>329</v>
      </c>
      <c r="B6071" s="1" t="s">
        <v>340</v>
      </c>
      <c r="C6071" s="1" t="s">
        <v>781</v>
      </c>
      <c r="D6071" s="1" t="s">
        <v>21369</v>
      </c>
      <c r="E6071" s="1" t="s">
        <v>21370</v>
      </c>
      <c r="F6071" s="1" t="s">
        <v>522</v>
      </c>
      <c r="G6071" s="1" t="s">
        <v>524</v>
      </c>
      <c r="H6071" s="1" t="s">
        <v>10</v>
      </c>
      <c r="I6071" s="1" t="s">
        <v>19310</v>
      </c>
      <c r="J6071" s="1" t="s">
        <v>19874</v>
      </c>
      <c r="K6071" s="1" t="s">
        <v>1548</v>
      </c>
      <c r="L6071" s="1" t="s">
        <v>21368</v>
      </c>
      <c r="M6071" s="1" t="s">
        <v>5</v>
      </c>
      <c r="N6071" s="1" t="s">
        <v>6</v>
      </c>
      <c r="O6071" s="1" t="s">
        <v>8</v>
      </c>
      <c r="P6071" s="5"/>
    </row>
    <row r="6072" spans="1:16" x14ac:dyDescent="0.2">
      <c r="A6072" s="1" t="s">
        <v>20</v>
      </c>
      <c r="B6072" s="1" t="s">
        <v>21</v>
      </c>
      <c r="C6072" s="1" t="s">
        <v>21372</v>
      </c>
      <c r="D6072" s="1" t="s">
        <v>21373</v>
      </c>
      <c r="E6072" s="1" t="s">
        <v>21374</v>
      </c>
      <c r="F6072" s="1" t="s">
        <v>27</v>
      </c>
      <c r="G6072" s="1" t="s">
        <v>10</v>
      </c>
      <c r="H6072" s="1" t="s">
        <v>21372</v>
      </c>
      <c r="I6072" s="1" t="s">
        <v>19310</v>
      </c>
      <c r="J6072" s="1" t="s">
        <v>19874</v>
      </c>
      <c r="K6072" s="1" t="s">
        <v>1548</v>
      </c>
      <c r="L6072" s="1" t="s">
        <v>21371</v>
      </c>
      <c r="M6072" s="1" t="s">
        <v>5</v>
      </c>
      <c r="N6072" s="1" t="s">
        <v>6</v>
      </c>
      <c r="O6072" s="1" t="s">
        <v>8</v>
      </c>
      <c r="P6072" s="5"/>
    </row>
    <row r="6073" spans="1:16" x14ac:dyDescent="0.2">
      <c r="A6073" s="1" t="s">
        <v>194</v>
      </c>
      <c r="B6073" s="1" t="s">
        <v>6481</v>
      </c>
      <c r="C6073" s="1" t="s">
        <v>21376</v>
      </c>
      <c r="D6073" s="1" t="s">
        <v>21377</v>
      </c>
      <c r="E6073" s="1" t="s">
        <v>21378</v>
      </c>
      <c r="F6073" s="1" t="s">
        <v>27</v>
      </c>
      <c r="G6073" s="1" t="s">
        <v>10</v>
      </c>
      <c r="H6073" s="1" t="s">
        <v>21376</v>
      </c>
      <c r="I6073" s="1" t="s">
        <v>19310</v>
      </c>
      <c r="J6073" s="1" t="s">
        <v>19874</v>
      </c>
      <c r="K6073" s="1" t="s">
        <v>1548</v>
      </c>
      <c r="L6073" s="1" t="s">
        <v>21375</v>
      </c>
      <c r="M6073" s="1" t="s">
        <v>5</v>
      </c>
      <c r="N6073" s="1" t="s">
        <v>6</v>
      </c>
      <c r="O6073" s="1" t="s">
        <v>8</v>
      </c>
      <c r="P6073" s="5"/>
    </row>
    <row r="6074" spans="1:16" x14ac:dyDescent="0.2">
      <c r="A6074" s="1" t="s">
        <v>194</v>
      </c>
      <c r="B6074" s="1" t="s">
        <v>6481</v>
      </c>
      <c r="C6074" s="1" t="s">
        <v>21380</v>
      </c>
      <c r="D6074" s="1" t="s">
        <v>12748</v>
      </c>
      <c r="E6074" s="1" t="s">
        <v>21381</v>
      </c>
      <c r="F6074" s="1" t="s">
        <v>27</v>
      </c>
      <c r="G6074" s="1" t="s">
        <v>10</v>
      </c>
      <c r="H6074" s="1" t="s">
        <v>21380</v>
      </c>
      <c r="I6074" s="1" t="s">
        <v>19310</v>
      </c>
      <c r="J6074" s="1" t="s">
        <v>19874</v>
      </c>
      <c r="K6074" s="1" t="s">
        <v>1548</v>
      </c>
      <c r="L6074" s="1" t="s">
        <v>21379</v>
      </c>
      <c r="M6074" s="1" t="s">
        <v>5</v>
      </c>
      <c r="N6074" s="1" t="s">
        <v>6</v>
      </c>
      <c r="O6074" s="1" t="s">
        <v>8</v>
      </c>
      <c r="P6074" s="5" t="s">
        <v>29846</v>
      </c>
    </row>
    <row r="6075" spans="1:16" x14ac:dyDescent="0.2">
      <c r="A6075" s="1" t="s">
        <v>194</v>
      </c>
      <c r="B6075" s="1" t="s">
        <v>195</v>
      </c>
      <c r="C6075" s="1" t="s">
        <v>21383</v>
      </c>
      <c r="D6075" s="1" t="s">
        <v>21384</v>
      </c>
      <c r="E6075" s="1" t="s">
        <v>21385</v>
      </c>
      <c r="F6075" s="1" t="s">
        <v>27</v>
      </c>
      <c r="G6075" s="1" t="s">
        <v>10</v>
      </c>
      <c r="H6075" s="1" t="s">
        <v>21383</v>
      </c>
      <c r="I6075" s="1" t="s">
        <v>19310</v>
      </c>
      <c r="J6075" s="1" t="s">
        <v>19874</v>
      </c>
      <c r="K6075" s="1" t="s">
        <v>1548</v>
      </c>
      <c r="L6075" s="1" t="s">
        <v>21382</v>
      </c>
      <c r="M6075" s="1" t="s">
        <v>5</v>
      </c>
      <c r="N6075" s="1" t="s">
        <v>6</v>
      </c>
      <c r="O6075" s="1" t="s">
        <v>8</v>
      </c>
      <c r="P6075" s="5"/>
    </row>
    <row r="6076" spans="1:16" x14ac:dyDescent="0.2">
      <c r="A6076" s="1" t="s">
        <v>66</v>
      </c>
      <c r="B6076" s="1" t="s">
        <v>1117</v>
      </c>
      <c r="C6076" s="1" t="s">
        <v>21387</v>
      </c>
      <c r="D6076" s="1" t="s">
        <v>21388</v>
      </c>
      <c r="E6076" s="1" t="s">
        <v>21378</v>
      </c>
      <c r="F6076" s="1" t="s">
        <v>10</v>
      </c>
      <c r="G6076" s="1" t="s">
        <v>1042</v>
      </c>
      <c r="H6076" s="1" t="s">
        <v>21387</v>
      </c>
      <c r="I6076" s="1" t="s">
        <v>19310</v>
      </c>
      <c r="J6076" s="1" t="s">
        <v>19874</v>
      </c>
      <c r="K6076" s="1" t="s">
        <v>1548</v>
      </c>
      <c r="L6076" s="1" t="s">
        <v>21386</v>
      </c>
      <c r="M6076" s="1" t="s">
        <v>5</v>
      </c>
      <c r="N6076" s="1" t="s">
        <v>6</v>
      </c>
      <c r="O6076" s="1" t="s">
        <v>8</v>
      </c>
      <c r="P6076" s="5"/>
    </row>
    <row r="6077" spans="1:16" x14ac:dyDescent="0.2">
      <c r="A6077" s="1" t="s">
        <v>194</v>
      </c>
      <c r="B6077" s="1" t="s">
        <v>6481</v>
      </c>
      <c r="C6077" s="1" t="s">
        <v>21390</v>
      </c>
      <c r="D6077" s="1" t="s">
        <v>553</v>
      </c>
      <c r="E6077" s="1" t="s">
        <v>21391</v>
      </c>
      <c r="F6077" s="1" t="s">
        <v>27</v>
      </c>
      <c r="G6077" s="1" t="s">
        <v>10</v>
      </c>
      <c r="H6077" s="1" t="s">
        <v>21390</v>
      </c>
      <c r="I6077" s="1" t="s">
        <v>19310</v>
      </c>
      <c r="J6077" s="1" t="s">
        <v>19874</v>
      </c>
      <c r="K6077" s="1" t="s">
        <v>1548</v>
      </c>
      <c r="L6077" s="1" t="s">
        <v>21389</v>
      </c>
      <c r="M6077" s="1" t="s">
        <v>5</v>
      </c>
      <c r="N6077" s="1" t="s">
        <v>6</v>
      </c>
      <c r="O6077" s="1" t="s">
        <v>8</v>
      </c>
      <c r="P6077" s="5" t="s">
        <v>31513</v>
      </c>
    </row>
    <row r="6078" spans="1:16" x14ac:dyDescent="0.2">
      <c r="A6078" s="1" t="s">
        <v>487</v>
      </c>
      <c r="B6078" s="1" t="s">
        <v>488</v>
      </c>
      <c r="C6078" s="1" t="s">
        <v>11011</v>
      </c>
      <c r="D6078" s="1" t="s">
        <v>21393</v>
      </c>
      <c r="E6078" s="1" t="s">
        <v>21394</v>
      </c>
      <c r="F6078" s="1" t="s">
        <v>27</v>
      </c>
      <c r="G6078" s="1" t="s">
        <v>10</v>
      </c>
      <c r="H6078" s="1" t="s">
        <v>21395</v>
      </c>
      <c r="I6078" s="1" t="s">
        <v>19310</v>
      </c>
      <c r="J6078" s="1" t="s">
        <v>19874</v>
      </c>
      <c r="K6078" s="1" t="s">
        <v>1548</v>
      </c>
      <c r="L6078" s="1" t="s">
        <v>21392</v>
      </c>
      <c r="M6078" s="1" t="s">
        <v>5</v>
      </c>
      <c r="N6078" s="1" t="s">
        <v>6</v>
      </c>
      <c r="O6078" s="1" t="s">
        <v>8</v>
      </c>
      <c r="P6078" s="5"/>
    </row>
    <row r="6079" spans="1:16" x14ac:dyDescent="0.2">
      <c r="A6079" s="1" t="s">
        <v>487</v>
      </c>
      <c r="B6079" s="1" t="s">
        <v>488</v>
      </c>
      <c r="C6079" s="1" t="s">
        <v>540</v>
      </c>
      <c r="D6079" s="1" t="s">
        <v>540</v>
      </c>
      <c r="E6079" s="1" t="s">
        <v>21397</v>
      </c>
      <c r="F6079" s="1" t="s">
        <v>27</v>
      </c>
      <c r="G6079" s="1" t="s">
        <v>10</v>
      </c>
      <c r="H6079" s="1" t="s">
        <v>540</v>
      </c>
      <c r="I6079" s="1" t="s">
        <v>19310</v>
      </c>
      <c r="J6079" s="1" t="s">
        <v>19874</v>
      </c>
      <c r="K6079" s="1" t="s">
        <v>1548</v>
      </c>
      <c r="L6079" s="1" t="s">
        <v>21396</v>
      </c>
      <c r="M6079" s="1" t="s">
        <v>5</v>
      </c>
      <c r="N6079" s="1" t="s">
        <v>6</v>
      </c>
      <c r="O6079" s="1" t="s">
        <v>8</v>
      </c>
      <c r="P6079" s="5"/>
    </row>
    <row r="6080" spans="1:16" x14ac:dyDescent="0.2">
      <c r="A6080" s="1" t="s">
        <v>487</v>
      </c>
      <c r="B6080" s="1" t="s">
        <v>488</v>
      </c>
      <c r="C6080" s="1" t="s">
        <v>21399</v>
      </c>
      <c r="D6080" s="1" t="s">
        <v>21399</v>
      </c>
      <c r="E6080" s="1" t="s">
        <v>21400</v>
      </c>
      <c r="F6080" s="1" t="s">
        <v>27</v>
      </c>
      <c r="G6080" s="1" t="s">
        <v>10</v>
      </c>
      <c r="H6080" s="1" t="s">
        <v>21399</v>
      </c>
      <c r="I6080" s="1" t="s">
        <v>19310</v>
      </c>
      <c r="J6080" s="1" t="s">
        <v>19874</v>
      </c>
      <c r="K6080" s="1" t="s">
        <v>1548</v>
      </c>
      <c r="L6080" s="1" t="s">
        <v>21398</v>
      </c>
      <c r="M6080" s="1" t="s">
        <v>5</v>
      </c>
      <c r="N6080" s="1" t="s">
        <v>6</v>
      </c>
      <c r="O6080" s="1" t="s">
        <v>8</v>
      </c>
      <c r="P6080" s="5" t="s">
        <v>31513</v>
      </c>
    </row>
    <row r="6081" spans="1:16" x14ac:dyDescent="0.2">
      <c r="A6081" s="1" t="s">
        <v>66</v>
      </c>
      <c r="B6081" s="1" t="s">
        <v>10</v>
      </c>
      <c r="C6081" s="1" t="s">
        <v>21402</v>
      </c>
      <c r="D6081" s="1" t="s">
        <v>21403</v>
      </c>
      <c r="E6081" s="1" t="s">
        <v>21404</v>
      </c>
      <c r="F6081" s="1" t="s">
        <v>10</v>
      </c>
      <c r="G6081" s="1" t="s">
        <v>10</v>
      </c>
      <c r="H6081" s="1" t="s">
        <v>10</v>
      </c>
      <c r="I6081" s="1" t="s">
        <v>19310</v>
      </c>
      <c r="J6081" s="1" t="s">
        <v>10</v>
      </c>
      <c r="K6081" s="1" t="s">
        <v>7</v>
      </c>
      <c r="L6081" s="1" t="s">
        <v>21401</v>
      </c>
      <c r="M6081" s="1" t="s">
        <v>5</v>
      </c>
      <c r="N6081" s="1" t="s">
        <v>25</v>
      </c>
      <c r="O6081" s="1" t="s">
        <v>38</v>
      </c>
      <c r="P6081" s="5" t="s">
        <v>32825</v>
      </c>
    </row>
    <row r="6082" spans="1:16" x14ac:dyDescent="0.2">
      <c r="A6082" s="1" t="s">
        <v>66</v>
      </c>
      <c r="B6082" s="1" t="s">
        <v>10</v>
      </c>
      <c r="C6082" s="1" t="s">
        <v>21406</v>
      </c>
      <c r="D6082" s="1" t="s">
        <v>21407</v>
      </c>
      <c r="E6082" s="1" t="s">
        <v>21408</v>
      </c>
      <c r="F6082" s="1" t="s">
        <v>10</v>
      </c>
      <c r="G6082" s="1" t="s">
        <v>10</v>
      </c>
      <c r="H6082" s="1" t="s">
        <v>10</v>
      </c>
      <c r="I6082" s="1" t="s">
        <v>19310</v>
      </c>
      <c r="J6082" s="1" t="s">
        <v>10</v>
      </c>
      <c r="K6082" s="1" t="s">
        <v>7</v>
      </c>
      <c r="L6082" s="1" t="s">
        <v>21405</v>
      </c>
      <c r="M6082" s="1" t="s">
        <v>5</v>
      </c>
      <c r="N6082" s="1" t="s">
        <v>6</v>
      </c>
      <c r="O6082" s="1" t="s">
        <v>38</v>
      </c>
      <c r="P6082" s="5" t="s">
        <v>32826</v>
      </c>
    </row>
    <row r="6083" spans="1:16" x14ac:dyDescent="0.2">
      <c r="A6083" s="1" t="s">
        <v>66</v>
      </c>
      <c r="B6083" s="1" t="s">
        <v>1117</v>
      </c>
      <c r="C6083" s="1" t="s">
        <v>21410</v>
      </c>
      <c r="D6083" s="1" t="s">
        <v>21411</v>
      </c>
      <c r="E6083" s="1" t="s">
        <v>21412</v>
      </c>
      <c r="F6083" s="1" t="s">
        <v>10</v>
      </c>
      <c r="G6083" s="1" t="s">
        <v>10</v>
      </c>
      <c r="H6083" s="1" t="s">
        <v>10</v>
      </c>
      <c r="I6083" s="1" t="s">
        <v>19310</v>
      </c>
      <c r="J6083" s="1" t="s">
        <v>20536</v>
      </c>
      <c r="K6083" s="1" t="s">
        <v>27</v>
      </c>
      <c r="L6083" s="1" t="s">
        <v>21409</v>
      </c>
      <c r="M6083" s="1" t="s">
        <v>5</v>
      </c>
      <c r="N6083" s="1" t="s">
        <v>25</v>
      </c>
      <c r="O6083" s="1" t="s">
        <v>38</v>
      </c>
      <c r="P6083" s="5" t="s">
        <v>32085</v>
      </c>
    </row>
    <row r="6084" spans="1:16" x14ac:dyDescent="0.2">
      <c r="A6084" s="1" t="s">
        <v>194</v>
      </c>
      <c r="B6084" s="1" t="s">
        <v>4492</v>
      </c>
      <c r="C6084" s="1" t="s">
        <v>12040</v>
      </c>
      <c r="D6084" s="1" t="s">
        <v>6790</v>
      </c>
      <c r="E6084" s="1" t="s">
        <v>21323</v>
      </c>
      <c r="F6084" s="1" t="s">
        <v>474</v>
      </c>
      <c r="G6084" s="1" t="s">
        <v>476</v>
      </c>
      <c r="H6084" s="1" t="s">
        <v>10</v>
      </c>
      <c r="I6084" s="1" t="s">
        <v>19310</v>
      </c>
      <c r="J6084" s="1" t="s">
        <v>19851</v>
      </c>
      <c r="K6084" s="1" t="s">
        <v>27</v>
      </c>
      <c r="L6084" s="1" t="s">
        <v>21413</v>
      </c>
      <c r="M6084" s="1" t="s">
        <v>5</v>
      </c>
      <c r="N6084" s="1" t="s">
        <v>6</v>
      </c>
      <c r="O6084" s="1" t="s">
        <v>8</v>
      </c>
      <c r="P6084" s="5" t="s">
        <v>10</v>
      </c>
    </row>
    <row r="6085" spans="1:16" x14ac:dyDescent="0.2">
      <c r="A6085" s="1" t="s">
        <v>66</v>
      </c>
      <c r="B6085" s="1" t="s">
        <v>1127</v>
      </c>
      <c r="C6085" s="1" t="s">
        <v>21415</v>
      </c>
      <c r="D6085" s="1" t="s">
        <v>12748</v>
      </c>
      <c r="E6085" s="1" t="s">
        <v>21416</v>
      </c>
      <c r="F6085" s="1" t="s">
        <v>27</v>
      </c>
      <c r="G6085" s="1" t="s">
        <v>10</v>
      </c>
      <c r="H6085" s="1" t="s">
        <v>21417</v>
      </c>
      <c r="I6085" s="1" t="s">
        <v>19310</v>
      </c>
      <c r="J6085" s="1" t="s">
        <v>19851</v>
      </c>
      <c r="K6085" s="1" t="s">
        <v>27</v>
      </c>
      <c r="L6085" s="1" t="s">
        <v>21414</v>
      </c>
      <c r="M6085" s="1" t="s">
        <v>5</v>
      </c>
      <c r="N6085" s="1" t="s">
        <v>6</v>
      </c>
      <c r="O6085" s="1" t="s">
        <v>8</v>
      </c>
      <c r="P6085" s="5" t="s">
        <v>10</v>
      </c>
    </row>
    <row r="6086" spans="1:16" x14ac:dyDescent="0.2">
      <c r="A6086" s="1" t="s">
        <v>487</v>
      </c>
      <c r="B6086" s="1" t="s">
        <v>784</v>
      </c>
      <c r="C6086" s="1" t="s">
        <v>12116</v>
      </c>
      <c r="D6086" s="1" t="s">
        <v>10439</v>
      </c>
      <c r="E6086" s="1" t="s">
        <v>21325</v>
      </c>
      <c r="F6086" s="1" t="s">
        <v>27</v>
      </c>
      <c r="G6086" s="1" t="s">
        <v>10</v>
      </c>
      <c r="H6086" s="1" t="s">
        <v>21326</v>
      </c>
      <c r="I6086" s="1" t="s">
        <v>19310</v>
      </c>
      <c r="J6086" s="1" t="s">
        <v>19851</v>
      </c>
      <c r="K6086" s="1" t="s">
        <v>7</v>
      </c>
      <c r="L6086" s="1" t="s">
        <v>21418</v>
      </c>
      <c r="M6086" s="1" t="s">
        <v>5</v>
      </c>
      <c r="N6086" s="1" t="s">
        <v>6</v>
      </c>
      <c r="O6086" s="1" t="s">
        <v>8</v>
      </c>
      <c r="P6086" s="5" t="s">
        <v>10</v>
      </c>
    </row>
    <row r="6087" spans="1:16" x14ac:dyDescent="0.2">
      <c r="A6087" s="1" t="s">
        <v>194</v>
      </c>
      <c r="B6087" s="1" t="s">
        <v>6481</v>
      </c>
      <c r="C6087" s="1" t="s">
        <v>21420</v>
      </c>
      <c r="D6087" s="1" t="s">
        <v>682</v>
      </c>
      <c r="E6087" s="1" t="s">
        <v>21421</v>
      </c>
      <c r="F6087" s="1" t="s">
        <v>27</v>
      </c>
      <c r="G6087" s="1" t="s">
        <v>10</v>
      </c>
      <c r="H6087" s="1" t="s">
        <v>21422</v>
      </c>
      <c r="I6087" s="1" t="s">
        <v>19310</v>
      </c>
      <c r="J6087" s="1" t="s">
        <v>19851</v>
      </c>
      <c r="K6087" s="1" t="s">
        <v>27</v>
      </c>
      <c r="L6087" s="1" t="s">
        <v>21419</v>
      </c>
      <c r="M6087" s="1" t="s">
        <v>5</v>
      </c>
      <c r="N6087" s="1" t="s">
        <v>6</v>
      </c>
      <c r="O6087" s="1" t="s">
        <v>8</v>
      </c>
      <c r="P6087" s="5" t="s">
        <v>10</v>
      </c>
    </row>
    <row r="6088" spans="1:16" x14ac:dyDescent="0.2">
      <c r="A6088" s="1" t="s">
        <v>194</v>
      </c>
      <c r="B6088" s="1" t="s">
        <v>4492</v>
      </c>
      <c r="C6088" s="1" t="s">
        <v>21424</v>
      </c>
      <c r="D6088" s="1" t="s">
        <v>21425</v>
      </c>
      <c r="E6088" s="1" t="s">
        <v>21426</v>
      </c>
      <c r="F6088" s="1" t="s">
        <v>27</v>
      </c>
      <c r="G6088" s="1" t="s">
        <v>10</v>
      </c>
      <c r="H6088" s="1" t="s">
        <v>21427</v>
      </c>
      <c r="I6088" s="1" t="s">
        <v>19310</v>
      </c>
      <c r="J6088" s="1" t="s">
        <v>19851</v>
      </c>
      <c r="K6088" s="1" t="s">
        <v>27</v>
      </c>
      <c r="L6088" s="1" t="s">
        <v>21423</v>
      </c>
      <c r="M6088" s="1" t="s">
        <v>5</v>
      </c>
      <c r="N6088" s="1" t="s">
        <v>6</v>
      </c>
      <c r="O6088" s="1" t="s">
        <v>8</v>
      </c>
      <c r="P6088" s="5" t="s">
        <v>10</v>
      </c>
    </row>
    <row r="6089" spans="1:16" x14ac:dyDescent="0.2">
      <c r="A6089" s="1" t="s">
        <v>66</v>
      </c>
      <c r="B6089" s="1" t="s">
        <v>1117</v>
      </c>
      <c r="C6089" s="1" t="s">
        <v>2059</v>
      </c>
      <c r="D6089" s="1" t="s">
        <v>21429</v>
      </c>
      <c r="E6089" s="1" t="s">
        <v>21430</v>
      </c>
      <c r="F6089" s="1" t="s">
        <v>27</v>
      </c>
      <c r="G6089" s="1" t="s">
        <v>10</v>
      </c>
      <c r="H6089" s="1" t="s">
        <v>21431</v>
      </c>
      <c r="I6089" s="1" t="s">
        <v>19310</v>
      </c>
      <c r="J6089" s="1" t="s">
        <v>19851</v>
      </c>
      <c r="K6089" s="1" t="s">
        <v>27</v>
      </c>
      <c r="L6089" s="1" t="s">
        <v>21428</v>
      </c>
      <c r="M6089" s="1" t="s">
        <v>5</v>
      </c>
      <c r="N6089" s="1" t="s">
        <v>6</v>
      </c>
      <c r="O6089" s="1" t="s">
        <v>8</v>
      </c>
      <c r="P6089" s="5" t="s">
        <v>10</v>
      </c>
    </row>
    <row r="6090" spans="1:16" x14ac:dyDescent="0.2">
      <c r="A6090" s="1" t="s">
        <v>66</v>
      </c>
      <c r="B6090" s="1" t="s">
        <v>1117</v>
      </c>
      <c r="C6090" s="1" t="s">
        <v>21433</v>
      </c>
      <c r="D6090" s="1" t="s">
        <v>21433</v>
      </c>
      <c r="E6090" s="1" t="s">
        <v>21434</v>
      </c>
      <c r="F6090" s="1" t="s">
        <v>27</v>
      </c>
      <c r="G6090" s="1" t="s">
        <v>10</v>
      </c>
      <c r="H6090" s="1" t="s">
        <v>21435</v>
      </c>
      <c r="I6090" s="1" t="s">
        <v>19310</v>
      </c>
      <c r="J6090" s="1" t="s">
        <v>19851</v>
      </c>
      <c r="K6090" s="1" t="s">
        <v>27</v>
      </c>
      <c r="L6090" s="1" t="s">
        <v>21432</v>
      </c>
      <c r="M6090" s="1" t="s">
        <v>5</v>
      </c>
      <c r="N6090" s="1" t="s">
        <v>6</v>
      </c>
      <c r="O6090" s="1" t="s">
        <v>8</v>
      </c>
      <c r="P6090" s="5" t="s">
        <v>10</v>
      </c>
    </row>
    <row r="6091" spans="1:16" x14ac:dyDescent="0.2">
      <c r="A6091" s="1" t="s">
        <v>194</v>
      </c>
      <c r="B6091" s="1" t="s">
        <v>6481</v>
      </c>
      <c r="C6091" s="1" t="s">
        <v>18817</v>
      </c>
      <c r="D6091" s="1" t="s">
        <v>18817</v>
      </c>
      <c r="E6091" s="1" t="s">
        <v>21437</v>
      </c>
      <c r="F6091" s="1" t="s">
        <v>27</v>
      </c>
      <c r="G6091" s="1" t="s">
        <v>10</v>
      </c>
      <c r="H6091" s="1" t="s">
        <v>21438</v>
      </c>
      <c r="I6091" s="1" t="s">
        <v>19310</v>
      </c>
      <c r="J6091" s="1" t="s">
        <v>19851</v>
      </c>
      <c r="K6091" s="1" t="s">
        <v>27</v>
      </c>
      <c r="L6091" s="1" t="s">
        <v>21436</v>
      </c>
      <c r="M6091" s="1" t="s">
        <v>5</v>
      </c>
      <c r="N6091" s="1" t="s">
        <v>6</v>
      </c>
      <c r="O6091" s="1" t="s">
        <v>8</v>
      </c>
      <c r="P6091" s="5"/>
    </row>
    <row r="6092" spans="1:16" x14ac:dyDescent="0.2">
      <c r="A6092" s="1" t="s">
        <v>10</v>
      </c>
      <c r="B6092" s="1" t="s">
        <v>10</v>
      </c>
      <c r="C6092" s="1" t="s">
        <v>21440</v>
      </c>
      <c r="D6092" s="1" t="s">
        <v>21441</v>
      </c>
      <c r="E6092" s="1" t="s">
        <v>21442</v>
      </c>
      <c r="F6092" s="1" t="s">
        <v>27</v>
      </c>
      <c r="G6092" s="1" t="s">
        <v>10</v>
      </c>
      <c r="H6092" s="1" t="s">
        <v>21443</v>
      </c>
      <c r="I6092" s="1" t="s">
        <v>19310</v>
      </c>
      <c r="J6092" s="1" t="s">
        <v>19851</v>
      </c>
      <c r="K6092" s="1" t="s">
        <v>7</v>
      </c>
      <c r="L6092" s="1" t="s">
        <v>21439</v>
      </c>
      <c r="M6092" s="1" t="s">
        <v>5</v>
      </c>
      <c r="N6092" s="1" t="s">
        <v>6</v>
      </c>
      <c r="O6092" s="1" t="s">
        <v>8</v>
      </c>
      <c r="P6092" s="5" t="s">
        <v>10</v>
      </c>
    </row>
    <row r="6093" spans="1:16" x14ac:dyDescent="0.2">
      <c r="A6093" s="1" t="s">
        <v>42</v>
      </c>
      <c r="B6093" s="1" t="s">
        <v>50</v>
      </c>
      <c r="C6093" s="1" t="s">
        <v>21445</v>
      </c>
      <c r="D6093" s="1" t="s">
        <v>21446</v>
      </c>
      <c r="E6093" s="1" t="s">
        <v>21448</v>
      </c>
      <c r="F6093" s="1" t="s">
        <v>10</v>
      </c>
      <c r="G6093" s="1" t="s">
        <v>10</v>
      </c>
      <c r="H6093" s="1" t="s">
        <v>10</v>
      </c>
      <c r="I6093" s="1" t="s">
        <v>19310</v>
      </c>
      <c r="J6093" s="1" t="s">
        <v>21447</v>
      </c>
      <c r="K6093" s="1" t="s">
        <v>13314</v>
      </c>
      <c r="L6093" s="1" t="s">
        <v>21444</v>
      </c>
      <c r="M6093" s="1" t="s">
        <v>5</v>
      </c>
      <c r="N6093" s="1" t="s">
        <v>25</v>
      </c>
      <c r="O6093" s="1" t="s">
        <v>38</v>
      </c>
      <c r="P6093" s="5" t="s">
        <v>30649</v>
      </c>
    </row>
    <row r="6094" spans="1:16" x14ac:dyDescent="0.2">
      <c r="A6094" s="1" t="s">
        <v>20</v>
      </c>
      <c r="B6094" s="1" t="s">
        <v>445</v>
      </c>
      <c r="C6094" s="1" t="s">
        <v>21450</v>
      </c>
      <c r="D6094" s="1" t="s">
        <v>10</v>
      </c>
      <c r="E6094" s="1" t="s">
        <v>21451</v>
      </c>
      <c r="F6094" s="1" t="s">
        <v>27</v>
      </c>
      <c r="G6094" s="1" t="s">
        <v>10</v>
      </c>
      <c r="H6094" s="1" t="s">
        <v>21452</v>
      </c>
      <c r="I6094" s="1" t="s">
        <v>19310</v>
      </c>
      <c r="J6094" s="1" t="s">
        <v>19727</v>
      </c>
      <c r="K6094" s="1" t="s">
        <v>64</v>
      </c>
      <c r="L6094" s="1" t="s">
        <v>21449</v>
      </c>
      <c r="M6094" s="1" t="s">
        <v>5</v>
      </c>
      <c r="N6094" s="1" t="s">
        <v>25</v>
      </c>
      <c r="O6094" s="1" t="s">
        <v>8</v>
      </c>
      <c r="P6094" s="5" t="s">
        <v>32144</v>
      </c>
    </row>
    <row r="6095" spans="1:16" x14ac:dyDescent="0.2">
      <c r="A6095" s="1" t="s">
        <v>329</v>
      </c>
      <c r="B6095" s="1" t="s">
        <v>753</v>
      </c>
      <c r="C6095" s="1" t="s">
        <v>1699</v>
      </c>
      <c r="D6095" s="1" t="s">
        <v>1699</v>
      </c>
      <c r="E6095" s="1" t="s">
        <v>21454</v>
      </c>
      <c r="F6095" s="1" t="s">
        <v>27</v>
      </c>
      <c r="G6095" s="1" t="s">
        <v>10</v>
      </c>
      <c r="H6095" s="1" t="s">
        <v>21455</v>
      </c>
      <c r="I6095" s="1" t="s">
        <v>19310</v>
      </c>
      <c r="J6095" s="1" t="s">
        <v>19727</v>
      </c>
      <c r="K6095" s="1" t="s">
        <v>64</v>
      </c>
      <c r="L6095" s="1" t="s">
        <v>21453</v>
      </c>
      <c r="M6095" s="1" t="s">
        <v>5</v>
      </c>
      <c r="N6095" s="1" t="s">
        <v>25</v>
      </c>
      <c r="O6095" s="1" t="s">
        <v>8</v>
      </c>
      <c r="P6095" s="5" t="s">
        <v>32827</v>
      </c>
    </row>
    <row r="6096" spans="1:16" x14ac:dyDescent="0.2">
      <c r="A6096" s="1" t="s">
        <v>1385</v>
      </c>
      <c r="B6096" s="1" t="s">
        <v>1687</v>
      </c>
      <c r="C6096" s="1" t="s">
        <v>21457</v>
      </c>
      <c r="D6096" s="1" t="s">
        <v>18828</v>
      </c>
      <c r="E6096" s="1" t="s">
        <v>21458</v>
      </c>
      <c r="F6096" s="1" t="s">
        <v>27</v>
      </c>
      <c r="G6096" s="1" t="s">
        <v>10</v>
      </c>
      <c r="H6096" s="1" t="s">
        <v>21459</v>
      </c>
      <c r="I6096" s="1" t="s">
        <v>19310</v>
      </c>
      <c r="J6096" s="1" t="s">
        <v>19727</v>
      </c>
      <c r="K6096" s="1" t="s">
        <v>64</v>
      </c>
      <c r="L6096" s="1" t="s">
        <v>21456</v>
      </c>
      <c r="M6096" s="1" t="s">
        <v>5</v>
      </c>
      <c r="N6096" s="1" t="s">
        <v>25</v>
      </c>
      <c r="O6096" s="1" t="s">
        <v>8</v>
      </c>
      <c r="P6096" s="5" t="s">
        <v>30650</v>
      </c>
    </row>
    <row r="6097" spans="1:16" x14ac:dyDescent="0.2">
      <c r="A6097" s="1" t="s">
        <v>42</v>
      </c>
      <c r="B6097" s="1" t="s">
        <v>1377</v>
      </c>
      <c r="C6097" s="1" t="s">
        <v>21461</v>
      </c>
      <c r="D6097" s="1" t="s">
        <v>21462</v>
      </c>
      <c r="E6097" s="1" t="s">
        <v>10</v>
      </c>
      <c r="F6097" s="1" t="s">
        <v>1108</v>
      </c>
      <c r="G6097" s="1" t="s">
        <v>10</v>
      </c>
      <c r="H6097" s="1" t="s">
        <v>10</v>
      </c>
      <c r="I6097" s="1" t="s">
        <v>19310</v>
      </c>
      <c r="J6097" s="1" t="s">
        <v>21463</v>
      </c>
      <c r="K6097" s="1" t="s">
        <v>244</v>
      </c>
      <c r="L6097" s="1" t="s">
        <v>21460</v>
      </c>
      <c r="M6097" s="1" t="s">
        <v>3905</v>
      </c>
      <c r="N6097" s="1" t="s">
        <v>25</v>
      </c>
      <c r="O6097" s="1" t="s">
        <v>8</v>
      </c>
      <c r="P6097" s="5" t="s">
        <v>10</v>
      </c>
    </row>
    <row r="6098" spans="1:16" x14ac:dyDescent="0.2">
      <c r="A6098" s="1" t="s">
        <v>20</v>
      </c>
      <c r="B6098" s="1" t="s">
        <v>93</v>
      </c>
      <c r="C6098" s="1" t="s">
        <v>21465</v>
      </c>
      <c r="D6098" s="1" t="s">
        <v>10</v>
      </c>
      <c r="E6098" s="1" t="s">
        <v>21467</v>
      </c>
      <c r="F6098" s="1" t="s">
        <v>27</v>
      </c>
      <c r="G6098" s="1" t="s">
        <v>10</v>
      </c>
      <c r="H6098" s="1" t="s">
        <v>16903</v>
      </c>
      <c r="I6098" s="1" t="s">
        <v>19310</v>
      </c>
      <c r="J6098" s="1" t="s">
        <v>21466</v>
      </c>
      <c r="K6098" s="1" t="s">
        <v>7</v>
      </c>
      <c r="L6098" s="1" t="s">
        <v>21464</v>
      </c>
      <c r="M6098" s="1" t="s">
        <v>5</v>
      </c>
      <c r="N6098" s="1" t="s">
        <v>25</v>
      </c>
      <c r="O6098" s="1" t="s">
        <v>8</v>
      </c>
      <c r="P6098" s="5" t="s">
        <v>10</v>
      </c>
    </row>
    <row r="6099" spans="1:16" x14ac:dyDescent="0.2">
      <c r="A6099" s="1" t="s">
        <v>20</v>
      </c>
      <c r="B6099" s="1" t="s">
        <v>93</v>
      </c>
      <c r="C6099" s="1" t="s">
        <v>21469</v>
      </c>
      <c r="D6099" s="1" t="s">
        <v>10</v>
      </c>
      <c r="E6099" s="1" t="s">
        <v>21470</v>
      </c>
      <c r="F6099" s="1" t="s">
        <v>27</v>
      </c>
      <c r="G6099" s="1" t="s">
        <v>10</v>
      </c>
      <c r="H6099" s="1" t="s">
        <v>21471</v>
      </c>
      <c r="I6099" s="1" t="s">
        <v>19310</v>
      </c>
      <c r="J6099" s="1" t="s">
        <v>21466</v>
      </c>
      <c r="K6099" s="1" t="s">
        <v>7</v>
      </c>
      <c r="L6099" s="1" t="s">
        <v>21468</v>
      </c>
      <c r="M6099" s="1" t="s">
        <v>5</v>
      </c>
      <c r="N6099" s="1" t="s">
        <v>25</v>
      </c>
      <c r="O6099" s="1" t="s">
        <v>8</v>
      </c>
      <c r="P6099" s="5" t="s">
        <v>10</v>
      </c>
    </row>
    <row r="6100" spans="1:16" x14ac:dyDescent="0.2">
      <c r="A6100" s="1" t="s">
        <v>329</v>
      </c>
      <c r="B6100" s="1" t="s">
        <v>753</v>
      </c>
      <c r="C6100" s="1" t="s">
        <v>21473</v>
      </c>
      <c r="D6100" s="1" t="s">
        <v>10</v>
      </c>
      <c r="E6100" s="1" t="s">
        <v>21474</v>
      </c>
      <c r="F6100" s="1" t="s">
        <v>27</v>
      </c>
      <c r="G6100" s="1" t="s">
        <v>10</v>
      </c>
      <c r="H6100" s="1" t="s">
        <v>21475</v>
      </c>
      <c r="I6100" s="1" t="s">
        <v>19310</v>
      </c>
      <c r="J6100" s="1" t="s">
        <v>21466</v>
      </c>
      <c r="K6100" s="1" t="s">
        <v>7</v>
      </c>
      <c r="L6100" s="1" t="s">
        <v>21472</v>
      </c>
      <c r="M6100" s="1" t="s">
        <v>5</v>
      </c>
      <c r="N6100" s="1" t="s">
        <v>25</v>
      </c>
      <c r="O6100" s="1" t="s">
        <v>8</v>
      </c>
      <c r="P6100" s="5" t="s">
        <v>10</v>
      </c>
    </row>
    <row r="6101" spans="1:16" x14ac:dyDescent="0.2">
      <c r="A6101" s="1" t="s">
        <v>194</v>
      </c>
      <c r="B6101" s="1" t="s">
        <v>6481</v>
      </c>
      <c r="C6101" s="1" t="s">
        <v>21477</v>
      </c>
      <c r="D6101" s="1" t="s">
        <v>10</v>
      </c>
      <c r="E6101" s="1" t="s">
        <v>21478</v>
      </c>
      <c r="F6101" s="1" t="s">
        <v>27</v>
      </c>
      <c r="G6101" s="1" t="s">
        <v>10</v>
      </c>
      <c r="H6101" s="1" t="s">
        <v>21479</v>
      </c>
      <c r="I6101" s="1" t="s">
        <v>19310</v>
      </c>
      <c r="J6101" s="1" t="s">
        <v>21466</v>
      </c>
      <c r="K6101" s="1" t="s">
        <v>64</v>
      </c>
      <c r="L6101" s="1" t="s">
        <v>21476</v>
      </c>
      <c r="M6101" s="1" t="s">
        <v>5</v>
      </c>
      <c r="N6101" s="1" t="s">
        <v>960</v>
      </c>
      <c r="O6101" s="1" t="s">
        <v>8</v>
      </c>
      <c r="P6101" s="5" t="s">
        <v>10</v>
      </c>
    </row>
    <row r="6102" spans="1:16" x14ac:dyDescent="0.2">
      <c r="A6102" s="1" t="s">
        <v>194</v>
      </c>
      <c r="B6102" s="1" t="s">
        <v>6481</v>
      </c>
      <c r="C6102" s="1" t="s">
        <v>21481</v>
      </c>
      <c r="D6102" s="1" t="s">
        <v>10</v>
      </c>
      <c r="E6102" s="1" t="s">
        <v>21482</v>
      </c>
      <c r="F6102" s="1" t="s">
        <v>27</v>
      </c>
      <c r="G6102" s="1" t="s">
        <v>10</v>
      </c>
      <c r="H6102" s="1" t="s">
        <v>21483</v>
      </c>
      <c r="I6102" s="1" t="s">
        <v>19310</v>
      </c>
      <c r="J6102" s="1" t="s">
        <v>21466</v>
      </c>
      <c r="K6102" s="1" t="s">
        <v>64</v>
      </c>
      <c r="L6102" s="1" t="s">
        <v>21480</v>
      </c>
      <c r="M6102" s="1" t="s">
        <v>5</v>
      </c>
      <c r="N6102" s="1" t="s">
        <v>960</v>
      </c>
      <c r="O6102" s="1" t="s">
        <v>8</v>
      </c>
      <c r="P6102" s="5"/>
    </row>
    <row r="6103" spans="1:16" x14ac:dyDescent="0.2">
      <c r="A6103" s="1" t="s">
        <v>194</v>
      </c>
      <c r="B6103" s="1" t="s">
        <v>6481</v>
      </c>
      <c r="C6103" s="1" t="s">
        <v>21485</v>
      </c>
      <c r="D6103" s="1" t="s">
        <v>10</v>
      </c>
      <c r="E6103" s="1" t="s">
        <v>21486</v>
      </c>
      <c r="F6103" s="1" t="s">
        <v>27</v>
      </c>
      <c r="G6103" s="1" t="s">
        <v>10</v>
      </c>
      <c r="H6103" s="1" t="s">
        <v>21487</v>
      </c>
      <c r="I6103" s="1" t="s">
        <v>19310</v>
      </c>
      <c r="J6103" s="1" t="s">
        <v>21466</v>
      </c>
      <c r="K6103" s="1" t="s">
        <v>64</v>
      </c>
      <c r="L6103" s="1" t="s">
        <v>21484</v>
      </c>
      <c r="M6103" s="1" t="s">
        <v>5</v>
      </c>
      <c r="N6103" s="1" t="s">
        <v>960</v>
      </c>
      <c r="O6103" s="1" t="s">
        <v>8</v>
      </c>
      <c r="P6103" s="5"/>
    </row>
    <row r="6104" spans="1:16" x14ac:dyDescent="0.2">
      <c r="A6104" s="1" t="s">
        <v>194</v>
      </c>
      <c r="B6104" s="1" t="s">
        <v>6481</v>
      </c>
      <c r="C6104" s="1" t="s">
        <v>21489</v>
      </c>
      <c r="D6104" s="1" t="s">
        <v>10</v>
      </c>
      <c r="E6104" s="1" t="s">
        <v>21490</v>
      </c>
      <c r="F6104" s="1" t="s">
        <v>27</v>
      </c>
      <c r="G6104" s="1" t="s">
        <v>10</v>
      </c>
      <c r="H6104" s="1" t="s">
        <v>21491</v>
      </c>
      <c r="I6104" s="1" t="s">
        <v>19310</v>
      </c>
      <c r="J6104" s="1" t="s">
        <v>21466</v>
      </c>
      <c r="K6104" s="1" t="s">
        <v>64</v>
      </c>
      <c r="L6104" s="1" t="s">
        <v>21488</v>
      </c>
      <c r="M6104" s="1" t="s">
        <v>5</v>
      </c>
      <c r="N6104" s="1" t="s">
        <v>960</v>
      </c>
      <c r="O6104" s="1" t="s">
        <v>8</v>
      </c>
      <c r="P6104" s="5" t="s">
        <v>10</v>
      </c>
    </row>
    <row r="6105" spans="1:16" x14ac:dyDescent="0.2">
      <c r="A6105" s="1" t="s">
        <v>194</v>
      </c>
      <c r="B6105" s="1" t="s">
        <v>6481</v>
      </c>
      <c r="C6105" s="1" t="s">
        <v>21493</v>
      </c>
      <c r="D6105" s="1" t="s">
        <v>10</v>
      </c>
      <c r="E6105" s="1" t="s">
        <v>21494</v>
      </c>
      <c r="F6105" s="1" t="s">
        <v>27</v>
      </c>
      <c r="G6105" s="1" t="s">
        <v>10</v>
      </c>
      <c r="H6105" s="1" t="s">
        <v>21495</v>
      </c>
      <c r="I6105" s="1" t="s">
        <v>19310</v>
      </c>
      <c r="J6105" s="1" t="s">
        <v>21466</v>
      </c>
      <c r="K6105" s="1" t="s">
        <v>64</v>
      </c>
      <c r="L6105" s="1" t="s">
        <v>21492</v>
      </c>
      <c r="M6105" s="1" t="s">
        <v>5</v>
      </c>
      <c r="N6105" s="1" t="s">
        <v>960</v>
      </c>
      <c r="O6105" s="1" t="s">
        <v>8</v>
      </c>
      <c r="P6105" s="5"/>
    </row>
    <row r="6106" spans="1:16" x14ac:dyDescent="0.2">
      <c r="A6106" s="1" t="s">
        <v>194</v>
      </c>
      <c r="B6106" s="1" t="s">
        <v>6481</v>
      </c>
      <c r="C6106" s="1" t="s">
        <v>21497</v>
      </c>
      <c r="D6106" s="1" t="s">
        <v>10</v>
      </c>
      <c r="E6106" s="1" t="s">
        <v>21498</v>
      </c>
      <c r="F6106" s="1" t="s">
        <v>10</v>
      </c>
      <c r="G6106" s="1" t="s">
        <v>10</v>
      </c>
      <c r="H6106" s="1" t="s">
        <v>10</v>
      </c>
      <c r="I6106" s="1" t="s">
        <v>19310</v>
      </c>
      <c r="J6106" s="1" t="s">
        <v>21466</v>
      </c>
      <c r="K6106" s="1" t="s">
        <v>64</v>
      </c>
      <c r="L6106" s="1" t="s">
        <v>21496</v>
      </c>
      <c r="M6106" s="1" t="s">
        <v>5</v>
      </c>
      <c r="N6106" s="1" t="s">
        <v>960</v>
      </c>
      <c r="O6106" s="1" t="s">
        <v>38</v>
      </c>
      <c r="P6106" s="5"/>
    </row>
    <row r="6107" spans="1:16" x14ac:dyDescent="0.2">
      <c r="A6107" s="1" t="s">
        <v>194</v>
      </c>
      <c r="B6107" s="1" t="s">
        <v>6481</v>
      </c>
      <c r="C6107" s="1" t="s">
        <v>21500</v>
      </c>
      <c r="D6107" s="1" t="s">
        <v>10</v>
      </c>
      <c r="E6107" s="1" t="s">
        <v>21501</v>
      </c>
      <c r="F6107" s="1" t="s">
        <v>10</v>
      </c>
      <c r="G6107" s="1" t="s">
        <v>10</v>
      </c>
      <c r="H6107" s="1" t="s">
        <v>10</v>
      </c>
      <c r="I6107" s="1" t="s">
        <v>19310</v>
      </c>
      <c r="J6107" s="1" t="s">
        <v>21466</v>
      </c>
      <c r="K6107" s="1" t="s">
        <v>64</v>
      </c>
      <c r="L6107" s="1" t="s">
        <v>21499</v>
      </c>
      <c r="M6107" s="1" t="s">
        <v>5</v>
      </c>
      <c r="N6107" s="1" t="s">
        <v>960</v>
      </c>
      <c r="O6107" s="1" t="s">
        <v>38</v>
      </c>
      <c r="P6107" s="5"/>
    </row>
    <row r="6108" spans="1:16" x14ac:dyDescent="0.2">
      <c r="A6108" s="1" t="s">
        <v>1385</v>
      </c>
      <c r="B6108" s="1" t="s">
        <v>1687</v>
      </c>
      <c r="C6108" s="1" t="s">
        <v>21503</v>
      </c>
      <c r="D6108" s="1" t="s">
        <v>21471</v>
      </c>
      <c r="E6108" s="1" t="s">
        <v>21504</v>
      </c>
      <c r="F6108" s="1" t="s">
        <v>27</v>
      </c>
      <c r="G6108" s="1" t="s">
        <v>10</v>
      </c>
      <c r="H6108" s="1" t="s">
        <v>21471</v>
      </c>
      <c r="I6108" s="1" t="s">
        <v>19310</v>
      </c>
      <c r="J6108" s="1" t="s">
        <v>19727</v>
      </c>
      <c r="K6108" s="1" t="s">
        <v>64</v>
      </c>
      <c r="L6108" s="1" t="s">
        <v>21502</v>
      </c>
      <c r="M6108" s="1" t="s">
        <v>5</v>
      </c>
      <c r="N6108" s="1" t="s">
        <v>25</v>
      </c>
      <c r="O6108" s="1" t="s">
        <v>8</v>
      </c>
      <c r="P6108" s="5" t="s">
        <v>30651</v>
      </c>
    </row>
    <row r="6109" spans="1:16" x14ac:dyDescent="0.2">
      <c r="A6109" s="1" t="s">
        <v>1385</v>
      </c>
      <c r="B6109" s="1" t="s">
        <v>1687</v>
      </c>
      <c r="C6109" s="1" t="s">
        <v>21506</v>
      </c>
      <c r="D6109" s="1" t="s">
        <v>21507</v>
      </c>
      <c r="E6109" s="1" t="s">
        <v>21508</v>
      </c>
      <c r="F6109" s="1" t="s">
        <v>27</v>
      </c>
      <c r="G6109" s="1" t="s">
        <v>10</v>
      </c>
      <c r="H6109" s="1" t="s">
        <v>21507</v>
      </c>
      <c r="I6109" s="1" t="s">
        <v>19310</v>
      </c>
      <c r="J6109" s="1" t="s">
        <v>19727</v>
      </c>
      <c r="K6109" s="1" t="s">
        <v>64</v>
      </c>
      <c r="L6109" s="1" t="s">
        <v>21505</v>
      </c>
      <c r="M6109" s="1" t="s">
        <v>5</v>
      </c>
      <c r="N6109" s="1" t="s">
        <v>25</v>
      </c>
      <c r="O6109" s="1" t="s">
        <v>8</v>
      </c>
      <c r="P6109" s="5" t="s">
        <v>30652</v>
      </c>
    </row>
    <row r="6110" spans="1:16" x14ac:dyDescent="0.2">
      <c r="A6110" s="1" t="s">
        <v>1385</v>
      </c>
      <c r="B6110" s="1" t="s">
        <v>1687</v>
      </c>
      <c r="C6110" s="1" t="s">
        <v>21510</v>
      </c>
      <c r="D6110" s="1" t="s">
        <v>21511</v>
      </c>
      <c r="E6110" s="1" t="s">
        <v>21512</v>
      </c>
      <c r="F6110" s="1" t="s">
        <v>27</v>
      </c>
      <c r="G6110" s="1" t="s">
        <v>10</v>
      </c>
      <c r="H6110" s="1" t="s">
        <v>21511</v>
      </c>
      <c r="I6110" s="1" t="s">
        <v>19310</v>
      </c>
      <c r="J6110" s="1" t="s">
        <v>19727</v>
      </c>
      <c r="K6110" s="1" t="s">
        <v>64</v>
      </c>
      <c r="L6110" s="1" t="s">
        <v>21509</v>
      </c>
      <c r="M6110" s="1" t="s">
        <v>5</v>
      </c>
      <c r="N6110" s="1" t="s">
        <v>25</v>
      </c>
      <c r="O6110" s="1" t="s">
        <v>8</v>
      </c>
      <c r="P6110" s="5" t="s">
        <v>30653</v>
      </c>
    </row>
    <row r="6111" spans="1:16" x14ac:dyDescent="0.2">
      <c r="A6111" s="1" t="s">
        <v>1385</v>
      </c>
      <c r="B6111" s="1" t="s">
        <v>1687</v>
      </c>
      <c r="C6111" s="1" t="s">
        <v>21514</v>
      </c>
      <c r="D6111" s="1" t="s">
        <v>21515</v>
      </c>
      <c r="E6111" s="1" t="s">
        <v>21516</v>
      </c>
      <c r="F6111" s="1" t="s">
        <v>27</v>
      </c>
      <c r="G6111" s="1" t="s">
        <v>10</v>
      </c>
      <c r="H6111" s="1" t="s">
        <v>21517</v>
      </c>
      <c r="I6111" s="1" t="s">
        <v>19310</v>
      </c>
      <c r="J6111" s="1" t="s">
        <v>19727</v>
      </c>
      <c r="K6111" s="1" t="s">
        <v>64</v>
      </c>
      <c r="L6111" s="1" t="s">
        <v>21513</v>
      </c>
      <c r="M6111" s="1" t="s">
        <v>5</v>
      </c>
      <c r="N6111" s="1" t="s">
        <v>25</v>
      </c>
      <c r="O6111" s="1" t="s">
        <v>8</v>
      </c>
      <c r="P6111" s="5" t="s">
        <v>30654</v>
      </c>
    </row>
    <row r="6112" spans="1:16" x14ac:dyDescent="0.2">
      <c r="A6112" s="1" t="s">
        <v>1385</v>
      </c>
      <c r="B6112" s="1" t="s">
        <v>1687</v>
      </c>
      <c r="C6112" s="1" t="s">
        <v>21519</v>
      </c>
      <c r="D6112" s="1" t="s">
        <v>21520</v>
      </c>
      <c r="E6112" s="1" t="s">
        <v>21521</v>
      </c>
      <c r="F6112" s="1" t="s">
        <v>27</v>
      </c>
      <c r="G6112" s="1" t="s">
        <v>10</v>
      </c>
      <c r="H6112" s="1" t="s">
        <v>21520</v>
      </c>
      <c r="I6112" s="1" t="s">
        <v>19310</v>
      </c>
      <c r="J6112" s="1" t="s">
        <v>19727</v>
      </c>
      <c r="K6112" s="1" t="s">
        <v>64</v>
      </c>
      <c r="L6112" s="1" t="s">
        <v>21518</v>
      </c>
      <c r="M6112" s="1" t="s">
        <v>5</v>
      </c>
      <c r="N6112" s="1" t="s">
        <v>25</v>
      </c>
      <c r="O6112" s="1" t="s">
        <v>8</v>
      </c>
      <c r="P6112" s="5" t="s">
        <v>30655</v>
      </c>
    </row>
    <row r="6113" spans="1:16" x14ac:dyDescent="0.2">
      <c r="A6113" s="1" t="s">
        <v>1385</v>
      </c>
      <c r="B6113" s="1" t="s">
        <v>1687</v>
      </c>
      <c r="C6113" s="1" t="s">
        <v>21523</v>
      </c>
      <c r="D6113" s="1" t="s">
        <v>21524</v>
      </c>
      <c r="E6113" s="1" t="s">
        <v>21525</v>
      </c>
      <c r="F6113" s="1" t="s">
        <v>27</v>
      </c>
      <c r="G6113" s="1" t="s">
        <v>10</v>
      </c>
      <c r="H6113" s="1" t="s">
        <v>21524</v>
      </c>
      <c r="I6113" s="1" t="s">
        <v>19310</v>
      </c>
      <c r="J6113" s="1" t="s">
        <v>19727</v>
      </c>
      <c r="K6113" s="1" t="s">
        <v>64</v>
      </c>
      <c r="L6113" s="1" t="s">
        <v>21522</v>
      </c>
      <c r="M6113" s="1" t="s">
        <v>5</v>
      </c>
      <c r="N6113" s="1" t="s">
        <v>25</v>
      </c>
      <c r="O6113" s="1" t="s">
        <v>8</v>
      </c>
      <c r="P6113" s="5" t="s">
        <v>30656</v>
      </c>
    </row>
    <row r="6114" spans="1:16" x14ac:dyDescent="0.2">
      <c r="A6114" s="1" t="s">
        <v>1385</v>
      </c>
      <c r="B6114" s="1" t="s">
        <v>1687</v>
      </c>
      <c r="C6114" s="1" t="s">
        <v>21527</v>
      </c>
      <c r="D6114" s="1" t="s">
        <v>21528</v>
      </c>
      <c r="E6114" s="1" t="s">
        <v>21529</v>
      </c>
      <c r="F6114" s="1" t="s">
        <v>27</v>
      </c>
      <c r="G6114" s="1" t="s">
        <v>10</v>
      </c>
      <c r="H6114" s="1" t="s">
        <v>21528</v>
      </c>
      <c r="I6114" s="1" t="s">
        <v>19310</v>
      </c>
      <c r="J6114" s="1" t="s">
        <v>19727</v>
      </c>
      <c r="K6114" s="1" t="s">
        <v>64</v>
      </c>
      <c r="L6114" s="1" t="s">
        <v>21526</v>
      </c>
      <c r="M6114" s="1" t="s">
        <v>5</v>
      </c>
      <c r="N6114" s="1" t="s">
        <v>25</v>
      </c>
      <c r="O6114" s="1" t="s">
        <v>8</v>
      </c>
      <c r="P6114" s="5" t="s">
        <v>30657</v>
      </c>
    </row>
    <row r="6115" spans="1:16" x14ac:dyDescent="0.2">
      <c r="A6115" s="1" t="s">
        <v>32</v>
      </c>
      <c r="B6115" s="1" t="s">
        <v>7383</v>
      </c>
      <c r="C6115" s="1" t="s">
        <v>21531</v>
      </c>
      <c r="D6115" s="1" t="s">
        <v>21532</v>
      </c>
      <c r="E6115" s="1" t="s">
        <v>21533</v>
      </c>
      <c r="F6115" s="1" t="s">
        <v>27</v>
      </c>
      <c r="G6115" s="1" t="s">
        <v>10</v>
      </c>
      <c r="H6115" s="1" t="s">
        <v>21534</v>
      </c>
      <c r="I6115" s="1" t="s">
        <v>19310</v>
      </c>
      <c r="J6115" s="1" t="s">
        <v>21466</v>
      </c>
      <c r="K6115" s="1" t="s">
        <v>130</v>
      </c>
      <c r="L6115" s="1" t="s">
        <v>21530</v>
      </c>
      <c r="M6115" s="1" t="s">
        <v>5</v>
      </c>
      <c r="N6115" s="1" t="s">
        <v>25</v>
      </c>
      <c r="O6115" s="1" t="s">
        <v>8</v>
      </c>
      <c r="P6115" s="5" t="s">
        <v>10</v>
      </c>
    </row>
    <row r="6116" spans="1:16" x14ac:dyDescent="0.2">
      <c r="A6116" s="1" t="s">
        <v>66</v>
      </c>
      <c r="B6116" s="1" t="s">
        <v>498</v>
      </c>
      <c r="C6116" s="1" t="s">
        <v>21536</v>
      </c>
      <c r="D6116" s="1" t="s">
        <v>17578</v>
      </c>
      <c r="E6116" s="1" t="s">
        <v>21537</v>
      </c>
      <c r="F6116" s="1" t="s">
        <v>27</v>
      </c>
      <c r="G6116" s="1" t="s">
        <v>10</v>
      </c>
      <c r="H6116" s="1" t="s">
        <v>21538</v>
      </c>
      <c r="I6116" s="1" t="s">
        <v>19310</v>
      </c>
      <c r="J6116" s="1" t="s">
        <v>21466</v>
      </c>
      <c r="K6116" s="1" t="s">
        <v>7</v>
      </c>
      <c r="L6116" s="1" t="s">
        <v>21535</v>
      </c>
      <c r="M6116" s="1" t="s">
        <v>5</v>
      </c>
      <c r="N6116" s="1" t="s">
        <v>25</v>
      </c>
      <c r="O6116" s="1" t="s">
        <v>8</v>
      </c>
      <c r="P6116" s="5" t="s">
        <v>10</v>
      </c>
    </row>
    <row r="6117" spans="1:16" x14ac:dyDescent="0.2">
      <c r="A6117" s="1" t="s">
        <v>194</v>
      </c>
      <c r="B6117" s="1" t="s">
        <v>6481</v>
      </c>
      <c r="C6117" s="1" t="s">
        <v>21540</v>
      </c>
      <c r="D6117" s="1" t="s">
        <v>21541</v>
      </c>
      <c r="E6117" s="1" t="s">
        <v>21542</v>
      </c>
      <c r="F6117" s="1" t="s">
        <v>27</v>
      </c>
      <c r="G6117" s="1" t="s">
        <v>10</v>
      </c>
      <c r="H6117" s="1" t="s">
        <v>21543</v>
      </c>
      <c r="I6117" s="1" t="s">
        <v>19310</v>
      </c>
      <c r="J6117" s="1" t="s">
        <v>19799</v>
      </c>
      <c r="K6117" s="1" t="s">
        <v>27</v>
      </c>
      <c r="L6117" s="1" t="s">
        <v>21539</v>
      </c>
      <c r="M6117" s="1" t="s">
        <v>5</v>
      </c>
      <c r="N6117" s="1" t="s">
        <v>960</v>
      </c>
      <c r="O6117" s="1" t="s">
        <v>8</v>
      </c>
      <c r="P6117" s="5" t="s">
        <v>30658</v>
      </c>
    </row>
    <row r="6118" spans="1:16" x14ac:dyDescent="0.2">
      <c r="A6118" s="1" t="s">
        <v>194</v>
      </c>
      <c r="B6118" s="1" t="s">
        <v>6481</v>
      </c>
      <c r="C6118" s="1" t="s">
        <v>21545</v>
      </c>
      <c r="D6118" s="1" t="s">
        <v>21546</v>
      </c>
      <c r="E6118" s="1" t="s">
        <v>21547</v>
      </c>
      <c r="F6118" s="1" t="s">
        <v>10</v>
      </c>
      <c r="G6118" s="1" t="s">
        <v>10</v>
      </c>
      <c r="H6118" s="1" t="s">
        <v>10</v>
      </c>
      <c r="I6118" s="1" t="s">
        <v>19310</v>
      </c>
      <c r="J6118" s="1" t="s">
        <v>19799</v>
      </c>
      <c r="K6118" s="1" t="s">
        <v>27</v>
      </c>
      <c r="L6118" s="1" t="s">
        <v>21544</v>
      </c>
      <c r="M6118" s="1" t="s">
        <v>5</v>
      </c>
      <c r="N6118" s="1" t="s">
        <v>25</v>
      </c>
      <c r="O6118" s="1" t="s">
        <v>38</v>
      </c>
      <c r="P6118" s="5" t="s">
        <v>30624</v>
      </c>
    </row>
    <row r="6119" spans="1:16" x14ac:dyDescent="0.2">
      <c r="A6119" s="1" t="s">
        <v>32</v>
      </c>
      <c r="B6119" s="1" t="s">
        <v>2216</v>
      </c>
      <c r="C6119" s="1" t="s">
        <v>21549</v>
      </c>
      <c r="D6119" s="1" t="s">
        <v>21550</v>
      </c>
      <c r="E6119" s="1" t="s">
        <v>21551</v>
      </c>
      <c r="F6119" s="1" t="s">
        <v>27</v>
      </c>
      <c r="G6119" s="1" t="s">
        <v>10</v>
      </c>
      <c r="H6119" s="1" t="s">
        <v>6457</v>
      </c>
      <c r="I6119" s="1" t="s">
        <v>19310</v>
      </c>
      <c r="J6119" s="1" t="s">
        <v>19799</v>
      </c>
      <c r="K6119" s="1" t="s">
        <v>27</v>
      </c>
      <c r="L6119" s="1" t="s">
        <v>21548</v>
      </c>
      <c r="M6119" s="1" t="s">
        <v>5</v>
      </c>
      <c r="N6119" s="1" t="s">
        <v>960</v>
      </c>
      <c r="O6119" s="1" t="s">
        <v>8</v>
      </c>
      <c r="P6119" s="5" t="s">
        <v>30659</v>
      </c>
    </row>
    <row r="6120" spans="1:16" x14ac:dyDescent="0.2">
      <c r="A6120" s="1" t="s">
        <v>487</v>
      </c>
      <c r="B6120" s="1" t="s">
        <v>765</v>
      </c>
      <c r="C6120" s="1" t="s">
        <v>21553</v>
      </c>
      <c r="D6120" s="1" t="s">
        <v>21554</v>
      </c>
      <c r="E6120" s="1" t="s">
        <v>21555</v>
      </c>
      <c r="F6120" s="1" t="s">
        <v>27</v>
      </c>
      <c r="G6120" s="1" t="s">
        <v>10</v>
      </c>
      <c r="H6120" s="1" t="s">
        <v>764</v>
      </c>
      <c r="I6120" s="1" t="s">
        <v>19310</v>
      </c>
      <c r="J6120" s="1" t="s">
        <v>19799</v>
      </c>
      <c r="K6120" s="1" t="s">
        <v>27</v>
      </c>
      <c r="L6120" s="1" t="s">
        <v>21552</v>
      </c>
      <c r="M6120" s="1" t="s">
        <v>5</v>
      </c>
      <c r="N6120" s="1" t="s">
        <v>25</v>
      </c>
      <c r="O6120" s="1" t="s">
        <v>8</v>
      </c>
      <c r="P6120" s="5" t="s">
        <v>30659</v>
      </c>
    </row>
    <row r="6121" spans="1:16" x14ac:dyDescent="0.2">
      <c r="A6121" s="1" t="s">
        <v>329</v>
      </c>
      <c r="B6121" s="1" t="s">
        <v>340</v>
      </c>
      <c r="C6121" s="1" t="s">
        <v>21557</v>
      </c>
      <c r="D6121" s="1" t="s">
        <v>21558</v>
      </c>
      <c r="E6121" s="1" t="s">
        <v>21559</v>
      </c>
      <c r="F6121" s="1" t="s">
        <v>27</v>
      </c>
      <c r="G6121" s="1" t="s">
        <v>10</v>
      </c>
      <c r="H6121" s="1" t="s">
        <v>764</v>
      </c>
      <c r="I6121" s="1" t="s">
        <v>19310</v>
      </c>
      <c r="J6121" s="1" t="s">
        <v>19799</v>
      </c>
      <c r="K6121" s="1" t="s">
        <v>27</v>
      </c>
      <c r="L6121" s="1" t="s">
        <v>21556</v>
      </c>
      <c r="M6121" s="1" t="s">
        <v>5</v>
      </c>
      <c r="N6121" s="1" t="s">
        <v>25</v>
      </c>
      <c r="O6121" s="1" t="s">
        <v>8</v>
      </c>
      <c r="P6121" s="5" t="s">
        <v>30659</v>
      </c>
    </row>
    <row r="6122" spans="1:16" x14ac:dyDescent="0.2">
      <c r="A6122" s="1" t="s">
        <v>32</v>
      </c>
      <c r="B6122" s="1" t="s">
        <v>140</v>
      </c>
      <c r="C6122" s="1" t="s">
        <v>21561</v>
      </c>
      <c r="D6122" s="1" t="s">
        <v>21562</v>
      </c>
      <c r="E6122" s="1" t="s">
        <v>21563</v>
      </c>
      <c r="F6122" s="1" t="s">
        <v>27</v>
      </c>
      <c r="G6122" s="1" t="s">
        <v>10</v>
      </c>
      <c r="H6122" s="1" t="s">
        <v>764</v>
      </c>
      <c r="I6122" s="1" t="s">
        <v>19310</v>
      </c>
      <c r="J6122" s="1" t="s">
        <v>19799</v>
      </c>
      <c r="K6122" s="1" t="s">
        <v>27</v>
      </c>
      <c r="L6122" s="1" t="s">
        <v>21560</v>
      </c>
      <c r="M6122" s="1" t="s">
        <v>5</v>
      </c>
      <c r="N6122" s="1" t="s">
        <v>25</v>
      </c>
      <c r="O6122" s="1" t="s">
        <v>8</v>
      </c>
      <c r="P6122" s="5" t="s">
        <v>30659</v>
      </c>
    </row>
    <row r="6123" spans="1:16" x14ac:dyDescent="0.2">
      <c r="A6123" s="1" t="s">
        <v>66</v>
      </c>
      <c r="B6123" s="1" t="s">
        <v>1117</v>
      </c>
      <c r="C6123" s="1" t="s">
        <v>21565</v>
      </c>
      <c r="D6123" s="1" t="s">
        <v>21566</v>
      </c>
      <c r="E6123" s="1" t="s">
        <v>21567</v>
      </c>
      <c r="F6123" s="1" t="s">
        <v>10</v>
      </c>
      <c r="G6123" s="1" t="s">
        <v>10</v>
      </c>
      <c r="H6123" s="1" t="s">
        <v>10</v>
      </c>
      <c r="I6123" s="1" t="s">
        <v>19310</v>
      </c>
      <c r="J6123" s="1" t="s">
        <v>20536</v>
      </c>
      <c r="K6123" s="1" t="s">
        <v>27</v>
      </c>
      <c r="L6123" s="1" t="s">
        <v>21564</v>
      </c>
      <c r="M6123" s="1" t="s">
        <v>5</v>
      </c>
      <c r="N6123" s="1" t="s">
        <v>1597</v>
      </c>
      <c r="O6123" s="1" t="s">
        <v>38</v>
      </c>
      <c r="P6123" s="5"/>
    </row>
    <row r="6124" spans="1:16" x14ac:dyDescent="0.2">
      <c r="A6124" s="1" t="s">
        <v>66</v>
      </c>
      <c r="B6124" s="1" t="s">
        <v>1117</v>
      </c>
      <c r="C6124" s="1" t="s">
        <v>21569</v>
      </c>
      <c r="D6124" s="1" t="s">
        <v>21570</v>
      </c>
      <c r="E6124" s="1" t="s">
        <v>21571</v>
      </c>
      <c r="F6124" s="1" t="s">
        <v>10</v>
      </c>
      <c r="G6124" s="1" t="s">
        <v>10</v>
      </c>
      <c r="H6124" s="1" t="s">
        <v>10</v>
      </c>
      <c r="I6124" s="1" t="s">
        <v>19310</v>
      </c>
      <c r="J6124" s="1" t="s">
        <v>10</v>
      </c>
      <c r="K6124" s="1" t="s">
        <v>10</v>
      </c>
      <c r="L6124" s="1" t="s">
        <v>21568</v>
      </c>
      <c r="M6124" s="1" t="s">
        <v>5</v>
      </c>
      <c r="N6124" s="1" t="s">
        <v>25</v>
      </c>
      <c r="O6124" s="1" t="s">
        <v>8</v>
      </c>
      <c r="P6124" s="5" t="s">
        <v>10</v>
      </c>
    </row>
    <row r="6125" spans="1:16" x14ac:dyDescent="0.2">
      <c r="A6125" s="1" t="s">
        <v>66</v>
      </c>
      <c r="B6125" s="1" t="s">
        <v>1117</v>
      </c>
      <c r="C6125" s="1" t="s">
        <v>21573</v>
      </c>
      <c r="D6125" s="1" t="s">
        <v>21574</v>
      </c>
      <c r="E6125" s="1" t="s">
        <v>21575</v>
      </c>
      <c r="F6125" s="1" t="s">
        <v>10</v>
      </c>
      <c r="G6125" s="1" t="s">
        <v>10</v>
      </c>
      <c r="H6125" s="1" t="s">
        <v>10</v>
      </c>
      <c r="I6125" s="1" t="s">
        <v>19310</v>
      </c>
      <c r="J6125" s="1" t="s">
        <v>10</v>
      </c>
      <c r="K6125" s="1" t="s">
        <v>10</v>
      </c>
      <c r="L6125" s="1" t="s">
        <v>21572</v>
      </c>
      <c r="M6125" s="1" t="s">
        <v>5</v>
      </c>
      <c r="N6125" s="1" t="s">
        <v>25</v>
      </c>
      <c r="O6125" s="1" t="s">
        <v>38</v>
      </c>
      <c r="P6125" s="5" t="s">
        <v>10</v>
      </c>
    </row>
    <row r="6126" spans="1:16" x14ac:dyDescent="0.2">
      <c r="A6126" s="1" t="s">
        <v>194</v>
      </c>
      <c r="B6126" s="1" t="s">
        <v>7145</v>
      </c>
      <c r="C6126" s="1" t="s">
        <v>21577</v>
      </c>
      <c r="D6126" s="1" t="s">
        <v>21578</v>
      </c>
      <c r="E6126" s="1" t="s">
        <v>10</v>
      </c>
      <c r="F6126" s="1" t="s">
        <v>10</v>
      </c>
      <c r="G6126" s="1" t="s">
        <v>10</v>
      </c>
      <c r="H6126" s="1" t="s">
        <v>10</v>
      </c>
      <c r="I6126" s="1" t="s">
        <v>19310</v>
      </c>
      <c r="J6126" s="1" t="s">
        <v>21579</v>
      </c>
      <c r="K6126" s="1" t="s">
        <v>64</v>
      </c>
      <c r="L6126" s="1" t="s">
        <v>21576</v>
      </c>
      <c r="M6126" s="1" t="s">
        <v>5</v>
      </c>
      <c r="N6126" s="1" t="s">
        <v>1597</v>
      </c>
      <c r="O6126" s="1" t="s">
        <v>8</v>
      </c>
      <c r="P6126" s="5" t="s">
        <v>10</v>
      </c>
    </row>
    <row r="6127" spans="1:16" x14ac:dyDescent="0.2">
      <c r="A6127" s="1" t="s">
        <v>10</v>
      </c>
      <c r="B6127" s="1" t="s">
        <v>10</v>
      </c>
      <c r="C6127" s="1" t="s">
        <v>21581</v>
      </c>
      <c r="D6127" s="1" t="s">
        <v>13003</v>
      </c>
      <c r="E6127" s="1" t="s">
        <v>10</v>
      </c>
      <c r="F6127" s="1" t="s">
        <v>10</v>
      </c>
      <c r="G6127" s="1" t="s">
        <v>10</v>
      </c>
      <c r="H6127" s="1" t="s">
        <v>10</v>
      </c>
      <c r="I6127" s="1" t="s">
        <v>19310</v>
      </c>
      <c r="J6127" s="1" t="s">
        <v>10</v>
      </c>
      <c r="K6127" s="1" t="s">
        <v>10</v>
      </c>
      <c r="L6127" s="1" t="s">
        <v>21580</v>
      </c>
      <c r="M6127" s="1" t="s">
        <v>3905</v>
      </c>
      <c r="N6127" s="1" t="s">
        <v>25</v>
      </c>
      <c r="O6127" s="1" t="s">
        <v>38</v>
      </c>
      <c r="P6127" s="5"/>
    </row>
    <row r="6128" spans="1:16" x14ac:dyDescent="0.2">
      <c r="A6128" s="1" t="s">
        <v>10</v>
      </c>
      <c r="B6128" s="1" t="s">
        <v>10</v>
      </c>
      <c r="C6128" s="1" t="s">
        <v>21583</v>
      </c>
      <c r="D6128" s="1" t="s">
        <v>21584</v>
      </c>
      <c r="E6128" s="1" t="s">
        <v>10</v>
      </c>
      <c r="F6128" s="1" t="s">
        <v>10</v>
      </c>
      <c r="G6128" s="1" t="s">
        <v>10</v>
      </c>
      <c r="H6128" s="1" t="s">
        <v>10</v>
      </c>
      <c r="I6128" s="1" t="s">
        <v>19310</v>
      </c>
      <c r="J6128" s="1" t="s">
        <v>10</v>
      </c>
      <c r="K6128" s="1" t="s">
        <v>10</v>
      </c>
      <c r="L6128" s="1" t="s">
        <v>21582</v>
      </c>
      <c r="M6128" s="1" t="s">
        <v>5</v>
      </c>
      <c r="N6128" s="1" t="s">
        <v>25</v>
      </c>
      <c r="O6128" s="1" t="s">
        <v>38</v>
      </c>
      <c r="P6128" s="5"/>
    </row>
    <row r="6129" spans="1:16" x14ac:dyDescent="0.2">
      <c r="A6129" s="1" t="s">
        <v>10</v>
      </c>
      <c r="B6129" s="1" t="s">
        <v>10</v>
      </c>
      <c r="C6129" s="1" t="s">
        <v>21586</v>
      </c>
      <c r="D6129" s="1" t="s">
        <v>21587</v>
      </c>
      <c r="E6129" s="1" t="s">
        <v>10</v>
      </c>
      <c r="F6129" s="1" t="s">
        <v>10</v>
      </c>
      <c r="G6129" s="1" t="s">
        <v>10</v>
      </c>
      <c r="H6129" s="1" t="s">
        <v>10</v>
      </c>
      <c r="I6129" s="1" t="s">
        <v>19310</v>
      </c>
      <c r="J6129" s="1" t="s">
        <v>10</v>
      </c>
      <c r="K6129" s="1" t="s">
        <v>10</v>
      </c>
      <c r="L6129" s="1" t="s">
        <v>21585</v>
      </c>
      <c r="M6129" s="1" t="s">
        <v>5</v>
      </c>
      <c r="N6129" s="1" t="s">
        <v>25</v>
      </c>
      <c r="O6129" s="1" t="s">
        <v>38</v>
      </c>
      <c r="P6129" s="5"/>
    </row>
    <row r="6130" spans="1:16" x14ac:dyDescent="0.2">
      <c r="A6130" s="1" t="s">
        <v>10</v>
      </c>
      <c r="B6130" s="1" t="s">
        <v>10</v>
      </c>
      <c r="C6130" s="1" t="s">
        <v>21589</v>
      </c>
      <c r="D6130" s="1" t="s">
        <v>10</v>
      </c>
      <c r="E6130" s="1" t="s">
        <v>10</v>
      </c>
      <c r="F6130" s="1" t="s">
        <v>10</v>
      </c>
      <c r="G6130" s="1" t="s">
        <v>10</v>
      </c>
      <c r="H6130" s="1" t="s">
        <v>10</v>
      </c>
      <c r="I6130" s="1" t="s">
        <v>19310</v>
      </c>
      <c r="J6130" s="1" t="s">
        <v>19727</v>
      </c>
      <c r="K6130" s="1" t="s">
        <v>10</v>
      </c>
      <c r="L6130" s="1" t="s">
        <v>21588</v>
      </c>
      <c r="M6130" s="1" t="s">
        <v>5</v>
      </c>
      <c r="N6130" s="1" t="s">
        <v>25</v>
      </c>
      <c r="O6130" s="1" t="s">
        <v>38</v>
      </c>
      <c r="P6130" s="5"/>
    </row>
    <row r="6131" spans="1:16" x14ac:dyDescent="0.2">
      <c r="A6131" s="1" t="s">
        <v>10</v>
      </c>
      <c r="B6131" s="1" t="s">
        <v>10</v>
      </c>
      <c r="C6131" s="1" t="s">
        <v>21591</v>
      </c>
      <c r="D6131" s="1" t="s">
        <v>18531</v>
      </c>
      <c r="E6131" s="1" t="s">
        <v>10</v>
      </c>
      <c r="F6131" s="1" t="s">
        <v>10</v>
      </c>
      <c r="G6131" s="1" t="s">
        <v>10</v>
      </c>
      <c r="H6131" s="1" t="s">
        <v>10</v>
      </c>
      <c r="I6131" s="1" t="s">
        <v>19310</v>
      </c>
      <c r="J6131" s="1" t="s">
        <v>19</v>
      </c>
      <c r="K6131" s="1" t="s">
        <v>10</v>
      </c>
      <c r="L6131" s="1" t="s">
        <v>21590</v>
      </c>
      <c r="M6131" s="1" t="s">
        <v>5</v>
      </c>
      <c r="N6131" s="1" t="s">
        <v>25</v>
      </c>
      <c r="O6131" s="1" t="s">
        <v>38</v>
      </c>
      <c r="P6131" s="5"/>
    </row>
    <row r="6132" spans="1:16" x14ac:dyDescent="0.2">
      <c r="A6132" s="1" t="s">
        <v>194</v>
      </c>
      <c r="B6132" s="1" t="s">
        <v>6479</v>
      </c>
      <c r="C6132" s="1" t="s">
        <v>21593</v>
      </c>
      <c r="D6132" s="1" t="s">
        <v>21594</v>
      </c>
      <c r="E6132" s="1" t="s">
        <v>21593</v>
      </c>
      <c r="F6132" s="1" t="s">
        <v>10</v>
      </c>
      <c r="G6132" s="1" t="s">
        <v>10</v>
      </c>
      <c r="H6132" s="1" t="s">
        <v>10</v>
      </c>
      <c r="I6132" s="1" t="s">
        <v>19310</v>
      </c>
      <c r="J6132" s="1" t="s">
        <v>10</v>
      </c>
      <c r="K6132" s="1" t="s">
        <v>64</v>
      </c>
      <c r="L6132" s="1" t="s">
        <v>21592</v>
      </c>
      <c r="M6132" s="1" t="s">
        <v>5</v>
      </c>
      <c r="N6132" s="1" t="s">
        <v>6</v>
      </c>
      <c r="O6132" s="1" t="s">
        <v>38</v>
      </c>
      <c r="P6132" s="5"/>
    </row>
    <row r="6133" spans="1:16" x14ac:dyDescent="0.2">
      <c r="A6133" s="1" t="s">
        <v>66</v>
      </c>
      <c r="B6133" s="1" t="s">
        <v>498</v>
      </c>
      <c r="C6133" s="1" t="s">
        <v>21596</v>
      </c>
      <c r="D6133" s="1" t="s">
        <v>21597</v>
      </c>
      <c r="E6133" s="1" t="s">
        <v>21598</v>
      </c>
      <c r="F6133" s="1" t="s">
        <v>10</v>
      </c>
      <c r="G6133" s="1" t="s">
        <v>10</v>
      </c>
      <c r="H6133" s="1" t="s">
        <v>10</v>
      </c>
      <c r="I6133" s="1" t="s">
        <v>19310</v>
      </c>
      <c r="J6133" s="1" t="s">
        <v>19874</v>
      </c>
      <c r="K6133" s="1" t="s">
        <v>1548</v>
      </c>
      <c r="L6133" s="1" t="s">
        <v>21595</v>
      </c>
      <c r="M6133" s="1" t="s">
        <v>5</v>
      </c>
      <c r="N6133" s="1" t="s">
        <v>25</v>
      </c>
      <c r="O6133" s="1" t="s">
        <v>38</v>
      </c>
      <c r="P6133" s="5" t="s">
        <v>10</v>
      </c>
    </row>
    <row r="6134" spans="1:16" x14ac:dyDescent="0.2">
      <c r="A6134" s="1" t="s">
        <v>66</v>
      </c>
      <c r="B6134" s="1" t="s">
        <v>1812</v>
      </c>
      <c r="C6134" s="1" t="s">
        <v>21600</v>
      </c>
      <c r="D6134" s="1" t="s">
        <v>21601</v>
      </c>
      <c r="E6134" s="1" t="s">
        <v>21602</v>
      </c>
      <c r="F6134" s="1" t="s">
        <v>10</v>
      </c>
      <c r="G6134" s="1" t="s">
        <v>10</v>
      </c>
      <c r="H6134" s="1" t="s">
        <v>10</v>
      </c>
      <c r="I6134" s="1" t="s">
        <v>19310</v>
      </c>
      <c r="J6134" s="1" t="s">
        <v>19874</v>
      </c>
      <c r="K6134" s="1" t="s">
        <v>1548</v>
      </c>
      <c r="L6134" s="1" t="s">
        <v>21599</v>
      </c>
      <c r="M6134" s="1" t="s">
        <v>5</v>
      </c>
      <c r="N6134" s="1" t="s">
        <v>25</v>
      </c>
      <c r="O6134" s="1" t="s">
        <v>38</v>
      </c>
      <c r="P6134" s="5" t="s">
        <v>10</v>
      </c>
    </row>
    <row r="6135" spans="1:16" x14ac:dyDescent="0.2">
      <c r="A6135" s="1" t="s">
        <v>1385</v>
      </c>
      <c r="B6135" s="1" t="s">
        <v>2028</v>
      </c>
      <c r="C6135" s="1" t="s">
        <v>21604</v>
      </c>
      <c r="D6135" s="1" t="s">
        <v>21605</v>
      </c>
      <c r="E6135" s="1" t="s">
        <v>21607</v>
      </c>
      <c r="F6135" s="1" t="s">
        <v>10</v>
      </c>
      <c r="G6135" s="1" t="s">
        <v>10</v>
      </c>
      <c r="H6135" s="1" t="s">
        <v>10</v>
      </c>
      <c r="I6135" s="1" t="s">
        <v>19310</v>
      </c>
      <c r="J6135" s="1" t="s">
        <v>21606</v>
      </c>
      <c r="K6135" s="1" t="s">
        <v>1548</v>
      </c>
      <c r="L6135" s="1" t="s">
        <v>21603</v>
      </c>
      <c r="M6135" s="1" t="s">
        <v>5</v>
      </c>
      <c r="N6135" s="1" t="s">
        <v>960</v>
      </c>
      <c r="O6135" s="1" t="s">
        <v>38</v>
      </c>
      <c r="P6135" s="5" t="s">
        <v>10</v>
      </c>
    </row>
    <row r="6136" spans="1:16" x14ac:dyDescent="0.2">
      <c r="A6136" s="1" t="s">
        <v>66</v>
      </c>
      <c r="B6136" s="1" t="s">
        <v>498</v>
      </c>
      <c r="C6136" s="1" t="s">
        <v>21609</v>
      </c>
      <c r="D6136" s="1" t="s">
        <v>21610</v>
      </c>
      <c r="E6136" s="1" t="s">
        <v>21611</v>
      </c>
      <c r="F6136" s="1" t="s">
        <v>10</v>
      </c>
      <c r="G6136" s="1" t="s">
        <v>10</v>
      </c>
      <c r="H6136" s="1" t="s">
        <v>10</v>
      </c>
      <c r="I6136" s="1" t="s">
        <v>19310</v>
      </c>
      <c r="J6136" s="1" t="s">
        <v>19874</v>
      </c>
      <c r="K6136" s="1" t="s">
        <v>1548</v>
      </c>
      <c r="L6136" s="1" t="s">
        <v>21608</v>
      </c>
      <c r="M6136" s="1" t="s">
        <v>5</v>
      </c>
      <c r="N6136" s="1" t="s">
        <v>25</v>
      </c>
      <c r="O6136" s="1" t="s">
        <v>38</v>
      </c>
      <c r="P6136" s="5" t="s">
        <v>10</v>
      </c>
    </row>
    <row r="6137" spans="1:16" x14ac:dyDescent="0.2">
      <c r="A6137" s="1" t="s">
        <v>10</v>
      </c>
      <c r="B6137" s="1" t="s">
        <v>10</v>
      </c>
      <c r="C6137" s="1" t="s">
        <v>21613</v>
      </c>
      <c r="D6137" s="1" t="s">
        <v>21614</v>
      </c>
      <c r="E6137" s="1" t="s">
        <v>10</v>
      </c>
      <c r="F6137" s="1" t="s">
        <v>10</v>
      </c>
      <c r="G6137" s="1" t="s">
        <v>10</v>
      </c>
      <c r="H6137" s="1" t="s">
        <v>10</v>
      </c>
      <c r="I6137" s="1" t="s">
        <v>19310</v>
      </c>
      <c r="J6137" s="1" t="s">
        <v>10</v>
      </c>
      <c r="K6137" s="1" t="s">
        <v>64</v>
      </c>
      <c r="L6137" s="1" t="s">
        <v>21612</v>
      </c>
      <c r="M6137" s="1" t="s">
        <v>5</v>
      </c>
      <c r="N6137" s="1" t="s">
        <v>6</v>
      </c>
      <c r="O6137" s="1" t="s">
        <v>38</v>
      </c>
      <c r="P6137" s="5"/>
    </row>
    <row r="6138" spans="1:16" x14ac:dyDescent="0.2">
      <c r="A6138" s="1" t="s">
        <v>10</v>
      </c>
      <c r="B6138" s="1" t="s">
        <v>10</v>
      </c>
      <c r="C6138" s="1" t="s">
        <v>21616</v>
      </c>
      <c r="D6138" s="1" t="s">
        <v>21616</v>
      </c>
      <c r="E6138" s="1" t="s">
        <v>10</v>
      </c>
      <c r="F6138" s="1" t="s">
        <v>10</v>
      </c>
      <c r="G6138" s="1" t="s">
        <v>10</v>
      </c>
      <c r="H6138" s="1" t="s">
        <v>10</v>
      </c>
      <c r="I6138" s="1" t="s">
        <v>19310</v>
      </c>
      <c r="J6138" s="1" t="s">
        <v>10</v>
      </c>
      <c r="K6138" s="1" t="s">
        <v>10</v>
      </c>
      <c r="L6138" s="1" t="s">
        <v>21615</v>
      </c>
      <c r="M6138" s="1" t="s">
        <v>5</v>
      </c>
      <c r="N6138" s="1" t="s">
        <v>25</v>
      </c>
      <c r="O6138" s="1" t="s">
        <v>38</v>
      </c>
      <c r="P6138" s="5"/>
    </row>
    <row r="6139" spans="1:16" x14ac:dyDescent="0.2">
      <c r="A6139" s="1" t="s">
        <v>10</v>
      </c>
      <c r="B6139" s="1" t="s">
        <v>10</v>
      </c>
      <c r="C6139" s="1" t="s">
        <v>21618</v>
      </c>
      <c r="D6139" s="1" t="s">
        <v>21619</v>
      </c>
      <c r="E6139" s="1" t="s">
        <v>10</v>
      </c>
      <c r="F6139" s="1" t="s">
        <v>10</v>
      </c>
      <c r="G6139" s="1" t="s">
        <v>10</v>
      </c>
      <c r="H6139" s="1" t="s">
        <v>10</v>
      </c>
      <c r="I6139" s="1" t="s">
        <v>19310</v>
      </c>
      <c r="J6139" s="1" t="s">
        <v>10</v>
      </c>
      <c r="K6139" s="1" t="s">
        <v>10</v>
      </c>
      <c r="L6139" s="1" t="s">
        <v>21617</v>
      </c>
      <c r="M6139" s="1" t="s">
        <v>5</v>
      </c>
      <c r="N6139" s="1" t="s">
        <v>25</v>
      </c>
      <c r="O6139" s="1" t="s">
        <v>38</v>
      </c>
      <c r="P6139" s="5"/>
    </row>
    <row r="6140" spans="1:16" x14ac:dyDescent="0.2">
      <c r="A6140" s="1" t="s">
        <v>10</v>
      </c>
      <c r="B6140" s="1" t="s">
        <v>10</v>
      </c>
      <c r="C6140" s="1" t="s">
        <v>21621</v>
      </c>
      <c r="D6140" s="1" t="s">
        <v>21621</v>
      </c>
      <c r="E6140" s="1" t="s">
        <v>10</v>
      </c>
      <c r="F6140" s="1" t="s">
        <v>10</v>
      </c>
      <c r="G6140" s="1" t="s">
        <v>10</v>
      </c>
      <c r="H6140" s="1" t="s">
        <v>10</v>
      </c>
      <c r="I6140" s="1" t="s">
        <v>19310</v>
      </c>
      <c r="J6140" s="1" t="s">
        <v>10</v>
      </c>
      <c r="K6140" s="1" t="s">
        <v>10</v>
      </c>
      <c r="L6140" s="1" t="s">
        <v>21620</v>
      </c>
      <c r="M6140" s="1" t="s">
        <v>5</v>
      </c>
      <c r="N6140" s="1" t="s">
        <v>1597</v>
      </c>
      <c r="O6140" s="1" t="s">
        <v>38</v>
      </c>
      <c r="P6140" s="5"/>
    </row>
    <row r="6141" spans="1:16" x14ac:dyDescent="0.2">
      <c r="A6141" s="1" t="s">
        <v>10</v>
      </c>
      <c r="B6141" s="1" t="s">
        <v>10</v>
      </c>
      <c r="C6141" s="1" t="s">
        <v>21623</v>
      </c>
      <c r="D6141" s="1" t="s">
        <v>19091</v>
      </c>
      <c r="E6141" s="1" t="s">
        <v>10</v>
      </c>
      <c r="F6141" s="1" t="s">
        <v>1108</v>
      </c>
      <c r="G6141" s="1" t="s">
        <v>7095</v>
      </c>
      <c r="H6141" s="1" t="s">
        <v>19686</v>
      </c>
      <c r="I6141" s="1" t="s">
        <v>19310</v>
      </c>
      <c r="J6141" s="1" t="s">
        <v>10</v>
      </c>
      <c r="K6141" s="1" t="s">
        <v>10</v>
      </c>
      <c r="L6141" s="1" t="s">
        <v>21622</v>
      </c>
      <c r="M6141" s="1" t="s">
        <v>5</v>
      </c>
      <c r="N6141" s="1" t="s">
        <v>1597</v>
      </c>
      <c r="O6141" s="1" t="s">
        <v>8</v>
      </c>
      <c r="P6141" s="5"/>
    </row>
    <row r="6142" spans="1:16" x14ac:dyDescent="0.2">
      <c r="A6142" s="1" t="s">
        <v>10</v>
      </c>
      <c r="B6142" s="1" t="s">
        <v>10</v>
      </c>
      <c r="C6142" s="1" t="s">
        <v>4007</v>
      </c>
      <c r="D6142" s="1" t="s">
        <v>4007</v>
      </c>
      <c r="E6142" s="1" t="s">
        <v>21625</v>
      </c>
      <c r="F6142" s="1" t="s">
        <v>10</v>
      </c>
      <c r="G6142" s="1" t="s">
        <v>10</v>
      </c>
      <c r="H6142" s="1" t="s">
        <v>10</v>
      </c>
      <c r="I6142" s="1" t="s">
        <v>19310</v>
      </c>
      <c r="J6142" s="1" t="s">
        <v>10</v>
      </c>
      <c r="K6142" s="1" t="s">
        <v>10</v>
      </c>
      <c r="L6142" s="1" t="s">
        <v>21624</v>
      </c>
      <c r="M6142" s="1" t="s">
        <v>5</v>
      </c>
      <c r="N6142" s="1" t="s">
        <v>1597</v>
      </c>
      <c r="O6142" s="1" t="s">
        <v>38</v>
      </c>
      <c r="P6142" s="5"/>
    </row>
    <row r="6143" spans="1:16" x14ac:dyDescent="0.2">
      <c r="A6143" s="1" t="s">
        <v>42</v>
      </c>
      <c r="B6143" s="1" t="s">
        <v>1377</v>
      </c>
      <c r="C6143" s="1" t="s">
        <v>21627</v>
      </c>
      <c r="D6143" s="1" t="s">
        <v>21628</v>
      </c>
      <c r="E6143" s="1" t="s">
        <v>21629</v>
      </c>
      <c r="F6143" s="1" t="s">
        <v>10</v>
      </c>
      <c r="G6143" s="1" t="s">
        <v>10</v>
      </c>
      <c r="H6143" s="1" t="s">
        <v>10</v>
      </c>
      <c r="I6143" s="1" t="s">
        <v>19310</v>
      </c>
      <c r="J6143" s="1" t="s">
        <v>19</v>
      </c>
      <c r="K6143" s="1" t="s">
        <v>64</v>
      </c>
      <c r="L6143" s="1" t="s">
        <v>21626</v>
      </c>
      <c r="M6143" s="1" t="s">
        <v>5</v>
      </c>
      <c r="N6143" s="1" t="s">
        <v>25</v>
      </c>
      <c r="O6143" s="1" t="s">
        <v>38</v>
      </c>
      <c r="P6143" s="5" t="s">
        <v>30660</v>
      </c>
    </row>
    <row r="6144" spans="1:16" x14ac:dyDescent="0.2">
      <c r="A6144" s="1" t="s">
        <v>10</v>
      </c>
      <c r="B6144" s="1" t="s">
        <v>10</v>
      </c>
      <c r="C6144" s="1" t="s">
        <v>21631</v>
      </c>
      <c r="D6144" s="1" t="s">
        <v>21631</v>
      </c>
      <c r="E6144" s="1" t="s">
        <v>10</v>
      </c>
      <c r="F6144" s="1" t="s">
        <v>21632</v>
      </c>
      <c r="G6144" s="1" t="s">
        <v>1042</v>
      </c>
      <c r="H6144" s="1" t="s">
        <v>21633</v>
      </c>
      <c r="I6144" s="1" t="s">
        <v>19310</v>
      </c>
      <c r="J6144" s="1" t="s">
        <v>19</v>
      </c>
      <c r="K6144" s="1" t="s">
        <v>100</v>
      </c>
      <c r="L6144" s="1" t="s">
        <v>21630</v>
      </c>
      <c r="M6144" s="1" t="s">
        <v>5</v>
      </c>
      <c r="N6144" s="1" t="s">
        <v>25</v>
      </c>
      <c r="O6144" s="1" t="s">
        <v>8</v>
      </c>
      <c r="P6144" s="5"/>
    </row>
    <row r="6145" spans="1:16" x14ac:dyDescent="0.2">
      <c r="A6145" s="1" t="s">
        <v>1086</v>
      </c>
      <c r="B6145" s="1" t="s">
        <v>2276</v>
      </c>
      <c r="C6145" s="1" t="s">
        <v>21635</v>
      </c>
      <c r="D6145" s="1" t="s">
        <v>21635</v>
      </c>
      <c r="E6145" s="1" t="s">
        <v>21636</v>
      </c>
      <c r="F6145" s="1" t="s">
        <v>10</v>
      </c>
      <c r="G6145" s="1" t="s">
        <v>10</v>
      </c>
      <c r="H6145" s="1" t="s">
        <v>10</v>
      </c>
      <c r="I6145" s="1" t="s">
        <v>19310</v>
      </c>
      <c r="J6145" s="1" t="s">
        <v>19</v>
      </c>
      <c r="K6145" s="1" t="s">
        <v>64</v>
      </c>
      <c r="L6145" s="1" t="s">
        <v>21634</v>
      </c>
      <c r="M6145" s="1" t="s">
        <v>5</v>
      </c>
      <c r="N6145" s="1" t="s">
        <v>25</v>
      </c>
      <c r="O6145" s="1" t="s">
        <v>8</v>
      </c>
      <c r="P6145" s="5" t="s">
        <v>30330</v>
      </c>
    </row>
    <row r="6146" spans="1:16" x14ac:dyDescent="0.2">
      <c r="A6146" s="1" t="s">
        <v>10</v>
      </c>
      <c r="B6146" s="1" t="s">
        <v>10</v>
      </c>
      <c r="C6146" s="1" t="s">
        <v>21638</v>
      </c>
      <c r="D6146" s="1" t="s">
        <v>21639</v>
      </c>
      <c r="E6146" s="1" t="s">
        <v>21640</v>
      </c>
      <c r="F6146" s="1" t="s">
        <v>10</v>
      </c>
      <c r="G6146" s="1" t="s">
        <v>10</v>
      </c>
      <c r="H6146" s="1" t="s">
        <v>10</v>
      </c>
      <c r="I6146" s="1" t="s">
        <v>19310</v>
      </c>
      <c r="J6146" s="1" t="s">
        <v>10</v>
      </c>
      <c r="K6146" s="1" t="s">
        <v>10</v>
      </c>
      <c r="L6146" s="1" t="s">
        <v>21637</v>
      </c>
      <c r="M6146" s="1" t="s">
        <v>5</v>
      </c>
      <c r="N6146" s="1" t="s">
        <v>1597</v>
      </c>
      <c r="O6146" s="1" t="s">
        <v>38</v>
      </c>
      <c r="P6146" s="5"/>
    </row>
    <row r="6147" spans="1:16" x14ac:dyDescent="0.2">
      <c r="A6147" s="1" t="s">
        <v>10</v>
      </c>
      <c r="B6147" s="1" t="s">
        <v>10</v>
      </c>
      <c r="C6147" s="1" t="s">
        <v>21642</v>
      </c>
      <c r="D6147" s="1" t="s">
        <v>21643</v>
      </c>
      <c r="E6147" s="1" t="s">
        <v>10</v>
      </c>
      <c r="F6147" s="1" t="s">
        <v>10</v>
      </c>
      <c r="G6147" s="1" t="s">
        <v>10</v>
      </c>
      <c r="H6147" s="1" t="s">
        <v>10</v>
      </c>
      <c r="I6147" s="1" t="s">
        <v>19310</v>
      </c>
      <c r="J6147" s="1" t="s">
        <v>10</v>
      </c>
      <c r="K6147" s="1" t="s">
        <v>10</v>
      </c>
      <c r="L6147" s="1" t="s">
        <v>21641</v>
      </c>
      <c r="M6147" s="1" t="s">
        <v>5</v>
      </c>
      <c r="N6147" s="1" t="s">
        <v>1695</v>
      </c>
      <c r="O6147" s="1" t="s">
        <v>38</v>
      </c>
      <c r="P6147" s="5"/>
    </row>
    <row r="6148" spans="1:16" x14ac:dyDescent="0.2">
      <c r="A6148" s="1" t="s">
        <v>10</v>
      </c>
      <c r="B6148" s="1" t="s">
        <v>10</v>
      </c>
      <c r="C6148" s="1" t="s">
        <v>21645</v>
      </c>
      <c r="D6148" s="1" t="s">
        <v>21645</v>
      </c>
      <c r="E6148" s="1" t="s">
        <v>21646</v>
      </c>
      <c r="F6148" s="1" t="s">
        <v>10</v>
      </c>
      <c r="G6148" s="1" t="s">
        <v>10</v>
      </c>
      <c r="H6148" s="1" t="s">
        <v>10</v>
      </c>
      <c r="I6148" s="1" t="s">
        <v>19310</v>
      </c>
      <c r="J6148" s="1" t="s">
        <v>10</v>
      </c>
      <c r="K6148" s="1" t="s">
        <v>10</v>
      </c>
      <c r="L6148" s="1" t="s">
        <v>21644</v>
      </c>
      <c r="M6148" s="1" t="s">
        <v>5</v>
      </c>
      <c r="N6148" s="1" t="s">
        <v>25</v>
      </c>
      <c r="O6148" s="1" t="s">
        <v>38</v>
      </c>
      <c r="P6148" s="5"/>
    </row>
    <row r="6149" spans="1:16" x14ac:dyDescent="0.2">
      <c r="A6149" s="1" t="s">
        <v>42</v>
      </c>
      <c r="B6149" s="1" t="s">
        <v>50</v>
      </c>
      <c r="C6149" s="1" t="s">
        <v>21648</v>
      </c>
      <c r="D6149" s="1" t="s">
        <v>21649</v>
      </c>
      <c r="E6149" s="1" t="s">
        <v>10</v>
      </c>
      <c r="F6149" s="1" t="s">
        <v>10</v>
      </c>
      <c r="G6149" s="1" t="s">
        <v>10</v>
      </c>
      <c r="H6149" s="1" t="s">
        <v>10</v>
      </c>
      <c r="I6149" s="1" t="s">
        <v>19310</v>
      </c>
      <c r="J6149" s="1" t="s">
        <v>19</v>
      </c>
      <c r="K6149" s="1" t="s">
        <v>47</v>
      </c>
      <c r="L6149" s="1" t="s">
        <v>21647</v>
      </c>
      <c r="M6149" s="1" t="s">
        <v>5</v>
      </c>
      <c r="N6149" s="1" t="s">
        <v>25</v>
      </c>
      <c r="O6149" s="1" t="s">
        <v>38</v>
      </c>
      <c r="P6149" s="5"/>
    </row>
    <row r="6150" spans="1:16" x14ac:dyDescent="0.2">
      <c r="A6150" s="1" t="s">
        <v>42</v>
      </c>
      <c r="B6150" s="1" t="s">
        <v>50</v>
      </c>
      <c r="C6150" s="1" t="s">
        <v>57</v>
      </c>
      <c r="D6150" s="1" t="s">
        <v>57</v>
      </c>
      <c r="E6150" s="1" t="s">
        <v>21651</v>
      </c>
      <c r="F6150" s="1" t="s">
        <v>57</v>
      </c>
      <c r="G6150" s="1" t="s">
        <v>1042</v>
      </c>
      <c r="H6150" s="1" t="s">
        <v>57</v>
      </c>
      <c r="I6150" s="1" t="s">
        <v>19310</v>
      </c>
      <c r="J6150" s="1" t="s">
        <v>19</v>
      </c>
      <c r="K6150" s="1" t="s">
        <v>47</v>
      </c>
      <c r="L6150" s="1" t="s">
        <v>21650</v>
      </c>
      <c r="M6150" s="1" t="s">
        <v>5</v>
      </c>
      <c r="N6150" s="1" t="s">
        <v>25</v>
      </c>
      <c r="O6150" s="1" t="s">
        <v>8</v>
      </c>
      <c r="P6150" s="5" t="s">
        <v>60</v>
      </c>
    </row>
    <row r="6151" spans="1:16" x14ac:dyDescent="0.2">
      <c r="A6151" s="1" t="s">
        <v>42</v>
      </c>
      <c r="B6151" s="1" t="s">
        <v>43</v>
      </c>
      <c r="C6151" s="1" t="s">
        <v>19610</v>
      </c>
      <c r="D6151" s="1" t="s">
        <v>19610</v>
      </c>
      <c r="E6151" s="1" t="s">
        <v>21653</v>
      </c>
      <c r="F6151" s="1" t="s">
        <v>10</v>
      </c>
      <c r="G6151" s="1" t="s">
        <v>10</v>
      </c>
      <c r="H6151" s="1" t="s">
        <v>10</v>
      </c>
      <c r="I6151" s="1" t="s">
        <v>19310</v>
      </c>
      <c r="J6151" s="1" t="s">
        <v>19</v>
      </c>
      <c r="K6151" s="1" t="s">
        <v>37</v>
      </c>
      <c r="L6151" s="1" t="s">
        <v>21652</v>
      </c>
      <c r="M6151" s="1" t="s">
        <v>5</v>
      </c>
      <c r="N6151" s="1" t="s">
        <v>25</v>
      </c>
      <c r="O6151" s="1" t="s">
        <v>38</v>
      </c>
      <c r="P6151" s="5" t="s">
        <v>29944</v>
      </c>
    </row>
    <row r="6152" spans="1:16" x14ac:dyDescent="0.2">
      <c r="A6152" s="1" t="s">
        <v>10</v>
      </c>
      <c r="B6152" s="1" t="s">
        <v>10</v>
      </c>
      <c r="C6152" s="1" t="s">
        <v>21655</v>
      </c>
      <c r="D6152" s="1" t="s">
        <v>21655</v>
      </c>
      <c r="E6152" s="1" t="s">
        <v>21657</v>
      </c>
      <c r="F6152" s="1" t="s">
        <v>21656</v>
      </c>
      <c r="G6152" s="1" t="s">
        <v>1042</v>
      </c>
      <c r="H6152" s="1" t="s">
        <v>21658</v>
      </c>
      <c r="I6152" s="1" t="s">
        <v>19310</v>
      </c>
      <c r="J6152" s="1" t="s">
        <v>10</v>
      </c>
      <c r="K6152" s="1" t="s">
        <v>10</v>
      </c>
      <c r="L6152" s="1" t="s">
        <v>21654</v>
      </c>
      <c r="M6152" s="1" t="s">
        <v>5</v>
      </c>
      <c r="N6152" s="1" t="s">
        <v>960</v>
      </c>
      <c r="O6152" s="1" t="s">
        <v>8</v>
      </c>
      <c r="P6152" s="5"/>
    </row>
    <row r="6153" spans="1:16" x14ac:dyDescent="0.2">
      <c r="A6153" s="1" t="s">
        <v>1086</v>
      </c>
      <c r="B6153" s="1" t="s">
        <v>10308</v>
      </c>
      <c r="C6153" s="1" t="s">
        <v>21660</v>
      </c>
      <c r="D6153" s="1" t="s">
        <v>21661</v>
      </c>
      <c r="E6153" s="1" t="s">
        <v>10</v>
      </c>
      <c r="F6153" s="1" t="s">
        <v>10</v>
      </c>
      <c r="G6153" s="1" t="s">
        <v>10</v>
      </c>
      <c r="H6153" s="1" t="s">
        <v>10</v>
      </c>
      <c r="I6153" s="1" t="s">
        <v>19310</v>
      </c>
      <c r="J6153" s="1" t="s">
        <v>19</v>
      </c>
      <c r="K6153" s="1" t="s">
        <v>586</v>
      </c>
      <c r="L6153" s="1" t="s">
        <v>21659</v>
      </c>
      <c r="M6153" s="1" t="s">
        <v>5</v>
      </c>
      <c r="N6153" s="1" t="s">
        <v>6</v>
      </c>
      <c r="O6153" s="1" t="s">
        <v>8</v>
      </c>
      <c r="P6153" s="5"/>
    </row>
    <row r="6154" spans="1:16" x14ac:dyDescent="0.2">
      <c r="A6154" s="1" t="s">
        <v>20</v>
      </c>
      <c r="B6154" s="1" t="s">
        <v>21</v>
      </c>
      <c r="C6154" s="1" t="s">
        <v>7173</v>
      </c>
      <c r="D6154" s="1" t="s">
        <v>7174</v>
      </c>
      <c r="E6154" s="1" t="s">
        <v>21664</v>
      </c>
      <c r="F6154" s="1" t="s">
        <v>10</v>
      </c>
      <c r="G6154" s="1" t="s">
        <v>10</v>
      </c>
      <c r="H6154" s="1" t="s">
        <v>10</v>
      </c>
      <c r="I6154" s="1" t="s">
        <v>19310</v>
      </c>
      <c r="J6154" s="1" t="s">
        <v>21663</v>
      </c>
      <c r="K6154" s="1" t="s">
        <v>1548</v>
      </c>
      <c r="L6154" s="1" t="s">
        <v>21662</v>
      </c>
      <c r="M6154" s="1" t="s">
        <v>5</v>
      </c>
      <c r="N6154" s="1" t="s">
        <v>1009</v>
      </c>
      <c r="O6154" s="1" t="s">
        <v>38</v>
      </c>
      <c r="P6154" s="5" t="s">
        <v>32145</v>
      </c>
    </row>
    <row r="6155" spans="1:16" x14ac:dyDescent="0.2">
      <c r="A6155" s="1" t="s">
        <v>42</v>
      </c>
      <c r="B6155" s="1" t="s">
        <v>335</v>
      </c>
      <c r="C6155" s="1" t="s">
        <v>21666</v>
      </c>
      <c r="D6155" s="1" t="s">
        <v>21666</v>
      </c>
      <c r="E6155" s="1"/>
      <c r="F6155" s="1" t="s">
        <v>21666</v>
      </c>
      <c r="G6155" s="1" t="s">
        <v>1042</v>
      </c>
      <c r="H6155" s="1" t="s">
        <v>21667</v>
      </c>
      <c r="I6155" s="1" t="s">
        <v>19310</v>
      </c>
      <c r="J6155" s="1" t="s">
        <v>19</v>
      </c>
      <c r="K6155" s="1" t="s">
        <v>47</v>
      </c>
      <c r="L6155" s="1" t="s">
        <v>21665</v>
      </c>
      <c r="M6155" s="1" t="s">
        <v>5</v>
      </c>
      <c r="N6155" s="1" t="s">
        <v>1597</v>
      </c>
      <c r="O6155" s="1" t="s">
        <v>8</v>
      </c>
      <c r="P6155" s="5"/>
    </row>
    <row r="6156" spans="1:16" x14ac:dyDescent="0.2">
      <c r="A6156" s="1" t="s">
        <v>32</v>
      </c>
      <c r="B6156" s="1" t="s">
        <v>1163</v>
      </c>
      <c r="C6156" s="1" t="s">
        <v>21669</v>
      </c>
      <c r="D6156" s="1" t="s">
        <v>21670</v>
      </c>
      <c r="E6156" s="1" t="s">
        <v>10</v>
      </c>
      <c r="F6156" s="1" t="s">
        <v>21671</v>
      </c>
      <c r="G6156" s="1" t="s">
        <v>1042</v>
      </c>
      <c r="H6156" s="1" t="s">
        <v>21672</v>
      </c>
      <c r="I6156" s="1" t="s">
        <v>19310</v>
      </c>
      <c r="J6156" s="1" t="s">
        <v>19</v>
      </c>
      <c r="K6156" s="1" t="s">
        <v>64</v>
      </c>
      <c r="L6156" s="1" t="s">
        <v>21668</v>
      </c>
      <c r="M6156" s="1" t="s">
        <v>5</v>
      </c>
      <c r="N6156" s="1" t="s">
        <v>25</v>
      </c>
      <c r="O6156" s="1" t="s">
        <v>8</v>
      </c>
      <c r="P6156" s="5"/>
    </row>
    <row r="6157" spans="1:16" x14ac:dyDescent="0.2">
      <c r="A6157" s="1" t="s">
        <v>66</v>
      </c>
      <c r="B6157" s="1" t="s">
        <v>1117</v>
      </c>
      <c r="C6157" s="1" t="s">
        <v>21674</v>
      </c>
      <c r="D6157" s="1" t="s">
        <v>21675</v>
      </c>
      <c r="E6157" s="1" t="s">
        <v>21676</v>
      </c>
      <c r="F6157" s="1" t="s">
        <v>10</v>
      </c>
      <c r="G6157" s="1" t="s">
        <v>10</v>
      </c>
      <c r="H6157" s="1" t="s">
        <v>10</v>
      </c>
      <c r="I6157" s="1" t="s">
        <v>19310</v>
      </c>
      <c r="J6157" s="1" t="s">
        <v>19833</v>
      </c>
      <c r="K6157" s="1" t="s">
        <v>7</v>
      </c>
      <c r="L6157" s="1" t="s">
        <v>21673</v>
      </c>
      <c r="M6157" s="1" t="s">
        <v>5</v>
      </c>
      <c r="N6157" s="1" t="s">
        <v>6</v>
      </c>
      <c r="O6157" s="1" t="s">
        <v>38</v>
      </c>
      <c r="P6157" s="5"/>
    </row>
    <row r="6158" spans="1:16" x14ac:dyDescent="0.2">
      <c r="A6158" s="1" t="s">
        <v>194</v>
      </c>
      <c r="B6158" s="1" t="s">
        <v>195</v>
      </c>
      <c r="C6158" s="1" t="s">
        <v>21678</v>
      </c>
      <c r="D6158" s="1" t="s">
        <v>21678</v>
      </c>
      <c r="E6158" s="1" t="s">
        <v>21679</v>
      </c>
      <c r="F6158" s="1" t="s">
        <v>27</v>
      </c>
      <c r="G6158" s="1" t="s">
        <v>10</v>
      </c>
      <c r="H6158" s="1" t="s">
        <v>21680</v>
      </c>
      <c r="I6158" s="1" t="s">
        <v>19310</v>
      </c>
      <c r="J6158" s="1" t="s">
        <v>19851</v>
      </c>
      <c r="K6158" s="1" t="s">
        <v>27</v>
      </c>
      <c r="L6158" s="1" t="s">
        <v>21677</v>
      </c>
      <c r="M6158" s="1" t="s">
        <v>5</v>
      </c>
      <c r="N6158" s="1" t="s">
        <v>6</v>
      </c>
      <c r="O6158" s="1" t="s">
        <v>8</v>
      </c>
      <c r="P6158" s="5" t="s">
        <v>10</v>
      </c>
    </row>
    <row r="6159" spans="1:16" x14ac:dyDescent="0.2">
      <c r="A6159" s="1" t="s">
        <v>42</v>
      </c>
      <c r="B6159" s="1" t="s">
        <v>1377</v>
      </c>
      <c r="C6159" s="1" t="s">
        <v>21682</v>
      </c>
      <c r="D6159" s="1" t="s">
        <v>21683</v>
      </c>
      <c r="E6159" s="1" t="s">
        <v>21684</v>
      </c>
      <c r="F6159" s="1" t="s">
        <v>10</v>
      </c>
      <c r="G6159" s="1" t="s">
        <v>10</v>
      </c>
      <c r="H6159" s="1" t="s">
        <v>10</v>
      </c>
      <c r="I6159" s="1" t="s">
        <v>19310</v>
      </c>
      <c r="J6159" s="1" t="s">
        <v>10</v>
      </c>
      <c r="K6159" s="1" t="s">
        <v>64</v>
      </c>
      <c r="L6159" s="1" t="s">
        <v>21681</v>
      </c>
      <c r="M6159" s="1" t="s">
        <v>5</v>
      </c>
      <c r="N6159" s="1" t="s">
        <v>25</v>
      </c>
      <c r="O6159" s="1" t="s">
        <v>38</v>
      </c>
      <c r="P6159" s="5" t="s">
        <v>10</v>
      </c>
    </row>
    <row r="6160" spans="1:16" x14ac:dyDescent="0.2">
      <c r="A6160" s="1" t="s">
        <v>194</v>
      </c>
      <c r="B6160" s="1" t="s">
        <v>6479</v>
      </c>
      <c r="C6160" s="1" t="s">
        <v>21686</v>
      </c>
      <c r="D6160" s="1" t="s">
        <v>21686</v>
      </c>
      <c r="E6160" s="1" t="s">
        <v>21687</v>
      </c>
      <c r="F6160" s="1" t="s">
        <v>27</v>
      </c>
      <c r="G6160" s="1" t="s">
        <v>10</v>
      </c>
      <c r="H6160" s="1" t="s">
        <v>21688</v>
      </c>
      <c r="I6160" s="1" t="s">
        <v>19310</v>
      </c>
      <c r="J6160" s="1" t="s">
        <v>10</v>
      </c>
      <c r="K6160" s="1" t="s">
        <v>10</v>
      </c>
      <c r="L6160" s="1" t="s">
        <v>21685</v>
      </c>
      <c r="M6160" s="1" t="s">
        <v>5</v>
      </c>
      <c r="N6160" s="1" t="s">
        <v>6</v>
      </c>
      <c r="O6160" s="1" t="s">
        <v>8</v>
      </c>
      <c r="P6160" s="5" t="s">
        <v>30661</v>
      </c>
    </row>
    <row r="6161" spans="1:16" x14ac:dyDescent="0.2">
      <c r="A6161" s="1" t="s">
        <v>194</v>
      </c>
      <c r="B6161" s="1" t="s">
        <v>6479</v>
      </c>
      <c r="C6161" s="1" t="s">
        <v>21690</v>
      </c>
      <c r="D6161" s="1" t="s">
        <v>21691</v>
      </c>
      <c r="E6161" s="1" t="s">
        <v>21692</v>
      </c>
      <c r="F6161" s="1" t="s">
        <v>27</v>
      </c>
      <c r="G6161" s="1" t="s">
        <v>10</v>
      </c>
      <c r="H6161" s="1" t="s">
        <v>21693</v>
      </c>
      <c r="I6161" s="1" t="s">
        <v>19310</v>
      </c>
      <c r="J6161" s="1" t="s">
        <v>19727</v>
      </c>
      <c r="K6161" s="1" t="s">
        <v>586</v>
      </c>
      <c r="L6161" s="1" t="s">
        <v>21689</v>
      </c>
      <c r="M6161" s="1" t="s">
        <v>5</v>
      </c>
      <c r="N6161" s="1" t="s">
        <v>25</v>
      </c>
      <c r="O6161" s="1" t="s">
        <v>8</v>
      </c>
      <c r="P6161" s="5"/>
    </row>
    <row r="6162" spans="1:16" x14ac:dyDescent="0.2">
      <c r="A6162" s="1" t="s">
        <v>329</v>
      </c>
      <c r="B6162" s="1" t="s">
        <v>1738</v>
      </c>
      <c r="C6162" s="1" t="s">
        <v>21695</v>
      </c>
      <c r="D6162" s="1" t="s">
        <v>21696</v>
      </c>
      <c r="E6162" s="1"/>
      <c r="F6162" s="1" t="s">
        <v>522</v>
      </c>
      <c r="G6162" s="1" t="s">
        <v>10</v>
      </c>
      <c r="H6162" s="1" t="s">
        <v>21697</v>
      </c>
      <c r="I6162" s="1" t="s">
        <v>19310</v>
      </c>
      <c r="J6162" s="1" t="s">
        <v>19727</v>
      </c>
      <c r="K6162" s="1" t="s">
        <v>27</v>
      </c>
      <c r="L6162" s="1" t="s">
        <v>21694</v>
      </c>
      <c r="M6162" s="1" t="s">
        <v>5</v>
      </c>
      <c r="N6162" s="1" t="s">
        <v>25</v>
      </c>
      <c r="O6162" s="1" t="s">
        <v>8</v>
      </c>
      <c r="P6162" s="5" t="s">
        <v>10</v>
      </c>
    </row>
    <row r="6163" spans="1:16" x14ac:dyDescent="0.2">
      <c r="A6163" s="1" t="s">
        <v>194</v>
      </c>
      <c r="B6163" s="1" t="s">
        <v>4497</v>
      </c>
      <c r="C6163" s="1" t="s">
        <v>21699</v>
      </c>
      <c r="D6163" s="1" t="s">
        <v>21700</v>
      </c>
      <c r="E6163" s="1"/>
      <c r="F6163" s="1" t="s">
        <v>10</v>
      </c>
      <c r="G6163" s="1" t="s">
        <v>10</v>
      </c>
      <c r="H6163" s="1" t="s">
        <v>10</v>
      </c>
      <c r="I6163" s="1" t="s">
        <v>19310</v>
      </c>
      <c r="J6163" s="1" t="s">
        <v>21701</v>
      </c>
      <c r="K6163" s="1" t="s">
        <v>10</v>
      </c>
      <c r="L6163" s="1" t="s">
        <v>21698</v>
      </c>
      <c r="M6163" s="1" t="s">
        <v>5</v>
      </c>
      <c r="N6163" s="1" t="s">
        <v>25</v>
      </c>
      <c r="O6163" s="1" t="s">
        <v>38</v>
      </c>
      <c r="P6163" s="5" t="s">
        <v>10</v>
      </c>
    </row>
    <row r="6164" spans="1:16" x14ac:dyDescent="0.2">
      <c r="A6164" s="1" t="s">
        <v>20</v>
      </c>
      <c r="B6164" s="1" t="s">
        <v>445</v>
      </c>
      <c r="C6164" s="1" t="s">
        <v>21703</v>
      </c>
      <c r="D6164" s="1" t="s">
        <v>21704</v>
      </c>
      <c r="E6164" s="1" t="s">
        <v>21705</v>
      </c>
      <c r="F6164" s="1" t="s">
        <v>10</v>
      </c>
      <c r="G6164" s="1" t="s">
        <v>10</v>
      </c>
      <c r="H6164" s="1" t="s">
        <v>10</v>
      </c>
      <c r="I6164" s="1" t="s">
        <v>19310</v>
      </c>
      <c r="J6164" s="1" t="s">
        <v>20092</v>
      </c>
      <c r="K6164" s="1" t="s">
        <v>7</v>
      </c>
      <c r="L6164" s="1" t="s">
        <v>21702</v>
      </c>
      <c r="M6164" s="1" t="s">
        <v>5</v>
      </c>
      <c r="N6164" s="1" t="s">
        <v>25</v>
      </c>
      <c r="O6164" s="1" t="s">
        <v>38</v>
      </c>
      <c r="P6164" s="5" t="s">
        <v>32146</v>
      </c>
    </row>
    <row r="6165" spans="1:16" x14ac:dyDescent="0.2">
      <c r="A6165" s="1" t="s">
        <v>1385</v>
      </c>
      <c r="B6165" s="1" t="s">
        <v>2028</v>
      </c>
      <c r="C6165" s="1" t="s">
        <v>2026</v>
      </c>
      <c r="D6165" s="1" t="s">
        <v>2027</v>
      </c>
      <c r="E6165" s="1" t="s">
        <v>21707</v>
      </c>
      <c r="F6165" s="1" t="s">
        <v>14</v>
      </c>
      <c r="G6165" s="1" t="s">
        <v>1042</v>
      </c>
      <c r="H6165" s="1" t="s">
        <v>21708</v>
      </c>
      <c r="I6165" s="1" t="s">
        <v>19310</v>
      </c>
      <c r="J6165" s="1" t="s">
        <v>19</v>
      </c>
      <c r="K6165" s="1" t="s">
        <v>64</v>
      </c>
      <c r="L6165" s="1" t="s">
        <v>21706</v>
      </c>
      <c r="M6165" s="1" t="s">
        <v>5</v>
      </c>
      <c r="N6165" s="1" t="s">
        <v>25</v>
      </c>
      <c r="O6165" s="1" t="s">
        <v>8</v>
      </c>
      <c r="P6165" s="5"/>
    </row>
    <row r="6166" spans="1:16" x14ac:dyDescent="0.2">
      <c r="A6166" s="1" t="s">
        <v>329</v>
      </c>
      <c r="B6166" s="1" t="s">
        <v>1976</v>
      </c>
      <c r="C6166" s="1" t="s">
        <v>21710</v>
      </c>
      <c r="D6166" s="1" t="s">
        <v>21711</v>
      </c>
      <c r="E6166" s="1" t="s">
        <v>21712</v>
      </c>
      <c r="F6166" s="1" t="s">
        <v>10</v>
      </c>
      <c r="G6166" s="1" t="s">
        <v>1042</v>
      </c>
      <c r="H6166" s="1" t="s">
        <v>10</v>
      </c>
      <c r="I6166" s="1" t="s">
        <v>19310</v>
      </c>
      <c r="J6166" s="1" t="s">
        <v>10901</v>
      </c>
      <c r="K6166" s="1" t="s">
        <v>64</v>
      </c>
      <c r="L6166" s="1" t="s">
        <v>21709</v>
      </c>
      <c r="M6166" s="1" t="s">
        <v>5</v>
      </c>
      <c r="N6166" s="1" t="s">
        <v>25</v>
      </c>
      <c r="O6166" s="1" t="s">
        <v>8</v>
      </c>
      <c r="P6166" s="5" t="s">
        <v>32147</v>
      </c>
    </row>
    <row r="6167" spans="1:16" x14ac:dyDescent="0.2">
      <c r="A6167" s="1" t="s">
        <v>10</v>
      </c>
      <c r="B6167" s="1" t="s">
        <v>10</v>
      </c>
      <c r="C6167" s="1" t="s">
        <v>21714</v>
      </c>
      <c r="D6167" s="1" t="s">
        <v>21714</v>
      </c>
      <c r="E6167" s="1" t="s">
        <v>10</v>
      </c>
      <c r="F6167" s="1" t="s">
        <v>10</v>
      </c>
      <c r="G6167" s="1" t="s">
        <v>10</v>
      </c>
      <c r="H6167" s="1" t="s">
        <v>10</v>
      </c>
      <c r="I6167" s="1" t="s">
        <v>19310</v>
      </c>
      <c r="J6167" s="1" t="s">
        <v>10</v>
      </c>
      <c r="K6167" s="1" t="s">
        <v>10</v>
      </c>
      <c r="L6167" s="1" t="s">
        <v>21713</v>
      </c>
      <c r="M6167" s="1" t="s">
        <v>3905</v>
      </c>
      <c r="N6167" s="1" t="s">
        <v>6</v>
      </c>
      <c r="O6167" s="1" t="s">
        <v>38</v>
      </c>
      <c r="P6167" s="5"/>
    </row>
    <row r="6168" spans="1:16" x14ac:dyDescent="0.2">
      <c r="A6168" s="1" t="s">
        <v>1086</v>
      </c>
      <c r="B6168" s="1" t="s">
        <v>1400</v>
      </c>
      <c r="C6168" s="1" t="s">
        <v>21716</v>
      </c>
      <c r="D6168" s="1" t="s">
        <v>7849</v>
      </c>
      <c r="E6168" s="1" t="s">
        <v>10</v>
      </c>
      <c r="F6168" s="1" t="s">
        <v>10</v>
      </c>
      <c r="G6168" s="1" t="s">
        <v>1042</v>
      </c>
      <c r="H6168" s="1" t="s">
        <v>21717</v>
      </c>
      <c r="I6168" s="1" t="s">
        <v>19310</v>
      </c>
      <c r="J6168" s="1" t="s">
        <v>19</v>
      </c>
      <c r="K6168" s="1" t="s">
        <v>64</v>
      </c>
      <c r="L6168" s="1" t="s">
        <v>21715</v>
      </c>
      <c r="M6168" s="1" t="s">
        <v>5</v>
      </c>
      <c r="N6168" s="1" t="s">
        <v>1009</v>
      </c>
      <c r="O6168" s="1" t="s">
        <v>8</v>
      </c>
      <c r="P6168" s="5" t="s">
        <v>29944</v>
      </c>
    </row>
    <row r="6169" spans="1:16" x14ac:dyDescent="0.2">
      <c r="A6169" s="1" t="s">
        <v>1086</v>
      </c>
      <c r="B6169" s="1" t="s">
        <v>10308</v>
      </c>
      <c r="C6169" s="1" t="s">
        <v>21719</v>
      </c>
      <c r="D6169" s="1" t="s">
        <v>21720</v>
      </c>
      <c r="E6169" s="1" t="s">
        <v>21721</v>
      </c>
      <c r="F6169" s="1" t="s">
        <v>10</v>
      </c>
      <c r="G6169" s="1" t="s">
        <v>1042</v>
      </c>
      <c r="H6169" s="1" t="s">
        <v>10</v>
      </c>
      <c r="I6169" s="1" t="s">
        <v>19310</v>
      </c>
      <c r="J6169" s="1" t="s">
        <v>19</v>
      </c>
      <c r="K6169" s="1" t="s">
        <v>64</v>
      </c>
      <c r="L6169" s="1" t="s">
        <v>21718</v>
      </c>
      <c r="M6169" s="1" t="s">
        <v>5</v>
      </c>
      <c r="N6169" s="1" t="s">
        <v>1009</v>
      </c>
      <c r="O6169" s="1" t="s">
        <v>8</v>
      </c>
      <c r="P6169" s="5" t="s">
        <v>30662</v>
      </c>
    </row>
    <row r="6170" spans="1:16" x14ac:dyDescent="0.2">
      <c r="A6170" s="1" t="s">
        <v>10</v>
      </c>
      <c r="B6170" s="1" t="s">
        <v>10</v>
      </c>
      <c r="C6170" s="1" t="s">
        <v>21723</v>
      </c>
      <c r="D6170" s="1" t="s">
        <v>21724</v>
      </c>
      <c r="E6170" s="1" t="s">
        <v>21725</v>
      </c>
      <c r="F6170" s="1" t="s">
        <v>10</v>
      </c>
      <c r="G6170" s="1" t="s">
        <v>10</v>
      </c>
      <c r="H6170" s="1" t="s">
        <v>10</v>
      </c>
      <c r="I6170" s="1" t="s">
        <v>19310</v>
      </c>
      <c r="J6170" s="1" t="s">
        <v>10</v>
      </c>
      <c r="K6170" s="1" t="s">
        <v>10</v>
      </c>
      <c r="L6170" s="1" t="s">
        <v>21722</v>
      </c>
      <c r="M6170" s="1" t="s">
        <v>5</v>
      </c>
      <c r="N6170" s="1" t="s">
        <v>1695</v>
      </c>
      <c r="O6170" s="1" t="s">
        <v>38</v>
      </c>
      <c r="P6170" s="5"/>
    </row>
    <row r="6171" spans="1:16" x14ac:dyDescent="0.2">
      <c r="A6171" s="1" t="s">
        <v>20</v>
      </c>
      <c r="B6171" s="1" t="s">
        <v>4373</v>
      </c>
      <c r="C6171" s="1" t="s">
        <v>7301</v>
      </c>
      <c r="D6171" s="1" t="s">
        <v>10</v>
      </c>
      <c r="E6171" s="1" t="s">
        <v>10</v>
      </c>
      <c r="F6171" s="1" t="s">
        <v>10</v>
      </c>
      <c r="G6171" s="1" t="s">
        <v>10</v>
      </c>
      <c r="H6171" s="1" t="s">
        <v>10</v>
      </c>
      <c r="I6171" s="1" t="s">
        <v>19310</v>
      </c>
      <c r="J6171" s="1" t="s">
        <v>19727</v>
      </c>
      <c r="K6171" s="1" t="s">
        <v>10</v>
      </c>
      <c r="L6171" s="1" t="s">
        <v>21726</v>
      </c>
      <c r="M6171" s="1" t="s">
        <v>5</v>
      </c>
      <c r="N6171" s="1" t="s">
        <v>1009</v>
      </c>
      <c r="O6171" s="1" t="s">
        <v>8</v>
      </c>
      <c r="P6171" s="5"/>
    </row>
    <row r="6172" spans="1:16" x14ac:dyDescent="0.2">
      <c r="A6172" s="1" t="s">
        <v>10</v>
      </c>
      <c r="B6172" s="1" t="s">
        <v>10</v>
      </c>
      <c r="C6172" s="1" t="s">
        <v>21728</v>
      </c>
      <c r="D6172" s="1" t="s">
        <v>21729</v>
      </c>
      <c r="E6172" s="1" t="s">
        <v>10</v>
      </c>
      <c r="F6172" s="1" t="s">
        <v>10</v>
      </c>
      <c r="G6172" s="1" t="s">
        <v>10</v>
      </c>
      <c r="H6172" s="1" t="s">
        <v>10</v>
      </c>
      <c r="I6172" s="1" t="s">
        <v>19310</v>
      </c>
      <c r="J6172" s="1" t="s">
        <v>19727</v>
      </c>
      <c r="K6172" s="1" t="s">
        <v>10</v>
      </c>
      <c r="L6172" s="1" t="s">
        <v>21727</v>
      </c>
      <c r="M6172" s="1" t="s">
        <v>5</v>
      </c>
      <c r="N6172" s="1" t="s">
        <v>25</v>
      </c>
      <c r="O6172" s="1" t="s">
        <v>38</v>
      </c>
      <c r="P6172" s="5"/>
    </row>
    <row r="6173" spans="1:16" x14ac:dyDescent="0.2">
      <c r="A6173" s="1" t="s">
        <v>42</v>
      </c>
      <c r="B6173" s="1" t="s">
        <v>1377</v>
      </c>
      <c r="C6173" s="1" t="s">
        <v>21731</v>
      </c>
      <c r="D6173" s="1" t="s">
        <v>20883</v>
      </c>
      <c r="E6173" s="1" t="s">
        <v>21732</v>
      </c>
      <c r="F6173" s="1" t="s">
        <v>10</v>
      </c>
      <c r="G6173" s="1" t="s">
        <v>10</v>
      </c>
      <c r="H6173" s="1" t="s">
        <v>10</v>
      </c>
      <c r="I6173" s="1" t="s">
        <v>19310</v>
      </c>
      <c r="J6173" s="1" t="s">
        <v>19727</v>
      </c>
      <c r="K6173" s="1" t="s">
        <v>14695</v>
      </c>
      <c r="L6173" s="1" t="s">
        <v>21730</v>
      </c>
      <c r="M6173" s="1" t="s">
        <v>5</v>
      </c>
      <c r="N6173" s="1" t="s">
        <v>25</v>
      </c>
      <c r="O6173" s="1" t="s">
        <v>38</v>
      </c>
      <c r="P6173" s="5" t="s">
        <v>10</v>
      </c>
    </row>
    <row r="6174" spans="1:16" x14ac:dyDescent="0.2">
      <c r="A6174" s="1" t="s">
        <v>20</v>
      </c>
      <c r="B6174" s="1" t="s">
        <v>101</v>
      </c>
      <c r="C6174" s="1" t="s">
        <v>21734</v>
      </c>
      <c r="D6174" s="1" t="s">
        <v>10</v>
      </c>
      <c r="E6174" s="1"/>
      <c r="F6174" s="1" t="s">
        <v>522</v>
      </c>
      <c r="G6174" s="1" t="s">
        <v>10</v>
      </c>
      <c r="H6174" s="1" t="s">
        <v>21735</v>
      </c>
      <c r="I6174" s="1" t="s">
        <v>19310</v>
      </c>
      <c r="J6174" s="1" t="s">
        <v>19727</v>
      </c>
      <c r="K6174" s="1" t="s">
        <v>443</v>
      </c>
      <c r="L6174" s="1" t="s">
        <v>21733</v>
      </c>
      <c r="M6174" s="1" t="s">
        <v>5</v>
      </c>
      <c r="N6174" s="1" t="s">
        <v>25</v>
      </c>
      <c r="O6174" s="1" t="s">
        <v>8</v>
      </c>
      <c r="P6174" s="5" t="s">
        <v>10</v>
      </c>
    </row>
    <row r="6175" spans="1:16" x14ac:dyDescent="0.2">
      <c r="A6175" s="1" t="s">
        <v>1385</v>
      </c>
      <c r="B6175" s="1" t="s">
        <v>1687</v>
      </c>
      <c r="C6175" s="1" t="s">
        <v>21737</v>
      </c>
      <c r="D6175" s="1" t="s">
        <v>21738</v>
      </c>
      <c r="E6175" s="1" t="s">
        <v>8116</v>
      </c>
      <c r="F6175" s="1" t="s">
        <v>10</v>
      </c>
      <c r="G6175" s="1" t="s">
        <v>10</v>
      </c>
      <c r="H6175" s="1" t="s">
        <v>21739</v>
      </c>
      <c r="I6175" s="1" t="s">
        <v>19310</v>
      </c>
      <c r="J6175" s="1" t="s">
        <v>19727</v>
      </c>
      <c r="K6175" s="1" t="s">
        <v>27</v>
      </c>
      <c r="L6175" s="1" t="s">
        <v>21736</v>
      </c>
      <c r="M6175" s="1" t="s">
        <v>5</v>
      </c>
      <c r="N6175" s="1" t="s">
        <v>25</v>
      </c>
      <c r="O6175" s="1" t="s">
        <v>8</v>
      </c>
      <c r="P6175" s="5" t="s">
        <v>30663</v>
      </c>
    </row>
    <row r="6176" spans="1:16" x14ac:dyDescent="0.2">
      <c r="A6176" s="1" t="s">
        <v>66</v>
      </c>
      <c r="B6176" s="1" t="s">
        <v>67</v>
      </c>
      <c r="C6176" s="1" t="s">
        <v>11434</v>
      </c>
      <c r="D6176" s="1" t="s">
        <v>8409</v>
      </c>
      <c r="E6176" s="1" t="s">
        <v>21741</v>
      </c>
      <c r="F6176" s="1" t="s">
        <v>16290</v>
      </c>
      <c r="G6176" s="1" t="s">
        <v>1042</v>
      </c>
      <c r="H6176" s="1" t="s">
        <v>8409</v>
      </c>
      <c r="I6176" s="1" t="s">
        <v>19310</v>
      </c>
      <c r="J6176" s="1" t="s">
        <v>10901</v>
      </c>
      <c r="K6176" s="1" t="s">
        <v>37</v>
      </c>
      <c r="L6176" s="1" t="s">
        <v>21740</v>
      </c>
      <c r="M6176" s="1" t="s">
        <v>5</v>
      </c>
      <c r="N6176" s="1" t="s">
        <v>25</v>
      </c>
      <c r="O6176" s="1" t="s">
        <v>8</v>
      </c>
      <c r="P6176" s="5" t="s">
        <v>29846</v>
      </c>
    </row>
    <row r="6177" spans="1:16" x14ac:dyDescent="0.2">
      <c r="A6177" s="1" t="s">
        <v>329</v>
      </c>
      <c r="B6177" s="1" t="s">
        <v>340</v>
      </c>
      <c r="C6177" s="1" t="s">
        <v>21744</v>
      </c>
      <c r="D6177" s="1" t="s">
        <v>21744</v>
      </c>
      <c r="E6177" s="1" t="s">
        <v>21745</v>
      </c>
      <c r="F6177" s="1" t="s">
        <v>27</v>
      </c>
      <c r="G6177" s="1" t="s">
        <v>10</v>
      </c>
      <c r="H6177" s="1" t="s">
        <v>21746</v>
      </c>
      <c r="I6177" s="1" t="s">
        <v>21742</v>
      </c>
      <c r="J6177" s="1" t="s">
        <v>10</v>
      </c>
      <c r="K6177" s="1" t="s">
        <v>64</v>
      </c>
      <c r="L6177" s="1" t="s">
        <v>21743</v>
      </c>
      <c r="M6177" s="1" t="s">
        <v>5</v>
      </c>
      <c r="N6177" s="1" t="s">
        <v>10</v>
      </c>
      <c r="O6177" s="1" t="s">
        <v>8</v>
      </c>
      <c r="P6177" s="5" t="s">
        <v>60</v>
      </c>
    </row>
    <row r="6178" spans="1:16" x14ac:dyDescent="0.2">
      <c r="A6178" s="1" t="s">
        <v>329</v>
      </c>
      <c r="B6178" s="1" t="s">
        <v>1168</v>
      </c>
      <c r="C6178" s="1" t="s">
        <v>21748</v>
      </c>
      <c r="D6178" s="1" t="s">
        <v>21748</v>
      </c>
      <c r="E6178" s="1" t="s">
        <v>21749</v>
      </c>
      <c r="F6178" s="1" t="s">
        <v>27</v>
      </c>
      <c r="G6178" s="1" t="s">
        <v>10</v>
      </c>
      <c r="H6178" s="1" t="s">
        <v>21750</v>
      </c>
      <c r="I6178" s="1" t="s">
        <v>21742</v>
      </c>
      <c r="J6178" s="1" t="s">
        <v>10</v>
      </c>
      <c r="K6178" s="1" t="s">
        <v>7</v>
      </c>
      <c r="L6178" s="1" t="s">
        <v>21747</v>
      </c>
      <c r="M6178" s="1" t="s">
        <v>5</v>
      </c>
      <c r="N6178" s="1" t="s">
        <v>10</v>
      </c>
      <c r="O6178" s="1" t="s">
        <v>8</v>
      </c>
      <c r="P6178" s="5"/>
    </row>
    <row r="6179" spans="1:16" x14ac:dyDescent="0.2">
      <c r="A6179" s="1" t="s">
        <v>20</v>
      </c>
      <c r="B6179" s="1" t="s">
        <v>21</v>
      </c>
      <c r="C6179" s="1" t="s">
        <v>21752</v>
      </c>
      <c r="D6179" s="1" t="s">
        <v>21752</v>
      </c>
      <c r="E6179" s="1" t="s">
        <v>21753</v>
      </c>
      <c r="F6179" s="1" t="s">
        <v>27</v>
      </c>
      <c r="G6179" s="1" t="s">
        <v>10</v>
      </c>
      <c r="H6179" s="1" t="s">
        <v>21754</v>
      </c>
      <c r="I6179" s="1" t="s">
        <v>21742</v>
      </c>
      <c r="J6179" s="1" t="s">
        <v>10</v>
      </c>
      <c r="K6179" s="1" t="s">
        <v>7</v>
      </c>
      <c r="L6179" s="1" t="s">
        <v>21751</v>
      </c>
      <c r="M6179" s="1" t="s">
        <v>5</v>
      </c>
      <c r="N6179" s="1" t="s">
        <v>10</v>
      </c>
      <c r="O6179" s="1" t="s">
        <v>8</v>
      </c>
      <c r="P6179" s="5" t="s">
        <v>32148</v>
      </c>
    </row>
    <row r="6180" spans="1:16" x14ac:dyDescent="0.2">
      <c r="A6180" s="1" t="s">
        <v>1385</v>
      </c>
      <c r="B6180" s="1" t="s">
        <v>2930</v>
      </c>
      <c r="C6180" s="1" t="s">
        <v>21756</v>
      </c>
      <c r="D6180" s="1" t="s">
        <v>21756</v>
      </c>
      <c r="E6180" s="1" t="s">
        <v>21757</v>
      </c>
      <c r="F6180" s="1" t="s">
        <v>27</v>
      </c>
      <c r="G6180" s="1" t="s">
        <v>10</v>
      </c>
      <c r="H6180" s="1" t="s">
        <v>21758</v>
      </c>
      <c r="I6180" s="1" t="s">
        <v>21742</v>
      </c>
      <c r="J6180" s="1" t="s">
        <v>10</v>
      </c>
      <c r="K6180" s="1" t="s">
        <v>100</v>
      </c>
      <c r="L6180" s="1" t="s">
        <v>21755</v>
      </c>
      <c r="M6180" s="1" t="s">
        <v>5</v>
      </c>
      <c r="N6180" s="1" t="s">
        <v>10</v>
      </c>
      <c r="O6180" s="1" t="s">
        <v>8</v>
      </c>
      <c r="P6180" s="5"/>
    </row>
    <row r="6181" spans="1:16" x14ac:dyDescent="0.2">
      <c r="A6181" s="1" t="s">
        <v>423</v>
      </c>
      <c r="B6181" s="1" t="s">
        <v>424</v>
      </c>
      <c r="C6181" s="1" t="s">
        <v>21760</v>
      </c>
      <c r="D6181" s="1" t="s">
        <v>21760</v>
      </c>
      <c r="E6181" s="1" t="s">
        <v>21761</v>
      </c>
      <c r="F6181" s="1" t="s">
        <v>522</v>
      </c>
      <c r="G6181" s="1" t="s">
        <v>10</v>
      </c>
      <c r="H6181" s="1" t="s">
        <v>10</v>
      </c>
      <c r="I6181" s="1" t="s">
        <v>21742</v>
      </c>
      <c r="J6181" s="1" t="s">
        <v>10</v>
      </c>
      <c r="K6181" s="1" t="s">
        <v>64</v>
      </c>
      <c r="L6181" s="1" t="s">
        <v>21759</v>
      </c>
      <c r="M6181" s="1" t="s">
        <v>5</v>
      </c>
      <c r="N6181" s="1" t="s">
        <v>10</v>
      </c>
      <c r="O6181" s="1" t="s">
        <v>8</v>
      </c>
      <c r="P6181" s="5"/>
    </row>
    <row r="6182" spans="1:16" x14ac:dyDescent="0.2">
      <c r="A6182" s="1" t="s">
        <v>10</v>
      </c>
      <c r="B6182" s="1" t="s">
        <v>10</v>
      </c>
      <c r="C6182" s="1" t="s">
        <v>21763</v>
      </c>
      <c r="D6182" s="1" t="s">
        <v>21764</v>
      </c>
      <c r="E6182" s="1" t="s">
        <v>21765</v>
      </c>
      <c r="F6182" s="1" t="s">
        <v>27</v>
      </c>
      <c r="G6182" s="1" t="s">
        <v>10</v>
      </c>
      <c r="H6182" s="1" t="s">
        <v>21763</v>
      </c>
      <c r="I6182" s="1" t="s">
        <v>21742</v>
      </c>
      <c r="J6182" s="1" t="s">
        <v>10</v>
      </c>
      <c r="K6182" s="1" t="s">
        <v>64</v>
      </c>
      <c r="L6182" s="1" t="s">
        <v>21762</v>
      </c>
      <c r="M6182" s="1" t="s">
        <v>5</v>
      </c>
      <c r="N6182" s="1" t="s">
        <v>10</v>
      </c>
      <c r="O6182" s="1" t="s">
        <v>8</v>
      </c>
      <c r="P6182" s="5"/>
    </row>
    <row r="6183" spans="1:16" x14ac:dyDescent="0.2">
      <c r="A6183" s="1" t="s">
        <v>194</v>
      </c>
      <c r="B6183" s="1" t="s">
        <v>195</v>
      </c>
      <c r="C6183" s="1" t="s">
        <v>21767</v>
      </c>
      <c r="D6183" s="1" t="s">
        <v>21768</v>
      </c>
      <c r="E6183" s="1"/>
      <c r="F6183" s="1" t="s">
        <v>10</v>
      </c>
      <c r="G6183" s="1" t="s">
        <v>10</v>
      </c>
      <c r="H6183" s="1" t="s">
        <v>10</v>
      </c>
      <c r="I6183" s="1" t="s">
        <v>21742</v>
      </c>
      <c r="J6183" s="1" t="s">
        <v>21769</v>
      </c>
      <c r="K6183" s="1" t="s">
        <v>27</v>
      </c>
      <c r="L6183" s="1" t="s">
        <v>21766</v>
      </c>
      <c r="M6183" s="1" t="s">
        <v>5</v>
      </c>
      <c r="N6183" s="1" t="s">
        <v>10</v>
      </c>
      <c r="O6183" s="1" t="s">
        <v>38</v>
      </c>
      <c r="P6183" s="5" t="s">
        <v>32149</v>
      </c>
    </row>
    <row r="6184" spans="1:16" x14ac:dyDescent="0.2">
      <c r="A6184" s="1" t="s">
        <v>194</v>
      </c>
      <c r="B6184" s="1" t="s">
        <v>195</v>
      </c>
      <c r="C6184" s="1" t="s">
        <v>21771</v>
      </c>
      <c r="D6184" s="1" t="s">
        <v>85</v>
      </c>
      <c r="E6184" s="1"/>
      <c r="F6184" s="1" t="s">
        <v>10</v>
      </c>
      <c r="G6184" s="1" t="s">
        <v>10</v>
      </c>
      <c r="H6184" s="1" t="s">
        <v>10</v>
      </c>
      <c r="I6184" s="1" t="s">
        <v>21742</v>
      </c>
      <c r="J6184" s="1" t="s">
        <v>21769</v>
      </c>
      <c r="K6184" s="1" t="s">
        <v>27</v>
      </c>
      <c r="L6184" s="1" t="s">
        <v>21770</v>
      </c>
      <c r="M6184" s="1" t="s">
        <v>5</v>
      </c>
      <c r="N6184" s="1" t="s">
        <v>10</v>
      </c>
      <c r="O6184" s="1" t="s">
        <v>38</v>
      </c>
      <c r="P6184" s="5" t="s">
        <v>32150</v>
      </c>
    </row>
    <row r="6185" spans="1:16" x14ac:dyDescent="0.2">
      <c r="A6185" s="1" t="s">
        <v>194</v>
      </c>
      <c r="B6185" s="1" t="s">
        <v>195</v>
      </c>
      <c r="C6185" s="1" t="s">
        <v>21773</v>
      </c>
      <c r="D6185" s="1" t="s">
        <v>21774</v>
      </c>
      <c r="E6185" s="1"/>
      <c r="F6185" s="1" t="s">
        <v>10</v>
      </c>
      <c r="G6185" s="1" t="s">
        <v>10</v>
      </c>
      <c r="H6185" s="1" t="s">
        <v>10</v>
      </c>
      <c r="I6185" s="1" t="s">
        <v>21742</v>
      </c>
      <c r="J6185" s="1" t="s">
        <v>21769</v>
      </c>
      <c r="K6185" s="1" t="s">
        <v>27</v>
      </c>
      <c r="L6185" s="1" t="s">
        <v>21772</v>
      </c>
      <c r="M6185" s="1" t="s">
        <v>5</v>
      </c>
      <c r="N6185" s="1" t="s">
        <v>10</v>
      </c>
      <c r="O6185" s="1" t="s">
        <v>38</v>
      </c>
      <c r="P6185" s="5" t="s">
        <v>32151</v>
      </c>
    </row>
    <row r="6186" spans="1:16" x14ac:dyDescent="0.2">
      <c r="A6186" s="1" t="s">
        <v>194</v>
      </c>
      <c r="B6186" s="1" t="s">
        <v>195</v>
      </c>
      <c r="C6186" s="1" t="s">
        <v>21776</v>
      </c>
      <c r="D6186" s="1" t="s">
        <v>21777</v>
      </c>
      <c r="E6186" s="1"/>
      <c r="F6186" s="1" t="s">
        <v>10</v>
      </c>
      <c r="G6186" s="1" t="s">
        <v>10</v>
      </c>
      <c r="H6186" s="1" t="s">
        <v>10</v>
      </c>
      <c r="I6186" s="1" t="s">
        <v>21742</v>
      </c>
      <c r="J6186" s="1" t="s">
        <v>21769</v>
      </c>
      <c r="K6186" s="1" t="s">
        <v>27</v>
      </c>
      <c r="L6186" s="1" t="s">
        <v>21775</v>
      </c>
      <c r="M6186" s="1" t="s">
        <v>5</v>
      </c>
      <c r="N6186" s="1" t="s">
        <v>10</v>
      </c>
      <c r="O6186" s="1" t="s">
        <v>38</v>
      </c>
      <c r="P6186" s="5" t="s">
        <v>32152</v>
      </c>
    </row>
    <row r="6187" spans="1:16" x14ac:dyDescent="0.2">
      <c r="A6187" s="1" t="s">
        <v>2187</v>
      </c>
      <c r="B6187" s="1" t="s">
        <v>16831</v>
      </c>
      <c r="C6187" s="1" t="s">
        <v>21779</v>
      </c>
      <c r="D6187" s="1" t="s">
        <v>21780</v>
      </c>
      <c r="E6187" s="1" t="s">
        <v>21781</v>
      </c>
      <c r="F6187" s="1" t="s">
        <v>27</v>
      </c>
      <c r="G6187" s="1" t="s">
        <v>10</v>
      </c>
      <c r="H6187" s="1" t="s">
        <v>21779</v>
      </c>
      <c r="I6187" s="1" t="s">
        <v>21742</v>
      </c>
      <c r="J6187" s="1" t="s">
        <v>10</v>
      </c>
      <c r="K6187" s="1" t="s">
        <v>64</v>
      </c>
      <c r="L6187" s="1" t="s">
        <v>21778</v>
      </c>
      <c r="M6187" s="1" t="s">
        <v>5</v>
      </c>
      <c r="N6187" s="1" t="s">
        <v>10</v>
      </c>
      <c r="O6187" s="1" t="s">
        <v>8</v>
      </c>
      <c r="P6187" s="5"/>
    </row>
    <row r="6188" spans="1:16" x14ac:dyDescent="0.2">
      <c r="A6188" s="1" t="s">
        <v>194</v>
      </c>
      <c r="B6188" s="1" t="s">
        <v>6479</v>
      </c>
      <c r="C6188" s="1" t="s">
        <v>21783</v>
      </c>
      <c r="D6188" s="1" t="s">
        <v>21783</v>
      </c>
      <c r="E6188" s="1" t="s">
        <v>21784</v>
      </c>
      <c r="F6188" s="1" t="s">
        <v>27</v>
      </c>
      <c r="G6188" s="1" t="s">
        <v>10</v>
      </c>
      <c r="H6188" s="1" t="s">
        <v>3932</v>
      </c>
      <c r="I6188" s="1" t="s">
        <v>21742</v>
      </c>
      <c r="J6188" s="1" t="s">
        <v>10</v>
      </c>
      <c r="K6188" s="1" t="s">
        <v>37</v>
      </c>
      <c r="L6188" s="1" t="s">
        <v>21782</v>
      </c>
      <c r="M6188" s="1" t="s">
        <v>5</v>
      </c>
      <c r="N6188" s="1" t="s">
        <v>10</v>
      </c>
      <c r="O6188" s="1" t="s">
        <v>8</v>
      </c>
      <c r="P6188" s="5"/>
    </row>
    <row r="6189" spans="1:16" x14ac:dyDescent="0.2">
      <c r="A6189" s="1" t="s">
        <v>194</v>
      </c>
      <c r="B6189" s="1" t="s">
        <v>6479</v>
      </c>
      <c r="C6189" s="1" t="s">
        <v>21786</v>
      </c>
      <c r="D6189" s="1" t="s">
        <v>21787</v>
      </c>
      <c r="E6189" s="1" t="s">
        <v>21788</v>
      </c>
      <c r="F6189" s="1" t="s">
        <v>27</v>
      </c>
      <c r="G6189" s="1" t="s">
        <v>10</v>
      </c>
      <c r="H6189" s="1" t="s">
        <v>21789</v>
      </c>
      <c r="I6189" s="1" t="s">
        <v>21742</v>
      </c>
      <c r="J6189" s="1" t="s">
        <v>10</v>
      </c>
      <c r="K6189" s="1" t="s">
        <v>27</v>
      </c>
      <c r="L6189" s="1" t="s">
        <v>21785</v>
      </c>
      <c r="M6189" s="1" t="s">
        <v>5</v>
      </c>
      <c r="N6189" s="1" t="s">
        <v>10</v>
      </c>
      <c r="O6189" s="1" t="s">
        <v>8</v>
      </c>
      <c r="P6189" s="5" t="s">
        <v>29846</v>
      </c>
    </row>
    <row r="6190" spans="1:16" x14ac:dyDescent="0.2">
      <c r="A6190" s="1" t="s">
        <v>10</v>
      </c>
      <c r="B6190" s="1" t="s">
        <v>10</v>
      </c>
      <c r="C6190" s="1" t="s">
        <v>11122</v>
      </c>
      <c r="D6190" s="1" t="s">
        <v>21791</v>
      </c>
      <c r="E6190" s="1" t="s">
        <v>11122</v>
      </c>
      <c r="F6190" s="1" t="s">
        <v>27</v>
      </c>
      <c r="G6190" s="1" t="s">
        <v>10</v>
      </c>
      <c r="H6190" s="1" t="s">
        <v>21792</v>
      </c>
      <c r="I6190" s="1" t="s">
        <v>21742</v>
      </c>
      <c r="J6190" s="1" t="s">
        <v>10</v>
      </c>
      <c r="K6190" s="1" t="s">
        <v>64</v>
      </c>
      <c r="L6190" s="1" t="s">
        <v>21790</v>
      </c>
      <c r="M6190" s="1" t="s">
        <v>5</v>
      </c>
      <c r="N6190" s="1" t="s">
        <v>10</v>
      </c>
      <c r="O6190" s="1" t="s">
        <v>8</v>
      </c>
      <c r="P6190" s="5" t="s">
        <v>29846</v>
      </c>
    </row>
    <row r="6191" spans="1:16" x14ac:dyDescent="0.2">
      <c r="A6191" s="1" t="s">
        <v>10</v>
      </c>
      <c r="B6191" s="1" t="s">
        <v>10</v>
      </c>
      <c r="C6191" s="1" t="s">
        <v>21794</v>
      </c>
      <c r="D6191" s="1" t="s">
        <v>21795</v>
      </c>
      <c r="E6191" s="1" t="s">
        <v>21794</v>
      </c>
      <c r="F6191" s="1" t="s">
        <v>27</v>
      </c>
      <c r="G6191" s="1" t="s">
        <v>10</v>
      </c>
      <c r="H6191" s="1" t="s">
        <v>10</v>
      </c>
      <c r="I6191" s="1" t="s">
        <v>21742</v>
      </c>
      <c r="J6191" s="1" t="s">
        <v>10</v>
      </c>
      <c r="K6191" s="1" t="s">
        <v>64</v>
      </c>
      <c r="L6191" s="1" t="s">
        <v>21793</v>
      </c>
      <c r="M6191" s="1" t="s">
        <v>5</v>
      </c>
      <c r="N6191" s="1" t="s">
        <v>10</v>
      </c>
      <c r="O6191" s="1" t="s">
        <v>8</v>
      </c>
      <c r="P6191" s="5" t="s">
        <v>29846</v>
      </c>
    </row>
    <row r="6192" spans="1:16" x14ac:dyDescent="0.2">
      <c r="A6192" s="1" t="s">
        <v>1984</v>
      </c>
      <c r="B6192" s="1" t="s">
        <v>21800</v>
      </c>
      <c r="C6192" s="1" t="s">
        <v>21797</v>
      </c>
      <c r="D6192" s="1" t="s">
        <v>21798</v>
      </c>
      <c r="E6192" s="1" t="s">
        <v>21799</v>
      </c>
      <c r="F6192" s="1" t="s">
        <v>27</v>
      </c>
      <c r="G6192" s="1" t="s">
        <v>10</v>
      </c>
      <c r="H6192" s="1" t="s">
        <v>21798</v>
      </c>
      <c r="I6192" s="1" t="s">
        <v>21742</v>
      </c>
      <c r="J6192" s="1" t="s">
        <v>10</v>
      </c>
      <c r="K6192" s="1" t="s">
        <v>64</v>
      </c>
      <c r="L6192" s="1" t="s">
        <v>21796</v>
      </c>
      <c r="M6192" s="1" t="s">
        <v>5</v>
      </c>
      <c r="N6192" s="1" t="s">
        <v>10</v>
      </c>
      <c r="O6192" s="1" t="s">
        <v>8</v>
      </c>
      <c r="P6192" s="5" t="s">
        <v>60</v>
      </c>
    </row>
    <row r="6193" spans="1:16" x14ac:dyDescent="0.2">
      <c r="A6193" s="1" t="s">
        <v>10</v>
      </c>
      <c r="B6193" s="1" t="s">
        <v>10</v>
      </c>
      <c r="C6193" s="1" t="s">
        <v>11330</v>
      </c>
      <c r="D6193" s="1" t="s">
        <v>11330</v>
      </c>
      <c r="E6193" s="1" t="s">
        <v>21753</v>
      </c>
      <c r="F6193" s="1" t="s">
        <v>27</v>
      </c>
      <c r="G6193" s="1" t="s">
        <v>10</v>
      </c>
      <c r="H6193" s="1" t="s">
        <v>21802</v>
      </c>
      <c r="I6193" s="1" t="s">
        <v>21742</v>
      </c>
      <c r="J6193" s="1" t="s">
        <v>10</v>
      </c>
      <c r="K6193" s="1" t="s">
        <v>64</v>
      </c>
      <c r="L6193" s="1" t="s">
        <v>21801</v>
      </c>
      <c r="M6193" s="1" t="s">
        <v>5</v>
      </c>
      <c r="N6193" s="1" t="s">
        <v>10</v>
      </c>
      <c r="O6193" s="1" t="s">
        <v>8</v>
      </c>
      <c r="P6193" s="5" t="s">
        <v>29846</v>
      </c>
    </row>
    <row r="6194" spans="1:16" x14ac:dyDescent="0.2">
      <c r="A6194" s="1" t="s">
        <v>1385</v>
      </c>
      <c r="B6194" s="1" t="s">
        <v>1670</v>
      </c>
      <c r="C6194" s="1" t="s">
        <v>21804</v>
      </c>
      <c r="D6194" s="1" t="s">
        <v>9189</v>
      </c>
      <c r="E6194" s="1" t="s">
        <v>21805</v>
      </c>
      <c r="F6194" s="1" t="s">
        <v>522</v>
      </c>
      <c r="G6194" s="1" t="s">
        <v>10</v>
      </c>
      <c r="H6194" s="1" t="s">
        <v>10</v>
      </c>
      <c r="I6194" s="1" t="s">
        <v>21742</v>
      </c>
      <c r="J6194" s="1" t="s">
        <v>10</v>
      </c>
      <c r="K6194" s="1" t="s">
        <v>64</v>
      </c>
      <c r="L6194" s="1" t="s">
        <v>21803</v>
      </c>
      <c r="M6194" s="1" t="s">
        <v>5</v>
      </c>
      <c r="N6194" s="1" t="s">
        <v>10</v>
      </c>
      <c r="O6194" s="1" t="s">
        <v>8</v>
      </c>
      <c r="P6194" s="5"/>
    </row>
    <row r="6195" spans="1:16" x14ac:dyDescent="0.2">
      <c r="A6195" s="1" t="s">
        <v>66</v>
      </c>
      <c r="B6195" s="1" t="s">
        <v>4741</v>
      </c>
      <c r="C6195" s="1" t="s">
        <v>1018</v>
      </c>
      <c r="D6195" s="1" t="s">
        <v>1019</v>
      </c>
      <c r="E6195" s="1" t="s">
        <v>1018</v>
      </c>
      <c r="F6195" s="1" t="s">
        <v>27</v>
      </c>
      <c r="G6195" s="1" t="s">
        <v>10</v>
      </c>
      <c r="H6195" s="1" t="s">
        <v>2168</v>
      </c>
      <c r="I6195" s="1" t="s">
        <v>21742</v>
      </c>
      <c r="J6195" s="1" t="s">
        <v>10</v>
      </c>
      <c r="K6195" s="1" t="s">
        <v>47</v>
      </c>
      <c r="L6195" s="1" t="s">
        <v>21806</v>
      </c>
      <c r="M6195" s="1" t="s">
        <v>5</v>
      </c>
      <c r="N6195" s="1" t="s">
        <v>10</v>
      </c>
      <c r="O6195" s="1" t="s">
        <v>8</v>
      </c>
      <c r="P6195" s="5" t="s">
        <v>60</v>
      </c>
    </row>
    <row r="6196" spans="1:16" x14ac:dyDescent="0.2">
      <c r="A6196" s="1" t="s">
        <v>66</v>
      </c>
      <c r="B6196" s="1" t="s">
        <v>67</v>
      </c>
      <c r="C6196" s="1" t="s">
        <v>6538</v>
      </c>
      <c r="D6196" s="1" t="s">
        <v>21808</v>
      </c>
      <c r="E6196" s="1" t="s">
        <v>21809</v>
      </c>
      <c r="F6196" s="1" t="s">
        <v>9</v>
      </c>
      <c r="G6196" s="1" t="s">
        <v>18</v>
      </c>
      <c r="H6196" s="1" t="s">
        <v>10</v>
      </c>
      <c r="I6196" s="1" t="s">
        <v>21742</v>
      </c>
      <c r="J6196" s="1" t="s">
        <v>10</v>
      </c>
      <c r="K6196" s="1" t="s">
        <v>7</v>
      </c>
      <c r="L6196" s="1" t="s">
        <v>21807</v>
      </c>
      <c r="M6196" s="1" t="s">
        <v>5</v>
      </c>
      <c r="N6196" s="1" t="s">
        <v>10</v>
      </c>
      <c r="O6196" s="1" t="s">
        <v>8</v>
      </c>
      <c r="P6196" s="5" t="s">
        <v>30398</v>
      </c>
    </row>
    <row r="6197" spans="1:16" x14ac:dyDescent="0.2">
      <c r="A6197" s="1" t="s">
        <v>10</v>
      </c>
      <c r="B6197" s="1" t="s">
        <v>10</v>
      </c>
      <c r="C6197" s="1" t="s">
        <v>21811</v>
      </c>
      <c r="D6197" s="1" t="s">
        <v>20136</v>
      </c>
      <c r="E6197" s="1" t="s">
        <v>21811</v>
      </c>
      <c r="F6197" s="1" t="s">
        <v>522</v>
      </c>
      <c r="G6197" s="1" t="s">
        <v>10</v>
      </c>
      <c r="H6197" s="1" t="s">
        <v>10</v>
      </c>
      <c r="I6197" s="1" t="s">
        <v>21742</v>
      </c>
      <c r="J6197" s="1" t="s">
        <v>10</v>
      </c>
      <c r="K6197" s="1" t="s">
        <v>27</v>
      </c>
      <c r="L6197" s="1" t="s">
        <v>21810</v>
      </c>
      <c r="M6197" s="1" t="s">
        <v>5</v>
      </c>
      <c r="N6197" s="1" t="s">
        <v>10</v>
      </c>
      <c r="O6197" s="1" t="s">
        <v>8</v>
      </c>
      <c r="P6197" s="5"/>
    </row>
    <row r="6198" spans="1:16" x14ac:dyDescent="0.2">
      <c r="A6198" s="1" t="s">
        <v>2187</v>
      </c>
      <c r="B6198" s="1" t="s">
        <v>21814</v>
      </c>
      <c r="C6198" s="1" t="s">
        <v>21813</v>
      </c>
      <c r="D6198" s="1" t="s">
        <v>21813</v>
      </c>
      <c r="E6198" s="1" t="s">
        <v>21813</v>
      </c>
      <c r="F6198" s="1" t="s">
        <v>522</v>
      </c>
      <c r="G6198" s="1" t="s">
        <v>10</v>
      </c>
      <c r="H6198" s="1" t="s">
        <v>10</v>
      </c>
      <c r="I6198" s="1" t="s">
        <v>21742</v>
      </c>
      <c r="J6198" s="1" t="s">
        <v>10</v>
      </c>
      <c r="K6198" s="1" t="s">
        <v>64</v>
      </c>
      <c r="L6198" s="1" t="s">
        <v>21812</v>
      </c>
      <c r="M6198" s="1" t="s">
        <v>5</v>
      </c>
      <c r="N6198" s="1" t="s">
        <v>10</v>
      </c>
      <c r="O6198" s="1" t="s">
        <v>8</v>
      </c>
      <c r="P6198" s="5" t="s">
        <v>60</v>
      </c>
    </row>
    <row r="6199" spans="1:16" x14ac:dyDescent="0.2">
      <c r="A6199" s="1" t="s">
        <v>2187</v>
      </c>
      <c r="B6199" s="1" t="s">
        <v>21814</v>
      </c>
      <c r="C6199" s="1" t="s">
        <v>21816</v>
      </c>
      <c r="D6199" s="1" t="s">
        <v>21817</v>
      </c>
      <c r="E6199" s="1" t="s">
        <v>21818</v>
      </c>
      <c r="F6199" s="1" t="s">
        <v>27</v>
      </c>
      <c r="G6199" s="1" t="s">
        <v>10</v>
      </c>
      <c r="H6199" s="1" t="s">
        <v>21816</v>
      </c>
      <c r="I6199" s="1" t="s">
        <v>21742</v>
      </c>
      <c r="J6199" s="1" t="s">
        <v>10</v>
      </c>
      <c r="K6199" s="1" t="s">
        <v>64</v>
      </c>
      <c r="L6199" s="1" t="s">
        <v>21815</v>
      </c>
      <c r="M6199" s="1" t="s">
        <v>5</v>
      </c>
      <c r="N6199" s="1" t="s">
        <v>10</v>
      </c>
      <c r="O6199" s="1" t="s">
        <v>8</v>
      </c>
      <c r="P6199" s="5"/>
    </row>
    <row r="6200" spans="1:16" x14ac:dyDescent="0.2">
      <c r="A6200" s="1" t="s">
        <v>2187</v>
      </c>
      <c r="B6200" s="1" t="s">
        <v>2206</v>
      </c>
      <c r="C6200" s="1" t="s">
        <v>21820</v>
      </c>
      <c r="D6200" s="1" t="s">
        <v>21820</v>
      </c>
      <c r="E6200" s="1" t="s">
        <v>21821</v>
      </c>
      <c r="F6200" s="1" t="s">
        <v>27</v>
      </c>
      <c r="G6200" s="1" t="s">
        <v>10</v>
      </c>
      <c r="H6200" s="1" t="s">
        <v>21822</v>
      </c>
      <c r="I6200" s="1" t="s">
        <v>21742</v>
      </c>
      <c r="J6200" s="1" t="s">
        <v>10</v>
      </c>
      <c r="K6200" s="1" t="s">
        <v>64</v>
      </c>
      <c r="L6200" s="1" t="s">
        <v>21819</v>
      </c>
      <c r="M6200" s="1" t="s">
        <v>5</v>
      </c>
      <c r="N6200" s="1" t="s">
        <v>10</v>
      </c>
      <c r="O6200" s="1" t="s">
        <v>8</v>
      </c>
      <c r="P6200" s="5"/>
    </row>
    <row r="6201" spans="1:16" x14ac:dyDescent="0.2">
      <c r="A6201" s="1" t="s">
        <v>10</v>
      </c>
      <c r="B6201" s="1" t="s">
        <v>10</v>
      </c>
      <c r="C6201" s="1" t="s">
        <v>1018</v>
      </c>
      <c r="D6201" s="1" t="s">
        <v>1019</v>
      </c>
      <c r="E6201" s="1" t="s">
        <v>10</v>
      </c>
      <c r="F6201" s="1" t="s">
        <v>10</v>
      </c>
      <c r="G6201" s="1" t="s">
        <v>10</v>
      </c>
      <c r="H6201" s="1" t="s">
        <v>10</v>
      </c>
      <c r="I6201" s="1" t="s">
        <v>21823</v>
      </c>
      <c r="J6201" s="1" t="s">
        <v>10</v>
      </c>
      <c r="K6201" s="1" t="s">
        <v>10</v>
      </c>
      <c r="L6201" s="1" t="s">
        <v>21824</v>
      </c>
      <c r="M6201" s="1" t="s">
        <v>5</v>
      </c>
      <c r="N6201" s="1" t="s">
        <v>10</v>
      </c>
      <c r="O6201" s="1" t="s">
        <v>38</v>
      </c>
      <c r="P6201" s="5"/>
    </row>
    <row r="6202" spans="1:16" x14ac:dyDescent="0.2">
      <c r="A6202" s="1" t="s">
        <v>10</v>
      </c>
      <c r="B6202" s="1" t="s">
        <v>10</v>
      </c>
      <c r="C6202" s="1" t="s">
        <v>21826</v>
      </c>
      <c r="D6202" s="1" t="s">
        <v>10</v>
      </c>
      <c r="E6202" s="1" t="s">
        <v>21827</v>
      </c>
      <c r="F6202" s="1" t="s">
        <v>10</v>
      </c>
      <c r="G6202" s="1" t="s">
        <v>10</v>
      </c>
      <c r="H6202" s="1" t="s">
        <v>10</v>
      </c>
      <c r="I6202" s="1" t="s">
        <v>21823</v>
      </c>
      <c r="J6202" s="1" t="s">
        <v>10</v>
      </c>
      <c r="K6202" s="1" t="s">
        <v>10</v>
      </c>
      <c r="L6202" s="1" t="s">
        <v>21825</v>
      </c>
      <c r="M6202" s="1" t="s">
        <v>5</v>
      </c>
      <c r="N6202" s="1" t="s">
        <v>10</v>
      </c>
      <c r="O6202" s="1" t="s">
        <v>38</v>
      </c>
      <c r="P6202" s="5"/>
    </row>
    <row r="6203" spans="1:16" x14ac:dyDescent="0.2">
      <c r="A6203" s="1" t="s">
        <v>10</v>
      </c>
      <c r="B6203" s="1" t="s">
        <v>10</v>
      </c>
      <c r="C6203" s="1" t="s">
        <v>21829</v>
      </c>
      <c r="D6203" s="1" t="s">
        <v>7995</v>
      </c>
      <c r="E6203" s="1" t="s">
        <v>21830</v>
      </c>
      <c r="F6203" s="1" t="s">
        <v>10</v>
      </c>
      <c r="G6203" s="1" t="s">
        <v>21831</v>
      </c>
      <c r="H6203" s="1" t="s">
        <v>10</v>
      </c>
      <c r="I6203" s="1" t="s">
        <v>21823</v>
      </c>
      <c r="J6203" s="1" t="s">
        <v>10</v>
      </c>
      <c r="K6203" s="1" t="s">
        <v>10</v>
      </c>
      <c r="L6203" s="1" t="s">
        <v>21828</v>
      </c>
      <c r="M6203" s="1" t="s">
        <v>5</v>
      </c>
      <c r="N6203" s="1" t="s">
        <v>10</v>
      </c>
      <c r="O6203" s="1" t="s">
        <v>8</v>
      </c>
      <c r="P6203" s="5"/>
    </row>
    <row r="6204" spans="1:16" x14ac:dyDescent="0.2">
      <c r="A6204" s="1" t="s">
        <v>10</v>
      </c>
      <c r="B6204" s="1" t="s">
        <v>10</v>
      </c>
      <c r="C6204" s="1" t="s">
        <v>21834</v>
      </c>
      <c r="D6204" s="1" t="s">
        <v>21835</v>
      </c>
      <c r="E6204" s="1"/>
      <c r="F6204" s="1" t="s">
        <v>1108</v>
      </c>
      <c r="G6204" s="1" t="s">
        <v>7095</v>
      </c>
      <c r="H6204" s="1" t="s">
        <v>21834</v>
      </c>
      <c r="I6204" s="1" t="s">
        <v>21832</v>
      </c>
      <c r="J6204" s="1" t="s">
        <v>10</v>
      </c>
      <c r="K6204" s="1" t="s">
        <v>10</v>
      </c>
      <c r="L6204" s="1" t="s">
        <v>21833</v>
      </c>
      <c r="M6204" s="1" t="s">
        <v>5</v>
      </c>
      <c r="N6204" s="1" t="s">
        <v>10</v>
      </c>
      <c r="O6204" s="1" t="s">
        <v>8</v>
      </c>
      <c r="P6204" s="5"/>
    </row>
    <row r="6205" spans="1:16" x14ac:dyDescent="0.2">
      <c r="A6205" s="1" t="s">
        <v>10</v>
      </c>
      <c r="B6205" s="1" t="s">
        <v>10</v>
      </c>
      <c r="C6205" s="1" t="s">
        <v>7086</v>
      </c>
      <c r="D6205" s="1" t="s">
        <v>21836</v>
      </c>
      <c r="E6205" s="1" t="s">
        <v>7086</v>
      </c>
      <c r="F6205" s="1" t="s">
        <v>1108</v>
      </c>
      <c r="G6205" s="1" t="s">
        <v>6988</v>
      </c>
      <c r="H6205" s="1" t="s">
        <v>21838</v>
      </c>
      <c r="I6205" s="1" t="s">
        <v>21832</v>
      </c>
      <c r="J6205" s="1" t="s">
        <v>10</v>
      </c>
      <c r="K6205" s="1" t="s">
        <v>10</v>
      </c>
      <c r="L6205" s="1" t="s">
        <v>21837</v>
      </c>
      <c r="M6205" s="1" t="s">
        <v>5</v>
      </c>
      <c r="N6205" s="1" t="s">
        <v>10</v>
      </c>
      <c r="O6205" s="1" t="s">
        <v>8</v>
      </c>
      <c r="P6205" s="5"/>
    </row>
    <row r="6206" spans="1:16" x14ac:dyDescent="0.2">
      <c r="A6206" s="1" t="s">
        <v>10</v>
      </c>
      <c r="B6206" s="1" t="s">
        <v>10</v>
      </c>
      <c r="C6206" s="1" t="s">
        <v>21840</v>
      </c>
      <c r="D6206" s="1" t="s">
        <v>2060</v>
      </c>
      <c r="E6206" s="1" t="s">
        <v>10</v>
      </c>
      <c r="F6206" s="1" t="s">
        <v>1108</v>
      </c>
      <c r="G6206" s="1" t="s">
        <v>21841</v>
      </c>
      <c r="H6206" s="1" t="s">
        <v>21842</v>
      </c>
      <c r="I6206" s="1" t="s">
        <v>21832</v>
      </c>
      <c r="J6206" s="1" t="s">
        <v>10</v>
      </c>
      <c r="K6206" s="1" t="s">
        <v>10</v>
      </c>
      <c r="L6206" s="1" t="s">
        <v>21839</v>
      </c>
      <c r="M6206" s="1" t="s">
        <v>5</v>
      </c>
      <c r="N6206" s="1" t="s">
        <v>10</v>
      </c>
      <c r="O6206" s="1" t="s">
        <v>8</v>
      </c>
      <c r="P6206" s="5"/>
    </row>
    <row r="6207" spans="1:16" x14ac:dyDescent="0.2">
      <c r="A6207" s="1" t="s">
        <v>10</v>
      </c>
      <c r="B6207" s="1" t="s">
        <v>10</v>
      </c>
      <c r="C6207" s="1" t="s">
        <v>21845</v>
      </c>
      <c r="D6207" s="1" t="s">
        <v>21846</v>
      </c>
      <c r="E6207" s="1" t="s">
        <v>10</v>
      </c>
      <c r="F6207" s="1" t="s">
        <v>27</v>
      </c>
      <c r="G6207" s="1" t="s">
        <v>10</v>
      </c>
      <c r="H6207" s="1" t="s">
        <v>21847</v>
      </c>
      <c r="I6207" s="1" t="s">
        <v>21843</v>
      </c>
      <c r="J6207" s="1" t="s">
        <v>10</v>
      </c>
      <c r="K6207" s="1" t="s">
        <v>10</v>
      </c>
      <c r="L6207" s="1" t="s">
        <v>21844</v>
      </c>
      <c r="M6207" s="1" t="s">
        <v>5</v>
      </c>
      <c r="N6207" s="1" t="s">
        <v>10</v>
      </c>
      <c r="O6207" s="1" t="s">
        <v>8</v>
      </c>
      <c r="P6207" s="5"/>
    </row>
    <row r="6208" spans="1:16" x14ac:dyDescent="0.2">
      <c r="A6208" s="1" t="s">
        <v>10</v>
      </c>
      <c r="B6208" s="1" t="s">
        <v>10</v>
      </c>
      <c r="C6208" s="1" t="s">
        <v>21849</v>
      </c>
      <c r="D6208" s="1" t="s">
        <v>21850</v>
      </c>
      <c r="E6208" s="1" t="s">
        <v>10</v>
      </c>
      <c r="F6208" s="1" t="s">
        <v>27</v>
      </c>
      <c r="G6208" s="1" t="s">
        <v>10</v>
      </c>
      <c r="H6208" s="1" t="s">
        <v>21851</v>
      </c>
      <c r="I6208" s="1" t="s">
        <v>21843</v>
      </c>
      <c r="J6208" s="1" t="s">
        <v>10</v>
      </c>
      <c r="K6208" s="1" t="s">
        <v>10</v>
      </c>
      <c r="L6208" s="1" t="s">
        <v>21848</v>
      </c>
      <c r="M6208" s="1" t="s">
        <v>5</v>
      </c>
      <c r="N6208" s="1" t="s">
        <v>10</v>
      </c>
      <c r="O6208" s="1" t="s">
        <v>8</v>
      </c>
      <c r="P6208" s="5"/>
    </row>
    <row r="6209" spans="1:16" x14ac:dyDescent="0.2">
      <c r="A6209" s="1" t="s">
        <v>10</v>
      </c>
      <c r="B6209" s="1" t="s">
        <v>10</v>
      </c>
      <c r="C6209" s="1" t="s">
        <v>21853</v>
      </c>
      <c r="D6209" s="1" t="s">
        <v>21854</v>
      </c>
      <c r="E6209" s="1" t="s">
        <v>10</v>
      </c>
      <c r="F6209" s="1" t="s">
        <v>10</v>
      </c>
      <c r="G6209" s="1" t="s">
        <v>10</v>
      </c>
      <c r="H6209" s="1" t="s">
        <v>10</v>
      </c>
      <c r="I6209" s="1" t="s">
        <v>21843</v>
      </c>
      <c r="J6209" s="1" t="s">
        <v>10</v>
      </c>
      <c r="K6209" s="1" t="s">
        <v>10</v>
      </c>
      <c r="L6209" s="1" t="s">
        <v>21852</v>
      </c>
      <c r="M6209" s="1" t="s">
        <v>5</v>
      </c>
      <c r="N6209" s="1" t="s">
        <v>10</v>
      </c>
      <c r="O6209" s="1" t="s">
        <v>38</v>
      </c>
      <c r="P6209" s="5"/>
    </row>
    <row r="6210" spans="1:16" x14ac:dyDescent="0.2">
      <c r="A6210" s="1" t="s">
        <v>10</v>
      </c>
      <c r="B6210" s="1" t="s">
        <v>10</v>
      </c>
      <c r="C6210" s="1" t="s">
        <v>21856</v>
      </c>
      <c r="D6210" s="1" t="s">
        <v>21857</v>
      </c>
      <c r="E6210" s="1" t="s">
        <v>10</v>
      </c>
      <c r="F6210" s="1" t="s">
        <v>10</v>
      </c>
      <c r="G6210" s="1" t="s">
        <v>10</v>
      </c>
      <c r="H6210" s="1" t="s">
        <v>10</v>
      </c>
      <c r="I6210" s="1" t="s">
        <v>21843</v>
      </c>
      <c r="J6210" s="1" t="s">
        <v>10</v>
      </c>
      <c r="K6210" s="1" t="s">
        <v>10</v>
      </c>
      <c r="L6210" s="1" t="s">
        <v>21855</v>
      </c>
      <c r="M6210" s="1" t="s">
        <v>5</v>
      </c>
      <c r="N6210" s="1" t="s">
        <v>10</v>
      </c>
      <c r="O6210" s="1" t="s">
        <v>38</v>
      </c>
      <c r="P6210" s="5"/>
    </row>
    <row r="6211" spans="1:16" x14ac:dyDescent="0.2">
      <c r="A6211" s="1" t="s">
        <v>10</v>
      </c>
      <c r="B6211" s="1" t="s">
        <v>10</v>
      </c>
      <c r="C6211" s="1" t="s">
        <v>21859</v>
      </c>
      <c r="D6211" s="1" t="s">
        <v>21860</v>
      </c>
      <c r="E6211" s="1" t="s">
        <v>10</v>
      </c>
      <c r="F6211" s="1" t="s">
        <v>10</v>
      </c>
      <c r="G6211" s="1" t="s">
        <v>10</v>
      </c>
      <c r="H6211" s="1" t="s">
        <v>10</v>
      </c>
      <c r="I6211" s="1" t="s">
        <v>21843</v>
      </c>
      <c r="J6211" s="1" t="s">
        <v>10</v>
      </c>
      <c r="K6211" s="1" t="s">
        <v>10</v>
      </c>
      <c r="L6211" s="1" t="s">
        <v>21858</v>
      </c>
      <c r="M6211" s="1" t="s">
        <v>5</v>
      </c>
      <c r="N6211" s="1" t="s">
        <v>10</v>
      </c>
      <c r="O6211" s="1" t="s">
        <v>38</v>
      </c>
      <c r="P6211" s="5"/>
    </row>
    <row r="6212" spans="1:16" x14ac:dyDescent="0.2">
      <c r="A6212" s="1" t="s">
        <v>10</v>
      </c>
      <c r="B6212" s="1" t="s">
        <v>10</v>
      </c>
      <c r="C6212" s="1" t="s">
        <v>21862</v>
      </c>
      <c r="D6212" s="1" t="s">
        <v>21863</v>
      </c>
      <c r="E6212" s="1" t="s">
        <v>10</v>
      </c>
      <c r="F6212" s="1" t="s">
        <v>10</v>
      </c>
      <c r="G6212" s="1" t="s">
        <v>10</v>
      </c>
      <c r="H6212" s="1" t="s">
        <v>10</v>
      </c>
      <c r="I6212" s="1" t="s">
        <v>21843</v>
      </c>
      <c r="J6212" s="1" t="s">
        <v>10</v>
      </c>
      <c r="K6212" s="1" t="s">
        <v>10</v>
      </c>
      <c r="L6212" s="1" t="s">
        <v>21861</v>
      </c>
      <c r="M6212" s="1" t="s">
        <v>5</v>
      </c>
      <c r="N6212" s="1" t="s">
        <v>10</v>
      </c>
      <c r="O6212" s="1" t="s">
        <v>38</v>
      </c>
      <c r="P6212" s="5"/>
    </row>
    <row r="6213" spans="1:16" x14ac:dyDescent="0.2">
      <c r="A6213" s="1" t="s">
        <v>10</v>
      </c>
      <c r="B6213" s="1" t="s">
        <v>10</v>
      </c>
      <c r="C6213" s="1" t="s">
        <v>21865</v>
      </c>
      <c r="D6213" s="1" t="s">
        <v>21866</v>
      </c>
      <c r="E6213" s="1" t="s">
        <v>10</v>
      </c>
      <c r="F6213" s="1" t="s">
        <v>10</v>
      </c>
      <c r="G6213" s="1" t="s">
        <v>10</v>
      </c>
      <c r="H6213" s="1" t="s">
        <v>10</v>
      </c>
      <c r="I6213" s="1" t="s">
        <v>21843</v>
      </c>
      <c r="J6213" s="1" t="s">
        <v>10</v>
      </c>
      <c r="K6213" s="1" t="s">
        <v>10</v>
      </c>
      <c r="L6213" s="1" t="s">
        <v>21864</v>
      </c>
      <c r="M6213" s="1" t="s">
        <v>5</v>
      </c>
      <c r="N6213" s="1" t="s">
        <v>10</v>
      </c>
      <c r="O6213" s="1" t="s">
        <v>38</v>
      </c>
      <c r="P6213" s="5"/>
    </row>
    <row r="6214" spans="1:16" x14ac:dyDescent="0.2">
      <c r="A6214" s="1" t="s">
        <v>10</v>
      </c>
      <c r="B6214" s="1" t="s">
        <v>10</v>
      </c>
      <c r="C6214" s="1" t="s">
        <v>21868</v>
      </c>
      <c r="D6214" s="1" t="s">
        <v>8126</v>
      </c>
      <c r="E6214" s="1" t="s">
        <v>10</v>
      </c>
      <c r="F6214" s="1" t="s">
        <v>10</v>
      </c>
      <c r="G6214" s="1" t="s">
        <v>10</v>
      </c>
      <c r="H6214" s="1" t="s">
        <v>10</v>
      </c>
      <c r="I6214" s="1" t="s">
        <v>21843</v>
      </c>
      <c r="J6214" s="1" t="s">
        <v>10</v>
      </c>
      <c r="K6214" s="1" t="s">
        <v>10</v>
      </c>
      <c r="L6214" s="1" t="s">
        <v>21867</v>
      </c>
      <c r="M6214" s="1" t="s">
        <v>5</v>
      </c>
      <c r="N6214" s="1" t="s">
        <v>10</v>
      </c>
      <c r="O6214" s="1" t="s">
        <v>38</v>
      </c>
      <c r="P6214" s="5"/>
    </row>
    <row r="6215" spans="1:16" x14ac:dyDescent="0.2">
      <c r="A6215" s="1" t="s">
        <v>10</v>
      </c>
      <c r="B6215" s="1" t="s">
        <v>10</v>
      </c>
      <c r="C6215" s="1" t="s">
        <v>21870</v>
      </c>
      <c r="D6215" s="1" t="s">
        <v>21871</v>
      </c>
      <c r="E6215" s="1" t="s">
        <v>10</v>
      </c>
      <c r="F6215" s="1" t="s">
        <v>10</v>
      </c>
      <c r="G6215" s="1" t="s">
        <v>10</v>
      </c>
      <c r="H6215" s="1" t="s">
        <v>10</v>
      </c>
      <c r="I6215" s="1" t="s">
        <v>21843</v>
      </c>
      <c r="J6215" s="1" t="s">
        <v>10</v>
      </c>
      <c r="K6215" s="1" t="s">
        <v>10</v>
      </c>
      <c r="L6215" s="1" t="s">
        <v>21869</v>
      </c>
      <c r="M6215" s="1" t="s">
        <v>5</v>
      </c>
      <c r="N6215" s="1" t="s">
        <v>10</v>
      </c>
      <c r="O6215" s="1" t="s">
        <v>38</v>
      </c>
      <c r="P6215" s="5"/>
    </row>
    <row r="6216" spans="1:16" x14ac:dyDescent="0.2">
      <c r="A6216" s="1" t="s">
        <v>10</v>
      </c>
      <c r="B6216" s="1" t="s">
        <v>10</v>
      </c>
      <c r="C6216" s="1" t="s">
        <v>21873</v>
      </c>
      <c r="D6216" s="1" t="s">
        <v>1781</v>
      </c>
      <c r="E6216" s="1" t="s">
        <v>10</v>
      </c>
      <c r="F6216" s="1" t="s">
        <v>10</v>
      </c>
      <c r="G6216" s="1" t="s">
        <v>10</v>
      </c>
      <c r="H6216" s="1" t="s">
        <v>10</v>
      </c>
      <c r="I6216" s="1" t="s">
        <v>21843</v>
      </c>
      <c r="J6216" s="1" t="s">
        <v>10</v>
      </c>
      <c r="K6216" s="1" t="s">
        <v>10</v>
      </c>
      <c r="L6216" s="1" t="s">
        <v>21872</v>
      </c>
      <c r="M6216" s="1" t="s">
        <v>5</v>
      </c>
      <c r="N6216" s="1" t="s">
        <v>10</v>
      </c>
      <c r="O6216" s="1" t="s">
        <v>38</v>
      </c>
      <c r="P6216" s="5"/>
    </row>
    <row r="6217" spans="1:16" x14ac:dyDescent="0.2">
      <c r="A6217" s="1" t="s">
        <v>10</v>
      </c>
      <c r="B6217" s="1" t="s">
        <v>10</v>
      </c>
      <c r="C6217" s="1" t="s">
        <v>2018</v>
      </c>
      <c r="D6217" s="1" t="s">
        <v>2019</v>
      </c>
      <c r="E6217" s="1" t="s">
        <v>10</v>
      </c>
      <c r="F6217" s="1" t="s">
        <v>10</v>
      </c>
      <c r="G6217" s="1" t="s">
        <v>10</v>
      </c>
      <c r="H6217" s="1" t="s">
        <v>10</v>
      </c>
      <c r="I6217" s="1" t="s">
        <v>21843</v>
      </c>
      <c r="J6217" s="1" t="s">
        <v>10</v>
      </c>
      <c r="K6217" s="1" t="s">
        <v>10</v>
      </c>
      <c r="L6217" s="1" t="s">
        <v>21874</v>
      </c>
      <c r="M6217" s="1" t="s">
        <v>5</v>
      </c>
      <c r="N6217" s="1" t="s">
        <v>10</v>
      </c>
      <c r="O6217" s="1" t="s">
        <v>38</v>
      </c>
      <c r="P6217" s="5"/>
    </row>
    <row r="6218" spans="1:16" x14ac:dyDescent="0.2">
      <c r="A6218" s="1" t="s">
        <v>10</v>
      </c>
      <c r="B6218" s="1" t="s">
        <v>10</v>
      </c>
      <c r="C6218" s="1" t="s">
        <v>21876</v>
      </c>
      <c r="D6218" s="1" t="s">
        <v>189</v>
      </c>
      <c r="E6218" s="1" t="s">
        <v>10</v>
      </c>
      <c r="F6218" s="1" t="s">
        <v>10</v>
      </c>
      <c r="G6218" s="1" t="s">
        <v>10</v>
      </c>
      <c r="H6218" s="1" t="s">
        <v>10</v>
      </c>
      <c r="I6218" s="1" t="s">
        <v>21843</v>
      </c>
      <c r="J6218" s="1" t="s">
        <v>10</v>
      </c>
      <c r="K6218" s="1" t="s">
        <v>10</v>
      </c>
      <c r="L6218" s="1" t="s">
        <v>21875</v>
      </c>
      <c r="M6218" s="1" t="s">
        <v>5</v>
      </c>
      <c r="N6218" s="1" t="s">
        <v>10</v>
      </c>
      <c r="O6218" s="1" t="s">
        <v>38</v>
      </c>
      <c r="P6218" s="5"/>
    </row>
    <row r="6219" spans="1:16" x14ac:dyDescent="0.2">
      <c r="A6219" s="1" t="s">
        <v>10</v>
      </c>
      <c r="B6219" s="1" t="s">
        <v>10</v>
      </c>
      <c r="C6219" s="1" t="s">
        <v>21878</v>
      </c>
      <c r="D6219" s="1" t="s">
        <v>21879</v>
      </c>
      <c r="E6219" s="1" t="s">
        <v>10</v>
      </c>
      <c r="F6219" s="1" t="s">
        <v>10</v>
      </c>
      <c r="G6219" s="1" t="s">
        <v>10</v>
      </c>
      <c r="H6219" s="1" t="s">
        <v>10</v>
      </c>
      <c r="I6219" s="1" t="s">
        <v>21843</v>
      </c>
      <c r="J6219" s="1" t="s">
        <v>10</v>
      </c>
      <c r="K6219" s="1" t="s">
        <v>10</v>
      </c>
      <c r="L6219" s="1" t="s">
        <v>21877</v>
      </c>
      <c r="M6219" s="1" t="s">
        <v>5</v>
      </c>
      <c r="N6219" s="1" t="s">
        <v>10</v>
      </c>
      <c r="O6219" s="1" t="s">
        <v>38</v>
      </c>
      <c r="P6219" s="5"/>
    </row>
    <row r="6220" spans="1:16" x14ac:dyDescent="0.2">
      <c r="A6220" s="1" t="s">
        <v>10</v>
      </c>
      <c r="B6220" s="1" t="s">
        <v>10</v>
      </c>
      <c r="C6220" s="1" t="s">
        <v>8539</v>
      </c>
      <c r="D6220" s="1" t="s">
        <v>8538</v>
      </c>
      <c r="E6220" s="1" t="s">
        <v>10</v>
      </c>
      <c r="F6220" s="1" t="s">
        <v>27</v>
      </c>
      <c r="G6220" s="1" t="s">
        <v>10</v>
      </c>
      <c r="H6220" s="1" t="s">
        <v>21881</v>
      </c>
      <c r="I6220" s="1" t="s">
        <v>21843</v>
      </c>
      <c r="J6220" s="1" t="s">
        <v>10</v>
      </c>
      <c r="K6220" s="1" t="s">
        <v>10</v>
      </c>
      <c r="L6220" s="1" t="s">
        <v>21880</v>
      </c>
      <c r="M6220" s="1" t="s">
        <v>5</v>
      </c>
      <c r="N6220" s="1" t="s">
        <v>10</v>
      </c>
      <c r="O6220" s="1" t="s">
        <v>8</v>
      </c>
      <c r="P6220" s="5"/>
    </row>
    <row r="6221" spans="1:16" x14ac:dyDescent="0.2">
      <c r="A6221" s="1" t="s">
        <v>10</v>
      </c>
      <c r="B6221" s="1" t="s">
        <v>10</v>
      </c>
      <c r="C6221" s="1" t="s">
        <v>21883</v>
      </c>
      <c r="D6221" s="1" t="s">
        <v>12861</v>
      </c>
      <c r="E6221" s="1" t="s">
        <v>10</v>
      </c>
      <c r="F6221" s="1" t="s">
        <v>27</v>
      </c>
      <c r="G6221" s="1" t="s">
        <v>10</v>
      </c>
      <c r="H6221" s="1" t="s">
        <v>21884</v>
      </c>
      <c r="I6221" s="1" t="s">
        <v>21843</v>
      </c>
      <c r="J6221" s="1" t="s">
        <v>10</v>
      </c>
      <c r="K6221" s="1" t="s">
        <v>10</v>
      </c>
      <c r="L6221" s="1" t="s">
        <v>21882</v>
      </c>
      <c r="M6221" s="1" t="s">
        <v>5</v>
      </c>
      <c r="N6221" s="1" t="s">
        <v>10</v>
      </c>
      <c r="O6221" s="1" t="s">
        <v>8</v>
      </c>
      <c r="P6221" s="5"/>
    </row>
    <row r="6222" spans="1:16" x14ac:dyDescent="0.2">
      <c r="A6222" s="1" t="s">
        <v>10</v>
      </c>
      <c r="B6222" s="1" t="s">
        <v>10</v>
      </c>
      <c r="C6222" s="1" t="s">
        <v>21886</v>
      </c>
      <c r="D6222" s="1" t="s">
        <v>21887</v>
      </c>
      <c r="E6222" s="1" t="s">
        <v>10</v>
      </c>
      <c r="F6222" s="1" t="s">
        <v>10</v>
      </c>
      <c r="G6222" s="1" t="s">
        <v>10</v>
      </c>
      <c r="H6222" s="1" t="s">
        <v>10</v>
      </c>
      <c r="I6222" s="1" t="s">
        <v>21843</v>
      </c>
      <c r="J6222" s="1" t="s">
        <v>10</v>
      </c>
      <c r="K6222" s="1" t="s">
        <v>10</v>
      </c>
      <c r="L6222" s="1" t="s">
        <v>21885</v>
      </c>
      <c r="M6222" s="1" t="s">
        <v>5</v>
      </c>
      <c r="N6222" s="1" t="s">
        <v>10</v>
      </c>
      <c r="O6222" s="1" t="s">
        <v>38</v>
      </c>
      <c r="P6222" s="5"/>
    </row>
    <row r="6223" spans="1:16" x14ac:dyDescent="0.2">
      <c r="A6223" s="1" t="s">
        <v>10</v>
      </c>
      <c r="B6223" s="1" t="s">
        <v>10</v>
      </c>
      <c r="C6223" s="1" t="s">
        <v>21889</v>
      </c>
      <c r="D6223" s="1" t="s">
        <v>21890</v>
      </c>
      <c r="E6223" s="1" t="s">
        <v>10</v>
      </c>
      <c r="F6223" s="1" t="s">
        <v>10</v>
      </c>
      <c r="G6223" s="1" t="s">
        <v>10</v>
      </c>
      <c r="H6223" s="1" t="s">
        <v>10</v>
      </c>
      <c r="I6223" s="1" t="s">
        <v>21843</v>
      </c>
      <c r="J6223" s="1" t="s">
        <v>10</v>
      </c>
      <c r="K6223" s="1" t="s">
        <v>10</v>
      </c>
      <c r="L6223" s="1" t="s">
        <v>21888</v>
      </c>
      <c r="M6223" s="1" t="s">
        <v>5</v>
      </c>
      <c r="N6223" s="1" t="s">
        <v>10</v>
      </c>
      <c r="O6223" s="1" t="s">
        <v>38</v>
      </c>
      <c r="P6223" s="5"/>
    </row>
    <row r="6224" spans="1:16" x14ac:dyDescent="0.2">
      <c r="A6224" s="1" t="s">
        <v>10</v>
      </c>
      <c r="B6224" s="1" t="s">
        <v>10</v>
      </c>
      <c r="C6224" s="1" t="s">
        <v>21892</v>
      </c>
      <c r="D6224" s="1" t="s">
        <v>21893</v>
      </c>
      <c r="E6224" s="1" t="s">
        <v>10</v>
      </c>
      <c r="F6224" s="1" t="s">
        <v>10</v>
      </c>
      <c r="G6224" s="1" t="s">
        <v>10</v>
      </c>
      <c r="H6224" s="1" t="s">
        <v>10</v>
      </c>
      <c r="I6224" s="1" t="s">
        <v>21843</v>
      </c>
      <c r="J6224" s="1" t="s">
        <v>10</v>
      </c>
      <c r="K6224" s="1" t="s">
        <v>10</v>
      </c>
      <c r="L6224" s="1" t="s">
        <v>21891</v>
      </c>
      <c r="M6224" s="1" t="s">
        <v>5</v>
      </c>
      <c r="N6224" s="1" t="s">
        <v>10</v>
      </c>
      <c r="O6224" s="1" t="s">
        <v>38</v>
      </c>
      <c r="P6224" s="5"/>
    </row>
    <row r="6225" spans="1:16" x14ac:dyDescent="0.2">
      <c r="A6225" s="1" t="s">
        <v>10</v>
      </c>
      <c r="B6225" s="1" t="s">
        <v>10</v>
      </c>
      <c r="C6225" s="1" t="s">
        <v>21895</v>
      </c>
      <c r="D6225" s="1" t="s">
        <v>21896</v>
      </c>
      <c r="E6225" s="1" t="s">
        <v>10</v>
      </c>
      <c r="F6225" s="1" t="s">
        <v>10</v>
      </c>
      <c r="G6225" s="1" t="s">
        <v>10</v>
      </c>
      <c r="H6225" s="1" t="s">
        <v>10</v>
      </c>
      <c r="I6225" s="1" t="s">
        <v>21843</v>
      </c>
      <c r="J6225" s="1" t="s">
        <v>10</v>
      </c>
      <c r="K6225" s="1" t="s">
        <v>10</v>
      </c>
      <c r="L6225" s="1" t="s">
        <v>21894</v>
      </c>
      <c r="M6225" s="1" t="s">
        <v>5</v>
      </c>
      <c r="N6225" s="1" t="s">
        <v>10</v>
      </c>
      <c r="O6225" s="1" t="s">
        <v>38</v>
      </c>
      <c r="P6225" s="5"/>
    </row>
    <row r="6226" spans="1:16" x14ac:dyDescent="0.2">
      <c r="A6226" s="1" t="s">
        <v>10</v>
      </c>
      <c r="B6226" s="1" t="s">
        <v>10</v>
      </c>
      <c r="C6226" s="1" t="s">
        <v>21898</v>
      </c>
      <c r="D6226" s="1" t="s">
        <v>21899</v>
      </c>
      <c r="E6226" s="1" t="s">
        <v>10</v>
      </c>
      <c r="F6226" s="1" t="s">
        <v>10</v>
      </c>
      <c r="G6226" s="1" t="s">
        <v>10</v>
      </c>
      <c r="H6226" s="1" t="s">
        <v>10</v>
      </c>
      <c r="I6226" s="1" t="s">
        <v>21843</v>
      </c>
      <c r="J6226" s="1" t="s">
        <v>10</v>
      </c>
      <c r="K6226" s="1" t="s">
        <v>10</v>
      </c>
      <c r="L6226" s="1" t="s">
        <v>21897</v>
      </c>
      <c r="M6226" s="1" t="s">
        <v>5</v>
      </c>
      <c r="N6226" s="1" t="s">
        <v>10</v>
      </c>
      <c r="O6226" s="1" t="s">
        <v>38</v>
      </c>
      <c r="P6226" s="5"/>
    </row>
    <row r="6227" spans="1:16" x14ac:dyDescent="0.2">
      <c r="A6227" s="1" t="s">
        <v>10</v>
      </c>
      <c r="B6227" s="1" t="s">
        <v>10</v>
      </c>
      <c r="C6227" s="1" t="s">
        <v>21901</v>
      </c>
      <c r="D6227" s="1" t="s">
        <v>21902</v>
      </c>
      <c r="E6227" s="1" t="s">
        <v>10</v>
      </c>
      <c r="F6227" s="1" t="s">
        <v>10</v>
      </c>
      <c r="G6227" s="1" t="s">
        <v>10</v>
      </c>
      <c r="H6227" s="1" t="s">
        <v>10</v>
      </c>
      <c r="I6227" s="1" t="s">
        <v>21843</v>
      </c>
      <c r="J6227" s="1" t="s">
        <v>10</v>
      </c>
      <c r="K6227" s="1" t="s">
        <v>10</v>
      </c>
      <c r="L6227" s="1" t="s">
        <v>21900</v>
      </c>
      <c r="M6227" s="1" t="s">
        <v>5</v>
      </c>
      <c r="N6227" s="1" t="s">
        <v>10</v>
      </c>
      <c r="O6227" s="1" t="s">
        <v>38</v>
      </c>
      <c r="P6227" s="5"/>
    </row>
    <row r="6228" spans="1:16" x14ac:dyDescent="0.2">
      <c r="A6228" s="1" t="s">
        <v>10</v>
      </c>
      <c r="B6228" s="1" t="s">
        <v>10</v>
      </c>
      <c r="C6228" s="1" t="s">
        <v>21904</v>
      </c>
      <c r="D6228" s="1" t="s">
        <v>21905</v>
      </c>
      <c r="E6228" s="1" t="s">
        <v>10</v>
      </c>
      <c r="F6228" s="1" t="s">
        <v>10</v>
      </c>
      <c r="G6228" s="1" t="s">
        <v>10</v>
      </c>
      <c r="H6228" s="1" t="s">
        <v>10</v>
      </c>
      <c r="I6228" s="1" t="s">
        <v>21843</v>
      </c>
      <c r="J6228" s="1" t="s">
        <v>10</v>
      </c>
      <c r="K6228" s="1" t="s">
        <v>10</v>
      </c>
      <c r="L6228" s="1" t="s">
        <v>21903</v>
      </c>
      <c r="M6228" s="1" t="s">
        <v>5</v>
      </c>
      <c r="N6228" s="1" t="s">
        <v>10</v>
      </c>
      <c r="O6228" s="1" t="s">
        <v>38</v>
      </c>
      <c r="P6228" s="5"/>
    </row>
    <row r="6229" spans="1:16" x14ac:dyDescent="0.2">
      <c r="A6229" s="1" t="s">
        <v>10</v>
      </c>
      <c r="B6229" s="1" t="s">
        <v>10</v>
      </c>
      <c r="C6229" s="1" t="s">
        <v>21907</v>
      </c>
      <c r="D6229" s="1" t="s">
        <v>21908</v>
      </c>
      <c r="E6229" s="1" t="s">
        <v>10</v>
      </c>
      <c r="F6229" s="1" t="s">
        <v>10</v>
      </c>
      <c r="G6229" s="1" t="s">
        <v>10</v>
      </c>
      <c r="H6229" s="1" t="s">
        <v>10</v>
      </c>
      <c r="I6229" s="1" t="s">
        <v>21843</v>
      </c>
      <c r="J6229" s="1" t="s">
        <v>10</v>
      </c>
      <c r="K6229" s="1" t="s">
        <v>10</v>
      </c>
      <c r="L6229" s="1" t="s">
        <v>21906</v>
      </c>
      <c r="M6229" s="1" t="s">
        <v>5</v>
      </c>
      <c r="N6229" s="1" t="s">
        <v>10</v>
      </c>
      <c r="O6229" s="1" t="s">
        <v>38</v>
      </c>
      <c r="P6229" s="5"/>
    </row>
    <row r="6230" spans="1:16" x14ac:dyDescent="0.2">
      <c r="A6230" s="1" t="s">
        <v>10</v>
      </c>
      <c r="B6230" s="1" t="s">
        <v>10</v>
      </c>
      <c r="C6230" s="1" t="s">
        <v>21910</v>
      </c>
      <c r="D6230" s="1" t="s">
        <v>21911</v>
      </c>
      <c r="E6230" s="1" t="s">
        <v>10</v>
      </c>
      <c r="F6230" s="1" t="s">
        <v>10</v>
      </c>
      <c r="G6230" s="1" t="s">
        <v>10</v>
      </c>
      <c r="H6230" s="1" t="s">
        <v>10</v>
      </c>
      <c r="I6230" s="1" t="s">
        <v>21843</v>
      </c>
      <c r="J6230" s="1" t="s">
        <v>10</v>
      </c>
      <c r="K6230" s="1" t="s">
        <v>10</v>
      </c>
      <c r="L6230" s="1" t="s">
        <v>21909</v>
      </c>
      <c r="M6230" s="1" t="s">
        <v>5</v>
      </c>
      <c r="N6230" s="1" t="s">
        <v>10</v>
      </c>
      <c r="O6230" s="1" t="s">
        <v>38</v>
      </c>
      <c r="P6230" s="5"/>
    </row>
    <row r="6231" spans="1:16" x14ac:dyDescent="0.2">
      <c r="A6231" s="1" t="s">
        <v>10</v>
      </c>
      <c r="B6231" s="1" t="s">
        <v>10</v>
      </c>
      <c r="C6231" s="1" t="s">
        <v>21915</v>
      </c>
      <c r="D6231" s="1" t="s">
        <v>21916</v>
      </c>
      <c r="E6231" s="1" t="s">
        <v>21918</v>
      </c>
      <c r="F6231" s="1" t="s">
        <v>10</v>
      </c>
      <c r="G6231" s="1" t="s">
        <v>10</v>
      </c>
      <c r="H6231" s="1" t="s">
        <v>10</v>
      </c>
      <c r="I6231" s="1" t="s">
        <v>21912</v>
      </c>
      <c r="J6231" s="1" t="s">
        <v>10</v>
      </c>
      <c r="K6231" s="1" t="s">
        <v>10</v>
      </c>
      <c r="L6231" s="1" t="s">
        <v>21914</v>
      </c>
      <c r="M6231" s="1" t="s">
        <v>3905</v>
      </c>
      <c r="N6231" s="1" t="s">
        <v>25</v>
      </c>
      <c r="O6231" s="1" t="s">
        <v>38</v>
      </c>
      <c r="P6231" s="5"/>
    </row>
    <row r="6232" spans="1:16" x14ac:dyDescent="0.2">
      <c r="A6232" s="1" t="s">
        <v>10</v>
      </c>
      <c r="B6232" s="1" t="s">
        <v>10</v>
      </c>
      <c r="C6232" s="1" t="s">
        <v>21920</v>
      </c>
      <c r="D6232" s="1" t="s">
        <v>21921</v>
      </c>
      <c r="E6232" s="1" t="s">
        <v>10</v>
      </c>
      <c r="F6232" s="1" t="s">
        <v>10</v>
      </c>
      <c r="G6232" s="1" t="s">
        <v>10</v>
      </c>
      <c r="H6232" s="1" t="s">
        <v>10</v>
      </c>
      <c r="I6232" s="1" t="s">
        <v>21912</v>
      </c>
      <c r="J6232" s="1" t="s">
        <v>10</v>
      </c>
      <c r="K6232" s="1" t="s">
        <v>10</v>
      </c>
      <c r="L6232" s="1" t="s">
        <v>21919</v>
      </c>
      <c r="M6232" s="1" t="s">
        <v>3905</v>
      </c>
      <c r="N6232" s="1" t="s">
        <v>25</v>
      </c>
      <c r="O6232" s="1" t="s">
        <v>38</v>
      </c>
      <c r="P6232" s="5"/>
    </row>
    <row r="6233" spans="1:16" x14ac:dyDescent="0.2">
      <c r="A6233" s="1" t="s">
        <v>10</v>
      </c>
      <c r="B6233" s="1" t="s">
        <v>10</v>
      </c>
      <c r="C6233" s="1" t="s">
        <v>21924</v>
      </c>
      <c r="D6233" s="1" t="s">
        <v>21925</v>
      </c>
      <c r="E6233" s="1"/>
      <c r="F6233" s="1" t="s">
        <v>10</v>
      </c>
      <c r="G6233" s="1" t="s">
        <v>10</v>
      </c>
      <c r="H6233" s="1" t="s">
        <v>10</v>
      </c>
      <c r="I6233" s="1" t="s">
        <v>21912</v>
      </c>
      <c r="J6233" s="1" t="s">
        <v>21922</v>
      </c>
      <c r="K6233" s="1" t="s">
        <v>10</v>
      </c>
      <c r="L6233" s="1" t="s">
        <v>21923</v>
      </c>
      <c r="M6233" s="1" t="s">
        <v>5</v>
      </c>
      <c r="N6233" s="1" t="s">
        <v>25</v>
      </c>
      <c r="O6233" s="1" t="s">
        <v>38</v>
      </c>
      <c r="P6233" s="5" t="s">
        <v>10</v>
      </c>
    </row>
    <row r="6234" spans="1:16" x14ac:dyDescent="0.2">
      <c r="A6234" s="1" t="s">
        <v>20</v>
      </c>
      <c r="B6234" s="1" t="s">
        <v>253</v>
      </c>
      <c r="C6234" s="1" t="s">
        <v>21927</v>
      </c>
      <c r="D6234" s="1" t="s">
        <v>1261</v>
      </c>
      <c r="E6234" s="1"/>
      <c r="F6234" s="1" t="s">
        <v>27</v>
      </c>
      <c r="G6234" s="1" t="s">
        <v>10</v>
      </c>
      <c r="H6234" s="1" t="s">
        <v>21929</v>
      </c>
      <c r="I6234" s="1" t="s">
        <v>21912</v>
      </c>
      <c r="J6234" s="1" t="s">
        <v>21928</v>
      </c>
      <c r="K6234" s="1" t="s">
        <v>7</v>
      </c>
      <c r="L6234" s="1" t="s">
        <v>21926</v>
      </c>
      <c r="M6234" s="1" t="s">
        <v>5</v>
      </c>
      <c r="N6234" s="1" t="s">
        <v>10</v>
      </c>
      <c r="O6234" s="1" t="s">
        <v>8</v>
      </c>
      <c r="P6234" s="5" t="s">
        <v>29908</v>
      </c>
    </row>
    <row r="6235" spans="1:16" x14ac:dyDescent="0.2">
      <c r="A6235" s="1" t="s">
        <v>20</v>
      </c>
      <c r="B6235" s="1" t="s">
        <v>253</v>
      </c>
      <c r="C6235" s="1" t="s">
        <v>6538</v>
      </c>
      <c r="D6235" s="1" t="s">
        <v>2585</v>
      </c>
      <c r="E6235" s="1" t="s">
        <v>21931</v>
      </c>
      <c r="F6235" s="1" t="s">
        <v>9</v>
      </c>
      <c r="G6235" s="1" t="s">
        <v>18</v>
      </c>
      <c r="H6235" s="1" t="s">
        <v>10</v>
      </c>
      <c r="I6235" s="1" t="s">
        <v>21912</v>
      </c>
      <c r="J6235" s="1" t="s">
        <v>21928</v>
      </c>
      <c r="K6235" s="1" t="s">
        <v>7</v>
      </c>
      <c r="L6235" s="1" t="s">
        <v>21930</v>
      </c>
      <c r="M6235" s="1" t="s">
        <v>5</v>
      </c>
      <c r="N6235" s="1" t="s">
        <v>25</v>
      </c>
      <c r="O6235" s="1" t="s">
        <v>8</v>
      </c>
      <c r="P6235" s="5" t="s">
        <v>29908</v>
      </c>
    </row>
    <row r="6236" spans="1:16" x14ac:dyDescent="0.2">
      <c r="A6236" s="1" t="s">
        <v>42</v>
      </c>
      <c r="B6236" s="1" t="s">
        <v>43</v>
      </c>
      <c r="C6236" s="1" t="s">
        <v>21933</v>
      </c>
      <c r="D6236" s="1" t="s">
        <v>21934</v>
      </c>
      <c r="E6236" s="1" t="s">
        <v>21935</v>
      </c>
      <c r="F6236" s="1" t="s">
        <v>27</v>
      </c>
      <c r="G6236" s="1" t="s">
        <v>10</v>
      </c>
      <c r="H6236" s="1" t="s">
        <v>968</v>
      </c>
      <c r="I6236" s="1" t="s">
        <v>21912</v>
      </c>
      <c r="J6236" s="1" t="s">
        <v>7057</v>
      </c>
      <c r="K6236" s="1" t="s">
        <v>37</v>
      </c>
      <c r="L6236" s="1" t="s">
        <v>21932</v>
      </c>
      <c r="M6236" s="1" t="s">
        <v>5</v>
      </c>
      <c r="N6236" s="1" t="s">
        <v>10</v>
      </c>
      <c r="O6236" s="1" t="s">
        <v>8</v>
      </c>
      <c r="P6236" s="5" t="s">
        <v>14</v>
      </c>
    </row>
    <row r="6237" spans="1:16" x14ac:dyDescent="0.2">
      <c r="A6237" s="1" t="s">
        <v>10</v>
      </c>
      <c r="B6237" s="1" t="s">
        <v>10</v>
      </c>
      <c r="C6237" s="1" t="s">
        <v>21937</v>
      </c>
      <c r="D6237" s="1" t="s">
        <v>21938</v>
      </c>
      <c r="E6237" s="1" t="s">
        <v>21939</v>
      </c>
      <c r="F6237" s="1" t="s">
        <v>10</v>
      </c>
      <c r="G6237" s="1" t="s">
        <v>10</v>
      </c>
      <c r="H6237" s="1" t="s">
        <v>10</v>
      </c>
      <c r="I6237" s="1" t="s">
        <v>21912</v>
      </c>
      <c r="J6237" s="1" t="s">
        <v>21917</v>
      </c>
      <c r="K6237" s="1" t="s">
        <v>100</v>
      </c>
      <c r="L6237" s="1" t="s">
        <v>21936</v>
      </c>
      <c r="M6237" s="1" t="s">
        <v>5</v>
      </c>
      <c r="N6237" s="1" t="s">
        <v>10</v>
      </c>
      <c r="O6237" s="1" t="s">
        <v>38</v>
      </c>
      <c r="P6237" s="5" t="s">
        <v>29821</v>
      </c>
    </row>
    <row r="6238" spans="1:16" x14ac:dyDescent="0.2">
      <c r="A6238" s="1" t="s">
        <v>20</v>
      </c>
      <c r="B6238" s="1" t="s">
        <v>4373</v>
      </c>
      <c r="C6238" s="1" t="s">
        <v>21941</v>
      </c>
      <c r="D6238" s="1" t="s">
        <v>21942</v>
      </c>
      <c r="E6238" s="1" t="s">
        <v>21943</v>
      </c>
      <c r="F6238" s="1" t="s">
        <v>27</v>
      </c>
      <c r="G6238" s="1" t="s">
        <v>10</v>
      </c>
      <c r="H6238" s="1" t="s">
        <v>21944</v>
      </c>
      <c r="I6238" s="1" t="s">
        <v>21912</v>
      </c>
      <c r="J6238" s="1" t="s">
        <v>21917</v>
      </c>
      <c r="K6238" s="1" t="s">
        <v>100</v>
      </c>
      <c r="L6238" s="1" t="s">
        <v>21940</v>
      </c>
      <c r="M6238" s="1" t="s">
        <v>5</v>
      </c>
      <c r="N6238" s="1" t="s">
        <v>25</v>
      </c>
      <c r="O6238" s="1" t="s">
        <v>8</v>
      </c>
      <c r="P6238" s="5" t="s">
        <v>30398</v>
      </c>
    </row>
    <row r="6239" spans="1:16" x14ac:dyDescent="0.2">
      <c r="A6239" s="1" t="s">
        <v>42</v>
      </c>
      <c r="B6239" s="1" t="s">
        <v>50</v>
      </c>
      <c r="C6239" s="1" t="s">
        <v>57</v>
      </c>
      <c r="D6239" s="1" t="s">
        <v>57</v>
      </c>
      <c r="E6239" s="1" t="s">
        <v>21946</v>
      </c>
      <c r="F6239" s="1" t="s">
        <v>27</v>
      </c>
      <c r="G6239" s="1" t="s">
        <v>10</v>
      </c>
      <c r="H6239" s="1" t="s">
        <v>57</v>
      </c>
      <c r="I6239" s="1" t="s">
        <v>21912</v>
      </c>
      <c r="J6239" s="1" t="s">
        <v>380</v>
      </c>
      <c r="K6239" s="1" t="s">
        <v>47</v>
      </c>
      <c r="L6239" s="1" t="s">
        <v>21945</v>
      </c>
      <c r="M6239" s="1" t="s">
        <v>5</v>
      </c>
      <c r="N6239" s="1" t="s">
        <v>25</v>
      </c>
      <c r="O6239" s="1" t="s">
        <v>8</v>
      </c>
      <c r="P6239" s="5" t="s">
        <v>30431</v>
      </c>
    </row>
    <row r="6240" spans="1:16" x14ac:dyDescent="0.2">
      <c r="A6240" s="1" t="s">
        <v>10</v>
      </c>
      <c r="B6240" s="1" t="s">
        <v>10</v>
      </c>
      <c r="C6240" s="1" t="s">
        <v>21948</v>
      </c>
      <c r="D6240" s="1" t="s">
        <v>21949</v>
      </c>
      <c r="E6240" s="1" t="s">
        <v>21951</v>
      </c>
      <c r="F6240" s="1" t="s">
        <v>10</v>
      </c>
      <c r="G6240" s="1" t="s">
        <v>10</v>
      </c>
      <c r="H6240" s="1" t="s">
        <v>10</v>
      </c>
      <c r="I6240" s="1" t="s">
        <v>21912</v>
      </c>
      <c r="J6240" s="1" t="s">
        <v>21950</v>
      </c>
      <c r="K6240" s="1" t="s">
        <v>27</v>
      </c>
      <c r="L6240" s="1" t="s">
        <v>21947</v>
      </c>
      <c r="M6240" s="1" t="s">
        <v>5</v>
      </c>
      <c r="N6240" s="1" t="s">
        <v>25</v>
      </c>
      <c r="O6240" s="1" t="s">
        <v>38</v>
      </c>
      <c r="P6240" s="5" t="s">
        <v>29907</v>
      </c>
    </row>
    <row r="6241" spans="1:16" x14ac:dyDescent="0.2">
      <c r="A6241" s="1" t="s">
        <v>10</v>
      </c>
      <c r="B6241" s="1" t="s">
        <v>10</v>
      </c>
      <c r="C6241" s="1" t="s">
        <v>21953</v>
      </c>
      <c r="D6241" s="1" t="s">
        <v>21953</v>
      </c>
      <c r="E6241" s="1" t="s">
        <v>21954</v>
      </c>
      <c r="F6241" s="1" t="s">
        <v>10</v>
      </c>
      <c r="G6241" s="1" t="s">
        <v>10</v>
      </c>
      <c r="H6241" s="1" t="s">
        <v>10</v>
      </c>
      <c r="I6241" s="1" t="s">
        <v>21912</v>
      </c>
      <c r="J6241" s="1" t="s">
        <v>21950</v>
      </c>
      <c r="K6241" s="1" t="s">
        <v>27</v>
      </c>
      <c r="L6241" s="1" t="s">
        <v>21952</v>
      </c>
      <c r="M6241" s="1" t="s">
        <v>5</v>
      </c>
      <c r="N6241" s="1" t="s">
        <v>10</v>
      </c>
      <c r="O6241" s="1" t="s">
        <v>38</v>
      </c>
      <c r="P6241" s="5" t="s">
        <v>29821</v>
      </c>
    </row>
    <row r="6242" spans="1:16" x14ac:dyDescent="0.2">
      <c r="A6242" s="1" t="s">
        <v>10</v>
      </c>
      <c r="B6242" s="1" t="s">
        <v>10</v>
      </c>
      <c r="C6242" s="1" t="s">
        <v>21956</v>
      </c>
      <c r="D6242" s="1" t="s">
        <v>1757</v>
      </c>
      <c r="E6242" s="1" t="s">
        <v>10</v>
      </c>
      <c r="F6242" s="1" t="s">
        <v>10</v>
      </c>
      <c r="G6242" s="1" t="s">
        <v>10</v>
      </c>
      <c r="H6242" s="1" t="s">
        <v>10</v>
      </c>
      <c r="I6242" s="1" t="s">
        <v>21912</v>
      </c>
      <c r="J6242" s="1" t="s">
        <v>21950</v>
      </c>
      <c r="K6242" s="1" t="s">
        <v>27</v>
      </c>
      <c r="L6242" s="1" t="s">
        <v>21955</v>
      </c>
      <c r="M6242" s="1" t="s">
        <v>5</v>
      </c>
      <c r="N6242" s="1" t="s">
        <v>25</v>
      </c>
      <c r="O6242" s="1" t="s">
        <v>8</v>
      </c>
      <c r="P6242" s="5"/>
    </row>
    <row r="6243" spans="1:16" x14ac:dyDescent="0.2">
      <c r="A6243" s="1" t="s">
        <v>10</v>
      </c>
      <c r="B6243" s="1" t="s">
        <v>10</v>
      </c>
      <c r="C6243" s="1" t="s">
        <v>21958</v>
      </c>
      <c r="D6243" s="1" t="s">
        <v>7833</v>
      </c>
      <c r="E6243" s="1" t="s">
        <v>21961</v>
      </c>
      <c r="F6243" s="1" t="s">
        <v>27</v>
      </c>
      <c r="G6243" s="1" t="s">
        <v>10</v>
      </c>
      <c r="H6243" s="1" t="s">
        <v>21962</v>
      </c>
      <c r="I6243" s="1" t="s">
        <v>21912</v>
      </c>
      <c r="J6243" s="1" t="s">
        <v>21960</v>
      </c>
      <c r="K6243" s="1" t="s">
        <v>21959</v>
      </c>
      <c r="L6243" s="1" t="s">
        <v>21957</v>
      </c>
      <c r="M6243" s="1" t="s">
        <v>5</v>
      </c>
      <c r="N6243" s="1" t="s">
        <v>10</v>
      </c>
      <c r="O6243" s="1" t="s">
        <v>8</v>
      </c>
      <c r="P6243" s="5" t="s">
        <v>29846</v>
      </c>
    </row>
    <row r="6244" spans="1:16" x14ac:dyDescent="0.2">
      <c r="A6244" s="1" t="s">
        <v>32</v>
      </c>
      <c r="B6244" s="1" t="s">
        <v>140</v>
      </c>
      <c r="C6244" s="1" t="s">
        <v>21964</v>
      </c>
      <c r="D6244" s="1" t="s">
        <v>8126</v>
      </c>
      <c r="E6244" s="1" t="s">
        <v>21965</v>
      </c>
      <c r="F6244" s="1" t="s">
        <v>27</v>
      </c>
      <c r="G6244" s="1" t="s">
        <v>10</v>
      </c>
      <c r="H6244" s="1" t="s">
        <v>21966</v>
      </c>
      <c r="I6244" s="1" t="s">
        <v>21912</v>
      </c>
      <c r="J6244" s="1" t="s">
        <v>19</v>
      </c>
      <c r="K6244" s="1" t="s">
        <v>14695</v>
      </c>
      <c r="L6244" s="1" t="s">
        <v>21963</v>
      </c>
      <c r="M6244" s="1" t="s">
        <v>5</v>
      </c>
      <c r="N6244" s="1" t="s">
        <v>25</v>
      </c>
      <c r="O6244" s="1" t="s">
        <v>8</v>
      </c>
      <c r="P6244" s="5" t="s">
        <v>30398</v>
      </c>
    </row>
    <row r="6245" spans="1:16" x14ac:dyDescent="0.2">
      <c r="A6245" s="1" t="s">
        <v>20</v>
      </c>
      <c r="B6245" s="1" t="s">
        <v>21</v>
      </c>
      <c r="C6245" s="1" t="s">
        <v>21968</v>
      </c>
      <c r="D6245" s="1" t="s">
        <v>2151</v>
      </c>
      <c r="E6245" s="1" t="s">
        <v>21969</v>
      </c>
      <c r="F6245" s="1" t="s">
        <v>522</v>
      </c>
      <c r="G6245" s="1" t="s">
        <v>1049</v>
      </c>
      <c r="H6245" s="1" t="s">
        <v>10</v>
      </c>
      <c r="I6245" s="1" t="s">
        <v>21912</v>
      </c>
      <c r="J6245" s="1" t="s">
        <v>19</v>
      </c>
      <c r="K6245" s="1" t="s">
        <v>2367</v>
      </c>
      <c r="L6245" s="1" t="s">
        <v>21967</v>
      </c>
      <c r="M6245" s="1" t="s">
        <v>5</v>
      </c>
      <c r="N6245" s="1" t="s">
        <v>25</v>
      </c>
      <c r="O6245" s="1" t="s">
        <v>8</v>
      </c>
      <c r="P6245" s="5" t="s">
        <v>30398</v>
      </c>
    </row>
    <row r="6246" spans="1:16" x14ac:dyDescent="0.2">
      <c r="A6246" s="1" t="s">
        <v>10</v>
      </c>
      <c r="B6246" s="1" t="s">
        <v>10</v>
      </c>
      <c r="C6246" s="1" t="s">
        <v>21971</v>
      </c>
      <c r="D6246" s="1" t="s">
        <v>21971</v>
      </c>
      <c r="E6246" s="1"/>
      <c r="F6246" s="1" t="s">
        <v>10</v>
      </c>
      <c r="G6246" s="1" t="s">
        <v>10</v>
      </c>
      <c r="H6246" s="1" t="s">
        <v>10</v>
      </c>
      <c r="I6246" s="1" t="s">
        <v>21912</v>
      </c>
      <c r="J6246" s="1" t="s">
        <v>10</v>
      </c>
      <c r="K6246" s="1" t="s">
        <v>10</v>
      </c>
      <c r="L6246" s="1" t="s">
        <v>21970</v>
      </c>
      <c r="M6246" s="1" t="s">
        <v>5</v>
      </c>
      <c r="N6246" s="1" t="s">
        <v>432</v>
      </c>
      <c r="O6246" s="1" t="s">
        <v>8</v>
      </c>
      <c r="P6246" s="5" t="s">
        <v>10</v>
      </c>
    </row>
    <row r="6247" spans="1:16" x14ac:dyDescent="0.2">
      <c r="A6247" s="1" t="s">
        <v>10</v>
      </c>
      <c r="B6247" s="1" t="s">
        <v>10</v>
      </c>
      <c r="C6247" s="1" t="s">
        <v>6923</v>
      </c>
      <c r="D6247" s="1" t="s">
        <v>21973</v>
      </c>
      <c r="E6247" s="1" t="s">
        <v>21974</v>
      </c>
      <c r="F6247" s="1" t="s">
        <v>21973</v>
      </c>
      <c r="G6247" s="1" t="s">
        <v>10</v>
      </c>
      <c r="H6247" s="1" t="s">
        <v>10</v>
      </c>
      <c r="I6247" s="1" t="s">
        <v>21912</v>
      </c>
      <c r="J6247" s="1" t="s">
        <v>10</v>
      </c>
      <c r="K6247" s="1" t="s">
        <v>10</v>
      </c>
      <c r="L6247" s="1" t="s">
        <v>21972</v>
      </c>
      <c r="M6247" s="1" t="s">
        <v>5</v>
      </c>
      <c r="N6247" s="1" t="s">
        <v>25</v>
      </c>
      <c r="O6247" s="1" t="s">
        <v>8</v>
      </c>
      <c r="P6247" s="5" t="s">
        <v>10</v>
      </c>
    </row>
    <row r="6248" spans="1:16" x14ac:dyDescent="0.2">
      <c r="A6248" s="1" t="s">
        <v>10</v>
      </c>
      <c r="B6248" s="1" t="s">
        <v>10</v>
      </c>
      <c r="C6248" s="1" t="s">
        <v>21976</v>
      </c>
      <c r="D6248" s="1" t="s">
        <v>21977</v>
      </c>
      <c r="E6248" s="1" t="s">
        <v>21979</v>
      </c>
      <c r="F6248" s="1" t="s">
        <v>10</v>
      </c>
      <c r="G6248" s="1" t="s">
        <v>10</v>
      </c>
      <c r="H6248" s="1" t="s">
        <v>10</v>
      </c>
      <c r="I6248" s="1" t="s">
        <v>21912</v>
      </c>
      <c r="J6248" s="1" t="s">
        <v>21978</v>
      </c>
      <c r="K6248" s="1" t="s">
        <v>27</v>
      </c>
      <c r="L6248" s="1" t="s">
        <v>21975</v>
      </c>
      <c r="M6248" s="1" t="s">
        <v>5</v>
      </c>
      <c r="N6248" s="1" t="s">
        <v>10</v>
      </c>
      <c r="O6248" s="1" t="s">
        <v>38</v>
      </c>
      <c r="P6248" s="5" t="s">
        <v>29907</v>
      </c>
    </row>
    <row r="6249" spans="1:16" x14ac:dyDescent="0.2">
      <c r="A6249" s="1" t="s">
        <v>10</v>
      </c>
      <c r="B6249" s="1" t="s">
        <v>10</v>
      </c>
      <c r="C6249" s="1" t="s">
        <v>21981</v>
      </c>
      <c r="D6249" s="1" t="s">
        <v>3990</v>
      </c>
      <c r="E6249" s="1" t="s">
        <v>21982</v>
      </c>
      <c r="F6249" s="1" t="s">
        <v>10</v>
      </c>
      <c r="G6249" s="1" t="s">
        <v>10</v>
      </c>
      <c r="H6249" s="1" t="s">
        <v>10</v>
      </c>
      <c r="I6249" s="1" t="s">
        <v>21912</v>
      </c>
      <c r="J6249" s="1" t="s">
        <v>21950</v>
      </c>
      <c r="K6249" s="1" t="s">
        <v>27</v>
      </c>
      <c r="L6249" s="1" t="s">
        <v>21980</v>
      </c>
      <c r="M6249" s="1" t="s">
        <v>5</v>
      </c>
      <c r="N6249" s="1" t="s">
        <v>25</v>
      </c>
      <c r="O6249" s="1" t="s">
        <v>38</v>
      </c>
      <c r="P6249" s="5" t="s">
        <v>31079</v>
      </c>
    </row>
    <row r="6250" spans="1:16" x14ac:dyDescent="0.2">
      <c r="A6250" s="1" t="s">
        <v>10</v>
      </c>
      <c r="B6250" s="1" t="s">
        <v>10</v>
      </c>
      <c r="C6250" s="1" t="s">
        <v>21984</v>
      </c>
      <c r="D6250" s="1" t="s">
        <v>21984</v>
      </c>
      <c r="E6250" s="1" t="s">
        <v>21985</v>
      </c>
      <c r="F6250" s="1" t="s">
        <v>10</v>
      </c>
      <c r="G6250" s="1" t="s">
        <v>10</v>
      </c>
      <c r="H6250" s="1" t="s">
        <v>10</v>
      </c>
      <c r="I6250" s="1" t="s">
        <v>21912</v>
      </c>
      <c r="J6250" s="1" t="s">
        <v>21950</v>
      </c>
      <c r="K6250" s="1" t="s">
        <v>27</v>
      </c>
      <c r="L6250" s="1" t="s">
        <v>21983</v>
      </c>
      <c r="M6250" s="1" t="s">
        <v>5</v>
      </c>
      <c r="N6250" s="1" t="s">
        <v>25</v>
      </c>
      <c r="O6250" s="1" t="s">
        <v>38</v>
      </c>
      <c r="P6250" s="5" t="s">
        <v>32153</v>
      </c>
    </row>
    <row r="6251" spans="1:16" x14ac:dyDescent="0.2">
      <c r="A6251" s="1" t="s">
        <v>10</v>
      </c>
      <c r="B6251" s="1" t="s">
        <v>10</v>
      </c>
      <c r="C6251" s="1" t="s">
        <v>21987</v>
      </c>
      <c r="D6251" s="1" t="s">
        <v>2019</v>
      </c>
      <c r="E6251" s="1" t="s">
        <v>21988</v>
      </c>
      <c r="F6251" s="1" t="s">
        <v>10</v>
      </c>
      <c r="G6251" s="1" t="s">
        <v>10</v>
      </c>
      <c r="H6251" s="1" t="s">
        <v>10</v>
      </c>
      <c r="I6251" s="1" t="s">
        <v>21912</v>
      </c>
      <c r="J6251" s="1" t="s">
        <v>21950</v>
      </c>
      <c r="K6251" s="1" t="s">
        <v>27</v>
      </c>
      <c r="L6251" s="1" t="s">
        <v>21986</v>
      </c>
      <c r="M6251" s="1" t="s">
        <v>5</v>
      </c>
      <c r="N6251" s="1" t="s">
        <v>25</v>
      </c>
      <c r="O6251" s="1" t="s">
        <v>38</v>
      </c>
      <c r="P6251" s="5" t="s">
        <v>31079</v>
      </c>
    </row>
    <row r="6252" spans="1:16" x14ac:dyDescent="0.2">
      <c r="A6252" s="1" t="s">
        <v>10</v>
      </c>
      <c r="B6252" s="1" t="s">
        <v>10</v>
      </c>
      <c r="C6252" s="1" t="s">
        <v>21990</v>
      </c>
      <c r="D6252" s="1" t="s">
        <v>21991</v>
      </c>
      <c r="E6252" s="1" t="s">
        <v>21992</v>
      </c>
      <c r="F6252" s="1" t="s">
        <v>10</v>
      </c>
      <c r="G6252" s="1" t="s">
        <v>10</v>
      </c>
      <c r="H6252" s="1" t="s">
        <v>10</v>
      </c>
      <c r="I6252" s="1" t="s">
        <v>21912</v>
      </c>
      <c r="J6252" s="1" t="s">
        <v>7057</v>
      </c>
      <c r="K6252" s="1" t="s">
        <v>37</v>
      </c>
      <c r="L6252" s="1" t="s">
        <v>21989</v>
      </c>
      <c r="M6252" s="1" t="s">
        <v>5</v>
      </c>
      <c r="N6252" s="1" t="s">
        <v>25</v>
      </c>
      <c r="O6252" s="1" t="s">
        <v>38</v>
      </c>
      <c r="P6252" s="5" t="s">
        <v>31079</v>
      </c>
    </row>
    <row r="6253" spans="1:16" x14ac:dyDescent="0.2">
      <c r="A6253" s="1" t="s">
        <v>10</v>
      </c>
      <c r="B6253" s="1" t="s">
        <v>10</v>
      </c>
      <c r="C6253" s="1" t="s">
        <v>21994</v>
      </c>
      <c r="D6253" s="1" t="s">
        <v>21995</v>
      </c>
      <c r="E6253" s="1" t="s">
        <v>21996</v>
      </c>
      <c r="F6253" s="1" t="s">
        <v>10</v>
      </c>
      <c r="G6253" s="1" t="s">
        <v>10</v>
      </c>
      <c r="H6253" s="1" t="s">
        <v>10</v>
      </c>
      <c r="I6253" s="1" t="s">
        <v>21912</v>
      </c>
      <c r="J6253" s="1" t="s">
        <v>21978</v>
      </c>
      <c r="K6253" s="1" t="s">
        <v>27</v>
      </c>
      <c r="L6253" s="1" t="s">
        <v>21993</v>
      </c>
      <c r="M6253" s="1" t="s">
        <v>5</v>
      </c>
      <c r="N6253" s="1" t="s">
        <v>10</v>
      </c>
      <c r="O6253" s="1" t="s">
        <v>38</v>
      </c>
      <c r="P6253" s="5" t="s">
        <v>29907</v>
      </c>
    </row>
    <row r="6254" spans="1:16" x14ac:dyDescent="0.2">
      <c r="A6254" s="1" t="s">
        <v>10</v>
      </c>
      <c r="B6254" s="1" t="s">
        <v>10</v>
      </c>
      <c r="C6254" s="1" t="s">
        <v>21998</v>
      </c>
      <c r="D6254" s="1" t="s">
        <v>21998</v>
      </c>
      <c r="E6254" s="1" t="s">
        <v>21999</v>
      </c>
      <c r="F6254" s="1" t="s">
        <v>10</v>
      </c>
      <c r="G6254" s="1" t="s">
        <v>10</v>
      </c>
      <c r="H6254" s="1" t="s">
        <v>10</v>
      </c>
      <c r="I6254" s="1" t="s">
        <v>21912</v>
      </c>
      <c r="J6254" s="1" t="s">
        <v>10</v>
      </c>
      <c r="K6254" s="1" t="s">
        <v>10</v>
      </c>
      <c r="L6254" s="1" t="s">
        <v>21997</v>
      </c>
      <c r="M6254" s="1" t="s">
        <v>5</v>
      </c>
      <c r="N6254" s="1" t="s">
        <v>25</v>
      </c>
      <c r="O6254" s="1" t="s">
        <v>38</v>
      </c>
      <c r="P6254" s="5" t="s">
        <v>10</v>
      </c>
    </row>
    <row r="6255" spans="1:16" x14ac:dyDescent="0.2">
      <c r="A6255" s="1" t="s">
        <v>42</v>
      </c>
      <c r="B6255" s="1" t="s">
        <v>588</v>
      </c>
      <c r="C6255" s="1" t="s">
        <v>22001</v>
      </c>
      <c r="D6255" s="1" t="s">
        <v>20564</v>
      </c>
      <c r="E6255" s="1" t="s">
        <v>22003</v>
      </c>
      <c r="F6255" s="1" t="s">
        <v>10</v>
      </c>
      <c r="G6255" s="1" t="s">
        <v>10</v>
      </c>
      <c r="H6255" s="1" t="s">
        <v>10</v>
      </c>
      <c r="I6255" s="1" t="s">
        <v>21912</v>
      </c>
      <c r="J6255" s="1" t="s">
        <v>22002</v>
      </c>
      <c r="K6255" s="1" t="s">
        <v>586</v>
      </c>
      <c r="L6255" s="1" t="s">
        <v>22000</v>
      </c>
      <c r="M6255" s="1" t="s">
        <v>5</v>
      </c>
      <c r="N6255" s="1" t="s">
        <v>25</v>
      </c>
      <c r="O6255" s="1" t="s">
        <v>38</v>
      </c>
      <c r="P6255" s="5" t="s">
        <v>31079</v>
      </c>
    </row>
    <row r="6256" spans="1:16" x14ac:dyDescent="0.2">
      <c r="A6256" s="1" t="s">
        <v>10</v>
      </c>
      <c r="B6256" s="1" t="s">
        <v>10</v>
      </c>
      <c r="C6256" s="1" t="s">
        <v>22005</v>
      </c>
      <c r="D6256" s="1" t="s">
        <v>22006</v>
      </c>
      <c r="E6256" s="1" t="s">
        <v>22007</v>
      </c>
      <c r="F6256" s="1" t="s">
        <v>10</v>
      </c>
      <c r="G6256" s="1" t="s">
        <v>10</v>
      </c>
      <c r="H6256" s="1" t="s">
        <v>10</v>
      </c>
      <c r="I6256" s="1" t="s">
        <v>21912</v>
      </c>
      <c r="J6256" s="1" t="s">
        <v>7057</v>
      </c>
      <c r="K6256" s="1" t="s">
        <v>37</v>
      </c>
      <c r="L6256" s="1" t="s">
        <v>22004</v>
      </c>
      <c r="M6256" s="1" t="s">
        <v>5</v>
      </c>
      <c r="N6256" s="1" t="s">
        <v>25</v>
      </c>
      <c r="O6256" s="1" t="s">
        <v>38</v>
      </c>
      <c r="P6256" s="5" t="s">
        <v>31079</v>
      </c>
    </row>
    <row r="6257" spans="1:16" x14ac:dyDescent="0.2">
      <c r="A6257" s="1" t="s">
        <v>42</v>
      </c>
      <c r="B6257" s="1" t="s">
        <v>50</v>
      </c>
      <c r="C6257" s="1" t="s">
        <v>9066</v>
      </c>
      <c r="D6257" s="1" t="s">
        <v>22009</v>
      </c>
      <c r="E6257" s="1"/>
      <c r="F6257" s="1" t="s">
        <v>414</v>
      </c>
      <c r="G6257" s="1" t="s">
        <v>16242</v>
      </c>
      <c r="H6257" s="1" t="s">
        <v>10</v>
      </c>
      <c r="I6257" s="1" t="s">
        <v>21912</v>
      </c>
      <c r="J6257" s="1" t="s">
        <v>380</v>
      </c>
      <c r="K6257" s="1" t="s">
        <v>47</v>
      </c>
      <c r="L6257" s="1" t="s">
        <v>22008</v>
      </c>
      <c r="M6257" s="1" t="s">
        <v>5</v>
      </c>
      <c r="N6257" s="1" t="s">
        <v>10</v>
      </c>
      <c r="O6257" s="1" t="s">
        <v>8</v>
      </c>
      <c r="P6257" s="5" t="s">
        <v>15</v>
      </c>
    </row>
    <row r="6258" spans="1:16" x14ac:dyDescent="0.2">
      <c r="A6258" s="1" t="s">
        <v>10</v>
      </c>
      <c r="B6258" s="1" t="s">
        <v>10</v>
      </c>
      <c r="C6258" s="1" t="s">
        <v>22011</v>
      </c>
      <c r="D6258" s="1" t="s">
        <v>22012</v>
      </c>
      <c r="E6258" s="1" t="s">
        <v>22013</v>
      </c>
      <c r="F6258" s="1" t="s">
        <v>10</v>
      </c>
      <c r="G6258" s="1" t="s">
        <v>10</v>
      </c>
      <c r="H6258" s="1" t="s">
        <v>10</v>
      </c>
      <c r="I6258" s="1" t="s">
        <v>21912</v>
      </c>
      <c r="J6258" s="1" t="s">
        <v>21950</v>
      </c>
      <c r="K6258" s="1" t="s">
        <v>27</v>
      </c>
      <c r="L6258" s="1" t="s">
        <v>22010</v>
      </c>
      <c r="M6258" s="1" t="s">
        <v>5</v>
      </c>
      <c r="N6258" s="1" t="s">
        <v>10</v>
      </c>
      <c r="O6258" s="1" t="s">
        <v>38</v>
      </c>
      <c r="P6258" s="5" t="s">
        <v>15</v>
      </c>
    </row>
    <row r="6259" spans="1:16" x14ac:dyDescent="0.2">
      <c r="A6259" s="1" t="s">
        <v>42</v>
      </c>
      <c r="B6259" s="1" t="s">
        <v>588</v>
      </c>
      <c r="C6259" s="1" t="s">
        <v>22015</v>
      </c>
      <c r="D6259" s="1" t="s">
        <v>22016</v>
      </c>
      <c r="E6259" s="1" t="s">
        <v>22017</v>
      </c>
      <c r="F6259" s="1" t="s">
        <v>10</v>
      </c>
      <c r="G6259" s="1" t="s">
        <v>10</v>
      </c>
      <c r="H6259" s="1" t="s">
        <v>10</v>
      </c>
      <c r="I6259" s="1" t="s">
        <v>21912</v>
      </c>
      <c r="J6259" s="1" t="s">
        <v>22002</v>
      </c>
      <c r="K6259" s="1" t="s">
        <v>586</v>
      </c>
      <c r="L6259" s="1" t="s">
        <v>22014</v>
      </c>
      <c r="M6259" s="1" t="s">
        <v>5</v>
      </c>
      <c r="N6259" s="1" t="s">
        <v>25</v>
      </c>
      <c r="O6259" s="1" t="s">
        <v>38</v>
      </c>
      <c r="P6259" s="5" t="s">
        <v>14</v>
      </c>
    </row>
    <row r="6260" spans="1:16" x14ac:dyDescent="0.2">
      <c r="A6260" s="1" t="s">
        <v>42</v>
      </c>
      <c r="B6260" s="1" t="s">
        <v>588</v>
      </c>
      <c r="C6260" s="1" t="s">
        <v>22019</v>
      </c>
      <c r="D6260" s="1" t="s">
        <v>22020</v>
      </c>
      <c r="E6260" s="1" t="s">
        <v>22021</v>
      </c>
      <c r="F6260" s="1" t="s">
        <v>10</v>
      </c>
      <c r="G6260" s="1" t="s">
        <v>10</v>
      </c>
      <c r="H6260" s="1" t="s">
        <v>10</v>
      </c>
      <c r="I6260" s="1" t="s">
        <v>21912</v>
      </c>
      <c r="J6260" s="1" t="s">
        <v>22002</v>
      </c>
      <c r="K6260" s="1" t="s">
        <v>586</v>
      </c>
      <c r="L6260" s="1" t="s">
        <v>22018</v>
      </c>
      <c r="M6260" s="1" t="s">
        <v>5</v>
      </c>
      <c r="N6260" s="1" t="s">
        <v>25</v>
      </c>
      <c r="O6260" s="1" t="s">
        <v>38</v>
      </c>
      <c r="P6260" s="5" t="s">
        <v>14</v>
      </c>
    </row>
    <row r="6261" spans="1:16" x14ac:dyDescent="0.2">
      <c r="A6261" s="1" t="s">
        <v>42</v>
      </c>
      <c r="B6261" s="1" t="s">
        <v>588</v>
      </c>
      <c r="C6261" s="1" t="s">
        <v>22023</v>
      </c>
      <c r="D6261" s="1" t="s">
        <v>14994</v>
      </c>
      <c r="E6261" s="1" t="s">
        <v>22024</v>
      </c>
      <c r="F6261" s="1" t="s">
        <v>10</v>
      </c>
      <c r="G6261" s="1" t="s">
        <v>10</v>
      </c>
      <c r="H6261" s="1" t="s">
        <v>10</v>
      </c>
      <c r="I6261" s="1" t="s">
        <v>21912</v>
      </c>
      <c r="J6261" s="1" t="s">
        <v>22002</v>
      </c>
      <c r="K6261" s="1" t="s">
        <v>586</v>
      </c>
      <c r="L6261" s="1" t="s">
        <v>22022</v>
      </c>
      <c r="M6261" s="1" t="s">
        <v>5</v>
      </c>
      <c r="N6261" s="1" t="s">
        <v>25</v>
      </c>
      <c r="O6261" s="1" t="s">
        <v>38</v>
      </c>
      <c r="P6261" s="5" t="s">
        <v>14</v>
      </c>
    </row>
    <row r="6262" spans="1:16" x14ac:dyDescent="0.2">
      <c r="A6262" s="1" t="s">
        <v>10</v>
      </c>
      <c r="B6262" s="1" t="s">
        <v>10</v>
      </c>
      <c r="C6262" s="1" t="s">
        <v>22026</v>
      </c>
      <c r="D6262" s="1" t="s">
        <v>1893</v>
      </c>
      <c r="E6262" s="1" t="s">
        <v>22027</v>
      </c>
      <c r="F6262" s="1" t="s">
        <v>10</v>
      </c>
      <c r="G6262" s="1" t="s">
        <v>10</v>
      </c>
      <c r="H6262" s="1" t="s">
        <v>10</v>
      </c>
      <c r="I6262" s="1" t="s">
        <v>21912</v>
      </c>
      <c r="J6262" s="1" t="s">
        <v>21978</v>
      </c>
      <c r="K6262" s="1" t="s">
        <v>27</v>
      </c>
      <c r="L6262" s="1" t="s">
        <v>22025</v>
      </c>
      <c r="M6262" s="1" t="s">
        <v>5</v>
      </c>
      <c r="N6262" s="1" t="s">
        <v>25</v>
      </c>
      <c r="O6262" s="1" t="s">
        <v>38</v>
      </c>
      <c r="P6262" s="5" t="s">
        <v>15</v>
      </c>
    </row>
    <row r="6263" spans="1:16" x14ac:dyDescent="0.2">
      <c r="A6263" s="1" t="s">
        <v>10</v>
      </c>
      <c r="B6263" s="1" t="s">
        <v>10</v>
      </c>
      <c r="C6263" s="1" t="s">
        <v>22029</v>
      </c>
      <c r="D6263" s="1" t="s">
        <v>22030</v>
      </c>
      <c r="E6263" s="1" t="s">
        <v>22031</v>
      </c>
      <c r="F6263" s="1" t="s">
        <v>10</v>
      </c>
      <c r="G6263" s="1" t="s">
        <v>10</v>
      </c>
      <c r="H6263" s="1" t="s">
        <v>10</v>
      </c>
      <c r="I6263" s="1" t="s">
        <v>21912</v>
      </c>
      <c r="J6263" s="1" t="s">
        <v>21950</v>
      </c>
      <c r="K6263" s="1" t="s">
        <v>27</v>
      </c>
      <c r="L6263" s="1" t="s">
        <v>22028</v>
      </c>
      <c r="M6263" s="1" t="s">
        <v>5</v>
      </c>
      <c r="N6263" s="1" t="s">
        <v>10</v>
      </c>
      <c r="O6263" s="1" t="s">
        <v>38</v>
      </c>
      <c r="P6263" s="5" t="s">
        <v>31079</v>
      </c>
    </row>
    <row r="6264" spans="1:16" x14ac:dyDescent="0.2">
      <c r="A6264" s="1" t="s">
        <v>10</v>
      </c>
      <c r="B6264" s="1" t="s">
        <v>10</v>
      </c>
      <c r="C6264" s="1" t="s">
        <v>22033</v>
      </c>
      <c r="D6264" s="1" t="s">
        <v>22034</v>
      </c>
      <c r="E6264" s="1" t="s">
        <v>22035</v>
      </c>
      <c r="F6264" s="1" t="s">
        <v>10</v>
      </c>
      <c r="G6264" s="1" t="s">
        <v>10</v>
      </c>
      <c r="H6264" s="1" t="s">
        <v>10</v>
      </c>
      <c r="I6264" s="1" t="s">
        <v>21912</v>
      </c>
      <c r="J6264" s="1" t="s">
        <v>21950</v>
      </c>
      <c r="K6264" s="1" t="s">
        <v>27</v>
      </c>
      <c r="L6264" s="1" t="s">
        <v>22032</v>
      </c>
      <c r="M6264" s="1" t="s">
        <v>5</v>
      </c>
      <c r="N6264" s="1" t="s">
        <v>10</v>
      </c>
      <c r="O6264" s="1" t="s">
        <v>38</v>
      </c>
      <c r="P6264" s="5" t="s">
        <v>31079</v>
      </c>
    </row>
    <row r="6265" spans="1:16" x14ac:dyDescent="0.2">
      <c r="A6265" s="1" t="s">
        <v>10</v>
      </c>
      <c r="B6265" s="1" t="s">
        <v>10</v>
      </c>
      <c r="C6265" s="1" t="s">
        <v>22037</v>
      </c>
      <c r="D6265" s="1" t="s">
        <v>22038</v>
      </c>
      <c r="E6265" s="1" t="s">
        <v>22039</v>
      </c>
      <c r="F6265" s="1" t="s">
        <v>10</v>
      </c>
      <c r="G6265" s="1" t="s">
        <v>10</v>
      </c>
      <c r="H6265" s="1" t="s">
        <v>10</v>
      </c>
      <c r="I6265" s="1" t="s">
        <v>21912</v>
      </c>
      <c r="J6265" s="1" t="s">
        <v>21950</v>
      </c>
      <c r="K6265" s="1" t="s">
        <v>27</v>
      </c>
      <c r="L6265" s="1" t="s">
        <v>22036</v>
      </c>
      <c r="M6265" s="1" t="s">
        <v>5</v>
      </c>
      <c r="N6265" s="1" t="s">
        <v>25</v>
      </c>
      <c r="O6265" s="1" t="s">
        <v>38</v>
      </c>
      <c r="P6265" s="5" t="s">
        <v>31079</v>
      </c>
    </row>
    <row r="6266" spans="1:16" x14ac:dyDescent="0.2">
      <c r="A6266" s="1" t="s">
        <v>10</v>
      </c>
      <c r="B6266" s="1" t="s">
        <v>10</v>
      </c>
      <c r="C6266" s="1" t="s">
        <v>22041</v>
      </c>
      <c r="D6266" s="1" t="s">
        <v>3173</v>
      </c>
      <c r="E6266" s="1" t="s">
        <v>22042</v>
      </c>
      <c r="F6266" s="1" t="s">
        <v>10</v>
      </c>
      <c r="G6266" s="1" t="s">
        <v>10</v>
      </c>
      <c r="H6266" s="1" t="s">
        <v>10</v>
      </c>
      <c r="I6266" s="1" t="s">
        <v>21912</v>
      </c>
      <c r="J6266" s="1" t="s">
        <v>21950</v>
      </c>
      <c r="K6266" s="1" t="s">
        <v>27</v>
      </c>
      <c r="L6266" s="1" t="s">
        <v>22040</v>
      </c>
      <c r="M6266" s="1" t="s">
        <v>5</v>
      </c>
      <c r="N6266" s="1" t="s">
        <v>10</v>
      </c>
      <c r="O6266" s="1" t="s">
        <v>38</v>
      </c>
      <c r="P6266" s="5" t="s">
        <v>31079</v>
      </c>
    </row>
    <row r="6267" spans="1:16" x14ac:dyDescent="0.2">
      <c r="A6267" s="1" t="s">
        <v>10</v>
      </c>
      <c r="B6267" s="1" t="s">
        <v>10</v>
      </c>
      <c r="C6267" s="1" t="s">
        <v>22044</v>
      </c>
      <c r="D6267" s="1" t="s">
        <v>417</v>
      </c>
      <c r="E6267" s="1" t="s">
        <v>22045</v>
      </c>
      <c r="F6267" s="1" t="s">
        <v>10</v>
      </c>
      <c r="G6267" s="1" t="s">
        <v>10</v>
      </c>
      <c r="H6267" s="1" t="s">
        <v>10</v>
      </c>
      <c r="I6267" s="1" t="s">
        <v>21912</v>
      </c>
      <c r="J6267" s="1" t="s">
        <v>21950</v>
      </c>
      <c r="K6267" s="1" t="s">
        <v>27</v>
      </c>
      <c r="L6267" s="1" t="s">
        <v>22043</v>
      </c>
      <c r="M6267" s="1" t="s">
        <v>5</v>
      </c>
      <c r="N6267" s="1" t="s">
        <v>10</v>
      </c>
      <c r="O6267" s="1" t="s">
        <v>38</v>
      </c>
      <c r="P6267" s="5" t="s">
        <v>31079</v>
      </c>
    </row>
    <row r="6268" spans="1:16" ht="63.75" x14ac:dyDescent="0.2">
      <c r="A6268" s="1" t="s">
        <v>32</v>
      </c>
      <c r="B6268" s="1" t="s">
        <v>33</v>
      </c>
      <c r="C6268" s="1" t="s">
        <v>22049</v>
      </c>
      <c r="D6268" s="1" t="s">
        <v>22047</v>
      </c>
      <c r="E6268" s="1" t="s">
        <v>22050</v>
      </c>
      <c r="F6268" s="1" t="s">
        <v>10</v>
      </c>
      <c r="G6268" s="1" t="s">
        <v>10</v>
      </c>
      <c r="H6268" s="1" t="s">
        <v>10</v>
      </c>
      <c r="I6268" s="1" t="s">
        <v>22046</v>
      </c>
      <c r="J6268" s="1" t="s">
        <v>10</v>
      </c>
      <c r="K6268" s="1" t="s">
        <v>64</v>
      </c>
      <c r="L6268" s="1" t="s">
        <v>22048</v>
      </c>
      <c r="M6268" s="1" t="s">
        <v>5</v>
      </c>
      <c r="N6268" s="1" t="s">
        <v>6</v>
      </c>
      <c r="O6268" s="1" t="s">
        <v>38</v>
      </c>
      <c r="P6268" s="9" t="s">
        <v>32154</v>
      </c>
    </row>
    <row r="6269" spans="1:16" x14ac:dyDescent="0.2">
      <c r="A6269" s="1" t="s">
        <v>20</v>
      </c>
      <c r="B6269" s="1" t="s">
        <v>253</v>
      </c>
      <c r="C6269" s="1" t="s">
        <v>3879</v>
      </c>
      <c r="D6269" s="1" t="s">
        <v>22051</v>
      </c>
      <c r="E6269" s="1"/>
      <c r="F6269" s="1" t="s">
        <v>27</v>
      </c>
      <c r="G6269" s="1" t="s">
        <v>10</v>
      </c>
      <c r="H6269" s="1" t="s">
        <v>22053</v>
      </c>
      <c r="I6269" s="1" t="s">
        <v>22046</v>
      </c>
      <c r="J6269" s="1" t="s">
        <v>19</v>
      </c>
      <c r="K6269" s="1" t="s">
        <v>7</v>
      </c>
      <c r="L6269" s="1" t="s">
        <v>22052</v>
      </c>
      <c r="M6269" s="1" t="s">
        <v>5</v>
      </c>
      <c r="N6269" s="1" t="s">
        <v>1009</v>
      </c>
      <c r="O6269" s="1" t="s">
        <v>8</v>
      </c>
      <c r="P6269" s="5" t="s">
        <v>30664</v>
      </c>
    </row>
    <row r="6270" spans="1:16" x14ac:dyDescent="0.2">
      <c r="A6270" s="1" t="s">
        <v>42</v>
      </c>
      <c r="B6270" s="1" t="s">
        <v>50</v>
      </c>
      <c r="C6270" s="1" t="s">
        <v>22054</v>
      </c>
      <c r="D6270" s="1" t="s">
        <v>22054</v>
      </c>
      <c r="E6270" s="1"/>
      <c r="F6270" s="1" t="s">
        <v>10</v>
      </c>
      <c r="G6270" s="1" t="s">
        <v>10</v>
      </c>
      <c r="H6270" s="1" t="s">
        <v>10</v>
      </c>
      <c r="I6270" s="1" t="s">
        <v>22046</v>
      </c>
      <c r="J6270" s="1" t="s">
        <v>22056</v>
      </c>
      <c r="K6270" s="1" t="s">
        <v>10</v>
      </c>
      <c r="L6270" s="1" t="s">
        <v>22055</v>
      </c>
      <c r="M6270" s="1" t="s">
        <v>5</v>
      </c>
      <c r="N6270" s="1" t="s">
        <v>25</v>
      </c>
      <c r="O6270" s="1" t="s">
        <v>38</v>
      </c>
      <c r="P6270" s="5" t="s">
        <v>30665</v>
      </c>
    </row>
    <row r="6271" spans="1:16" x14ac:dyDescent="0.2">
      <c r="A6271" s="1" t="s">
        <v>42</v>
      </c>
      <c r="B6271" s="1" t="s">
        <v>588</v>
      </c>
      <c r="C6271" s="1" t="s">
        <v>12715</v>
      </c>
      <c r="D6271" s="1" t="s">
        <v>22058</v>
      </c>
      <c r="E6271" s="1"/>
      <c r="F6271" s="1" t="s">
        <v>9092</v>
      </c>
      <c r="G6271" s="1" t="s">
        <v>10</v>
      </c>
      <c r="H6271" s="1" t="s">
        <v>10</v>
      </c>
      <c r="I6271" s="1" t="s">
        <v>22046</v>
      </c>
      <c r="J6271" s="1" t="s">
        <v>19</v>
      </c>
      <c r="K6271" s="1" t="s">
        <v>10</v>
      </c>
      <c r="L6271" s="1" t="s">
        <v>22057</v>
      </c>
      <c r="M6271" s="1" t="s">
        <v>5</v>
      </c>
      <c r="N6271" s="1" t="s">
        <v>1009</v>
      </c>
      <c r="O6271" s="1" t="s">
        <v>8</v>
      </c>
      <c r="P6271" s="5" t="s">
        <v>30666</v>
      </c>
    </row>
    <row r="6272" spans="1:16" ht="25.5" x14ac:dyDescent="0.2">
      <c r="A6272" s="1" t="s">
        <v>42</v>
      </c>
      <c r="B6272" s="1" t="s">
        <v>588</v>
      </c>
      <c r="C6272" s="1" t="s">
        <v>22059</v>
      </c>
      <c r="D6272" s="1" t="s">
        <v>22059</v>
      </c>
      <c r="E6272" s="1"/>
      <c r="F6272" s="1" t="s">
        <v>10</v>
      </c>
      <c r="G6272" s="1" t="s">
        <v>22061</v>
      </c>
      <c r="H6272" s="1" t="s">
        <v>10</v>
      </c>
      <c r="I6272" s="1" t="s">
        <v>22046</v>
      </c>
      <c r="J6272" s="1" t="s">
        <v>10</v>
      </c>
      <c r="K6272" s="1" t="s">
        <v>7391</v>
      </c>
      <c r="L6272" s="1" t="s">
        <v>22060</v>
      </c>
      <c r="M6272" s="1" t="s">
        <v>5</v>
      </c>
      <c r="N6272" s="1" t="s">
        <v>6</v>
      </c>
      <c r="O6272" s="1" t="s">
        <v>8</v>
      </c>
      <c r="P6272" s="9" t="s">
        <v>32155</v>
      </c>
    </row>
    <row r="6273" spans="1:16" ht="51" x14ac:dyDescent="0.2">
      <c r="A6273" s="1" t="s">
        <v>20</v>
      </c>
      <c r="B6273" s="1" t="s">
        <v>99</v>
      </c>
      <c r="C6273" s="1" t="s">
        <v>22064</v>
      </c>
      <c r="D6273" s="1" t="s">
        <v>22062</v>
      </c>
      <c r="E6273" s="1" t="s">
        <v>22065</v>
      </c>
      <c r="F6273" s="1" t="s">
        <v>10</v>
      </c>
      <c r="G6273" s="1" t="s">
        <v>10</v>
      </c>
      <c r="H6273" s="1" t="s">
        <v>10</v>
      </c>
      <c r="I6273" s="1" t="s">
        <v>22046</v>
      </c>
      <c r="J6273" s="1" t="s">
        <v>19</v>
      </c>
      <c r="K6273" s="1" t="s">
        <v>7</v>
      </c>
      <c r="L6273" s="1" t="s">
        <v>22063</v>
      </c>
      <c r="M6273" s="1" t="s">
        <v>5</v>
      </c>
      <c r="N6273" s="1" t="s">
        <v>25</v>
      </c>
      <c r="O6273" s="1" t="s">
        <v>38</v>
      </c>
      <c r="P6273" s="9" t="s">
        <v>32156</v>
      </c>
    </row>
    <row r="6274" spans="1:16" x14ac:dyDescent="0.2">
      <c r="A6274" s="1" t="s">
        <v>20</v>
      </c>
      <c r="B6274" s="1" t="s">
        <v>99</v>
      </c>
      <c r="C6274" s="1" t="s">
        <v>22068</v>
      </c>
      <c r="D6274" s="1" t="s">
        <v>22066</v>
      </c>
      <c r="E6274" s="1" t="s">
        <v>22069</v>
      </c>
      <c r="F6274" s="1" t="s">
        <v>10</v>
      </c>
      <c r="G6274" s="1" t="s">
        <v>10</v>
      </c>
      <c r="H6274" s="1" t="s">
        <v>22070</v>
      </c>
      <c r="I6274" s="1" t="s">
        <v>22046</v>
      </c>
      <c r="J6274" s="1" t="s">
        <v>10</v>
      </c>
      <c r="K6274" s="1" t="s">
        <v>443</v>
      </c>
      <c r="L6274" s="1" t="s">
        <v>22067</v>
      </c>
      <c r="M6274" s="1" t="s">
        <v>5</v>
      </c>
      <c r="N6274" s="1" t="s">
        <v>25</v>
      </c>
      <c r="O6274" s="1" t="s">
        <v>8</v>
      </c>
      <c r="P6274" s="5" t="s">
        <v>30667</v>
      </c>
    </row>
    <row r="6275" spans="1:16" x14ac:dyDescent="0.2">
      <c r="A6275" s="1" t="s">
        <v>42</v>
      </c>
      <c r="B6275" s="1" t="s">
        <v>320</v>
      </c>
      <c r="C6275" s="1" t="s">
        <v>22073</v>
      </c>
      <c r="D6275" s="1" t="s">
        <v>22071</v>
      </c>
      <c r="E6275" s="1" t="s">
        <v>22075</v>
      </c>
      <c r="F6275" s="1" t="s">
        <v>10</v>
      </c>
      <c r="G6275" s="1" t="s">
        <v>10</v>
      </c>
      <c r="H6275" s="1" t="s">
        <v>10</v>
      </c>
      <c r="I6275" s="1" t="s">
        <v>22046</v>
      </c>
      <c r="J6275" s="1" t="s">
        <v>22074</v>
      </c>
      <c r="K6275" s="1" t="s">
        <v>130</v>
      </c>
      <c r="L6275" s="1" t="s">
        <v>22072</v>
      </c>
      <c r="M6275" s="1" t="s">
        <v>5</v>
      </c>
      <c r="N6275" s="1" t="s">
        <v>6</v>
      </c>
      <c r="O6275" s="1" t="s">
        <v>38</v>
      </c>
      <c r="P6275" s="5" t="s">
        <v>32157</v>
      </c>
    </row>
    <row r="6276" spans="1:16" x14ac:dyDescent="0.2">
      <c r="A6276" s="1" t="s">
        <v>42</v>
      </c>
      <c r="B6276" s="1" t="s">
        <v>320</v>
      </c>
      <c r="C6276" s="1" t="s">
        <v>22078</v>
      </c>
      <c r="D6276" s="1" t="s">
        <v>22076</v>
      </c>
      <c r="E6276" s="1" t="s">
        <v>22079</v>
      </c>
      <c r="F6276" s="1" t="s">
        <v>10</v>
      </c>
      <c r="G6276" s="1" t="s">
        <v>10</v>
      </c>
      <c r="H6276" s="1" t="s">
        <v>10</v>
      </c>
      <c r="I6276" s="1" t="s">
        <v>22046</v>
      </c>
      <c r="J6276" s="1" t="s">
        <v>22074</v>
      </c>
      <c r="K6276" s="1" t="s">
        <v>130</v>
      </c>
      <c r="L6276" s="1" t="s">
        <v>22077</v>
      </c>
      <c r="M6276" s="1" t="s">
        <v>5</v>
      </c>
      <c r="N6276" s="1" t="s">
        <v>6</v>
      </c>
      <c r="O6276" s="1" t="s">
        <v>38</v>
      </c>
      <c r="P6276" s="5" t="s">
        <v>32158</v>
      </c>
    </row>
    <row r="6277" spans="1:16" x14ac:dyDescent="0.2">
      <c r="A6277" s="1" t="s">
        <v>20</v>
      </c>
      <c r="B6277" s="1" t="s">
        <v>1047</v>
      </c>
      <c r="C6277" s="1" t="s">
        <v>22082</v>
      </c>
      <c r="D6277" s="1" t="s">
        <v>22080</v>
      </c>
      <c r="E6277" s="1" t="s">
        <v>22083</v>
      </c>
      <c r="F6277" s="1" t="s">
        <v>10</v>
      </c>
      <c r="G6277" s="1" t="s">
        <v>10</v>
      </c>
      <c r="H6277" s="1" t="s">
        <v>10</v>
      </c>
      <c r="I6277" s="1" t="s">
        <v>22046</v>
      </c>
      <c r="J6277" s="1" t="s">
        <v>19</v>
      </c>
      <c r="K6277" s="1" t="s">
        <v>7</v>
      </c>
      <c r="L6277" s="1" t="s">
        <v>22081</v>
      </c>
      <c r="M6277" s="1" t="s">
        <v>5</v>
      </c>
      <c r="N6277" s="1" t="s">
        <v>25</v>
      </c>
      <c r="O6277" s="1" t="s">
        <v>38</v>
      </c>
      <c r="P6277" s="5" t="s">
        <v>30668</v>
      </c>
    </row>
    <row r="6278" spans="1:16" x14ac:dyDescent="0.2">
      <c r="A6278" s="1" t="s">
        <v>20</v>
      </c>
      <c r="B6278" s="1" t="s">
        <v>99</v>
      </c>
      <c r="C6278" s="1" t="s">
        <v>22086</v>
      </c>
      <c r="D6278" s="1" t="s">
        <v>22084</v>
      </c>
      <c r="E6278" s="1" t="s">
        <v>22087</v>
      </c>
      <c r="F6278" s="1" t="s">
        <v>10</v>
      </c>
      <c r="G6278" s="1" t="s">
        <v>10</v>
      </c>
      <c r="H6278" s="1" t="s">
        <v>10</v>
      </c>
      <c r="I6278" s="1" t="s">
        <v>22046</v>
      </c>
      <c r="J6278" s="1" t="s">
        <v>10</v>
      </c>
      <c r="K6278" s="1" t="s">
        <v>443</v>
      </c>
      <c r="L6278" s="1" t="s">
        <v>22085</v>
      </c>
      <c r="M6278" s="1" t="s">
        <v>5</v>
      </c>
      <c r="N6278" s="1" t="s">
        <v>25</v>
      </c>
      <c r="O6278" s="1" t="s">
        <v>38</v>
      </c>
      <c r="P6278" s="5" t="s">
        <v>30669</v>
      </c>
    </row>
    <row r="6279" spans="1:16" ht="63.75" x14ac:dyDescent="0.2">
      <c r="A6279" s="1" t="s">
        <v>329</v>
      </c>
      <c r="B6279" s="1" t="s">
        <v>596</v>
      </c>
      <c r="C6279" s="1" t="s">
        <v>22090</v>
      </c>
      <c r="D6279" s="1" t="s">
        <v>22088</v>
      </c>
      <c r="E6279" s="1"/>
      <c r="F6279" s="1" t="s">
        <v>10</v>
      </c>
      <c r="G6279" s="1" t="s">
        <v>10</v>
      </c>
      <c r="H6279" s="1" t="s">
        <v>10</v>
      </c>
      <c r="I6279" s="1" t="s">
        <v>22046</v>
      </c>
      <c r="J6279" s="1" t="s">
        <v>22091</v>
      </c>
      <c r="K6279" s="1" t="s">
        <v>7</v>
      </c>
      <c r="L6279" s="1" t="s">
        <v>22089</v>
      </c>
      <c r="M6279" s="1" t="s">
        <v>5</v>
      </c>
      <c r="N6279" s="1" t="s">
        <v>25</v>
      </c>
      <c r="O6279" s="1" t="s">
        <v>38</v>
      </c>
      <c r="P6279" s="9" t="s">
        <v>32159</v>
      </c>
    </row>
    <row r="6280" spans="1:16" ht="38.25" x14ac:dyDescent="0.2">
      <c r="A6280" s="1" t="s">
        <v>20</v>
      </c>
      <c r="B6280" s="1" t="s">
        <v>172</v>
      </c>
      <c r="C6280" s="1" t="s">
        <v>22094</v>
      </c>
      <c r="D6280" s="1" t="s">
        <v>22092</v>
      </c>
      <c r="E6280" s="1"/>
      <c r="F6280" s="1" t="s">
        <v>10</v>
      </c>
      <c r="G6280" s="1" t="s">
        <v>10</v>
      </c>
      <c r="H6280" s="1" t="s">
        <v>10</v>
      </c>
      <c r="I6280" s="1" t="s">
        <v>22046</v>
      </c>
      <c r="J6280" s="1" t="s">
        <v>19</v>
      </c>
      <c r="K6280" s="1" t="s">
        <v>7</v>
      </c>
      <c r="L6280" s="1" t="s">
        <v>22093</v>
      </c>
      <c r="M6280" s="1" t="s">
        <v>5</v>
      </c>
      <c r="N6280" s="1" t="s">
        <v>1009</v>
      </c>
      <c r="O6280" s="1" t="s">
        <v>38</v>
      </c>
      <c r="P6280" s="9" t="s">
        <v>32160</v>
      </c>
    </row>
    <row r="6281" spans="1:16" x14ac:dyDescent="0.2">
      <c r="A6281" s="1" t="s">
        <v>20</v>
      </c>
      <c r="B6281" s="1" t="s">
        <v>101</v>
      </c>
      <c r="C6281" s="1" t="s">
        <v>22097</v>
      </c>
      <c r="D6281" s="1" t="s">
        <v>22095</v>
      </c>
      <c r="E6281" s="1"/>
      <c r="F6281" s="1" t="s">
        <v>10</v>
      </c>
      <c r="G6281" s="1" t="s">
        <v>10</v>
      </c>
      <c r="H6281" s="1" t="s">
        <v>10</v>
      </c>
      <c r="I6281" s="1" t="s">
        <v>22046</v>
      </c>
      <c r="J6281" s="1" t="s">
        <v>10</v>
      </c>
      <c r="K6281" s="1" t="s">
        <v>64</v>
      </c>
      <c r="L6281" s="1" t="s">
        <v>22096</v>
      </c>
      <c r="M6281" s="1" t="s">
        <v>5</v>
      </c>
      <c r="N6281" s="1" t="s">
        <v>25</v>
      </c>
      <c r="O6281" s="1" t="s">
        <v>38</v>
      </c>
      <c r="P6281" s="5" t="s">
        <v>30670</v>
      </c>
    </row>
    <row r="6282" spans="1:16" x14ac:dyDescent="0.2">
      <c r="A6282" s="1" t="s">
        <v>20</v>
      </c>
      <c r="B6282" s="1" t="s">
        <v>1047</v>
      </c>
      <c r="C6282" s="1" t="s">
        <v>22101</v>
      </c>
      <c r="D6282" s="1" t="s">
        <v>22099</v>
      </c>
      <c r="E6282" s="1" t="s">
        <v>22102</v>
      </c>
      <c r="F6282" s="1" t="s">
        <v>10</v>
      </c>
      <c r="G6282" s="1" t="s">
        <v>10</v>
      </c>
      <c r="H6282" s="1" t="s">
        <v>10</v>
      </c>
      <c r="I6282" s="1" t="s">
        <v>22046</v>
      </c>
      <c r="J6282" s="1" t="s">
        <v>19</v>
      </c>
      <c r="K6282" s="1" t="s">
        <v>100</v>
      </c>
      <c r="L6282" s="1" t="s">
        <v>22100</v>
      </c>
      <c r="M6282" s="1" t="s">
        <v>5</v>
      </c>
      <c r="N6282" s="1" t="s">
        <v>10</v>
      </c>
      <c r="O6282" s="1" t="s">
        <v>38</v>
      </c>
      <c r="P6282" s="5" t="s">
        <v>32161</v>
      </c>
    </row>
    <row r="6283" spans="1:16" x14ac:dyDescent="0.2">
      <c r="A6283" s="1" t="s">
        <v>20</v>
      </c>
      <c r="B6283" s="1" t="s">
        <v>1047</v>
      </c>
      <c r="C6283" s="1" t="s">
        <v>22105</v>
      </c>
      <c r="D6283" s="1" t="s">
        <v>22103</v>
      </c>
      <c r="E6283" s="1"/>
      <c r="F6283" s="1" t="s">
        <v>10</v>
      </c>
      <c r="G6283" s="1" t="s">
        <v>10</v>
      </c>
      <c r="H6283" s="1" t="s">
        <v>10</v>
      </c>
      <c r="I6283" s="1" t="s">
        <v>22046</v>
      </c>
      <c r="J6283" s="1" t="s">
        <v>10</v>
      </c>
      <c r="K6283" s="1" t="s">
        <v>100</v>
      </c>
      <c r="L6283" s="1" t="s">
        <v>22104</v>
      </c>
      <c r="M6283" s="1" t="s">
        <v>5</v>
      </c>
      <c r="N6283" s="1" t="s">
        <v>25</v>
      </c>
      <c r="O6283" s="1" t="s">
        <v>38</v>
      </c>
      <c r="P6283" s="5" t="s">
        <v>32161</v>
      </c>
    </row>
    <row r="6284" spans="1:16" x14ac:dyDescent="0.2">
      <c r="A6284" s="1" t="s">
        <v>20</v>
      </c>
      <c r="B6284" s="1" t="s">
        <v>1047</v>
      </c>
      <c r="C6284" s="1" t="s">
        <v>22108</v>
      </c>
      <c r="D6284" s="1" t="s">
        <v>22106</v>
      </c>
      <c r="E6284" s="1" t="s">
        <v>22108</v>
      </c>
      <c r="F6284" s="1" t="s">
        <v>10</v>
      </c>
      <c r="G6284" s="1" t="s">
        <v>10</v>
      </c>
      <c r="H6284" s="1" t="s">
        <v>10</v>
      </c>
      <c r="I6284" s="1" t="s">
        <v>22046</v>
      </c>
      <c r="J6284" s="1" t="s">
        <v>10</v>
      </c>
      <c r="K6284" s="1" t="s">
        <v>100</v>
      </c>
      <c r="L6284" s="1" t="s">
        <v>22107</v>
      </c>
      <c r="M6284" s="1" t="s">
        <v>5</v>
      </c>
      <c r="N6284" s="1" t="s">
        <v>25</v>
      </c>
      <c r="O6284" s="1" t="s">
        <v>38</v>
      </c>
      <c r="P6284" s="5" t="s">
        <v>32161</v>
      </c>
    </row>
    <row r="6285" spans="1:16" x14ac:dyDescent="0.2">
      <c r="A6285" s="1" t="s">
        <v>20</v>
      </c>
      <c r="B6285" s="1" t="s">
        <v>1047</v>
      </c>
      <c r="C6285" s="1" t="s">
        <v>22111</v>
      </c>
      <c r="D6285" s="1" t="s">
        <v>22109</v>
      </c>
      <c r="E6285" s="1" t="s">
        <v>22111</v>
      </c>
      <c r="F6285" s="1" t="s">
        <v>10</v>
      </c>
      <c r="G6285" s="1" t="s">
        <v>10</v>
      </c>
      <c r="H6285" s="1" t="s">
        <v>10</v>
      </c>
      <c r="I6285" s="1" t="s">
        <v>22046</v>
      </c>
      <c r="J6285" s="1" t="s">
        <v>10</v>
      </c>
      <c r="K6285" s="1" t="s">
        <v>100</v>
      </c>
      <c r="L6285" s="1" t="s">
        <v>22110</v>
      </c>
      <c r="M6285" s="1" t="s">
        <v>5</v>
      </c>
      <c r="N6285" s="1" t="s">
        <v>25</v>
      </c>
      <c r="O6285" s="1" t="s">
        <v>38</v>
      </c>
      <c r="P6285" s="5" t="s">
        <v>32161</v>
      </c>
    </row>
    <row r="6286" spans="1:16" x14ac:dyDescent="0.2">
      <c r="A6286" s="1" t="s">
        <v>20</v>
      </c>
      <c r="B6286" s="1" t="s">
        <v>1047</v>
      </c>
      <c r="C6286" s="1" t="s">
        <v>22114</v>
      </c>
      <c r="D6286" s="1" t="s">
        <v>22112</v>
      </c>
      <c r="E6286" s="1" t="s">
        <v>22114</v>
      </c>
      <c r="F6286" s="1" t="s">
        <v>10</v>
      </c>
      <c r="G6286" s="1" t="s">
        <v>10</v>
      </c>
      <c r="H6286" s="1" t="s">
        <v>10</v>
      </c>
      <c r="I6286" s="1" t="s">
        <v>22046</v>
      </c>
      <c r="J6286" s="1" t="s">
        <v>10</v>
      </c>
      <c r="K6286" s="1" t="s">
        <v>100</v>
      </c>
      <c r="L6286" s="1" t="s">
        <v>22113</v>
      </c>
      <c r="M6286" s="1" t="s">
        <v>5</v>
      </c>
      <c r="N6286" s="1" t="s">
        <v>25</v>
      </c>
      <c r="O6286" s="1" t="s">
        <v>38</v>
      </c>
      <c r="P6286" s="5" t="s">
        <v>32161</v>
      </c>
    </row>
    <row r="6287" spans="1:16" x14ac:dyDescent="0.2">
      <c r="A6287" s="1" t="s">
        <v>20</v>
      </c>
      <c r="B6287" s="1" t="s">
        <v>1047</v>
      </c>
      <c r="C6287" s="1" t="s">
        <v>22117</v>
      </c>
      <c r="D6287" s="1" t="s">
        <v>22115</v>
      </c>
      <c r="E6287" s="1" t="s">
        <v>22118</v>
      </c>
      <c r="F6287" s="1" t="s">
        <v>10</v>
      </c>
      <c r="G6287" s="1" t="s">
        <v>10</v>
      </c>
      <c r="H6287" s="1" t="s">
        <v>10</v>
      </c>
      <c r="I6287" s="1" t="s">
        <v>22046</v>
      </c>
      <c r="J6287" s="1" t="s">
        <v>10</v>
      </c>
      <c r="K6287" s="1" t="s">
        <v>443</v>
      </c>
      <c r="L6287" s="1" t="s">
        <v>22116</v>
      </c>
      <c r="M6287" s="1" t="s">
        <v>5</v>
      </c>
      <c r="N6287" s="1" t="s">
        <v>25</v>
      </c>
      <c r="O6287" s="1" t="s">
        <v>38</v>
      </c>
      <c r="P6287" s="5" t="s">
        <v>32161</v>
      </c>
    </row>
    <row r="6288" spans="1:16" x14ac:dyDescent="0.2">
      <c r="A6288" s="1" t="s">
        <v>20</v>
      </c>
      <c r="B6288" s="1" t="s">
        <v>172</v>
      </c>
      <c r="C6288" s="1" t="s">
        <v>22121</v>
      </c>
      <c r="D6288" s="1" t="s">
        <v>22119</v>
      </c>
      <c r="E6288" s="1"/>
      <c r="F6288" s="1" t="s">
        <v>27</v>
      </c>
      <c r="G6288" s="1" t="s">
        <v>10</v>
      </c>
      <c r="H6288" s="1" t="s">
        <v>22122</v>
      </c>
      <c r="I6288" s="1" t="s">
        <v>22046</v>
      </c>
      <c r="J6288" s="1" t="s">
        <v>19</v>
      </c>
      <c r="K6288" s="1" t="s">
        <v>7</v>
      </c>
      <c r="L6288" s="1" t="s">
        <v>22120</v>
      </c>
      <c r="M6288" s="1" t="s">
        <v>5</v>
      </c>
      <c r="N6288" s="1" t="s">
        <v>1009</v>
      </c>
      <c r="O6288" s="1" t="s">
        <v>8</v>
      </c>
      <c r="P6288" s="5" t="s">
        <v>32162</v>
      </c>
    </row>
    <row r="6289" spans="1:16" ht="38.25" x14ac:dyDescent="0.2">
      <c r="A6289" s="1" t="s">
        <v>20</v>
      </c>
      <c r="B6289" s="1" t="s">
        <v>1047</v>
      </c>
      <c r="C6289" s="1" t="s">
        <v>7481</v>
      </c>
      <c r="D6289" s="1" t="s">
        <v>7481</v>
      </c>
      <c r="E6289" s="1"/>
      <c r="F6289" s="1" t="s">
        <v>10</v>
      </c>
      <c r="G6289" s="1" t="s">
        <v>10</v>
      </c>
      <c r="H6289" s="1" t="s">
        <v>10</v>
      </c>
      <c r="I6289" s="1" t="s">
        <v>22046</v>
      </c>
      <c r="J6289" s="1" t="s">
        <v>10</v>
      </c>
      <c r="K6289" s="1" t="s">
        <v>10</v>
      </c>
      <c r="L6289" s="1" t="s">
        <v>22124</v>
      </c>
      <c r="M6289" s="1" t="s">
        <v>5</v>
      </c>
      <c r="N6289" s="1" t="s">
        <v>25</v>
      </c>
      <c r="O6289" s="1" t="s">
        <v>38</v>
      </c>
      <c r="P6289" s="9" t="s">
        <v>32163</v>
      </c>
    </row>
    <row r="6290" spans="1:16" x14ac:dyDescent="0.2">
      <c r="A6290" s="1" t="s">
        <v>20</v>
      </c>
      <c r="B6290" s="1" t="s">
        <v>93</v>
      </c>
      <c r="C6290" s="1" t="s">
        <v>22126</v>
      </c>
      <c r="D6290" s="1" t="s">
        <v>22127</v>
      </c>
      <c r="E6290" s="1"/>
      <c r="F6290" s="1" t="s">
        <v>27</v>
      </c>
      <c r="G6290" s="1" t="s">
        <v>10</v>
      </c>
      <c r="H6290" s="1" t="s">
        <v>22128</v>
      </c>
      <c r="I6290" s="1" t="s">
        <v>22046</v>
      </c>
      <c r="J6290" s="1" t="s">
        <v>19</v>
      </c>
      <c r="K6290" s="1" t="s">
        <v>7</v>
      </c>
      <c r="L6290" s="1" t="s">
        <v>22125</v>
      </c>
      <c r="M6290" s="1" t="s">
        <v>5</v>
      </c>
      <c r="N6290" s="1" t="s">
        <v>1009</v>
      </c>
      <c r="O6290" s="1" t="s">
        <v>8</v>
      </c>
      <c r="P6290" s="5" t="s">
        <v>32164</v>
      </c>
    </row>
    <row r="6291" spans="1:16" x14ac:dyDescent="0.2">
      <c r="A6291" s="1" t="s">
        <v>1385</v>
      </c>
      <c r="B6291" s="1" t="s">
        <v>2028</v>
      </c>
      <c r="C6291" s="1" t="s">
        <v>22130</v>
      </c>
      <c r="D6291" s="1" t="s">
        <v>10693</v>
      </c>
      <c r="E6291" s="1"/>
      <c r="F6291" s="1" t="s">
        <v>22131</v>
      </c>
      <c r="G6291" s="1" t="s">
        <v>1042</v>
      </c>
      <c r="H6291" s="1" t="s">
        <v>22132</v>
      </c>
      <c r="I6291" s="1" t="s">
        <v>22046</v>
      </c>
      <c r="J6291" s="1" t="s">
        <v>10</v>
      </c>
      <c r="K6291" s="1" t="s">
        <v>64</v>
      </c>
      <c r="L6291" s="1" t="s">
        <v>22129</v>
      </c>
      <c r="M6291" s="1" t="s">
        <v>5</v>
      </c>
      <c r="N6291" s="1" t="s">
        <v>25</v>
      </c>
      <c r="O6291" s="1" t="s">
        <v>8</v>
      </c>
      <c r="P6291" s="5" t="s">
        <v>32165</v>
      </c>
    </row>
    <row r="6292" spans="1:16" x14ac:dyDescent="0.2">
      <c r="A6292" s="1" t="s">
        <v>1086</v>
      </c>
      <c r="B6292" s="1" t="s">
        <v>10</v>
      </c>
      <c r="C6292" s="1" t="s">
        <v>22135</v>
      </c>
      <c r="D6292" s="1" t="s">
        <v>22133</v>
      </c>
      <c r="E6292" s="1" t="s">
        <v>22136</v>
      </c>
      <c r="F6292" s="1" t="s">
        <v>27</v>
      </c>
      <c r="G6292" s="1" t="s">
        <v>10</v>
      </c>
      <c r="H6292" s="1" t="s">
        <v>22137</v>
      </c>
      <c r="I6292" s="1" t="s">
        <v>22046</v>
      </c>
      <c r="J6292" s="1" t="s">
        <v>19</v>
      </c>
      <c r="K6292" s="1" t="s">
        <v>64</v>
      </c>
      <c r="L6292" s="1" t="s">
        <v>22134</v>
      </c>
      <c r="M6292" s="1" t="s">
        <v>5</v>
      </c>
      <c r="N6292" s="1" t="s">
        <v>6</v>
      </c>
      <c r="O6292" s="1" t="s">
        <v>8</v>
      </c>
      <c r="P6292" s="5" t="s">
        <v>32166</v>
      </c>
    </row>
    <row r="6293" spans="1:16" x14ac:dyDescent="0.2">
      <c r="A6293" s="1" t="s">
        <v>42</v>
      </c>
      <c r="B6293" s="1" t="s">
        <v>320</v>
      </c>
      <c r="C6293" s="1" t="s">
        <v>22140</v>
      </c>
      <c r="D6293" s="1" t="s">
        <v>22138</v>
      </c>
      <c r="E6293" s="1" t="s">
        <v>22141</v>
      </c>
      <c r="F6293" s="1" t="s">
        <v>10</v>
      </c>
      <c r="G6293" s="1" t="s">
        <v>10</v>
      </c>
      <c r="H6293" s="1" t="s">
        <v>10</v>
      </c>
      <c r="I6293" s="1" t="s">
        <v>22046</v>
      </c>
      <c r="J6293" s="1" t="s">
        <v>22091</v>
      </c>
      <c r="K6293" s="1" t="s">
        <v>100</v>
      </c>
      <c r="L6293" s="1" t="s">
        <v>22139</v>
      </c>
      <c r="M6293" s="1" t="s">
        <v>5</v>
      </c>
      <c r="N6293" s="1" t="s">
        <v>6</v>
      </c>
      <c r="O6293" s="1" t="s">
        <v>38</v>
      </c>
      <c r="P6293" s="5" t="s">
        <v>30671</v>
      </c>
    </row>
    <row r="6294" spans="1:16" x14ac:dyDescent="0.2">
      <c r="A6294" s="1" t="s">
        <v>66</v>
      </c>
      <c r="B6294" s="1" t="s">
        <v>276</v>
      </c>
      <c r="C6294" s="1" t="s">
        <v>8613</v>
      </c>
      <c r="D6294" s="1" t="s">
        <v>8612</v>
      </c>
      <c r="E6294" s="1" t="s">
        <v>22143</v>
      </c>
      <c r="F6294" s="1" t="s">
        <v>8609</v>
      </c>
      <c r="G6294" s="1" t="s">
        <v>1042</v>
      </c>
      <c r="H6294" s="1" t="s">
        <v>8613</v>
      </c>
      <c r="I6294" s="1" t="s">
        <v>22046</v>
      </c>
      <c r="J6294" s="1" t="s">
        <v>10</v>
      </c>
      <c r="K6294" s="1" t="s">
        <v>7</v>
      </c>
      <c r="L6294" s="1" t="s">
        <v>22142</v>
      </c>
      <c r="M6294" s="1" t="s">
        <v>5</v>
      </c>
      <c r="N6294" s="1" t="s">
        <v>6</v>
      </c>
      <c r="O6294" s="1" t="s">
        <v>8</v>
      </c>
      <c r="P6294" s="5" t="s">
        <v>29846</v>
      </c>
    </row>
    <row r="6295" spans="1:16" x14ac:dyDescent="0.2">
      <c r="A6295" s="1" t="s">
        <v>42</v>
      </c>
      <c r="B6295" s="1" t="s">
        <v>320</v>
      </c>
      <c r="C6295" s="1" t="s">
        <v>22146</v>
      </c>
      <c r="D6295" s="1" t="s">
        <v>22144</v>
      </c>
      <c r="E6295" s="1" t="s">
        <v>22147</v>
      </c>
      <c r="F6295" s="1" t="s">
        <v>10</v>
      </c>
      <c r="G6295" s="1" t="s">
        <v>10</v>
      </c>
      <c r="H6295" s="1" t="s">
        <v>10</v>
      </c>
      <c r="I6295" s="1" t="s">
        <v>22046</v>
      </c>
      <c r="J6295" s="1" t="s">
        <v>19</v>
      </c>
      <c r="K6295" s="1" t="s">
        <v>113</v>
      </c>
      <c r="L6295" s="1" t="s">
        <v>22145</v>
      </c>
      <c r="M6295" s="1" t="s">
        <v>5</v>
      </c>
      <c r="N6295" s="1" t="s">
        <v>25</v>
      </c>
      <c r="O6295" s="1" t="s">
        <v>38</v>
      </c>
      <c r="P6295" s="5" t="s">
        <v>30672</v>
      </c>
    </row>
    <row r="6296" spans="1:16" x14ac:dyDescent="0.2">
      <c r="A6296" s="1" t="s">
        <v>20</v>
      </c>
      <c r="B6296" s="1" t="s">
        <v>1047</v>
      </c>
      <c r="C6296" s="1" t="s">
        <v>22149</v>
      </c>
      <c r="D6296" s="1" t="s">
        <v>20084</v>
      </c>
      <c r="E6296" s="1" t="s">
        <v>10</v>
      </c>
      <c r="F6296" s="1" t="s">
        <v>22150</v>
      </c>
      <c r="G6296" s="1" t="s">
        <v>1042</v>
      </c>
      <c r="H6296" s="1" t="s">
        <v>10</v>
      </c>
      <c r="I6296" s="1" t="s">
        <v>22046</v>
      </c>
      <c r="J6296" s="1" t="s">
        <v>22151</v>
      </c>
      <c r="K6296" s="1" t="s">
        <v>443</v>
      </c>
      <c r="L6296" s="1" t="s">
        <v>22148</v>
      </c>
      <c r="M6296" s="1" t="s">
        <v>5</v>
      </c>
      <c r="N6296" s="1" t="s">
        <v>1597</v>
      </c>
      <c r="O6296" s="1" t="s">
        <v>8</v>
      </c>
      <c r="P6296" s="5" t="s">
        <v>119</v>
      </c>
    </row>
    <row r="6297" spans="1:16" x14ac:dyDescent="0.2">
      <c r="A6297" s="1" t="s">
        <v>10</v>
      </c>
      <c r="B6297" s="1" t="s">
        <v>10</v>
      </c>
      <c r="C6297" s="1" t="s">
        <v>22155</v>
      </c>
      <c r="D6297" s="1" t="s">
        <v>22153</v>
      </c>
      <c r="E6297" s="1" t="s">
        <v>22155</v>
      </c>
      <c r="F6297" s="1" t="s">
        <v>10</v>
      </c>
      <c r="G6297" s="1" t="s">
        <v>10</v>
      </c>
      <c r="H6297" s="1" t="s">
        <v>10</v>
      </c>
      <c r="I6297" s="1" t="s">
        <v>22046</v>
      </c>
      <c r="J6297" s="1" t="s">
        <v>10</v>
      </c>
      <c r="K6297" s="1" t="s">
        <v>10</v>
      </c>
      <c r="L6297" s="1" t="s">
        <v>22154</v>
      </c>
      <c r="M6297" s="1" t="s">
        <v>5</v>
      </c>
      <c r="N6297" s="1" t="s">
        <v>10</v>
      </c>
      <c r="O6297" s="1" t="s">
        <v>8</v>
      </c>
      <c r="P6297" s="5" t="s">
        <v>60</v>
      </c>
    </row>
    <row r="6298" spans="1:16" x14ac:dyDescent="0.2">
      <c r="A6298" s="1" t="s">
        <v>20</v>
      </c>
      <c r="B6298" s="1" t="s">
        <v>99</v>
      </c>
      <c r="C6298" s="1" t="s">
        <v>297</v>
      </c>
      <c r="D6298" s="1" t="s">
        <v>297</v>
      </c>
      <c r="E6298" s="1" t="s">
        <v>22157</v>
      </c>
      <c r="F6298" s="1" t="s">
        <v>10</v>
      </c>
      <c r="G6298" s="1" t="s">
        <v>1042</v>
      </c>
      <c r="H6298" s="1" t="s">
        <v>297</v>
      </c>
      <c r="I6298" s="1" t="s">
        <v>22046</v>
      </c>
      <c r="J6298" s="1" t="s">
        <v>19</v>
      </c>
      <c r="K6298" s="1" t="s">
        <v>100</v>
      </c>
      <c r="L6298" s="1" t="s">
        <v>22156</v>
      </c>
      <c r="M6298" s="1" t="s">
        <v>5</v>
      </c>
      <c r="N6298" s="1" t="s">
        <v>25</v>
      </c>
      <c r="O6298" s="1" t="s">
        <v>8</v>
      </c>
      <c r="P6298" s="5" t="s">
        <v>32167</v>
      </c>
    </row>
    <row r="6299" spans="1:16" x14ac:dyDescent="0.2">
      <c r="A6299" s="1" t="s">
        <v>20</v>
      </c>
      <c r="B6299" s="1" t="s">
        <v>1047</v>
      </c>
      <c r="C6299" s="1" t="s">
        <v>8107</v>
      </c>
      <c r="D6299" s="1" t="s">
        <v>22070</v>
      </c>
      <c r="E6299" s="1" t="s">
        <v>22159</v>
      </c>
      <c r="F6299" s="1" t="s">
        <v>10</v>
      </c>
      <c r="G6299" s="1" t="s">
        <v>1042</v>
      </c>
      <c r="H6299" s="1" t="s">
        <v>8107</v>
      </c>
      <c r="I6299" s="1" t="s">
        <v>22046</v>
      </c>
      <c r="J6299" s="1" t="s">
        <v>10</v>
      </c>
      <c r="K6299" s="1" t="s">
        <v>7</v>
      </c>
      <c r="L6299" s="1" t="s">
        <v>22158</v>
      </c>
      <c r="M6299" s="1" t="s">
        <v>5</v>
      </c>
      <c r="N6299" s="1" t="s">
        <v>10</v>
      </c>
      <c r="O6299" s="1" t="s">
        <v>8</v>
      </c>
      <c r="P6299" s="5" t="s">
        <v>30398</v>
      </c>
    </row>
    <row r="6300" spans="1:16" ht="114.75" x14ac:dyDescent="0.2">
      <c r="A6300" s="1" t="s">
        <v>20</v>
      </c>
      <c r="B6300" s="1" t="s">
        <v>101</v>
      </c>
      <c r="C6300" s="1" t="s">
        <v>22162</v>
      </c>
      <c r="D6300" s="1" t="s">
        <v>22160</v>
      </c>
      <c r="E6300" s="1" t="s">
        <v>22163</v>
      </c>
      <c r="F6300" s="1" t="s">
        <v>10</v>
      </c>
      <c r="G6300" s="1" t="s">
        <v>10</v>
      </c>
      <c r="H6300" s="1" t="s">
        <v>10</v>
      </c>
      <c r="I6300" s="1" t="s">
        <v>22046</v>
      </c>
      <c r="J6300" s="1" t="s">
        <v>10</v>
      </c>
      <c r="K6300" s="1" t="s">
        <v>10218</v>
      </c>
      <c r="L6300" s="1" t="s">
        <v>22161</v>
      </c>
      <c r="M6300" s="1" t="s">
        <v>5</v>
      </c>
      <c r="N6300" s="1" t="s">
        <v>25</v>
      </c>
      <c r="O6300" s="1" t="s">
        <v>38</v>
      </c>
      <c r="P6300" s="9" t="s">
        <v>32168</v>
      </c>
    </row>
    <row r="6301" spans="1:16" x14ac:dyDescent="0.2">
      <c r="A6301" s="1" t="s">
        <v>42</v>
      </c>
      <c r="B6301" s="1" t="s">
        <v>118</v>
      </c>
      <c r="C6301" s="1" t="s">
        <v>22166</v>
      </c>
      <c r="D6301" s="1" t="s">
        <v>22164</v>
      </c>
      <c r="E6301" s="1" t="s">
        <v>22167</v>
      </c>
      <c r="F6301" s="1" t="s">
        <v>10</v>
      </c>
      <c r="G6301" s="1" t="s">
        <v>10</v>
      </c>
      <c r="H6301" s="1" t="s">
        <v>10</v>
      </c>
      <c r="I6301" s="1" t="s">
        <v>22046</v>
      </c>
      <c r="J6301" s="1" t="s">
        <v>19</v>
      </c>
      <c r="K6301" s="1" t="s">
        <v>1027</v>
      </c>
      <c r="L6301" s="1" t="s">
        <v>22165</v>
      </c>
      <c r="M6301" s="1" t="s">
        <v>5</v>
      </c>
      <c r="N6301" s="1" t="s">
        <v>10</v>
      </c>
      <c r="O6301" s="1" t="s">
        <v>38</v>
      </c>
      <c r="P6301" s="5" t="s">
        <v>32169</v>
      </c>
    </row>
    <row r="6302" spans="1:16" s="4" customFormat="1" x14ac:dyDescent="0.2">
      <c r="A6302" s="3" t="s">
        <v>20</v>
      </c>
      <c r="B6302" s="3" t="s">
        <v>1047</v>
      </c>
      <c r="C6302" s="3" t="s">
        <v>22170</v>
      </c>
      <c r="D6302" s="3" t="s">
        <v>22168</v>
      </c>
      <c r="E6302" s="3"/>
      <c r="F6302" s="3" t="s">
        <v>10</v>
      </c>
      <c r="G6302" s="3" t="s">
        <v>1042</v>
      </c>
      <c r="H6302" s="3" t="s">
        <v>8107</v>
      </c>
      <c r="I6302" s="3" t="s">
        <v>22046</v>
      </c>
      <c r="J6302" s="3" t="s">
        <v>10</v>
      </c>
      <c r="K6302" s="3" t="s">
        <v>7</v>
      </c>
      <c r="L6302" s="3" t="s">
        <v>22169</v>
      </c>
      <c r="M6302" s="3" t="s">
        <v>5</v>
      </c>
      <c r="N6302" s="3" t="s">
        <v>25</v>
      </c>
      <c r="O6302" s="3" t="s">
        <v>8</v>
      </c>
      <c r="P6302" s="5" t="s">
        <v>30673</v>
      </c>
    </row>
    <row r="6303" spans="1:16" x14ac:dyDescent="0.2">
      <c r="A6303" s="1" t="s">
        <v>1086</v>
      </c>
      <c r="B6303" s="1" t="s">
        <v>1181</v>
      </c>
      <c r="C6303" s="1" t="s">
        <v>22173</v>
      </c>
      <c r="D6303" s="1" t="s">
        <v>22171</v>
      </c>
      <c r="E6303" s="1"/>
      <c r="F6303" s="1" t="s">
        <v>22174</v>
      </c>
      <c r="G6303" s="1" t="s">
        <v>1042</v>
      </c>
      <c r="H6303" s="1" t="s">
        <v>22174</v>
      </c>
      <c r="I6303" s="1" t="s">
        <v>22046</v>
      </c>
      <c r="J6303" s="1" t="s">
        <v>10</v>
      </c>
      <c r="K6303" s="1" t="s">
        <v>10</v>
      </c>
      <c r="L6303" s="1" t="s">
        <v>22172</v>
      </c>
      <c r="M6303" s="1" t="s">
        <v>5</v>
      </c>
      <c r="N6303" s="1" t="s">
        <v>1009</v>
      </c>
      <c r="O6303" s="1" t="s">
        <v>8</v>
      </c>
      <c r="P6303" s="5" t="s">
        <v>10</v>
      </c>
    </row>
    <row r="6304" spans="1:16" x14ac:dyDescent="0.2">
      <c r="A6304" s="1" t="s">
        <v>42</v>
      </c>
      <c r="B6304" s="1" t="s">
        <v>320</v>
      </c>
      <c r="C6304" s="1" t="s">
        <v>22177</v>
      </c>
      <c r="D6304" s="1" t="s">
        <v>22175</v>
      </c>
      <c r="E6304" s="1" t="s">
        <v>22178</v>
      </c>
      <c r="F6304" s="1" t="s">
        <v>10</v>
      </c>
      <c r="G6304" s="1" t="s">
        <v>10</v>
      </c>
      <c r="H6304" s="1" t="s">
        <v>10</v>
      </c>
      <c r="I6304" s="1" t="s">
        <v>22046</v>
      </c>
      <c r="J6304" s="1" t="s">
        <v>19</v>
      </c>
      <c r="K6304" s="1" t="s">
        <v>130</v>
      </c>
      <c r="L6304" s="1" t="s">
        <v>22176</v>
      </c>
      <c r="M6304" s="1" t="s">
        <v>5</v>
      </c>
      <c r="N6304" s="1" t="s">
        <v>1009</v>
      </c>
      <c r="O6304" s="1" t="s">
        <v>38</v>
      </c>
      <c r="P6304" s="5" t="s">
        <v>32169</v>
      </c>
    </row>
    <row r="6305" spans="1:16" x14ac:dyDescent="0.2">
      <c r="A6305" s="1" t="s">
        <v>66</v>
      </c>
      <c r="B6305" s="1" t="s">
        <v>1127</v>
      </c>
      <c r="C6305" s="1" t="s">
        <v>22182</v>
      </c>
      <c r="D6305" s="1" t="s">
        <v>22180</v>
      </c>
      <c r="E6305" s="1" t="s">
        <v>22184</v>
      </c>
      <c r="F6305" s="1" t="s">
        <v>10</v>
      </c>
      <c r="G6305" s="1" t="s">
        <v>10</v>
      </c>
      <c r="H6305" s="1" t="s">
        <v>10</v>
      </c>
      <c r="I6305" s="1" t="s">
        <v>22046</v>
      </c>
      <c r="J6305" s="1" t="s">
        <v>22183</v>
      </c>
      <c r="K6305" s="1" t="s">
        <v>27</v>
      </c>
      <c r="L6305" s="1" t="s">
        <v>22181</v>
      </c>
      <c r="M6305" s="1" t="s">
        <v>5</v>
      </c>
      <c r="N6305" s="1" t="s">
        <v>25</v>
      </c>
      <c r="O6305" s="1" t="s">
        <v>38</v>
      </c>
      <c r="P6305" s="5" t="s">
        <v>32170</v>
      </c>
    </row>
    <row r="6306" spans="1:16" ht="38.25" x14ac:dyDescent="0.2">
      <c r="A6306" s="1" t="s">
        <v>66</v>
      </c>
      <c r="B6306" s="1" t="s">
        <v>1127</v>
      </c>
      <c r="C6306" s="1" t="s">
        <v>22187</v>
      </c>
      <c r="D6306" s="1" t="s">
        <v>22185</v>
      </c>
      <c r="E6306" s="1" t="s">
        <v>22188</v>
      </c>
      <c r="F6306" s="1" t="s">
        <v>10</v>
      </c>
      <c r="G6306" s="1" t="s">
        <v>10</v>
      </c>
      <c r="H6306" s="1" t="s">
        <v>10</v>
      </c>
      <c r="I6306" s="1" t="s">
        <v>22046</v>
      </c>
      <c r="J6306" s="1" t="s">
        <v>10</v>
      </c>
      <c r="K6306" s="1" t="s">
        <v>7</v>
      </c>
      <c r="L6306" s="1" t="s">
        <v>22186</v>
      </c>
      <c r="M6306" s="1" t="s">
        <v>5</v>
      </c>
      <c r="N6306" s="1" t="s">
        <v>25</v>
      </c>
      <c r="O6306" s="1" t="s">
        <v>38</v>
      </c>
      <c r="P6306" s="9" t="s">
        <v>32171</v>
      </c>
    </row>
    <row r="6307" spans="1:16" x14ac:dyDescent="0.2">
      <c r="A6307" s="1" t="s">
        <v>20</v>
      </c>
      <c r="B6307" s="1" t="s">
        <v>93</v>
      </c>
      <c r="C6307" s="1" t="s">
        <v>22191</v>
      </c>
      <c r="D6307" s="1" t="s">
        <v>22189</v>
      </c>
      <c r="E6307" s="1" t="s">
        <v>22192</v>
      </c>
      <c r="F6307" s="1" t="s">
        <v>10</v>
      </c>
      <c r="G6307" s="1" t="s">
        <v>10</v>
      </c>
      <c r="H6307" s="1" t="s">
        <v>10</v>
      </c>
      <c r="I6307" s="1" t="s">
        <v>22046</v>
      </c>
      <c r="J6307" s="1" t="s">
        <v>22179</v>
      </c>
      <c r="K6307" s="1" t="s">
        <v>27</v>
      </c>
      <c r="L6307" s="1" t="s">
        <v>22190</v>
      </c>
      <c r="M6307" s="1" t="s">
        <v>5</v>
      </c>
      <c r="N6307" s="1" t="s">
        <v>25</v>
      </c>
      <c r="O6307" s="1" t="s">
        <v>38</v>
      </c>
      <c r="P6307" s="5" t="s">
        <v>30398</v>
      </c>
    </row>
    <row r="6308" spans="1:16" ht="63.75" x14ac:dyDescent="0.2">
      <c r="A6308" s="1" t="s">
        <v>32</v>
      </c>
      <c r="B6308" s="1" t="s">
        <v>140</v>
      </c>
      <c r="C6308" s="1" t="s">
        <v>22194</v>
      </c>
      <c r="D6308" s="1" t="s">
        <v>8126</v>
      </c>
      <c r="E6308" s="1"/>
      <c r="F6308" s="1" t="s">
        <v>27</v>
      </c>
      <c r="G6308" s="1" t="s">
        <v>10</v>
      </c>
      <c r="H6308" s="1" t="s">
        <v>22195</v>
      </c>
      <c r="I6308" s="1" t="s">
        <v>22046</v>
      </c>
      <c r="J6308" s="1" t="s">
        <v>19</v>
      </c>
      <c r="K6308" s="1" t="s">
        <v>64</v>
      </c>
      <c r="L6308" s="1" t="s">
        <v>22193</v>
      </c>
      <c r="M6308" s="1" t="s">
        <v>5</v>
      </c>
      <c r="N6308" s="1" t="s">
        <v>25</v>
      </c>
      <c r="O6308" s="1" t="s">
        <v>8</v>
      </c>
      <c r="P6308" s="9" t="s">
        <v>32172</v>
      </c>
    </row>
    <row r="6309" spans="1:16" ht="89.25" x14ac:dyDescent="0.2">
      <c r="A6309" s="1" t="s">
        <v>42</v>
      </c>
      <c r="B6309" s="1" t="s">
        <v>320</v>
      </c>
      <c r="C6309" s="1" t="s">
        <v>22198</v>
      </c>
      <c r="D6309" s="1" t="s">
        <v>22196</v>
      </c>
      <c r="E6309" s="1" t="s">
        <v>22199</v>
      </c>
      <c r="F6309" s="1" t="s">
        <v>10</v>
      </c>
      <c r="G6309" s="1" t="s">
        <v>10</v>
      </c>
      <c r="H6309" s="1" t="s">
        <v>10</v>
      </c>
      <c r="I6309" s="1" t="s">
        <v>22046</v>
      </c>
      <c r="J6309" s="1" t="s">
        <v>22074</v>
      </c>
      <c r="K6309" s="1" t="s">
        <v>130</v>
      </c>
      <c r="L6309" s="1" t="s">
        <v>22197</v>
      </c>
      <c r="M6309" s="1" t="s">
        <v>5</v>
      </c>
      <c r="N6309" s="1" t="s">
        <v>25</v>
      </c>
      <c r="O6309" s="1" t="s">
        <v>38</v>
      </c>
      <c r="P6309" s="9" t="s">
        <v>32173</v>
      </c>
    </row>
    <row r="6310" spans="1:16" ht="102" x14ac:dyDescent="0.2">
      <c r="A6310" s="1" t="s">
        <v>20</v>
      </c>
      <c r="B6310" s="1" t="s">
        <v>99</v>
      </c>
      <c r="C6310" s="1" t="s">
        <v>22202</v>
      </c>
      <c r="D6310" s="1" t="s">
        <v>22200</v>
      </c>
      <c r="E6310" s="1" t="s">
        <v>22203</v>
      </c>
      <c r="F6310" s="1" t="s">
        <v>10</v>
      </c>
      <c r="G6310" s="1" t="s">
        <v>10</v>
      </c>
      <c r="H6310" s="1" t="s">
        <v>10</v>
      </c>
      <c r="I6310" s="1" t="s">
        <v>22046</v>
      </c>
      <c r="J6310" s="1" t="s">
        <v>22074</v>
      </c>
      <c r="K6310" s="1" t="s">
        <v>130</v>
      </c>
      <c r="L6310" s="1" t="s">
        <v>22201</v>
      </c>
      <c r="M6310" s="1" t="s">
        <v>5</v>
      </c>
      <c r="N6310" s="1" t="s">
        <v>25</v>
      </c>
      <c r="O6310" s="1" t="s">
        <v>38</v>
      </c>
      <c r="P6310" s="9" t="s">
        <v>32174</v>
      </c>
    </row>
    <row r="6311" spans="1:16" x14ac:dyDescent="0.2">
      <c r="A6311" s="1" t="s">
        <v>1086</v>
      </c>
      <c r="B6311" s="1" t="s">
        <v>10</v>
      </c>
      <c r="C6311" s="1" t="s">
        <v>22206</v>
      </c>
      <c r="D6311" s="1" t="s">
        <v>22204</v>
      </c>
      <c r="E6311" s="1" t="s">
        <v>22207</v>
      </c>
      <c r="F6311" s="1" t="s">
        <v>10</v>
      </c>
      <c r="G6311" s="1" t="s">
        <v>10</v>
      </c>
      <c r="H6311" s="1" t="s">
        <v>10</v>
      </c>
      <c r="I6311" s="1" t="s">
        <v>22046</v>
      </c>
      <c r="J6311" s="1" t="s">
        <v>19</v>
      </c>
      <c r="K6311" s="1" t="s">
        <v>113</v>
      </c>
      <c r="L6311" s="1" t="s">
        <v>22205</v>
      </c>
      <c r="M6311" s="1" t="s">
        <v>5</v>
      </c>
      <c r="N6311" s="1" t="s">
        <v>1009</v>
      </c>
      <c r="O6311" s="1" t="s">
        <v>38</v>
      </c>
      <c r="P6311" s="5" t="s">
        <v>30669</v>
      </c>
    </row>
    <row r="6312" spans="1:16" x14ac:dyDescent="0.2">
      <c r="A6312" s="1" t="s">
        <v>20</v>
      </c>
      <c r="B6312" s="1" t="s">
        <v>99</v>
      </c>
      <c r="C6312" s="1" t="s">
        <v>22210</v>
      </c>
      <c r="D6312" s="1" t="s">
        <v>22208</v>
      </c>
      <c r="E6312" s="1" t="s">
        <v>22211</v>
      </c>
      <c r="F6312" s="1" t="s">
        <v>10</v>
      </c>
      <c r="G6312" s="1" t="s">
        <v>10</v>
      </c>
      <c r="H6312" s="1" t="s">
        <v>10</v>
      </c>
      <c r="I6312" s="1" t="s">
        <v>22046</v>
      </c>
      <c r="J6312" s="1" t="s">
        <v>10</v>
      </c>
      <c r="K6312" s="1" t="s">
        <v>7</v>
      </c>
      <c r="L6312" s="1" t="s">
        <v>22209</v>
      </c>
      <c r="M6312" s="1" t="s">
        <v>5</v>
      </c>
      <c r="N6312" s="1" t="s">
        <v>25</v>
      </c>
      <c r="O6312" s="1" t="s">
        <v>38</v>
      </c>
      <c r="P6312" s="5" t="s">
        <v>30674</v>
      </c>
    </row>
    <row r="6313" spans="1:16" x14ac:dyDescent="0.2">
      <c r="A6313" s="1" t="s">
        <v>20</v>
      </c>
      <c r="B6313" s="1" t="s">
        <v>99</v>
      </c>
      <c r="C6313" s="1" t="s">
        <v>22214</v>
      </c>
      <c r="D6313" s="1" t="s">
        <v>22212</v>
      </c>
      <c r="E6313" s="1" t="s">
        <v>22215</v>
      </c>
      <c r="F6313" s="1" t="s">
        <v>10</v>
      </c>
      <c r="G6313" s="1" t="s">
        <v>10</v>
      </c>
      <c r="H6313" s="1" t="s">
        <v>10</v>
      </c>
      <c r="I6313" s="1" t="s">
        <v>22046</v>
      </c>
      <c r="J6313" s="1" t="s">
        <v>10</v>
      </c>
      <c r="K6313" s="1" t="s">
        <v>7</v>
      </c>
      <c r="L6313" s="1" t="s">
        <v>22213</v>
      </c>
      <c r="M6313" s="1" t="s">
        <v>5</v>
      </c>
      <c r="N6313" s="1" t="s">
        <v>25</v>
      </c>
      <c r="O6313" s="1" t="s">
        <v>38</v>
      </c>
      <c r="P6313" s="5" t="s">
        <v>32175</v>
      </c>
    </row>
    <row r="6314" spans="1:16" ht="89.25" x14ac:dyDescent="0.2">
      <c r="A6314" s="1" t="s">
        <v>329</v>
      </c>
      <c r="B6314" s="1" t="s">
        <v>330</v>
      </c>
      <c r="C6314" s="1" t="s">
        <v>22217</v>
      </c>
      <c r="D6314" s="1" t="s">
        <v>22218</v>
      </c>
      <c r="E6314" s="1"/>
      <c r="F6314" s="1" t="s">
        <v>10</v>
      </c>
      <c r="G6314" s="1" t="s">
        <v>10</v>
      </c>
      <c r="H6314" s="1" t="s">
        <v>10</v>
      </c>
      <c r="I6314" s="1" t="s">
        <v>22046</v>
      </c>
      <c r="J6314" s="1" t="s">
        <v>22091</v>
      </c>
      <c r="K6314" s="1" t="s">
        <v>100</v>
      </c>
      <c r="L6314" s="1" t="s">
        <v>22216</v>
      </c>
      <c r="M6314" s="1" t="s">
        <v>5</v>
      </c>
      <c r="N6314" s="1" t="s">
        <v>1009</v>
      </c>
      <c r="O6314" s="1" t="s">
        <v>38</v>
      </c>
      <c r="P6314" s="9" t="s">
        <v>32176</v>
      </c>
    </row>
    <row r="6315" spans="1:16" ht="38.25" x14ac:dyDescent="0.2">
      <c r="A6315" s="1" t="s">
        <v>20</v>
      </c>
      <c r="B6315" s="1" t="s">
        <v>1047</v>
      </c>
      <c r="C6315" s="1" t="s">
        <v>22221</v>
      </c>
      <c r="D6315" s="1" t="s">
        <v>22219</v>
      </c>
      <c r="E6315" s="1" t="s">
        <v>22222</v>
      </c>
      <c r="F6315" s="1" t="s">
        <v>10</v>
      </c>
      <c r="G6315" s="1" t="s">
        <v>10</v>
      </c>
      <c r="H6315" s="1" t="s">
        <v>10</v>
      </c>
      <c r="I6315" s="1" t="s">
        <v>22046</v>
      </c>
      <c r="J6315" s="1" t="s">
        <v>10</v>
      </c>
      <c r="K6315" s="1" t="s">
        <v>10</v>
      </c>
      <c r="L6315" s="1" t="s">
        <v>22220</v>
      </c>
      <c r="M6315" s="1" t="s">
        <v>5</v>
      </c>
      <c r="N6315" s="1" t="s">
        <v>25</v>
      </c>
      <c r="O6315" s="1" t="s">
        <v>38</v>
      </c>
      <c r="P6315" s="9" t="s">
        <v>32177</v>
      </c>
    </row>
    <row r="6316" spans="1:16" x14ac:dyDescent="0.2">
      <c r="A6316" s="1" t="s">
        <v>20</v>
      </c>
      <c r="B6316" s="1" t="s">
        <v>253</v>
      </c>
      <c r="C6316" s="1" t="s">
        <v>16405</v>
      </c>
      <c r="D6316" s="1" t="s">
        <v>16405</v>
      </c>
      <c r="E6316" s="1"/>
      <c r="F6316" s="1" t="s">
        <v>27</v>
      </c>
      <c r="G6316" s="1" t="s">
        <v>10</v>
      </c>
      <c r="H6316" s="1" t="s">
        <v>22225</v>
      </c>
      <c r="I6316" s="1" t="s">
        <v>22046</v>
      </c>
      <c r="J6316" s="1" t="s">
        <v>22223</v>
      </c>
      <c r="K6316" s="1" t="s">
        <v>747</v>
      </c>
      <c r="L6316" s="1" t="s">
        <v>22224</v>
      </c>
      <c r="M6316" s="1" t="s">
        <v>5</v>
      </c>
      <c r="N6316" s="1" t="s">
        <v>25</v>
      </c>
      <c r="O6316" s="1" t="s">
        <v>8</v>
      </c>
      <c r="P6316" s="5" t="s">
        <v>32178</v>
      </c>
    </row>
    <row r="6317" spans="1:16" ht="38.25" x14ac:dyDescent="0.2">
      <c r="A6317" s="1" t="s">
        <v>42</v>
      </c>
      <c r="B6317" s="1" t="s">
        <v>50</v>
      </c>
      <c r="C6317" s="1" t="s">
        <v>22228</v>
      </c>
      <c r="D6317" s="1" t="s">
        <v>22226</v>
      </c>
      <c r="E6317" s="1"/>
      <c r="F6317" s="1" t="s">
        <v>10</v>
      </c>
      <c r="G6317" s="1" t="s">
        <v>10</v>
      </c>
      <c r="H6317" s="1" t="s">
        <v>10</v>
      </c>
      <c r="I6317" s="1" t="s">
        <v>22046</v>
      </c>
      <c r="J6317" s="1" t="s">
        <v>10</v>
      </c>
      <c r="K6317" s="1" t="s">
        <v>10</v>
      </c>
      <c r="L6317" s="1" t="s">
        <v>22227</v>
      </c>
      <c r="M6317" s="1" t="s">
        <v>5</v>
      </c>
      <c r="N6317" s="1" t="s">
        <v>25</v>
      </c>
      <c r="O6317" s="1" t="s">
        <v>38</v>
      </c>
      <c r="P6317" s="9" t="s">
        <v>32179</v>
      </c>
    </row>
    <row r="6318" spans="1:16" x14ac:dyDescent="0.2">
      <c r="A6318" s="1" t="s">
        <v>20</v>
      </c>
      <c r="B6318" s="1" t="s">
        <v>99</v>
      </c>
      <c r="C6318" s="1" t="s">
        <v>418</v>
      </c>
      <c r="D6318" s="1" t="s">
        <v>418</v>
      </c>
      <c r="E6318" s="1"/>
      <c r="F6318" s="1" t="s">
        <v>10</v>
      </c>
      <c r="G6318" s="1" t="s">
        <v>1049</v>
      </c>
      <c r="H6318" s="1" t="s">
        <v>10</v>
      </c>
      <c r="I6318" s="1" t="s">
        <v>22046</v>
      </c>
      <c r="J6318" s="1" t="s">
        <v>10</v>
      </c>
      <c r="K6318" s="1" t="s">
        <v>10</v>
      </c>
      <c r="L6318" s="1" t="s">
        <v>22229</v>
      </c>
      <c r="M6318" s="1" t="s">
        <v>5</v>
      </c>
      <c r="N6318" s="1" t="s">
        <v>25</v>
      </c>
      <c r="O6318" s="1" t="s">
        <v>8</v>
      </c>
      <c r="P6318" s="5" t="s">
        <v>30675</v>
      </c>
    </row>
    <row r="6319" spans="1:16" ht="38.25" x14ac:dyDescent="0.2">
      <c r="A6319" s="1" t="s">
        <v>42</v>
      </c>
      <c r="B6319" s="1" t="s">
        <v>43</v>
      </c>
      <c r="C6319" s="1" t="s">
        <v>22232</v>
      </c>
      <c r="D6319" s="1" t="s">
        <v>22230</v>
      </c>
      <c r="E6319" s="1" t="s">
        <v>22233</v>
      </c>
      <c r="F6319" s="1" t="s">
        <v>10</v>
      </c>
      <c r="G6319" s="1" t="s">
        <v>10</v>
      </c>
      <c r="H6319" s="1" t="s">
        <v>10</v>
      </c>
      <c r="I6319" s="1" t="s">
        <v>22046</v>
      </c>
      <c r="J6319" s="1" t="s">
        <v>19</v>
      </c>
      <c r="K6319" s="1" t="s">
        <v>37</v>
      </c>
      <c r="L6319" s="1" t="s">
        <v>22231</v>
      </c>
      <c r="M6319" s="1" t="s">
        <v>5</v>
      </c>
      <c r="N6319" s="1" t="s">
        <v>25</v>
      </c>
      <c r="O6319" s="1" t="s">
        <v>38</v>
      </c>
      <c r="P6319" s="9" t="s">
        <v>32180</v>
      </c>
    </row>
    <row r="6320" spans="1:16" ht="38.25" x14ac:dyDescent="0.2">
      <c r="A6320" s="1" t="s">
        <v>329</v>
      </c>
      <c r="B6320" s="1" t="s">
        <v>1976</v>
      </c>
      <c r="C6320" s="1" t="s">
        <v>22236</v>
      </c>
      <c r="D6320" s="1" t="s">
        <v>22234</v>
      </c>
      <c r="E6320" s="1" t="s">
        <v>22237</v>
      </c>
      <c r="F6320" s="1" t="s">
        <v>27</v>
      </c>
      <c r="G6320" s="1" t="s">
        <v>10</v>
      </c>
      <c r="H6320" s="1" t="s">
        <v>22238</v>
      </c>
      <c r="I6320" s="1" t="s">
        <v>22046</v>
      </c>
      <c r="J6320" s="1" t="s">
        <v>19</v>
      </c>
      <c r="K6320" s="1" t="s">
        <v>100</v>
      </c>
      <c r="L6320" s="1" t="s">
        <v>22235</v>
      </c>
      <c r="M6320" s="1" t="s">
        <v>5</v>
      </c>
      <c r="N6320" s="1" t="s">
        <v>432</v>
      </c>
      <c r="O6320" s="1" t="s">
        <v>8</v>
      </c>
      <c r="P6320" s="9" t="s">
        <v>32181</v>
      </c>
    </row>
    <row r="6321" spans="1:16" x14ac:dyDescent="0.2">
      <c r="A6321" s="1" t="s">
        <v>20</v>
      </c>
      <c r="B6321" s="1" t="s">
        <v>99</v>
      </c>
      <c r="C6321" s="1" t="s">
        <v>22241</v>
      </c>
      <c r="D6321" s="1" t="s">
        <v>22239</v>
      </c>
      <c r="E6321" s="1" t="s">
        <v>22243</v>
      </c>
      <c r="F6321" s="1" t="s">
        <v>22242</v>
      </c>
      <c r="G6321" s="1" t="s">
        <v>1042</v>
      </c>
      <c r="H6321" s="1" t="s">
        <v>22244</v>
      </c>
      <c r="I6321" s="1" t="s">
        <v>22046</v>
      </c>
      <c r="J6321" s="1" t="s">
        <v>10</v>
      </c>
      <c r="K6321" s="1" t="s">
        <v>7</v>
      </c>
      <c r="L6321" s="1" t="s">
        <v>22240</v>
      </c>
      <c r="M6321" s="1" t="s">
        <v>5</v>
      </c>
      <c r="N6321" s="1" t="s">
        <v>1597</v>
      </c>
      <c r="O6321" s="1" t="s">
        <v>8</v>
      </c>
      <c r="P6321" s="5" t="s">
        <v>30676</v>
      </c>
    </row>
    <row r="6322" spans="1:16" x14ac:dyDescent="0.2">
      <c r="A6322" s="1" t="s">
        <v>20</v>
      </c>
      <c r="B6322" s="1" t="s">
        <v>99</v>
      </c>
      <c r="C6322" s="1" t="s">
        <v>22247</v>
      </c>
      <c r="D6322" s="1" t="s">
        <v>22245</v>
      </c>
      <c r="E6322" s="1"/>
      <c r="F6322" s="1" t="s">
        <v>10</v>
      </c>
      <c r="G6322" s="1" t="s">
        <v>10</v>
      </c>
      <c r="H6322" s="1" t="s">
        <v>10</v>
      </c>
      <c r="I6322" s="1" t="s">
        <v>22046</v>
      </c>
      <c r="J6322" s="1" t="s">
        <v>19</v>
      </c>
      <c r="K6322" s="1" t="s">
        <v>47</v>
      </c>
      <c r="L6322" s="1" t="s">
        <v>22246</v>
      </c>
      <c r="M6322" s="1" t="s">
        <v>5</v>
      </c>
      <c r="N6322" s="1" t="s">
        <v>6</v>
      </c>
      <c r="O6322" s="1" t="s">
        <v>38</v>
      </c>
      <c r="P6322" s="5" t="s">
        <v>32182</v>
      </c>
    </row>
    <row r="6323" spans="1:16" ht="63.75" x14ac:dyDescent="0.2">
      <c r="A6323" s="1" t="s">
        <v>329</v>
      </c>
      <c r="B6323" s="1" t="s">
        <v>1738</v>
      </c>
      <c r="C6323" s="1" t="s">
        <v>22250</v>
      </c>
      <c r="D6323" s="1" t="s">
        <v>22248</v>
      </c>
      <c r="E6323" s="1" t="s">
        <v>22251</v>
      </c>
      <c r="F6323" s="1" t="s">
        <v>10</v>
      </c>
      <c r="G6323" s="1" t="s">
        <v>10</v>
      </c>
      <c r="H6323" s="1" t="s">
        <v>10</v>
      </c>
      <c r="I6323" s="1" t="s">
        <v>22046</v>
      </c>
      <c r="J6323" s="1" t="s">
        <v>19</v>
      </c>
      <c r="K6323" s="1" t="s">
        <v>100</v>
      </c>
      <c r="L6323" s="1" t="s">
        <v>22249</v>
      </c>
      <c r="M6323" s="1" t="s">
        <v>5</v>
      </c>
      <c r="N6323" s="1" t="s">
        <v>25</v>
      </c>
      <c r="O6323" s="1" t="s">
        <v>38</v>
      </c>
      <c r="P6323" s="9" t="s">
        <v>32183</v>
      </c>
    </row>
    <row r="6324" spans="1:16" x14ac:dyDescent="0.2">
      <c r="A6324" s="1" t="s">
        <v>10</v>
      </c>
      <c r="B6324" s="1" t="s">
        <v>10</v>
      </c>
      <c r="C6324" s="1" t="s">
        <v>22254</v>
      </c>
      <c r="D6324" s="1" t="s">
        <v>22252</v>
      </c>
      <c r="E6324" s="1" t="s">
        <v>22255</v>
      </c>
      <c r="F6324" s="1" t="s">
        <v>22254</v>
      </c>
      <c r="G6324" s="1" t="s">
        <v>10</v>
      </c>
      <c r="H6324" s="1" t="s">
        <v>22254</v>
      </c>
      <c r="I6324" s="1" t="s">
        <v>22046</v>
      </c>
      <c r="J6324" s="1" t="s">
        <v>10</v>
      </c>
      <c r="K6324" s="1" t="s">
        <v>10</v>
      </c>
      <c r="L6324" s="1" t="s">
        <v>22253</v>
      </c>
      <c r="M6324" s="1" t="s">
        <v>5</v>
      </c>
      <c r="N6324" s="1" t="s">
        <v>1597</v>
      </c>
      <c r="O6324" s="1" t="s">
        <v>8</v>
      </c>
      <c r="P6324" s="5" t="s">
        <v>30398</v>
      </c>
    </row>
    <row r="6325" spans="1:16" x14ac:dyDescent="0.2">
      <c r="A6325" s="1" t="s">
        <v>20</v>
      </c>
      <c r="B6325" s="1" t="s">
        <v>99</v>
      </c>
      <c r="C6325" s="1" t="s">
        <v>22257</v>
      </c>
      <c r="D6325" s="1" t="s">
        <v>6658</v>
      </c>
      <c r="E6325" s="1" t="s">
        <v>22258</v>
      </c>
      <c r="F6325" s="1" t="s">
        <v>10</v>
      </c>
      <c r="G6325" s="1" t="s">
        <v>10</v>
      </c>
      <c r="H6325" s="1" t="s">
        <v>10</v>
      </c>
      <c r="I6325" s="1" t="s">
        <v>22046</v>
      </c>
      <c r="J6325" s="1" t="s">
        <v>10</v>
      </c>
      <c r="K6325" s="1" t="s">
        <v>7</v>
      </c>
      <c r="L6325" s="1" t="s">
        <v>22256</v>
      </c>
      <c r="M6325" s="1" t="s">
        <v>5</v>
      </c>
      <c r="N6325" s="1" t="s">
        <v>6</v>
      </c>
      <c r="O6325" s="1" t="s">
        <v>38</v>
      </c>
      <c r="P6325" s="5" t="s">
        <v>32184</v>
      </c>
    </row>
    <row r="6326" spans="1:16" x14ac:dyDescent="0.2">
      <c r="A6326" s="1" t="s">
        <v>20</v>
      </c>
      <c r="B6326" s="1" t="s">
        <v>99</v>
      </c>
      <c r="C6326" s="1" t="s">
        <v>22261</v>
      </c>
      <c r="D6326" s="1" t="s">
        <v>22259</v>
      </c>
      <c r="E6326" s="1" t="s">
        <v>22262</v>
      </c>
      <c r="F6326" s="1" t="s">
        <v>10</v>
      </c>
      <c r="G6326" s="1" t="s">
        <v>10</v>
      </c>
      <c r="H6326" s="1" t="s">
        <v>10</v>
      </c>
      <c r="I6326" s="1" t="s">
        <v>22046</v>
      </c>
      <c r="J6326" s="1" t="s">
        <v>10</v>
      </c>
      <c r="K6326" s="1" t="s">
        <v>7</v>
      </c>
      <c r="L6326" s="1" t="s">
        <v>22260</v>
      </c>
      <c r="M6326" s="1" t="s">
        <v>5</v>
      </c>
      <c r="N6326" s="1" t="s">
        <v>6</v>
      </c>
      <c r="O6326" s="1" t="s">
        <v>38</v>
      </c>
      <c r="P6326" s="5" t="s">
        <v>32184</v>
      </c>
    </row>
    <row r="6327" spans="1:16" x14ac:dyDescent="0.2">
      <c r="A6327" s="1" t="s">
        <v>20</v>
      </c>
      <c r="B6327" s="1" t="s">
        <v>99</v>
      </c>
      <c r="C6327" s="1" t="s">
        <v>22265</v>
      </c>
      <c r="D6327" s="1" t="s">
        <v>22263</v>
      </c>
      <c r="E6327" s="1" t="s">
        <v>22266</v>
      </c>
      <c r="F6327" s="1" t="s">
        <v>10</v>
      </c>
      <c r="G6327" s="1" t="s">
        <v>10</v>
      </c>
      <c r="H6327" s="1" t="s">
        <v>10</v>
      </c>
      <c r="I6327" s="1" t="s">
        <v>22046</v>
      </c>
      <c r="J6327" s="1" t="s">
        <v>10</v>
      </c>
      <c r="K6327" s="1" t="s">
        <v>7</v>
      </c>
      <c r="L6327" s="1" t="s">
        <v>22264</v>
      </c>
      <c r="M6327" s="1" t="s">
        <v>5</v>
      </c>
      <c r="N6327" s="1" t="s">
        <v>6</v>
      </c>
      <c r="O6327" s="1" t="s">
        <v>38</v>
      </c>
      <c r="P6327" s="5" t="s">
        <v>32184</v>
      </c>
    </row>
    <row r="6328" spans="1:16" x14ac:dyDescent="0.2">
      <c r="A6328" s="1" t="s">
        <v>42</v>
      </c>
      <c r="B6328" s="1" t="s">
        <v>1890</v>
      </c>
      <c r="C6328" s="1" t="s">
        <v>22268</v>
      </c>
      <c r="D6328" s="1" t="s">
        <v>22269</v>
      </c>
      <c r="E6328" s="1"/>
      <c r="F6328" s="1" t="s">
        <v>10</v>
      </c>
      <c r="G6328" s="1" t="s">
        <v>10</v>
      </c>
      <c r="H6328" s="1" t="s">
        <v>10</v>
      </c>
      <c r="I6328" s="1" t="s">
        <v>22046</v>
      </c>
      <c r="J6328" s="1" t="s">
        <v>19</v>
      </c>
      <c r="K6328" s="1" t="s">
        <v>10</v>
      </c>
      <c r="L6328" s="1" t="s">
        <v>22267</v>
      </c>
      <c r="M6328" s="1" t="s">
        <v>5</v>
      </c>
      <c r="N6328" s="1" t="s">
        <v>6</v>
      </c>
      <c r="O6328" s="1" t="s">
        <v>8</v>
      </c>
      <c r="P6328" s="5" t="s">
        <v>32185</v>
      </c>
    </row>
    <row r="6329" spans="1:16" x14ac:dyDescent="0.2">
      <c r="A6329" s="1" t="s">
        <v>20</v>
      </c>
      <c r="B6329" s="1" t="s">
        <v>1047</v>
      </c>
      <c r="C6329" s="1" t="s">
        <v>22272</v>
      </c>
      <c r="D6329" s="1" t="s">
        <v>22270</v>
      </c>
      <c r="E6329" s="1"/>
      <c r="F6329" s="1" t="s">
        <v>1108</v>
      </c>
      <c r="G6329" s="1" t="s">
        <v>10</v>
      </c>
      <c r="H6329" s="1" t="s">
        <v>10</v>
      </c>
      <c r="I6329" s="1" t="s">
        <v>22046</v>
      </c>
      <c r="J6329" s="1" t="s">
        <v>10</v>
      </c>
      <c r="K6329" s="1" t="s">
        <v>10</v>
      </c>
      <c r="L6329" s="1" t="s">
        <v>22271</v>
      </c>
      <c r="M6329" s="1" t="s">
        <v>5</v>
      </c>
      <c r="N6329" s="1" t="s">
        <v>25</v>
      </c>
      <c r="O6329" s="1" t="s">
        <v>8</v>
      </c>
      <c r="P6329" s="5" t="s">
        <v>29846</v>
      </c>
    </row>
    <row r="6330" spans="1:16" x14ac:dyDescent="0.2">
      <c r="A6330" s="1" t="s">
        <v>32</v>
      </c>
      <c r="B6330" s="1" t="s">
        <v>7383</v>
      </c>
      <c r="C6330" s="1" t="s">
        <v>22272</v>
      </c>
      <c r="D6330" s="1" t="s">
        <v>22270</v>
      </c>
      <c r="E6330" s="1"/>
      <c r="F6330" s="1" t="s">
        <v>10</v>
      </c>
      <c r="G6330" s="1" t="s">
        <v>10</v>
      </c>
      <c r="H6330" s="1" t="s">
        <v>10</v>
      </c>
      <c r="I6330" s="1" t="s">
        <v>22046</v>
      </c>
      <c r="J6330" s="1" t="s">
        <v>10</v>
      </c>
      <c r="K6330" s="1" t="s">
        <v>64</v>
      </c>
      <c r="L6330" s="1" t="s">
        <v>22273</v>
      </c>
      <c r="M6330" s="1" t="s">
        <v>10</v>
      </c>
      <c r="N6330" s="1" t="s">
        <v>6</v>
      </c>
      <c r="O6330" s="1" t="s">
        <v>8</v>
      </c>
      <c r="P6330" s="5"/>
    </row>
    <row r="6331" spans="1:16" x14ac:dyDescent="0.2">
      <c r="A6331" s="1" t="s">
        <v>20</v>
      </c>
      <c r="B6331" s="1" t="s">
        <v>253</v>
      </c>
      <c r="C6331" s="1" t="s">
        <v>1863</v>
      </c>
      <c r="D6331" s="1" t="s">
        <v>1861</v>
      </c>
      <c r="E6331" s="1"/>
      <c r="F6331" s="1" t="s">
        <v>1862</v>
      </c>
      <c r="G6331" s="1" t="s">
        <v>1863</v>
      </c>
      <c r="H6331" s="1" t="s">
        <v>10</v>
      </c>
      <c r="I6331" s="1" t="s">
        <v>22046</v>
      </c>
      <c r="J6331" s="1" t="s">
        <v>19</v>
      </c>
      <c r="K6331" s="1" t="s">
        <v>7</v>
      </c>
      <c r="L6331" s="1" t="s">
        <v>22274</v>
      </c>
      <c r="M6331" s="1" t="s">
        <v>5</v>
      </c>
      <c r="N6331" s="1" t="s">
        <v>1009</v>
      </c>
      <c r="O6331" s="1" t="s">
        <v>8</v>
      </c>
      <c r="P6331" s="5" t="s">
        <v>32186</v>
      </c>
    </row>
    <row r="6332" spans="1:16" ht="38.25" x14ac:dyDescent="0.2">
      <c r="A6332" s="1" t="s">
        <v>20</v>
      </c>
      <c r="B6332" s="1" t="s">
        <v>1047</v>
      </c>
      <c r="C6332" s="1" t="s">
        <v>6455</v>
      </c>
      <c r="D6332" s="1" t="s">
        <v>22276</v>
      </c>
      <c r="E6332" s="1" t="s">
        <v>22278</v>
      </c>
      <c r="F6332" s="1" t="s">
        <v>10</v>
      </c>
      <c r="G6332" s="1" t="s">
        <v>1042</v>
      </c>
      <c r="H6332" s="1" t="s">
        <v>8107</v>
      </c>
      <c r="I6332" s="1" t="s">
        <v>22046</v>
      </c>
      <c r="J6332" s="1" t="s">
        <v>10</v>
      </c>
      <c r="K6332" s="1" t="s">
        <v>100</v>
      </c>
      <c r="L6332" s="1" t="s">
        <v>22277</v>
      </c>
      <c r="M6332" s="1" t="s">
        <v>5</v>
      </c>
      <c r="N6332" s="1" t="s">
        <v>25</v>
      </c>
      <c r="O6332" s="1" t="s">
        <v>8</v>
      </c>
      <c r="P6332" s="9" t="s">
        <v>32187</v>
      </c>
    </row>
    <row r="6333" spans="1:16" x14ac:dyDescent="0.2">
      <c r="A6333" s="1" t="s">
        <v>10</v>
      </c>
      <c r="B6333" s="1" t="s">
        <v>376</v>
      </c>
      <c r="C6333" s="1" t="s">
        <v>22281</v>
      </c>
      <c r="D6333" s="1" t="s">
        <v>10</v>
      </c>
      <c r="E6333" s="1" t="s">
        <v>22283</v>
      </c>
      <c r="F6333" s="1" t="s">
        <v>10</v>
      </c>
      <c r="G6333" s="1" t="s">
        <v>10</v>
      </c>
      <c r="H6333" s="1" t="s">
        <v>10</v>
      </c>
      <c r="I6333" s="1" t="s">
        <v>22279</v>
      </c>
      <c r="J6333" s="1" t="s">
        <v>22282</v>
      </c>
      <c r="K6333" s="1" t="s">
        <v>7</v>
      </c>
      <c r="L6333" s="1" t="s">
        <v>22280</v>
      </c>
      <c r="M6333" s="1" t="s">
        <v>5</v>
      </c>
      <c r="N6333" s="1" t="s">
        <v>6</v>
      </c>
      <c r="O6333" s="1" t="s">
        <v>38</v>
      </c>
      <c r="P6333" s="5" t="s">
        <v>30397</v>
      </c>
    </row>
    <row r="6334" spans="1:16" x14ac:dyDescent="0.2">
      <c r="A6334" s="1" t="s">
        <v>10</v>
      </c>
      <c r="B6334" s="1" t="s">
        <v>376</v>
      </c>
      <c r="C6334" s="1" t="s">
        <v>22285</v>
      </c>
      <c r="D6334" s="1" t="s">
        <v>10</v>
      </c>
      <c r="E6334" s="1" t="s">
        <v>22287</v>
      </c>
      <c r="F6334" s="1" t="s">
        <v>10</v>
      </c>
      <c r="G6334" s="1" t="s">
        <v>10</v>
      </c>
      <c r="H6334" s="1" t="s">
        <v>10</v>
      </c>
      <c r="I6334" s="1" t="s">
        <v>22279</v>
      </c>
      <c r="J6334" s="1" t="s">
        <v>22286</v>
      </c>
      <c r="K6334" s="1" t="s">
        <v>64</v>
      </c>
      <c r="L6334" s="1" t="s">
        <v>22284</v>
      </c>
      <c r="M6334" s="1" t="s">
        <v>5</v>
      </c>
      <c r="N6334" s="1" t="s">
        <v>25</v>
      </c>
      <c r="O6334" s="1" t="s">
        <v>38</v>
      </c>
      <c r="P6334" s="5" t="s">
        <v>30397</v>
      </c>
    </row>
    <row r="6335" spans="1:16" x14ac:dyDescent="0.2">
      <c r="A6335" s="1" t="s">
        <v>10</v>
      </c>
      <c r="B6335" s="1" t="s">
        <v>376</v>
      </c>
      <c r="C6335" s="1" t="s">
        <v>22289</v>
      </c>
      <c r="D6335" s="1" t="s">
        <v>10</v>
      </c>
      <c r="E6335" s="1"/>
      <c r="F6335" s="1" t="s">
        <v>10</v>
      </c>
      <c r="G6335" s="1" t="s">
        <v>10</v>
      </c>
      <c r="H6335" s="1" t="s">
        <v>10</v>
      </c>
      <c r="I6335" s="1" t="s">
        <v>22279</v>
      </c>
      <c r="J6335" s="1" t="s">
        <v>22286</v>
      </c>
      <c r="K6335" s="1" t="s">
        <v>64</v>
      </c>
      <c r="L6335" s="1" t="s">
        <v>22288</v>
      </c>
      <c r="M6335" s="1" t="s">
        <v>5</v>
      </c>
      <c r="N6335" s="1" t="s">
        <v>25</v>
      </c>
      <c r="O6335" s="1" t="s">
        <v>38</v>
      </c>
      <c r="P6335" s="5" t="s">
        <v>31685</v>
      </c>
    </row>
    <row r="6336" spans="1:16" x14ac:dyDescent="0.2">
      <c r="A6336" s="1" t="s">
        <v>10</v>
      </c>
      <c r="B6336" s="1" t="s">
        <v>376</v>
      </c>
      <c r="C6336" s="1" t="s">
        <v>22291</v>
      </c>
      <c r="D6336" s="1" t="s">
        <v>22292</v>
      </c>
      <c r="E6336" s="1" t="s">
        <v>22293</v>
      </c>
      <c r="F6336" s="1" t="s">
        <v>10</v>
      </c>
      <c r="G6336" s="1" t="s">
        <v>10</v>
      </c>
      <c r="H6336" s="1" t="s">
        <v>10</v>
      </c>
      <c r="I6336" s="1" t="s">
        <v>22279</v>
      </c>
      <c r="J6336" s="1" t="s">
        <v>22282</v>
      </c>
      <c r="K6336" s="1" t="s">
        <v>443</v>
      </c>
      <c r="L6336" s="1" t="s">
        <v>22290</v>
      </c>
      <c r="M6336" s="1" t="s">
        <v>5</v>
      </c>
      <c r="N6336" s="1" t="s">
        <v>25</v>
      </c>
      <c r="O6336" s="1" t="s">
        <v>38</v>
      </c>
      <c r="P6336" s="5" t="s">
        <v>32188</v>
      </c>
    </row>
    <row r="6337" spans="1:16" x14ac:dyDescent="0.2">
      <c r="A6337" s="1" t="s">
        <v>10</v>
      </c>
      <c r="B6337" s="1" t="s">
        <v>376</v>
      </c>
      <c r="C6337" s="1" t="s">
        <v>22295</v>
      </c>
      <c r="D6337" s="1" t="s">
        <v>10</v>
      </c>
      <c r="E6337" s="1" t="s">
        <v>22297</v>
      </c>
      <c r="F6337" s="1" t="s">
        <v>10</v>
      </c>
      <c r="G6337" s="1" t="s">
        <v>10</v>
      </c>
      <c r="H6337" s="1" t="s">
        <v>10</v>
      </c>
      <c r="I6337" s="1" t="s">
        <v>22279</v>
      </c>
      <c r="J6337" s="1" t="s">
        <v>22296</v>
      </c>
      <c r="K6337" s="1" t="s">
        <v>27</v>
      </c>
      <c r="L6337" s="1" t="s">
        <v>22294</v>
      </c>
      <c r="M6337" s="1" t="s">
        <v>5</v>
      </c>
      <c r="N6337" s="1" t="s">
        <v>6</v>
      </c>
      <c r="O6337" s="1" t="s">
        <v>38</v>
      </c>
      <c r="P6337" s="5" t="s">
        <v>30397</v>
      </c>
    </row>
    <row r="6338" spans="1:16" x14ac:dyDescent="0.2">
      <c r="A6338" s="1" t="s">
        <v>10</v>
      </c>
      <c r="B6338" s="1" t="s">
        <v>376</v>
      </c>
      <c r="C6338" s="1" t="s">
        <v>22299</v>
      </c>
      <c r="D6338" s="1" t="s">
        <v>10</v>
      </c>
      <c r="E6338" s="1" t="s">
        <v>22300</v>
      </c>
      <c r="F6338" s="1" t="s">
        <v>10</v>
      </c>
      <c r="G6338" s="1" t="s">
        <v>10</v>
      </c>
      <c r="H6338" s="1" t="s">
        <v>10</v>
      </c>
      <c r="I6338" s="1" t="s">
        <v>22279</v>
      </c>
      <c r="J6338" s="1" t="s">
        <v>14975</v>
      </c>
      <c r="K6338" s="1" t="s">
        <v>7</v>
      </c>
      <c r="L6338" s="1" t="s">
        <v>22298</v>
      </c>
      <c r="M6338" s="1" t="s">
        <v>5</v>
      </c>
      <c r="N6338" s="1" t="s">
        <v>25</v>
      </c>
      <c r="O6338" s="1" t="s">
        <v>38</v>
      </c>
      <c r="P6338" s="5" t="s">
        <v>30397</v>
      </c>
    </row>
    <row r="6339" spans="1:16" x14ac:dyDescent="0.2">
      <c r="A6339" s="1" t="s">
        <v>10</v>
      </c>
      <c r="B6339" s="1" t="s">
        <v>376</v>
      </c>
      <c r="C6339" s="1" t="s">
        <v>22302</v>
      </c>
      <c r="D6339" s="1" t="s">
        <v>22303</v>
      </c>
      <c r="E6339" s="1" t="s">
        <v>22305</v>
      </c>
      <c r="F6339" s="1" t="s">
        <v>10</v>
      </c>
      <c r="G6339" s="1" t="s">
        <v>10</v>
      </c>
      <c r="H6339" s="1" t="s">
        <v>10</v>
      </c>
      <c r="I6339" s="1" t="s">
        <v>22279</v>
      </c>
      <c r="J6339" s="1" t="s">
        <v>22304</v>
      </c>
      <c r="K6339" s="1" t="s">
        <v>27</v>
      </c>
      <c r="L6339" s="1" t="s">
        <v>22301</v>
      </c>
      <c r="M6339" s="1" t="s">
        <v>5</v>
      </c>
      <c r="N6339" s="1" t="s">
        <v>25</v>
      </c>
      <c r="O6339" s="1" t="s">
        <v>38</v>
      </c>
      <c r="P6339" s="5" t="s">
        <v>30397</v>
      </c>
    </row>
    <row r="6340" spans="1:16" x14ac:dyDescent="0.2">
      <c r="A6340" s="1" t="s">
        <v>10</v>
      </c>
      <c r="B6340" s="1" t="s">
        <v>376</v>
      </c>
      <c r="C6340" s="1" t="s">
        <v>22307</v>
      </c>
      <c r="D6340" s="1" t="s">
        <v>22308</v>
      </c>
      <c r="E6340" s="1"/>
      <c r="F6340" s="1" t="s">
        <v>10</v>
      </c>
      <c r="G6340" s="1" t="s">
        <v>10</v>
      </c>
      <c r="H6340" s="1" t="s">
        <v>10</v>
      </c>
      <c r="I6340" s="1" t="s">
        <v>22279</v>
      </c>
      <c r="J6340" s="1" t="s">
        <v>22309</v>
      </c>
      <c r="K6340" s="1" t="s">
        <v>27</v>
      </c>
      <c r="L6340" s="1" t="s">
        <v>22306</v>
      </c>
      <c r="M6340" s="1" t="s">
        <v>5</v>
      </c>
      <c r="N6340" s="1" t="s">
        <v>25</v>
      </c>
      <c r="O6340" s="1" t="s">
        <v>38</v>
      </c>
      <c r="P6340" s="5" t="s">
        <v>32189</v>
      </c>
    </row>
    <row r="6341" spans="1:16" x14ac:dyDescent="0.2">
      <c r="A6341" s="1" t="s">
        <v>10</v>
      </c>
      <c r="B6341" s="1" t="s">
        <v>376</v>
      </c>
      <c r="C6341" s="1" t="s">
        <v>22311</v>
      </c>
      <c r="D6341" s="1" t="s">
        <v>22312</v>
      </c>
      <c r="E6341" s="1" t="s">
        <v>22313</v>
      </c>
      <c r="F6341" s="1" t="s">
        <v>10</v>
      </c>
      <c r="G6341" s="1" t="s">
        <v>10</v>
      </c>
      <c r="H6341" s="1" t="s">
        <v>10</v>
      </c>
      <c r="I6341" s="1" t="s">
        <v>22279</v>
      </c>
      <c r="J6341" s="1" t="s">
        <v>22296</v>
      </c>
      <c r="K6341" s="1" t="s">
        <v>27</v>
      </c>
      <c r="L6341" s="1" t="s">
        <v>22310</v>
      </c>
      <c r="M6341" s="1" t="s">
        <v>5</v>
      </c>
      <c r="N6341" s="1" t="s">
        <v>25</v>
      </c>
      <c r="O6341" s="1" t="s">
        <v>38</v>
      </c>
      <c r="P6341" s="5" t="s">
        <v>31685</v>
      </c>
    </row>
    <row r="6342" spans="1:16" x14ac:dyDescent="0.2">
      <c r="A6342" s="1" t="s">
        <v>10</v>
      </c>
      <c r="B6342" s="1" t="s">
        <v>376</v>
      </c>
      <c r="C6342" s="1" t="s">
        <v>22315</v>
      </c>
      <c r="D6342" s="1" t="s">
        <v>22316</v>
      </c>
      <c r="E6342" s="1" t="s">
        <v>22317</v>
      </c>
      <c r="F6342" s="1" t="s">
        <v>10</v>
      </c>
      <c r="G6342" s="1" t="s">
        <v>10</v>
      </c>
      <c r="H6342" s="1" t="s">
        <v>10</v>
      </c>
      <c r="I6342" s="1" t="s">
        <v>22279</v>
      </c>
      <c r="J6342" s="1" t="s">
        <v>22282</v>
      </c>
      <c r="K6342" s="1" t="s">
        <v>7059</v>
      </c>
      <c r="L6342" s="1" t="s">
        <v>22314</v>
      </c>
      <c r="M6342" s="1" t="s">
        <v>5</v>
      </c>
      <c r="N6342" s="1" t="s">
        <v>25</v>
      </c>
      <c r="O6342" s="1" t="s">
        <v>38</v>
      </c>
      <c r="P6342" s="5" t="s">
        <v>30397</v>
      </c>
    </row>
    <row r="6343" spans="1:16" x14ac:dyDescent="0.2">
      <c r="A6343" s="1" t="s">
        <v>10</v>
      </c>
      <c r="B6343" s="1" t="s">
        <v>376</v>
      </c>
      <c r="C6343" s="1" t="s">
        <v>22319</v>
      </c>
      <c r="D6343" s="1" t="s">
        <v>10</v>
      </c>
      <c r="E6343" s="1" t="s">
        <v>22320</v>
      </c>
      <c r="F6343" s="1" t="s">
        <v>10</v>
      </c>
      <c r="G6343" s="1" t="s">
        <v>10</v>
      </c>
      <c r="H6343" s="1" t="s">
        <v>10</v>
      </c>
      <c r="I6343" s="1" t="s">
        <v>22279</v>
      </c>
      <c r="J6343" s="1" t="s">
        <v>22296</v>
      </c>
      <c r="K6343" s="1" t="s">
        <v>27</v>
      </c>
      <c r="L6343" s="1" t="s">
        <v>22318</v>
      </c>
      <c r="M6343" s="1" t="s">
        <v>5</v>
      </c>
      <c r="N6343" s="1" t="s">
        <v>25</v>
      </c>
      <c r="O6343" s="1" t="s">
        <v>38</v>
      </c>
      <c r="P6343" s="5" t="s">
        <v>31686</v>
      </c>
    </row>
    <row r="6344" spans="1:16" x14ac:dyDescent="0.2">
      <c r="A6344" s="1" t="s">
        <v>10</v>
      </c>
      <c r="B6344" s="1" t="s">
        <v>376</v>
      </c>
      <c r="C6344" s="1" t="s">
        <v>22322</v>
      </c>
      <c r="D6344" s="1" t="s">
        <v>22323</v>
      </c>
      <c r="E6344" s="1"/>
      <c r="F6344" s="1" t="s">
        <v>10</v>
      </c>
      <c r="G6344" s="1" t="s">
        <v>10</v>
      </c>
      <c r="H6344" s="1" t="s">
        <v>10</v>
      </c>
      <c r="I6344" s="1" t="s">
        <v>22279</v>
      </c>
      <c r="J6344" s="1" t="s">
        <v>14512</v>
      </c>
      <c r="K6344" s="1" t="s">
        <v>443</v>
      </c>
      <c r="L6344" s="1" t="s">
        <v>22321</v>
      </c>
      <c r="M6344" s="1" t="s">
        <v>5</v>
      </c>
      <c r="N6344" s="1" t="s">
        <v>25</v>
      </c>
      <c r="O6344" s="1" t="s">
        <v>38</v>
      </c>
      <c r="P6344" s="5" t="s">
        <v>2383</v>
      </c>
    </row>
    <row r="6345" spans="1:16" x14ac:dyDescent="0.2">
      <c r="A6345" s="1" t="s">
        <v>10</v>
      </c>
      <c r="B6345" s="1" t="s">
        <v>376</v>
      </c>
      <c r="C6345" s="1" t="s">
        <v>22325</v>
      </c>
      <c r="D6345" s="1" t="s">
        <v>15612</v>
      </c>
      <c r="E6345" s="1" t="s">
        <v>22326</v>
      </c>
      <c r="F6345" s="1" t="s">
        <v>10</v>
      </c>
      <c r="G6345" s="1" t="s">
        <v>10</v>
      </c>
      <c r="H6345" s="1" t="s">
        <v>10</v>
      </c>
      <c r="I6345" s="1" t="s">
        <v>22279</v>
      </c>
      <c r="J6345" s="1" t="s">
        <v>14975</v>
      </c>
      <c r="K6345" s="1" t="s">
        <v>7</v>
      </c>
      <c r="L6345" s="1" t="s">
        <v>22324</v>
      </c>
      <c r="M6345" s="1" t="s">
        <v>5</v>
      </c>
      <c r="N6345" s="1" t="s">
        <v>25</v>
      </c>
      <c r="O6345" s="1" t="s">
        <v>38</v>
      </c>
      <c r="P6345" s="5" t="s">
        <v>30397</v>
      </c>
    </row>
    <row r="6346" spans="1:16" x14ac:dyDescent="0.2">
      <c r="A6346" s="1" t="s">
        <v>10</v>
      </c>
      <c r="B6346" s="1" t="s">
        <v>376</v>
      </c>
      <c r="C6346" s="1" t="s">
        <v>22328</v>
      </c>
      <c r="D6346" s="1" t="s">
        <v>22329</v>
      </c>
      <c r="E6346" s="1"/>
      <c r="F6346" s="1" t="s">
        <v>10</v>
      </c>
      <c r="G6346" s="1" t="s">
        <v>10</v>
      </c>
      <c r="H6346" s="1" t="s">
        <v>10</v>
      </c>
      <c r="I6346" s="1" t="s">
        <v>22279</v>
      </c>
      <c r="J6346" s="1" t="s">
        <v>22282</v>
      </c>
      <c r="K6346" s="1" t="s">
        <v>113</v>
      </c>
      <c r="L6346" s="1" t="s">
        <v>22327</v>
      </c>
      <c r="M6346" s="1" t="s">
        <v>5</v>
      </c>
      <c r="N6346" s="1" t="s">
        <v>25</v>
      </c>
      <c r="O6346" s="1" t="s">
        <v>38</v>
      </c>
      <c r="P6346" s="5" t="s">
        <v>31685</v>
      </c>
    </row>
    <row r="6347" spans="1:16" x14ac:dyDescent="0.2">
      <c r="A6347" s="1" t="s">
        <v>10</v>
      </c>
      <c r="B6347" s="1" t="s">
        <v>376</v>
      </c>
      <c r="C6347" s="1" t="s">
        <v>22331</v>
      </c>
      <c r="D6347" s="1" t="s">
        <v>7174</v>
      </c>
      <c r="E6347" s="1"/>
      <c r="F6347" s="1" t="s">
        <v>10</v>
      </c>
      <c r="G6347" s="1" t="s">
        <v>10</v>
      </c>
      <c r="H6347" s="1" t="s">
        <v>10</v>
      </c>
      <c r="I6347" s="1" t="s">
        <v>22279</v>
      </c>
      <c r="J6347" s="1" t="s">
        <v>22286</v>
      </c>
      <c r="K6347" s="1" t="s">
        <v>443</v>
      </c>
      <c r="L6347" s="1" t="s">
        <v>22330</v>
      </c>
      <c r="M6347" s="1" t="s">
        <v>5</v>
      </c>
      <c r="N6347" s="1" t="s">
        <v>25</v>
      </c>
      <c r="O6347" s="1" t="s">
        <v>38</v>
      </c>
      <c r="P6347" s="5" t="s">
        <v>32189</v>
      </c>
    </row>
    <row r="6348" spans="1:16" x14ac:dyDescent="0.2">
      <c r="A6348" s="1" t="s">
        <v>10</v>
      </c>
      <c r="B6348" s="1" t="s">
        <v>376</v>
      </c>
      <c r="C6348" s="1" t="s">
        <v>22333</v>
      </c>
      <c r="D6348" s="1" t="s">
        <v>188</v>
      </c>
      <c r="E6348" s="1" t="s">
        <v>22335</v>
      </c>
      <c r="F6348" s="1" t="s">
        <v>10</v>
      </c>
      <c r="G6348" s="1" t="s">
        <v>10</v>
      </c>
      <c r="H6348" s="1" t="s">
        <v>10</v>
      </c>
      <c r="I6348" s="1" t="s">
        <v>22279</v>
      </c>
      <c r="J6348" s="1" t="s">
        <v>22334</v>
      </c>
      <c r="K6348" s="1" t="s">
        <v>27</v>
      </c>
      <c r="L6348" s="1" t="s">
        <v>22332</v>
      </c>
      <c r="M6348" s="1" t="s">
        <v>5</v>
      </c>
      <c r="N6348" s="1" t="s">
        <v>25</v>
      </c>
      <c r="O6348" s="1" t="s">
        <v>38</v>
      </c>
      <c r="P6348" s="5" t="s">
        <v>31703</v>
      </c>
    </row>
    <row r="6349" spans="1:16" x14ac:dyDescent="0.2">
      <c r="A6349" s="1" t="s">
        <v>10</v>
      </c>
      <c r="B6349" s="1" t="s">
        <v>376</v>
      </c>
      <c r="C6349" s="1" t="s">
        <v>22337</v>
      </c>
      <c r="D6349" s="1" t="s">
        <v>22338</v>
      </c>
      <c r="E6349" s="1" t="s">
        <v>22339</v>
      </c>
      <c r="F6349" s="1" t="s">
        <v>10</v>
      </c>
      <c r="G6349" s="1" t="s">
        <v>10</v>
      </c>
      <c r="H6349" s="1" t="s">
        <v>10</v>
      </c>
      <c r="I6349" s="1" t="s">
        <v>22279</v>
      </c>
      <c r="J6349" s="1" t="s">
        <v>14975</v>
      </c>
      <c r="K6349" s="1" t="s">
        <v>27</v>
      </c>
      <c r="L6349" s="1" t="s">
        <v>22336</v>
      </c>
      <c r="M6349" s="1" t="s">
        <v>5</v>
      </c>
      <c r="N6349" s="1" t="s">
        <v>25</v>
      </c>
      <c r="O6349" s="1" t="s">
        <v>38</v>
      </c>
      <c r="P6349" s="5" t="s">
        <v>30397</v>
      </c>
    </row>
    <row r="6350" spans="1:16" x14ac:dyDescent="0.2">
      <c r="A6350" s="1" t="s">
        <v>10</v>
      </c>
      <c r="B6350" s="1" t="s">
        <v>376</v>
      </c>
      <c r="C6350" s="1" t="s">
        <v>22341</v>
      </c>
      <c r="D6350" s="1" t="s">
        <v>13306</v>
      </c>
      <c r="E6350" s="1" t="s">
        <v>22342</v>
      </c>
      <c r="F6350" s="1" t="s">
        <v>10</v>
      </c>
      <c r="G6350" s="1" t="s">
        <v>10</v>
      </c>
      <c r="H6350" s="1" t="s">
        <v>10</v>
      </c>
      <c r="I6350" s="1" t="s">
        <v>22279</v>
      </c>
      <c r="J6350" s="1" t="s">
        <v>14975</v>
      </c>
      <c r="K6350" s="1" t="s">
        <v>37</v>
      </c>
      <c r="L6350" s="1" t="s">
        <v>22340</v>
      </c>
      <c r="M6350" s="1" t="s">
        <v>5</v>
      </c>
      <c r="N6350" s="1" t="s">
        <v>25</v>
      </c>
      <c r="O6350" s="1" t="s">
        <v>38</v>
      </c>
      <c r="P6350" s="5" t="s">
        <v>31694</v>
      </c>
    </row>
    <row r="6351" spans="1:16" x14ac:dyDescent="0.2">
      <c r="A6351" s="1" t="s">
        <v>10</v>
      </c>
      <c r="B6351" s="1" t="s">
        <v>376</v>
      </c>
      <c r="C6351" s="1" t="s">
        <v>22345</v>
      </c>
      <c r="D6351" s="1" t="s">
        <v>22346</v>
      </c>
      <c r="E6351" s="1" t="s">
        <v>22347</v>
      </c>
      <c r="F6351" s="1" t="s">
        <v>10</v>
      </c>
      <c r="G6351" s="1" t="s">
        <v>10</v>
      </c>
      <c r="H6351" s="1" t="s">
        <v>10</v>
      </c>
      <c r="I6351" s="1" t="s">
        <v>22279</v>
      </c>
      <c r="J6351" s="1" t="s">
        <v>14975</v>
      </c>
      <c r="K6351" s="1" t="s">
        <v>7</v>
      </c>
      <c r="L6351" s="1" t="s">
        <v>22344</v>
      </c>
      <c r="M6351" s="1" t="s">
        <v>5</v>
      </c>
      <c r="N6351" s="1" t="s">
        <v>25</v>
      </c>
      <c r="O6351" s="1" t="s">
        <v>38</v>
      </c>
      <c r="P6351" s="5" t="s">
        <v>30397</v>
      </c>
    </row>
    <row r="6352" spans="1:16" x14ac:dyDescent="0.2">
      <c r="A6352" s="1" t="s">
        <v>10</v>
      </c>
      <c r="B6352" s="1" t="s">
        <v>376</v>
      </c>
      <c r="C6352" s="1" t="s">
        <v>22349</v>
      </c>
      <c r="D6352" s="1" t="s">
        <v>107</v>
      </c>
      <c r="E6352" s="1" t="s">
        <v>22350</v>
      </c>
      <c r="F6352" s="1" t="s">
        <v>10</v>
      </c>
      <c r="G6352" s="1" t="s">
        <v>10</v>
      </c>
      <c r="H6352" s="1" t="s">
        <v>10</v>
      </c>
      <c r="I6352" s="1" t="s">
        <v>22279</v>
      </c>
      <c r="J6352" s="1" t="s">
        <v>14287</v>
      </c>
      <c r="K6352" s="1" t="s">
        <v>10218</v>
      </c>
      <c r="L6352" s="1" t="s">
        <v>22348</v>
      </c>
      <c r="M6352" s="1" t="s">
        <v>5</v>
      </c>
      <c r="N6352" s="1" t="s">
        <v>25</v>
      </c>
      <c r="O6352" s="1" t="s">
        <v>38</v>
      </c>
      <c r="P6352" s="5" t="s">
        <v>31700</v>
      </c>
    </row>
    <row r="6353" spans="1:16" x14ac:dyDescent="0.2">
      <c r="A6353" s="1" t="s">
        <v>10</v>
      </c>
      <c r="B6353" s="1" t="s">
        <v>376</v>
      </c>
      <c r="C6353" s="1" t="s">
        <v>22352</v>
      </c>
      <c r="D6353" s="1" t="s">
        <v>22353</v>
      </c>
      <c r="E6353" s="1" t="s">
        <v>22354</v>
      </c>
      <c r="F6353" s="1" t="s">
        <v>10</v>
      </c>
      <c r="G6353" s="1" t="s">
        <v>10</v>
      </c>
      <c r="H6353" s="1" t="s">
        <v>10</v>
      </c>
      <c r="I6353" s="1" t="s">
        <v>22279</v>
      </c>
      <c r="J6353" s="1" t="s">
        <v>14975</v>
      </c>
      <c r="K6353" s="1" t="s">
        <v>7</v>
      </c>
      <c r="L6353" s="1" t="s">
        <v>22351</v>
      </c>
      <c r="M6353" s="1" t="s">
        <v>5</v>
      </c>
      <c r="N6353" s="1" t="s">
        <v>25</v>
      </c>
      <c r="O6353" s="1" t="s">
        <v>38</v>
      </c>
      <c r="P6353" s="5" t="s">
        <v>30397</v>
      </c>
    </row>
    <row r="6354" spans="1:16" x14ac:dyDescent="0.2">
      <c r="A6354" s="1" t="s">
        <v>10</v>
      </c>
      <c r="B6354" s="1" t="s">
        <v>376</v>
      </c>
      <c r="C6354" s="1" t="s">
        <v>22356</v>
      </c>
      <c r="D6354" s="1" t="s">
        <v>22357</v>
      </c>
      <c r="E6354" s="1"/>
      <c r="F6354" s="1" t="s">
        <v>10</v>
      </c>
      <c r="G6354" s="1" t="s">
        <v>10</v>
      </c>
      <c r="H6354" s="1" t="s">
        <v>10</v>
      </c>
      <c r="I6354" s="1" t="s">
        <v>22279</v>
      </c>
      <c r="J6354" s="1" t="s">
        <v>22358</v>
      </c>
      <c r="K6354" s="1" t="s">
        <v>7</v>
      </c>
      <c r="L6354" s="1" t="s">
        <v>22355</v>
      </c>
      <c r="M6354" s="1" t="s">
        <v>5</v>
      </c>
      <c r="N6354" s="1" t="s">
        <v>25</v>
      </c>
      <c r="O6354" s="1" t="s">
        <v>38</v>
      </c>
      <c r="P6354" s="5" t="s">
        <v>10</v>
      </c>
    </row>
    <row r="6355" spans="1:16" x14ac:dyDescent="0.2">
      <c r="A6355" s="1" t="s">
        <v>10</v>
      </c>
      <c r="B6355" s="1" t="s">
        <v>376</v>
      </c>
      <c r="C6355" s="1" t="s">
        <v>22360</v>
      </c>
      <c r="D6355" s="1" t="s">
        <v>22361</v>
      </c>
      <c r="E6355" s="1"/>
      <c r="F6355" s="1" t="s">
        <v>10</v>
      </c>
      <c r="G6355" s="1" t="s">
        <v>10</v>
      </c>
      <c r="H6355" s="1" t="s">
        <v>10</v>
      </c>
      <c r="I6355" s="1" t="s">
        <v>22279</v>
      </c>
      <c r="J6355" s="1" t="s">
        <v>22282</v>
      </c>
      <c r="K6355" s="1" t="s">
        <v>443</v>
      </c>
      <c r="L6355" s="1" t="s">
        <v>22359</v>
      </c>
      <c r="M6355" s="1" t="s">
        <v>5</v>
      </c>
      <c r="N6355" s="1" t="s">
        <v>25</v>
      </c>
      <c r="O6355" s="1" t="s">
        <v>38</v>
      </c>
      <c r="P6355" s="5" t="s">
        <v>30677</v>
      </c>
    </row>
    <row r="6356" spans="1:16" x14ac:dyDescent="0.2">
      <c r="A6356" s="1" t="s">
        <v>10</v>
      </c>
      <c r="B6356" s="1" t="s">
        <v>376</v>
      </c>
      <c r="C6356" s="1" t="s">
        <v>22363</v>
      </c>
      <c r="D6356" s="1" t="s">
        <v>22364</v>
      </c>
      <c r="E6356" s="1"/>
      <c r="F6356" s="1" t="s">
        <v>10</v>
      </c>
      <c r="G6356" s="1" t="s">
        <v>10</v>
      </c>
      <c r="H6356" s="1" t="s">
        <v>10</v>
      </c>
      <c r="I6356" s="1" t="s">
        <v>22279</v>
      </c>
      <c r="J6356" s="1" t="s">
        <v>22358</v>
      </c>
      <c r="K6356" s="1" t="s">
        <v>2555</v>
      </c>
      <c r="L6356" s="1" t="s">
        <v>22362</v>
      </c>
      <c r="M6356" s="1" t="s">
        <v>5</v>
      </c>
      <c r="N6356" s="1" t="s">
        <v>25</v>
      </c>
      <c r="O6356" s="1" t="s">
        <v>38</v>
      </c>
      <c r="P6356" s="5" t="s">
        <v>10</v>
      </c>
    </row>
    <row r="6357" spans="1:16" x14ac:dyDescent="0.2">
      <c r="A6357" s="1" t="s">
        <v>10</v>
      </c>
      <c r="B6357" s="1" t="s">
        <v>376</v>
      </c>
      <c r="C6357" s="1" t="s">
        <v>22366</v>
      </c>
      <c r="D6357" s="1" t="s">
        <v>22367</v>
      </c>
      <c r="E6357" s="1"/>
      <c r="F6357" s="1" t="s">
        <v>10</v>
      </c>
      <c r="G6357" s="1" t="s">
        <v>10</v>
      </c>
      <c r="H6357" s="1" t="s">
        <v>10</v>
      </c>
      <c r="I6357" s="1" t="s">
        <v>22279</v>
      </c>
      <c r="J6357" s="1" t="s">
        <v>22309</v>
      </c>
      <c r="K6357" s="1" t="s">
        <v>231</v>
      </c>
      <c r="L6357" s="1" t="s">
        <v>22365</v>
      </c>
      <c r="M6357" s="1" t="s">
        <v>5</v>
      </c>
      <c r="N6357" s="1" t="s">
        <v>25</v>
      </c>
      <c r="O6357" s="1" t="s">
        <v>38</v>
      </c>
      <c r="P6357" s="5" t="s">
        <v>28</v>
      </c>
    </row>
    <row r="6358" spans="1:16" x14ac:dyDescent="0.2">
      <c r="A6358" s="1" t="s">
        <v>10</v>
      </c>
      <c r="B6358" s="1" t="s">
        <v>376</v>
      </c>
      <c r="C6358" s="1" t="s">
        <v>22369</v>
      </c>
      <c r="D6358" s="1" t="s">
        <v>22370</v>
      </c>
      <c r="E6358" s="1" t="s">
        <v>22371</v>
      </c>
      <c r="F6358" s="1" t="s">
        <v>10</v>
      </c>
      <c r="G6358" s="1" t="s">
        <v>10</v>
      </c>
      <c r="H6358" s="1" t="s">
        <v>10</v>
      </c>
      <c r="I6358" s="1" t="s">
        <v>22279</v>
      </c>
      <c r="J6358" s="1" t="s">
        <v>22296</v>
      </c>
      <c r="K6358" s="1" t="s">
        <v>27</v>
      </c>
      <c r="L6358" s="1" t="s">
        <v>22368</v>
      </c>
      <c r="M6358" s="1" t="s">
        <v>5</v>
      </c>
      <c r="N6358" s="1" t="s">
        <v>25</v>
      </c>
      <c r="O6358" s="1" t="s">
        <v>38</v>
      </c>
      <c r="P6358" s="5" t="s">
        <v>31707</v>
      </c>
    </row>
    <row r="6359" spans="1:16" x14ac:dyDescent="0.2">
      <c r="A6359" s="1" t="s">
        <v>10</v>
      </c>
      <c r="B6359" s="1" t="s">
        <v>376</v>
      </c>
      <c r="C6359" s="1" t="s">
        <v>22373</v>
      </c>
      <c r="D6359" s="1" t="s">
        <v>22374</v>
      </c>
      <c r="E6359" s="1" t="s">
        <v>22375</v>
      </c>
      <c r="F6359" s="1" t="s">
        <v>10</v>
      </c>
      <c r="G6359" s="1" t="s">
        <v>10</v>
      </c>
      <c r="H6359" s="1" t="s">
        <v>10</v>
      </c>
      <c r="I6359" s="1" t="s">
        <v>22279</v>
      </c>
      <c r="J6359" s="1" t="s">
        <v>22296</v>
      </c>
      <c r="K6359" s="1" t="s">
        <v>7</v>
      </c>
      <c r="L6359" s="1" t="s">
        <v>22372</v>
      </c>
      <c r="M6359" s="1" t="s">
        <v>5</v>
      </c>
      <c r="N6359" s="1" t="s">
        <v>1695</v>
      </c>
      <c r="O6359" s="1" t="s">
        <v>38</v>
      </c>
      <c r="P6359" s="5" t="s">
        <v>30397</v>
      </c>
    </row>
    <row r="6360" spans="1:16" x14ac:dyDescent="0.2">
      <c r="A6360" s="1" t="s">
        <v>10</v>
      </c>
      <c r="B6360" s="1" t="s">
        <v>376</v>
      </c>
      <c r="C6360" s="1" t="s">
        <v>22377</v>
      </c>
      <c r="D6360" s="1" t="s">
        <v>12508</v>
      </c>
      <c r="E6360" s="1" t="s">
        <v>22343</v>
      </c>
      <c r="F6360" s="1" t="s">
        <v>10</v>
      </c>
      <c r="G6360" s="1" t="s">
        <v>10</v>
      </c>
      <c r="H6360" s="1" t="s">
        <v>10</v>
      </c>
      <c r="I6360" s="1" t="s">
        <v>22279</v>
      </c>
      <c r="J6360" s="1" t="s">
        <v>22286</v>
      </c>
      <c r="K6360" s="1" t="s">
        <v>7</v>
      </c>
      <c r="L6360" s="1" t="s">
        <v>22376</v>
      </c>
      <c r="M6360" s="1" t="s">
        <v>5</v>
      </c>
      <c r="N6360" s="1" t="s">
        <v>25</v>
      </c>
      <c r="O6360" s="1" t="s">
        <v>38</v>
      </c>
      <c r="P6360" s="5" t="s">
        <v>32190</v>
      </c>
    </row>
    <row r="6361" spans="1:16" x14ac:dyDescent="0.2">
      <c r="A6361" s="1" t="s">
        <v>10</v>
      </c>
      <c r="B6361" s="1" t="s">
        <v>376</v>
      </c>
      <c r="C6361" s="1" t="s">
        <v>22379</v>
      </c>
      <c r="D6361" s="1" t="s">
        <v>22380</v>
      </c>
      <c r="E6361" s="1" t="s">
        <v>22381</v>
      </c>
      <c r="F6361" s="1" t="s">
        <v>10</v>
      </c>
      <c r="G6361" s="1" t="s">
        <v>10</v>
      </c>
      <c r="H6361" s="1" t="s">
        <v>10</v>
      </c>
      <c r="I6361" s="1" t="s">
        <v>22279</v>
      </c>
      <c r="J6361" s="1" t="s">
        <v>22334</v>
      </c>
      <c r="K6361" s="1" t="s">
        <v>27</v>
      </c>
      <c r="L6361" s="1" t="s">
        <v>22378</v>
      </c>
      <c r="M6361" s="1" t="s">
        <v>5</v>
      </c>
      <c r="N6361" s="1" t="s">
        <v>25</v>
      </c>
      <c r="O6361" s="1" t="s">
        <v>38</v>
      </c>
      <c r="P6361" s="5" t="s">
        <v>32191</v>
      </c>
    </row>
    <row r="6362" spans="1:16" x14ac:dyDescent="0.2">
      <c r="A6362" s="1" t="s">
        <v>10</v>
      </c>
      <c r="B6362" s="1" t="s">
        <v>376</v>
      </c>
      <c r="C6362" s="1" t="s">
        <v>22383</v>
      </c>
      <c r="D6362" s="1" t="s">
        <v>22384</v>
      </c>
      <c r="E6362" s="1"/>
      <c r="F6362" s="1" t="s">
        <v>10</v>
      </c>
      <c r="G6362" s="1" t="s">
        <v>10</v>
      </c>
      <c r="H6362" s="1" t="s">
        <v>10</v>
      </c>
      <c r="I6362" s="1" t="s">
        <v>22279</v>
      </c>
      <c r="J6362" s="1" t="s">
        <v>22282</v>
      </c>
      <c r="K6362" s="1" t="s">
        <v>7</v>
      </c>
      <c r="L6362" s="1" t="s">
        <v>22382</v>
      </c>
      <c r="M6362" s="1" t="s">
        <v>5</v>
      </c>
      <c r="N6362" s="1" t="s">
        <v>25</v>
      </c>
      <c r="O6362" s="1" t="s">
        <v>38</v>
      </c>
      <c r="P6362" s="5" t="s">
        <v>32192</v>
      </c>
    </row>
    <row r="6363" spans="1:16" x14ac:dyDescent="0.2">
      <c r="A6363" s="1" t="s">
        <v>10</v>
      </c>
      <c r="B6363" s="1" t="s">
        <v>376</v>
      </c>
      <c r="C6363" s="1" t="s">
        <v>22386</v>
      </c>
      <c r="D6363" s="1" t="s">
        <v>22387</v>
      </c>
      <c r="E6363" s="1" t="s">
        <v>22388</v>
      </c>
      <c r="F6363" s="1" t="s">
        <v>10</v>
      </c>
      <c r="G6363" s="1" t="s">
        <v>10</v>
      </c>
      <c r="H6363" s="1" t="s">
        <v>10</v>
      </c>
      <c r="I6363" s="1" t="s">
        <v>22279</v>
      </c>
      <c r="J6363" s="1" t="s">
        <v>22309</v>
      </c>
      <c r="K6363" s="1" t="s">
        <v>27</v>
      </c>
      <c r="L6363" s="1" t="s">
        <v>22385</v>
      </c>
      <c r="M6363" s="1" t="s">
        <v>5</v>
      </c>
      <c r="N6363" s="1" t="s">
        <v>25</v>
      </c>
      <c r="O6363" s="1" t="s">
        <v>38</v>
      </c>
      <c r="P6363" s="5" t="s">
        <v>31697</v>
      </c>
    </row>
    <row r="6364" spans="1:16" x14ac:dyDescent="0.2">
      <c r="A6364" s="1" t="s">
        <v>10</v>
      </c>
      <c r="B6364" s="1" t="s">
        <v>376</v>
      </c>
      <c r="C6364" s="1" t="s">
        <v>22391</v>
      </c>
      <c r="D6364" s="1" t="s">
        <v>22389</v>
      </c>
      <c r="E6364" s="1" t="s">
        <v>22392</v>
      </c>
      <c r="F6364" s="1" t="s">
        <v>10</v>
      </c>
      <c r="G6364" s="1" t="s">
        <v>10</v>
      </c>
      <c r="H6364" s="1" t="s">
        <v>10</v>
      </c>
      <c r="I6364" s="1" t="s">
        <v>22279</v>
      </c>
      <c r="J6364" s="1" t="s">
        <v>14975</v>
      </c>
      <c r="K6364" s="1" t="s">
        <v>7</v>
      </c>
      <c r="L6364" s="1" t="s">
        <v>22390</v>
      </c>
      <c r="M6364" s="1" t="s">
        <v>5</v>
      </c>
      <c r="N6364" s="1" t="s">
        <v>25</v>
      </c>
      <c r="O6364" s="1" t="s">
        <v>38</v>
      </c>
      <c r="P6364" s="5" t="s">
        <v>31687</v>
      </c>
    </row>
    <row r="6365" spans="1:16" x14ac:dyDescent="0.2">
      <c r="A6365" s="1" t="s">
        <v>10</v>
      </c>
      <c r="B6365" s="1" t="s">
        <v>376</v>
      </c>
      <c r="C6365" s="1" t="s">
        <v>22394</v>
      </c>
      <c r="D6365" s="1" t="s">
        <v>22395</v>
      </c>
      <c r="E6365" s="1" t="s">
        <v>22396</v>
      </c>
      <c r="F6365" s="1" t="s">
        <v>10</v>
      </c>
      <c r="G6365" s="1" t="s">
        <v>10</v>
      </c>
      <c r="H6365" s="1" t="s">
        <v>10</v>
      </c>
      <c r="I6365" s="1" t="s">
        <v>22279</v>
      </c>
      <c r="J6365" s="1" t="s">
        <v>22309</v>
      </c>
      <c r="K6365" s="1" t="s">
        <v>7</v>
      </c>
      <c r="L6365" s="1" t="s">
        <v>22393</v>
      </c>
      <c r="M6365" s="1" t="s">
        <v>5</v>
      </c>
      <c r="N6365" s="1" t="s">
        <v>25</v>
      </c>
      <c r="O6365" s="1" t="s">
        <v>38</v>
      </c>
      <c r="P6365" s="5" t="s">
        <v>31709</v>
      </c>
    </row>
    <row r="6366" spans="1:16" x14ac:dyDescent="0.2">
      <c r="A6366" s="1" t="s">
        <v>10</v>
      </c>
      <c r="B6366" s="1" t="s">
        <v>376</v>
      </c>
      <c r="C6366" s="1" t="s">
        <v>22398</v>
      </c>
      <c r="D6366" s="1" t="s">
        <v>22399</v>
      </c>
      <c r="E6366" s="1"/>
      <c r="F6366" s="1" t="s">
        <v>10</v>
      </c>
      <c r="G6366" s="1" t="s">
        <v>10</v>
      </c>
      <c r="H6366" s="1" t="s">
        <v>10</v>
      </c>
      <c r="I6366" s="1" t="s">
        <v>22279</v>
      </c>
      <c r="J6366" s="1" t="s">
        <v>22296</v>
      </c>
      <c r="K6366" s="1" t="s">
        <v>7</v>
      </c>
      <c r="L6366" s="1" t="s">
        <v>22397</v>
      </c>
      <c r="M6366" s="1" t="s">
        <v>5</v>
      </c>
      <c r="N6366" s="1" t="s">
        <v>25</v>
      </c>
      <c r="O6366" s="1" t="s">
        <v>38</v>
      </c>
      <c r="P6366" s="5" t="s">
        <v>31709</v>
      </c>
    </row>
    <row r="6367" spans="1:16" x14ac:dyDescent="0.2">
      <c r="A6367" s="1" t="s">
        <v>10</v>
      </c>
      <c r="B6367" s="1" t="s">
        <v>376</v>
      </c>
      <c r="C6367" s="1" t="s">
        <v>22401</v>
      </c>
      <c r="D6367" s="1" t="s">
        <v>22402</v>
      </c>
      <c r="E6367" s="1" t="s">
        <v>22403</v>
      </c>
      <c r="F6367" s="1" t="s">
        <v>10</v>
      </c>
      <c r="G6367" s="1" t="s">
        <v>10</v>
      </c>
      <c r="H6367" s="1" t="s">
        <v>10</v>
      </c>
      <c r="I6367" s="1" t="s">
        <v>22279</v>
      </c>
      <c r="J6367" s="1" t="s">
        <v>22296</v>
      </c>
      <c r="K6367" s="1" t="s">
        <v>27</v>
      </c>
      <c r="L6367" s="1" t="s">
        <v>22400</v>
      </c>
      <c r="M6367" s="1" t="s">
        <v>5</v>
      </c>
      <c r="N6367" s="1" t="s">
        <v>25</v>
      </c>
      <c r="O6367" s="1" t="s">
        <v>38</v>
      </c>
      <c r="P6367" s="5" t="s">
        <v>32193</v>
      </c>
    </row>
    <row r="6368" spans="1:16" x14ac:dyDescent="0.2">
      <c r="A6368" s="1" t="s">
        <v>10</v>
      </c>
      <c r="B6368" s="1" t="s">
        <v>376</v>
      </c>
      <c r="C6368" s="1" t="s">
        <v>22405</v>
      </c>
      <c r="D6368" s="1" t="s">
        <v>22406</v>
      </c>
      <c r="E6368" s="1" t="s">
        <v>22407</v>
      </c>
      <c r="F6368" s="1" t="s">
        <v>10</v>
      </c>
      <c r="G6368" s="1" t="s">
        <v>10</v>
      </c>
      <c r="H6368" s="1" t="s">
        <v>10</v>
      </c>
      <c r="I6368" s="1" t="s">
        <v>22279</v>
      </c>
      <c r="J6368" s="1" t="s">
        <v>22304</v>
      </c>
      <c r="K6368" s="1" t="s">
        <v>27</v>
      </c>
      <c r="L6368" s="1" t="s">
        <v>22404</v>
      </c>
      <c r="M6368" s="1" t="s">
        <v>5</v>
      </c>
      <c r="N6368" s="1" t="s">
        <v>25</v>
      </c>
      <c r="O6368" s="1" t="s">
        <v>38</v>
      </c>
      <c r="P6368" s="5" t="s">
        <v>32194</v>
      </c>
    </row>
    <row r="6369" spans="1:16" x14ac:dyDescent="0.2">
      <c r="A6369" s="1" t="s">
        <v>10</v>
      </c>
      <c r="B6369" s="1" t="s">
        <v>376</v>
      </c>
      <c r="C6369" s="1" t="s">
        <v>22409</v>
      </c>
      <c r="D6369" s="1" t="s">
        <v>22410</v>
      </c>
      <c r="E6369" s="1" t="s">
        <v>22411</v>
      </c>
      <c r="F6369" s="1" t="s">
        <v>10</v>
      </c>
      <c r="G6369" s="1" t="s">
        <v>10</v>
      </c>
      <c r="H6369" s="1" t="s">
        <v>10</v>
      </c>
      <c r="I6369" s="1" t="s">
        <v>22279</v>
      </c>
      <c r="J6369" s="1" t="s">
        <v>22304</v>
      </c>
      <c r="K6369" s="1" t="s">
        <v>27</v>
      </c>
      <c r="L6369" s="1" t="s">
        <v>22408</v>
      </c>
      <c r="M6369" s="1" t="s">
        <v>5</v>
      </c>
      <c r="N6369" s="1" t="s">
        <v>25</v>
      </c>
      <c r="O6369" s="1" t="s">
        <v>38</v>
      </c>
      <c r="P6369" s="5" t="s">
        <v>32194</v>
      </c>
    </row>
    <row r="6370" spans="1:16" x14ac:dyDescent="0.2">
      <c r="A6370" s="1" t="s">
        <v>10</v>
      </c>
      <c r="B6370" s="1" t="s">
        <v>376</v>
      </c>
      <c r="C6370" s="1" t="s">
        <v>22413</v>
      </c>
      <c r="D6370" s="1" t="s">
        <v>22414</v>
      </c>
      <c r="E6370" s="1" t="s">
        <v>22415</v>
      </c>
      <c r="F6370" s="1" t="s">
        <v>10</v>
      </c>
      <c r="G6370" s="1" t="s">
        <v>10</v>
      </c>
      <c r="H6370" s="1" t="s">
        <v>10</v>
      </c>
      <c r="I6370" s="1" t="s">
        <v>22279</v>
      </c>
      <c r="J6370" s="1" t="s">
        <v>22282</v>
      </c>
      <c r="K6370" s="1" t="s">
        <v>7</v>
      </c>
      <c r="L6370" s="1" t="s">
        <v>22412</v>
      </c>
      <c r="M6370" s="1" t="s">
        <v>5</v>
      </c>
      <c r="N6370" s="1" t="s">
        <v>25</v>
      </c>
      <c r="O6370" s="1" t="s">
        <v>38</v>
      </c>
      <c r="P6370" s="5" t="s">
        <v>2383</v>
      </c>
    </row>
    <row r="6371" spans="1:16" x14ac:dyDescent="0.2">
      <c r="A6371" s="1" t="s">
        <v>10</v>
      </c>
      <c r="B6371" s="1" t="s">
        <v>376</v>
      </c>
      <c r="C6371" s="1" t="s">
        <v>22417</v>
      </c>
      <c r="D6371" s="1" t="s">
        <v>22418</v>
      </c>
      <c r="E6371" s="1" t="s">
        <v>22420</v>
      </c>
      <c r="F6371" s="1" t="s">
        <v>10</v>
      </c>
      <c r="G6371" s="1" t="s">
        <v>10</v>
      </c>
      <c r="H6371" s="1" t="s">
        <v>10</v>
      </c>
      <c r="I6371" s="1" t="s">
        <v>22279</v>
      </c>
      <c r="J6371" s="1" t="s">
        <v>22419</v>
      </c>
      <c r="K6371" s="1" t="s">
        <v>27</v>
      </c>
      <c r="L6371" s="1" t="s">
        <v>22416</v>
      </c>
      <c r="M6371" s="1" t="s">
        <v>5</v>
      </c>
      <c r="N6371" s="1" t="s">
        <v>25</v>
      </c>
      <c r="O6371" s="1" t="s">
        <v>38</v>
      </c>
      <c r="P6371" s="5" t="s">
        <v>31703</v>
      </c>
    </row>
    <row r="6372" spans="1:16" x14ac:dyDescent="0.2">
      <c r="A6372" s="1" t="s">
        <v>10</v>
      </c>
      <c r="B6372" s="1" t="s">
        <v>376</v>
      </c>
      <c r="C6372" s="1" t="s">
        <v>22422</v>
      </c>
      <c r="D6372" s="1" t="s">
        <v>22423</v>
      </c>
      <c r="E6372" s="1" t="s">
        <v>22424</v>
      </c>
      <c r="F6372" s="1" t="s">
        <v>10</v>
      </c>
      <c r="G6372" s="1" t="s">
        <v>10</v>
      </c>
      <c r="H6372" s="1" t="s">
        <v>10</v>
      </c>
      <c r="I6372" s="1" t="s">
        <v>22279</v>
      </c>
      <c r="J6372" s="1" t="s">
        <v>22358</v>
      </c>
      <c r="K6372" s="1" t="s">
        <v>27</v>
      </c>
      <c r="L6372" s="1" t="s">
        <v>22421</v>
      </c>
      <c r="M6372" s="1" t="s">
        <v>5</v>
      </c>
      <c r="N6372" s="1" t="s">
        <v>25</v>
      </c>
      <c r="O6372" s="1" t="s">
        <v>38</v>
      </c>
      <c r="P6372" s="5" t="s">
        <v>31703</v>
      </c>
    </row>
    <row r="6373" spans="1:16" x14ac:dyDescent="0.2">
      <c r="A6373" s="1" t="s">
        <v>10</v>
      </c>
      <c r="B6373" s="1" t="s">
        <v>376</v>
      </c>
      <c r="C6373" s="1" t="s">
        <v>22426</v>
      </c>
      <c r="D6373" s="1" t="s">
        <v>22427</v>
      </c>
      <c r="E6373" s="1" t="s">
        <v>22428</v>
      </c>
      <c r="F6373" s="1" t="s">
        <v>10</v>
      </c>
      <c r="G6373" s="1" t="s">
        <v>10</v>
      </c>
      <c r="H6373" s="1" t="s">
        <v>10</v>
      </c>
      <c r="I6373" s="1" t="s">
        <v>22279</v>
      </c>
      <c r="J6373" s="1" t="s">
        <v>22296</v>
      </c>
      <c r="K6373" s="1" t="s">
        <v>443</v>
      </c>
      <c r="L6373" s="1" t="s">
        <v>22425</v>
      </c>
      <c r="M6373" s="1" t="s">
        <v>5</v>
      </c>
      <c r="N6373" s="1" t="s">
        <v>25</v>
      </c>
      <c r="O6373" s="1" t="s">
        <v>38</v>
      </c>
      <c r="P6373" s="5" t="s">
        <v>31703</v>
      </c>
    </row>
    <row r="6374" spans="1:16" x14ac:dyDescent="0.2">
      <c r="A6374" s="1" t="s">
        <v>10</v>
      </c>
      <c r="B6374" s="1" t="s">
        <v>376</v>
      </c>
      <c r="C6374" s="1" t="s">
        <v>22430</v>
      </c>
      <c r="D6374" s="1" t="s">
        <v>10113</v>
      </c>
      <c r="E6374" s="1" t="s">
        <v>22432</v>
      </c>
      <c r="F6374" s="1" t="s">
        <v>10</v>
      </c>
      <c r="G6374" s="1" t="s">
        <v>10</v>
      </c>
      <c r="H6374" s="1" t="s">
        <v>10</v>
      </c>
      <c r="I6374" s="1" t="s">
        <v>22279</v>
      </c>
      <c r="J6374" s="1" t="s">
        <v>22431</v>
      </c>
      <c r="K6374" s="1" t="s">
        <v>443</v>
      </c>
      <c r="L6374" s="1" t="s">
        <v>22429</v>
      </c>
      <c r="M6374" s="1" t="s">
        <v>5</v>
      </c>
      <c r="N6374" s="1" t="s">
        <v>25</v>
      </c>
      <c r="O6374" s="1" t="s">
        <v>38</v>
      </c>
      <c r="P6374" s="5"/>
    </row>
    <row r="6375" spans="1:16" x14ac:dyDescent="0.2">
      <c r="A6375" s="1" t="s">
        <v>10</v>
      </c>
      <c r="B6375" s="1" t="s">
        <v>376</v>
      </c>
      <c r="C6375" s="1" t="s">
        <v>22434</v>
      </c>
      <c r="D6375" s="1" t="s">
        <v>22435</v>
      </c>
      <c r="E6375" s="1"/>
      <c r="F6375" s="1" t="s">
        <v>10</v>
      </c>
      <c r="G6375" s="1" t="s">
        <v>10</v>
      </c>
      <c r="H6375" s="1" t="s">
        <v>10</v>
      </c>
      <c r="I6375" s="1" t="s">
        <v>22279</v>
      </c>
      <c r="J6375" s="1" t="s">
        <v>22309</v>
      </c>
      <c r="K6375" s="1" t="s">
        <v>27</v>
      </c>
      <c r="L6375" s="1" t="s">
        <v>22433</v>
      </c>
      <c r="M6375" s="1" t="s">
        <v>5</v>
      </c>
      <c r="N6375" s="1" t="s">
        <v>25</v>
      </c>
      <c r="O6375" s="1" t="s">
        <v>38</v>
      </c>
      <c r="P6375" s="5" t="s">
        <v>32195</v>
      </c>
    </row>
    <row r="6376" spans="1:16" x14ac:dyDescent="0.2">
      <c r="A6376" s="1" t="s">
        <v>10</v>
      </c>
      <c r="B6376" s="1" t="s">
        <v>376</v>
      </c>
      <c r="C6376" s="1" t="s">
        <v>22437</v>
      </c>
      <c r="D6376" s="1" t="s">
        <v>22438</v>
      </c>
      <c r="E6376" s="1" t="s">
        <v>22439</v>
      </c>
      <c r="F6376" s="1" t="s">
        <v>10</v>
      </c>
      <c r="G6376" s="1" t="s">
        <v>10</v>
      </c>
      <c r="H6376" s="1" t="s">
        <v>10</v>
      </c>
      <c r="I6376" s="1" t="s">
        <v>22279</v>
      </c>
      <c r="J6376" s="1" t="s">
        <v>22296</v>
      </c>
      <c r="K6376" s="1" t="s">
        <v>7</v>
      </c>
      <c r="L6376" s="1" t="s">
        <v>22436</v>
      </c>
      <c r="M6376" s="1" t="s">
        <v>5</v>
      </c>
      <c r="N6376" s="1" t="s">
        <v>25</v>
      </c>
      <c r="O6376" s="1" t="s">
        <v>38</v>
      </c>
      <c r="P6376" s="5" t="s">
        <v>32193</v>
      </c>
    </row>
    <row r="6377" spans="1:16" x14ac:dyDescent="0.2">
      <c r="A6377" s="1" t="s">
        <v>10</v>
      </c>
      <c r="B6377" s="1" t="s">
        <v>376</v>
      </c>
      <c r="C6377" s="1" t="s">
        <v>22441</v>
      </c>
      <c r="D6377" s="1" t="s">
        <v>22442</v>
      </c>
      <c r="E6377" s="1" t="s">
        <v>22443</v>
      </c>
      <c r="F6377" s="1" t="s">
        <v>10</v>
      </c>
      <c r="G6377" s="1" t="s">
        <v>10</v>
      </c>
      <c r="H6377" s="1" t="s">
        <v>10</v>
      </c>
      <c r="I6377" s="1" t="s">
        <v>22279</v>
      </c>
      <c r="J6377" s="1" t="s">
        <v>22286</v>
      </c>
      <c r="K6377" s="1" t="s">
        <v>64</v>
      </c>
      <c r="L6377" s="1" t="s">
        <v>22440</v>
      </c>
      <c r="M6377" s="1" t="s">
        <v>5</v>
      </c>
      <c r="N6377" s="1" t="s">
        <v>25</v>
      </c>
      <c r="O6377" s="1" t="s">
        <v>38</v>
      </c>
      <c r="P6377" s="5" t="s">
        <v>31686</v>
      </c>
    </row>
    <row r="6378" spans="1:16" x14ac:dyDescent="0.2">
      <c r="A6378" s="1" t="s">
        <v>10</v>
      </c>
      <c r="B6378" s="1" t="s">
        <v>376</v>
      </c>
      <c r="C6378" s="1" t="s">
        <v>22445</v>
      </c>
      <c r="D6378" s="1" t="s">
        <v>10</v>
      </c>
      <c r="E6378" s="1" t="s">
        <v>22446</v>
      </c>
      <c r="F6378" s="1" t="s">
        <v>10</v>
      </c>
      <c r="G6378" s="1" t="s">
        <v>10</v>
      </c>
      <c r="H6378" s="1" t="s">
        <v>10</v>
      </c>
      <c r="I6378" s="1" t="s">
        <v>22279</v>
      </c>
      <c r="J6378" s="1" t="s">
        <v>22286</v>
      </c>
      <c r="K6378" s="1" t="s">
        <v>7</v>
      </c>
      <c r="L6378" s="1" t="s">
        <v>22444</v>
      </c>
      <c r="M6378" s="1" t="s">
        <v>5</v>
      </c>
      <c r="N6378" s="1" t="s">
        <v>25</v>
      </c>
      <c r="O6378" s="1" t="s">
        <v>38</v>
      </c>
      <c r="P6378" s="5" t="s">
        <v>30397</v>
      </c>
    </row>
    <row r="6379" spans="1:16" x14ac:dyDescent="0.2">
      <c r="A6379" s="1" t="s">
        <v>10</v>
      </c>
      <c r="B6379" s="1" t="s">
        <v>376</v>
      </c>
      <c r="C6379" s="1" t="s">
        <v>22448</v>
      </c>
      <c r="D6379" s="1" t="s">
        <v>10</v>
      </c>
      <c r="E6379" s="1" t="s">
        <v>22449</v>
      </c>
      <c r="F6379" s="1" t="s">
        <v>10</v>
      </c>
      <c r="G6379" s="1" t="s">
        <v>10</v>
      </c>
      <c r="H6379" s="1" t="s">
        <v>10</v>
      </c>
      <c r="I6379" s="1" t="s">
        <v>22279</v>
      </c>
      <c r="J6379" s="1" t="s">
        <v>22334</v>
      </c>
      <c r="K6379" s="1" t="s">
        <v>7</v>
      </c>
      <c r="L6379" s="1" t="s">
        <v>22447</v>
      </c>
      <c r="M6379" s="1" t="s">
        <v>5</v>
      </c>
      <c r="N6379" s="1" t="s">
        <v>1695</v>
      </c>
      <c r="O6379" s="1" t="s">
        <v>38</v>
      </c>
      <c r="P6379" s="5" t="s">
        <v>10</v>
      </c>
    </row>
    <row r="6380" spans="1:16" x14ac:dyDescent="0.2">
      <c r="A6380" s="1" t="s">
        <v>10</v>
      </c>
      <c r="B6380" s="1" t="s">
        <v>376</v>
      </c>
      <c r="C6380" s="1" t="s">
        <v>22451</v>
      </c>
      <c r="D6380" s="1" t="s">
        <v>22452</v>
      </c>
      <c r="E6380" s="1" t="s">
        <v>22453</v>
      </c>
      <c r="F6380" s="1" t="s">
        <v>10</v>
      </c>
      <c r="G6380" s="1" t="s">
        <v>10</v>
      </c>
      <c r="H6380" s="1" t="s">
        <v>10</v>
      </c>
      <c r="I6380" s="1" t="s">
        <v>22279</v>
      </c>
      <c r="J6380" s="1" t="s">
        <v>22431</v>
      </c>
      <c r="K6380" s="1" t="s">
        <v>7</v>
      </c>
      <c r="L6380" s="1" t="s">
        <v>22450</v>
      </c>
      <c r="M6380" s="1" t="s">
        <v>5</v>
      </c>
      <c r="N6380" s="1" t="s">
        <v>25</v>
      </c>
      <c r="O6380" s="1" t="s">
        <v>38</v>
      </c>
      <c r="P6380" s="5" t="s">
        <v>10</v>
      </c>
    </row>
    <row r="6381" spans="1:16" x14ac:dyDescent="0.2">
      <c r="A6381" s="1" t="s">
        <v>10</v>
      </c>
      <c r="B6381" s="1" t="s">
        <v>376</v>
      </c>
      <c r="C6381" s="1" t="s">
        <v>22455</v>
      </c>
      <c r="D6381" s="1" t="s">
        <v>22456</v>
      </c>
      <c r="E6381" s="1" t="s">
        <v>22457</v>
      </c>
      <c r="F6381" s="1" t="s">
        <v>10</v>
      </c>
      <c r="G6381" s="1" t="s">
        <v>10</v>
      </c>
      <c r="H6381" s="1" t="s">
        <v>10</v>
      </c>
      <c r="I6381" s="1" t="s">
        <v>22279</v>
      </c>
      <c r="J6381" s="1" t="s">
        <v>22334</v>
      </c>
      <c r="K6381" s="1" t="s">
        <v>7</v>
      </c>
      <c r="L6381" s="1" t="s">
        <v>22454</v>
      </c>
      <c r="M6381" s="1" t="s">
        <v>5</v>
      </c>
      <c r="N6381" s="1" t="s">
        <v>1695</v>
      </c>
      <c r="O6381" s="1" t="s">
        <v>38</v>
      </c>
      <c r="P6381" s="5" t="s">
        <v>30397</v>
      </c>
    </row>
    <row r="6382" spans="1:16" x14ac:dyDescent="0.2">
      <c r="A6382" s="1" t="s">
        <v>10</v>
      </c>
      <c r="B6382" s="1" t="s">
        <v>376</v>
      </c>
      <c r="C6382" s="1" t="s">
        <v>22459</v>
      </c>
      <c r="D6382" s="1" t="s">
        <v>10</v>
      </c>
      <c r="E6382" s="1" t="s">
        <v>22460</v>
      </c>
      <c r="F6382" s="1" t="s">
        <v>10</v>
      </c>
      <c r="G6382" s="1" t="s">
        <v>10</v>
      </c>
      <c r="H6382" s="1" t="s">
        <v>10</v>
      </c>
      <c r="I6382" s="1" t="s">
        <v>22279</v>
      </c>
      <c r="J6382" s="1" t="s">
        <v>14477</v>
      </c>
      <c r="K6382" s="1" t="s">
        <v>7</v>
      </c>
      <c r="L6382" s="1" t="s">
        <v>22458</v>
      </c>
      <c r="M6382" s="1" t="s">
        <v>5</v>
      </c>
      <c r="N6382" s="1" t="s">
        <v>6</v>
      </c>
      <c r="O6382" s="1" t="s">
        <v>38</v>
      </c>
      <c r="P6382" s="5" t="s">
        <v>30397</v>
      </c>
    </row>
    <row r="6383" spans="1:16" x14ac:dyDescent="0.2">
      <c r="A6383" s="1" t="s">
        <v>10</v>
      </c>
      <c r="B6383" s="1" t="s">
        <v>376</v>
      </c>
      <c r="C6383" s="1" t="s">
        <v>22462</v>
      </c>
      <c r="D6383" s="1" t="s">
        <v>10481</v>
      </c>
      <c r="E6383" s="1"/>
      <c r="F6383" s="1" t="s">
        <v>10</v>
      </c>
      <c r="G6383" s="1" t="s">
        <v>10</v>
      </c>
      <c r="H6383" s="1" t="s">
        <v>10</v>
      </c>
      <c r="I6383" s="1" t="s">
        <v>22279</v>
      </c>
      <c r="J6383" s="1" t="s">
        <v>14975</v>
      </c>
      <c r="K6383" s="1" t="s">
        <v>27</v>
      </c>
      <c r="L6383" s="1" t="s">
        <v>22461</v>
      </c>
      <c r="M6383" s="1" t="s">
        <v>5</v>
      </c>
      <c r="N6383" s="1" t="s">
        <v>25</v>
      </c>
      <c r="O6383" s="1" t="s">
        <v>38</v>
      </c>
      <c r="P6383" s="5" t="s">
        <v>31686</v>
      </c>
    </row>
    <row r="6384" spans="1:16" x14ac:dyDescent="0.2">
      <c r="A6384" s="1" t="s">
        <v>10</v>
      </c>
      <c r="B6384" s="1" t="s">
        <v>376</v>
      </c>
      <c r="C6384" s="1" t="s">
        <v>22464</v>
      </c>
      <c r="D6384" s="1" t="s">
        <v>10</v>
      </c>
      <c r="E6384" s="1" t="s">
        <v>22465</v>
      </c>
      <c r="F6384" s="1" t="s">
        <v>10</v>
      </c>
      <c r="G6384" s="1" t="s">
        <v>10</v>
      </c>
      <c r="H6384" s="1" t="s">
        <v>10</v>
      </c>
      <c r="I6384" s="1" t="s">
        <v>22279</v>
      </c>
      <c r="J6384" s="1" t="s">
        <v>14975</v>
      </c>
      <c r="K6384" s="1" t="s">
        <v>47</v>
      </c>
      <c r="L6384" s="1" t="s">
        <v>22463</v>
      </c>
      <c r="M6384" s="1" t="s">
        <v>5</v>
      </c>
      <c r="N6384" s="1" t="s">
        <v>1597</v>
      </c>
      <c r="O6384" s="1" t="s">
        <v>38</v>
      </c>
      <c r="P6384" s="5" t="s">
        <v>30397</v>
      </c>
    </row>
    <row r="6385" spans="1:16" x14ac:dyDescent="0.2">
      <c r="A6385" s="1" t="s">
        <v>10</v>
      </c>
      <c r="B6385" s="1" t="s">
        <v>376</v>
      </c>
      <c r="C6385" s="1" t="s">
        <v>22467</v>
      </c>
      <c r="D6385" s="1" t="s">
        <v>22468</v>
      </c>
      <c r="E6385" s="1" t="s">
        <v>22469</v>
      </c>
      <c r="F6385" s="1" t="s">
        <v>10</v>
      </c>
      <c r="G6385" s="1" t="s">
        <v>10</v>
      </c>
      <c r="H6385" s="1" t="s">
        <v>10</v>
      </c>
      <c r="I6385" s="1" t="s">
        <v>22279</v>
      </c>
      <c r="J6385" s="1" t="s">
        <v>14975</v>
      </c>
      <c r="K6385" s="1" t="s">
        <v>7</v>
      </c>
      <c r="L6385" s="1" t="s">
        <v>22466</v>
      </c>
      <c r="M6385" s="1" t="s">
        <v>5</v>
      </c>
      <c r="N6385" s="1" t="s">
        <v>6</v>
      </c>
      <c r="O6385" s="1" t="s">
        <v>38</v>
      </c>
      <c r="P6385" s="5" t="s">
        <v>30397</v>
      </c>
    </row>
    <row r="6386" spans="1:16" x14ac:dyDescent="0.2">
      <c r="A6386" s="1" t="s">
        <v>10</v>
      </c>
      <c r="B6386" s="1" t="s">
        <v>376</v>
      </c>
      <c r="C6386" s="1" t="s">
        <v>22471</v>
      </c>
      <c r="D6386" s="1" t="s">
        <v>10</v>
      </c>
      <c r="E6386" s="1"/>
      <c r="F6386" s="1" t="s">
        <v>10</v>
      </c>
      <c r="G6386" s="1" t="s">
        <v>10</v>
      </c>
      <c r="H6386" s="1" t="s">
        <v>10</v>
      </c>
      <c r="I6386" s="1" t="s">
        <v>22279</v>
      </c>
      <c r="J6386" s="1" t="s">
        <v>22286</v>
      </c>
      <c r="K6386" s="1" t="s">
        <v>64</v>
      </c>
      <c r="L6386" s="1" t="s">
        <v>22470</v>
      </c>
      <c r="M6386" s="1" t="s">
        <v>5</v>
      </c>
      <c r="N6386" s="1" t="s">
        <v>6</v>
      </c>
      <c r="O6386" s="1" t="s">
        <v>38</v>
      </c>
      <c r="P6386" s="5" t="s">
        <v>31691</v>
      </c>
    </row>
    <row r="6387" spans="1:16" x14ac:dyDescent="0.2">
      <c r="A6387" s="1" t="s">
        <v>10</v>
      </c>
      <c r="B6387" s="1" t="s">
        <v>376</v>
      </c>
      <c r="C6387" s="1" t="s">
        <v>22473</v>
      </c>
      <c r="D6387" s="1" t="s">
        <v>10</v>
      </c>
      <c r="E6387" s="1" t="s">
        <v>22474</v>
      </c>
      <c r="F6387" s="1" t="s">
        <v>10</v>
      </c>
      <c r="G6387" s="1" t="s">
        <v>10</v>
      </c>
      <c r="H6387" s="1" t="s">
        <v>10</v>
      </c>
      <c r="I6387" s="1" t="s">
        <v>22279</v>
      </c>
      <c r="J6387" s="1" t="s">
        <v>22431</v>
      </c>
      <c r="K6387" s="1" t="s">
        <v>7</v>
      </c>
      <c r="L6387" s="1" t="s">
        <v>22472</v>
      </c>
      <c r="M6387" s="1" t="s">
        <v>5</v>
      </c>
      <c r="N6387" s="1" t="s">
        <v>6</v>
      </c>
      <c r="O6387" s="1" t="s">
        <v>38</v>
      </c>
      <c r="P6387" s="5" t="s">
        <v>30397</v>
      </c>
    </row>
    <row r="6388" spans="1:16" x14ac:dyDescent="0.2">
      <c r="A6388" s="1" t="s">
        <v>10</v>
      </c>
      <c r="B6388" s="1" t="s">
        <v>376</v>
      </c>
      <c r="C6388" s="1" t="s">
        <v>22476</v>
      </c>
      <c r="D6388" s="1" t="s">
        <v>10</v>
      </c>
      <c r="E6388" s="1" t="s">
        <v>22477</v>
      </c>
      <c r="F6388" s="1" t="s">
        <v>10</v>
      </c>
      <c r="G6388" s="1" t="s">
        <v>10</v>
      </c>
      <c r="H6388" s="1" t="s">
        <v>10</v>
      </c>
      <c r="I6388" s="1" t="s">
        <v>22279</v>
      </c>
      <c r="J6388" s="1" t="s">
        <v>22309</v>
      </c>
      <c r="K6388" s="1" t="s">
        <v>7</v>
      </c>
      <c r="L6388" s="1" t="s">
        <v>22475</v>
      </c>
      <c r="M6388" s="1" t="s">
        <v>5</v>
      </c>
      <c r="N6388" s="1" t="s">
        <v>25</v>
      </c>
      <c r="O6388" s="1" t="s">
        <v>38</v>
      </c>
      <c r="P6388" s="5" t="s">
        <v>30397</v>
      </c>
    </row>
    <row r="6389" spans="1:16" x14ac:dyDescent="0.2">
      <c r="A6389" s="1" t="s">
        <v>20</v>
      </c>
      <c r="B6389" s="1" t="s">
        <v>253</v>
      </c>
      <c r="C6389" s="1" t="s">
        <v>22480</v>
      </c>
      <c r="D6389" s="1" t="s">
        <v>427</v>
      </c>
      <c r="E6389" s="1"/>
      <c r="F6389" s="1" t="s">
        <v>27</v>
      </c>
      <c r="G6389" s="1" t="s">
        <v>10</v>
      </c>
      <c r="H6389" s="1" t="s">
        <v>9688</v>
      </c>
      <c r="I6389" s="1" t="s">
        <v>22478</v>
      </c>
      <c r="J6389" s="1" t="s">
        <v>22481</v>
      </c>
      <c r="K6389" s="1" t="s">
        <v>7</v>
      </c>
      <c r="L6389" s="1" t="s">
        <v>22479</v>
      </c>
      <c r="M6389" s="1" t="s">
        <v>5</v>
      </c>
      <c r="N6389" s="1" t="s">
        <v>25</v>
      </c>
      <c r="O6389" s="1" t="s">
        <v>8</v>
      </c>
      <c r="P6389" s="5" t="s">
        <v>32196</v>
      </c>
    </row>
    <row r="6390" spans="1:16" x14ac:dyDescent="0.2">
      <c r="A6390" s="1" t="s">
        <v>66</v>
      </c>
      <c r="B6390" s="1" t="s">
        <v>1127</v>
      </c>
      <c r="C6390" s="1" t="s">
        <v>22483</v>
      </c>
      <c r="D6390" s="1" t="s">
        <v>22484</v>
      </c>
      <c r="E6390" s="1" t="s">
        <v>22485</v>
      </c>
      <c r="F6390" s="1" t="s">
        <v>10</v>
      </c>
      <c r="G6390" s="1" t="s">
        <v>10</v>
      </c>
      <c r="H6390" s="1" t="s">
        <v>10</v>
      </c>
      <c r="I6390" s="1" t="s">
        <v>22478</v>
      </c>
      <c r="J6390" s="1" t="s">
        <v>22481</v>
      </c>
      <c r="K6390" s="1" t="s">
        <v>7</v>
      </c>
      <c r="L6390" s="1" t="s">
        <v>22482</v>
      </c>
      <c r="M6390" s="1" t="s">
        <v>5</v>
      </c>
      <c r="N6390" s="1" t="s">
        <v>25</v>
      </c>
      <c r="O6390" s="1" t="s">
        <v>38</v>
      </c>
      <c r="P6390" s="5" t="s">
        <v>30678</v>
      </c>
    </row>
    <row r="6391" spans="1:16" x14ac:dyDescent="0.2">
      <c r="A6391" s="1" t="s">
        <v>42</v>
      </c>
      <c r="B6391" s="1" t="s">
        <v>109</v>
      </c>
      <c r="C6391" s="1" t="s">
        <v>22487</v>
      </c>
      <c r="D6391" s="1" t="s">
        <v>22488</v>
      </c>
      <c r="E6391" s="1"/>
      <c r="F6391" s="1" t="s">
        <v>10</v>
      </c>
      <c r="G6391" s="1" t="s">
        <v>10</v>
      </c>
      <c r="H6391" s="1" t="s">
        <v>10</v>
      </c>
      <c r="I6391" s="1" t="s">
        <v>22478</v>
      </c>
      <c r="J6391" s="1" t="s">
        <v>22489</v>
      </c>
      <c r="K6391" s="1" t="s">
        <v>7</v>
      </c>
      <c r="L6391" s="1" t="s">
        <v>22486</v>
      </c>
      <c r="M6391" s="1" t="s">
        <v>5</v>
      </c>
      <c r="N6391" s="1" t="s">
        <v>1009</v>
      </c>
      <c r="O6391" s="1" t="s">
        <v>38</v>
      </c>
      <c r="P6391" s="5" t="s">
        <v>32197</v>
      </c>
    </row>
    <row r="6392" spans="1:16" x14ac:dyDescent="0.2">
      <c r="A6392" s="1" t="s">
        <v>42</v>
      </c>
      <c r="B6392" s="1" t="s">
        <v>118</v>
      </c>
      <c r="C6392" s="1" t="s">
        <v>22492</v>
      </c>
      <c r="D6392" s="1" t="s">
        <v>22493</v>
      </c>
      <c r="E6392" s="1"/>
      <c r="F6392" s="1" t="s">
        <v>27</v>
      </c>
      <c r="G6392" s="1" t="s">
        <v>10</v>
      </c>
      <c r="H6392" s="1" t="s">
        <v>22494</v>
      </c>
      <c r="I6392" s="1" t="s">
        <v>22478</v>
      </c>
      <c r="J6392" s="1" t="s">
        <v>22481</v>
      </c>
      <c r="K6392" s="1" t="s">
        <v>113</v>
      </c>
      <c r="L6392" s="1" t="s">
        <v>22491</v>
      </c>
      <c r="M6392" s="1" t="s">
        <v>5</v>
      </c>
      <c r="N6392" s="1" t="s">
        <v>1009</v>
      </c>
      <c r="O6392" s="1" t="s">
        <v>8</v>
      </c>
      <c r="P6392" s="5" t="s">
        <v>32198</v>
      </c>
    </row>
    <row r="6393" spans="1:16" x14ac:dyDescent="0.2">
      <c r="A6393" s="1" t="s">
        <v>20</v>
      </c>
      <c r="B6393" s="1" t="s">
        <v>445</v>
      </c>
      <c r="C6393" s="1" t="s">
        <v>22496</v>
      </c>
      <c r="D6393" s="1" t="s">
        <v>22497</v>
      </c>
      <c r="E6393" s="1" t="s">
        <v>22498</v>
      </c>
      <c r="F6393" s="1" t="s">
        <v>10</v>
      </c>
      <c r="G6393" s="1" t="s">
        <v>10</v>
      </c>
      <c r="H6393" s="1" t="s">
        <v>10</v>
      </c>
      <c r="I6393" s="1" t="s">
        <v>22478</v>
      </c>
      <c r="J6393" s="1" t="s">
        <v>22481</v>
      </c>
      <c r="K6393" s="1" t="s">
        <v>7</v>
      </c>
      <c r="L6393" s="1" t="s">
        <v>22495</v>
      </c>
      <c r="M6393" s="1" t="s">
        <v>5</v>
      </c>
      <c r="N6393" s="1" t="s">
        <v>25</v>
      </c>
      <c r="O6393" s="1" t="s">
        <v>38</v>
      </c>
      <c r="P6393" s="5" t="s">
        <v>30679</v>
      </c>
    </row>
    <row r="6394" spans="1:16" x14ac:dyDescent="0.2">
      <c r="A6394" s="1" t="s">
        <v>42</v>
      </c>
      <c r="B6394" s="1" t="s">
        <v>87</v>
      </c>
      <c r="C6394" s="1" t="s">
        <v>22500</v>
      </c>
      <c r="D6394" s="1" t="s">
        <v>6930</v>
      </c>
      <c r="E6394" s="1"/>
      <c r="F6394" s="1" t="s">
        <v>27</v>
      </c>
      <c r="G6394" s="1" t="s">
        <v>10</v>
      </c>
      <c r="H6394" s="1" t="s">
        <v>22501</v>
      </c>
      <c r="I6394" s="1" t="s">
        <v>22478</v>
      </c>
      <c r="J6394" s="1" t="s">
        <v>22481</v>
      </c>
      <c r="K6394" s="1" t="s">
        <v>7</v>
      </c>
      <c r="L6394" s="1" t="s">
        <v>22499</v>
      </c>
      <c r="M6394" s="1" t="s">
        <v>5</v>
      </c>
      <c r="N6394" s="1" t="s">
        <v>25</v>
      </c>
      <c r="O6394" s="1" t="s">
        <v>8</v>
      </c>
      <c r="P6394" s="5" t="s">
        <v>32196</v>
      </c>
    </row>
    <row r="6395" spans="1:16" x14ac:dyDescent="0.2">
      <c r="A6395" s="1" t="s">
        <v>20</v>
      </c>
      <c r="B6395" s="1" t="s">
        <v>445</v>
      </c>
      <c r="C6395" s="1" t="s">
        <v>22503</v>
      </c>
      <c r="D6395" s="1" t="s">
        <v>22504</v>
      </c>
      <c r="E6395" s="1" t="s">
        <v>22505</v>
      </c>
      <c r="F6395" s="1" t="s">
        <v>10</v>
      </c>
      <c r="G6395" s="1" t="s">
        <v>10</v>
      </c>
      <c r="H6395" s="1" t="s">
        <v>10</v>
      </c>
      <c r="I6395" s="1" t="s">
        <v>22478</v>
      </c>
      <c r="J6395" s="1" t="s">
        <v>22490</v>
      </c>
      <c r="K6395" s="1" t="s">
        <v>100</v>
      </c>
      <c r="L6395" s="1" t="s">
        <v>22502</v>
      </c>
      <c r="M6395" s="1" t="s">
        <v>5</v>
      </c>
      <c r="N6395" s="1" t="s">
        <v>25</v>
      </c>
      <c r="O6395" s="1" t="s">
        <v>38</v>
      </c>
      <c r="P6395" s="5" t="s">
        <v>30679</v>
      </c>
    </row>
    <row r="6396" spans="1:16" x14ac:dyDescent="0.2">
      <c r="A6396" s="1" t="s">
        <v>20</v>
      </c>
      <c r="B6396" s="1" t="s">
        <v>445</v>
      </c>
      <c r="C6396" s="1" t="s">
        <v>22507</v>
      </c>
      <c r="D6396" s="1" t="s">
        <v>19333</v>
      </c>
      <c r="E6396" s="1" t="s">
        <v>22508</v>
      </c>
      <c r="F6396" s="1" t="s">
        <v>10</v>
      </c>
      <c r="G6396" s="1" t="s">
        <v>10</v>
      </c>
      <c r="H6396" s="1" t="s">
        <v>10</v>
      </c>
      <c r="I6396" s="1" t="s">
        <v>22478</v>
      </c>
      <c r="J6396" s="1" t="s">
        <v>22481</v>
      </c>
      <c r="K6396" s="1" t="s">
        <v>100</v>
      </c>
      <c r="L6396" s="1" t="s">
        <v>22506</v>
      </c>
      <c r="M6396" s="1" t="s">
        <v>5</v>
      </c>
      <c r="N6396" s="1" t="s">
        <v>25</v>
      </c>
      <c r="O6396" s="1" t="s">
        <v>38</v>
      </c>
      <c r="P6396" s="5" t="s">
        <v>30679</v>
      </c>
    </row>
    <row r="6397" spans="1:16" x14ac:dyDescent="0.2">
      <c r="A6397" s="1" t="s">
        <v>20</v>
      </c>
      <c r="B6397" s="1" t="s">
        <v>172</v>
      </c>
      <c r="C6397" s="1" t="s">
        <v>22510</v>
      </c>
      <c r="D6397" s="1" t="s">
        <v>7332</v>
      </c>
      <c r="E6397" s="1"/>
      <c r="F6397" s="1" t="s">
        <v>27</v>
      </c>
      <c r="G6397" s="1" t="s">
        <v>10</v>
      </c>
      <c r="H6397" s="1" t="s">
        <v>7164</v>
      </c>
      <c r="I6397" s="1" t="s">
        <v>22478</v>
      </c>
      <c r="J6397" s="1" t="s">
        <v>22481</v>
      </c>
      <c r="K6397" s="1" t="s">
        <v>7</v>
      </c>
      <c r="L6397" s="1" t="s">
        <v>22509</v>
      </c>
      <c r="M6397" s="1" t="s">
        <v>5</v>
      </c>
      <c r="N6397" s="1" t="s">
        <v>1009</v>
      </c>
      <c r="O6397" s="1" t="s">
        <v>8</v>
      </c>
      <c r="P6397" s="5" t="s">
        <v>32199</v>
      </c>
    </row>
    <row r="6398" spans="1:16" x14ac:dyDescent="0.2">
      <c r="A6398" s="1" t="s">
        <v>42</v>
      </c>
      <c r="B6398" s="1" t="s">
        <v>320</v>
      </c>
      <c r="C6398" s="1" t="s">
        <v>22512</v>
      </c>
      <c r="D6398" s="1" t="s">
        <v>22513</v>
      </c>
      <c r="E6398" s="1"/>
      <c r="F6398" s="1" t="s">
        <v>10</v>
      </c>
      <c r="G6398" s="1" t="s">
        <v>10</v>
      </c>
      <c r="H6398" s="1" t="s">
        <v>10</v>
      </c>
      <c r="I6398" s="1" t="s">
        <v>22478</v>
      </c>
      <c r="J6398" s="1" t="s">
        <v>22481</v>
      </c>
      <c r="K6398" s="1" t="s">
        <v>7</v>
      </c>
      <c r="L6398" s="1" t="s">
        <v>22511</v>
      </c>
      <c r="M6398" s="1" t="s">
        <v>5</v>
      </c>
      <c r="N6398" s="1" t="s">
        <v>1009</v>
      </c>
      <c r="O6398" s="1" t="s">
        <v>38</v>
      </c>
      <c r="P6398" s="5" t="s">
        <v>32197</v>
      </c>
    </row>
    <row r="6399" spans="1:16" x14ac:dyDescent="0.2">
      <c r="A6399" s="1" t="s">
        <v>42</v>
      </c>
      <c r="B6399" s="1" t="s">
        <v>1377</v>
      </c>
      <c r="C6399" s="1" t="s">
        <v>22515</v>
      </c>
      <c r="D6399" s="1" t="s">
        <v>22516</v>
      </c>
      <c r="E6399" s="1"/>
      <c r="F6399" s="1" t="s">
        <v>10</v>
      </c>
      <c r="G6399" s="1" t="s">
        <v>10</v>
      </c>
      <c r="H6399" s="1" t="s">
        <v>10</v>
      </c>
      <c r="I6399" s="1" t="s">
        <v>22478</v>
      </c>
      <c r="J6399" s="1" t="s">
        <v>22489</v>
      </c>
      <c r="K6399" s="1" t="s">
        <v>100</v>
      </c>
      <c r="L6399" s="1" t="s">
        <v>22514</v>
      </c>
      <c r="M6399" s="1" t="s">
        <v>5</v>
      </c>
      <c r="N6399" s="1" t="s">
        <v>25</v>
      </c>
      <c r="O6399" s="1" t="s">
        <v>38</v>
      </c>
      <c r="P6399" s="5" t="s">
        <v>30679</v>
      </c>
    </row>
    <row r="6400" spans="1:16" x14ac:dyDescent="0.2">
      <c r="A6400" s="1" t="s">
        <v>20</v>
      </c>
      <c r="B6400" s="1" t="s">
        <v>309</v>
      </c>
      <c r="C6400" s="1" t="s">
        <v>22518</v>
      </c>
      <c r="D6400" s="1" t="s">
        <v>22519</v>
      </c>
      <c r="E6400" s="1" t="s">
        <v>22520</v>
      </c>
      <c r="F6400" s="1" t="s">
        <v>10</v>
      </c>
      <c r="G6400" s="1" t="s">
        <v>10</v>
      </c>
      <c r="H6400" s="1" t="s">
        <v>10</v>
      </c>
      <c r="I6400" s="1" t="s">
        <v>22478</v>
      </c>
      <c r="J6400" s="1" t="s">
        <v>22489</v>
      </c>
      <c r="K6400" s="1" t="s">
        <v>100</v>
      </c>
      <c r="L6400" s="1" t="s">
        <v>22517</v>
      </c>
      <c r="M6400" s="1" t="s">
        <v>5</v>
      </c>
      <c r="N6400" s="1" t="s">
        <v>25</v>
      </c>
      <c r="O6400" s="1" t="s">
        <v>38</v>
      </c>
      <c r="P6400" s="5" t="s">
        <v>30679</v>
      </c>
    </row>
    <row r="6401" spans="1:16" x14ac:dyDescent="0.2">
      <c r="A6401" s="1" t="s">
        <v>20</v>
      </c>
      <c r="B6401" s="1" t="s">
        <v>445</v>
      </c>
      <c r="C6401" s="1" t="s">
        <v>22522</v>
      </c>
      <c r="D6401" s="1" t="s">
        <v>22523</v>
      </c>
      <c r="E6401" s="1" t="s">
        <v>22524</v>
      </c>
      <c r="F6401" s="1" t="s">
        <v>10</v>
      </c>
      <c r="G6401" s="1" t="s">
        <v>10</v>
      </c>
      <c r="H6401" s="1" t="s">
        <v>10</v>
      </c>
      <c r="I6401" s="1" t="s">
        <v>22478</v>
      </c>
      <c r="J6401" s="1" t="s">
        <v>22481</v>
      </c>
      <c r="K6401" s="1" t="s">
        <v>100</v>
      </c>
      <c r="L6401" s="1" t="s">
        <v>22521</v>
      </c>
      <c r="M6401" s="1" t="s">
        <v>5</v>
      </c>
      <c r="N6401" s="1" t="s">
        <v>25</v>
      </c>
      <c r="O6401" s="1" t="s">
        <v>38</v>
      </c>
      <c r="P6401" s="5" t="s">
        <v>30680</v>
      </c>
    </row>
    <row r="6402" spans="1:16" x14ac:dyDescent="0.2">
      <c r="A6402" s="1" t="s">
        <v>20</v>
      </c>
      <c r="B6402" s="1" t="s">
        <v>445</v>
      </c>
      <c r="C6402" s="1" t="s">
        <v>22526</v>
      </c>
      <c r="D6402" s="1" t="s">
        <v>22527</v>
      </c>
      <c r="E6402" s="1" t="s">
        <v>22528</v>
      </c>
      <c r="F6402" s="1" t="s">
        <v>10</v>
      </c>
      <c r="G6402" s="1" t="s">
        <v>10</v>
      </c>
      <c r="H6402" s="1" t="s">
        <v>10</v>
      </c>
      <c r="I6402" s="1" t="s">
        <v>22478</v>
      </c>
      <c r="J6402" s="1" t="s">
        <v>22481</v>
      </c>
      <c r="K6402" s="1" t="s">
        <v>100</v>
      </c>
      <c r="L6402" s="1" t="s">
        <v>22525</v>
      </c>
      <c r="M6402" s="1" t="s">
        <v>5</v>
      </c>
      <c r="N6402" s="1" t="s">
        <v>25</v>
      </c>
      <c r="O6402" s="1" t="s">
        <v>38</v>
      </c>
      <c r="P6402" s="5" t="s">
        <v>30679</v>
      </c>
    </row>
    <row r="6403" spans="1:16" x14ac:dyDescent="0.2">
      <c r="A6403" s="1" t="s">
        <v>20</v>
      </c>
      <c r="B6403" s="1" t="s">
        <v>445</v>
      </c>
      <c r="C6403" s="1" t="s">
        <v>22530</v>
      </c>
      <c r="D6403" s="1" t="s">
        <v>22531</v>
      </c>
      <c r="E6403" s="1" t="s">
        <v>22532</v>
      </c>
      <c r="F6403" s="1" t="s">
        <v>10</v>
      </c>
      <c r="G6403" s="1" t="s">
        <v>10</v>
      </c>
      <c r="H6403" s="1" t="s">
        <v>10</v>
      </c>
      <c r="I6403" s="1" t="s">
        <v>22478</v>
      </c>
      <c r="J6403" s="1" t="s">
        <v>22481</v>
      </c>
      <c r="K6403" s="1" t="s">
        <v>100</v>
      </c>
      <c r="L6403" s="1" t="s">
        <v>22529</v>
      </c>
      <c r="M6403" s="1" t="s">
        <v>5</v>
      </c>
      <c r="N6403" s="1" t="s">
        <v>25</v>
      </c>
      <c r="O6403" s="1" t="s">
        <v>38</v>
      </c>
      <c r="P6403" s="5" t="s">
        <v>30679</v>
      </c>
    </row>
    <row r="6404" spans="1:16" x14ac:dyDescent="0.2">
      <c r="A6404" s="1" t="s">
        <v>20</v>
      </c>
      <c r="B6404" s="1" t="s">
        <v>445</v>
      </c>
      <c r="C6404" s="1" t="s">
        <v>22534</v>
      </c>
      <c r="D6404" s="1" t="s">
        <v>22535</v>
      </c>
      <c r="E6404" s="1" t="s">
        <v>22536</v>
      </c>
      <c r="F6404" s="1" t="s">
        <v>10</v>
      </c>
      <c r="G6404" s="1" t="s">
        <v>10</v>
      </c>
      <c r="H6404" s="1" t="s">
        <v>10</v>
      </c>
      <c r="I6404" s="1" t="s">
        <v>22478</v>
      </c>
      <c r="J6404" s="1" t="s">
        <v>22481</v>
      </c>
      <c r="K6404" s="1" t="s">
        <v>100</v>
      </c>
      <c r="L6404" s="1" t="s">
        <v>22533</v>
      </c>
      <c r="M6404" s="1" t="s">
        <v>5</v>
      </c>
      <c r="N6404" s="1" t="s">
        <v>25</v>
      </c>
      <c r="O6404" s="1" t="s">
        <v>38</v>
      </c>
      <c r="P6404" s="5" t="s">
        <v>30679</v>
      </c>
    </row>
    <row r="6405" spans="1:16" x14ac:dyDescent="0.2">
      <c r="A6405" s="1" t="s">
        <v>20</v>
      </c>
      <c r="B6405" s="1" t="s">
        <v>93</v>
      </c>
      <c r="C6405" s="1" t="s">
        <v>22538</v>
      </c>
      <c r="D6405" s="1" t="s">
        <v>4187</v>
      </c>
      <c r="E6405" s="1"/>
      <c r="F6405" s="1" t="s">
        <v>27</v>
      </c>
      <c r="G6405" s="1" t="s">
        <v>10</v>
      </c>
      <c r="H6405" s="1" t="s">
        <v>7164</v>
      </c>
      <c r="I6405" s="1" t="s">
        <v>22478</v>
      </c>
      <c r="J6405" s="1" t="s">
        <v>22481</v>
      </c>
      <c r="K6405" s="1" t="s">
        <v>7</v>
      </c>
      <c r="L6405" s="1" t="s">
        <v>22537</v>
      </c>
      <c r="M6405" s="1" t="s">
        <v>5</v>
      </c>
      <c r="N6405" s="1" t="s">
        <v>1009</v>
      </c>
      <c r="O6405" s="1" t="s">
        <v>8</v>
      </c>
      <c r="P6405" s="5" t="s">
        <v>32199</v>
      </c>
    </row>
    <row r="6406" spans="1:16" x14ac:dyDescent="0.2">
      <c r="A6406" s="1" t="s">
        <v>20</v>
      </c>
      <c r="B6406" s="1" t="s">
        <v>253</v>
      </c>
      <c r="C6406" s="1" t="s">
        <v>22540</v>
      </c>
      <c r="D6406" s="1" t="s">
        <v>22541</v>
      </c>
      <c r="E6406" s="1"/>
      <c r="F6406" s="1" t="s">
        <v>10</v>
      </c>
      <c r="G6406" s="1" t="s">
        <v>10</v>
      </c>
      <c r="H6406" s="1" t="s">
        <v>10</v>
      </c>
      <c r="I6406" s="1" t="s">
        <v>22478</v>
      </c>
      <c r="J6406" s="1" t="s">
        <v>22481</v>
      </c>
      <c r="K6406" s="1" t="s">
        <v>47</v>
      </c>
      <c r="L6406" s="1" t="s">
        <v>22539</v>
      </c>
      <c r="M6406" s="1" t="s">
        <v>5</v>
      </c>
      <c r="N6406" s="1" t="s">
        <v>1009</v>
      </c>
      <c r="O6406" s="1" t="s">
        <v>38</v>
      </c>
      <c r="P6406" s="5" t="s">
        <v>32197</v>
      </c>
    </row>
    <row r="6407" spans="1:16" x14ac:dyDescent="0.2">
      <c r="A6407" s="1" t="s">
        <v>20</v>
      </c>
      <c r="B6407" s="1" t="s">
        <v>309</v>
      </c>
      <c r="C6407" s="1" t="s">
        <v>22543</v>
      </c>
      <c r="D6407" s="1" t="s">
        <v>22544</v>
      </c>
      <c r="E6407" s="1"/>
      <c r="F6407" s="1" t="s">
        <v>27</v>
      </c>
      <c r="G6407" s="1" t="s">
        <v>10</v>
      </c>
      <c r="H6407" s="1" t="s">
        <v>22545</v>
      </c>
      <c r="I6407" s="1" t="s">
        <v>22478</v>
      </c>
      <c r="J6407" s="1" t="s">
        <v>22481</v>
      </c>
      <c r="K6407" s="1" t="s">
        <v>64</v>
      </c>
      <c r="L6407" s="1" t="s">
        <v>22542</v>
      </c>
      <c r="M6407" s="1" t="s">
        <v>5</v>
      </c>
      <c r="N6407" s="1" t="s">
        <v>25</v>
      </c>
      <c r="O6407" s="1" t="s">
        <v>8</v>
      </c>
      <c r="P6407" s="5" t="s">
        <v>32200</v>
      </c>
    </row>
    <row r="6408" spans="1:16" x14ac:dyDescent="0.2">
      <c r="A6408" s="1" t="s">
        <v>20</v>
      </c>
      <c r="B6408" s="1" t="s">
        <v>21</v>
      </c>
      <c r="C6408" s="1" t="s">
        <v>22547</v>
      </c>
      <c r="D6408" s="1" t="s">
        <v>7669</v>
      </c>
      <c r="E6408" s="1"/>
      <c r="F6408" s="1" t="s">
        <v>9</v>
      </c>
      <c r="G6408" s="1" t="s">
        <v>7669</v>
      </c>
      <c r="H6408" s="1" t="s">
        <v>10</v>
      </c>
      <c r="I6408" s="1" t="s">
        <v>22478</v>
      </c>
      <c r="J6408" s="1" t="s">
        <v>22481</v>
      </c>
      <c r="K6408" s="1" t="s">
        <v>7</v>
      </c>
      <c r="L6408" s="1" t="s">
        <v>22546</v>
      </c>
      <c r="M6408" s="1" t="s">
        <v>5</v>
      </c>
      <c r="N6408" s="1" t="s">
        <v>1009</v>
      </c>
      <c r="O6408" s="1" t="s">
        <v>8</v>
      </c>
      <c r="P6408" s="5" t="s">
        <v>32198</v>
      </c>
    </row>
    <row r="6409" spans="1:16" x14ac:dyDescent="0.2">
      <c r="A6409" s="1" t="s">
        <v>20</v>
      </c>
      <c r="B6409" s="1" t="s">
        <v>253</v>
      </c>
      <c r="C6409" s="1" t="s">
        <v>22549</v>
      </c>
      <c r="D6409" s="1" t="s">
        <v>18018</v>
      </c>
      <c r="E6409" s="1"/>
      <c r="F6409" s="1" t="s">
        <v>10</v>
      </c>
      <c r="G6409" s="1" t="s">
        <v>10</v>
      </c>
      <c r="H6409" s="1" t="s">
        <v>10</v>
      </c>
      <c r="I6409" s="1" t="s">
        <v>22478</v>
      </c>
      <c r="J6409" s="1" t="s">
        <v>22481</v>
      </c>
      <c r="K6409" s="1" t="s">
        <v>130</v>
      </c>
      <c r="L6409" s="1" t="s">
        <v>22548</v>
      </c>
      <c r="M6409" s="1" t="s">
        <v>5</v>
      </c>
      <c r="N6409" s="1" t="s">
        <v>1009</v>
      </c>
      <c r="O6409" s="1" t="s">
        <v>38</v>
      </c>
      <c r="P6409" s="5" t="s">
        <v>32197</v>
      </c>
    </row>
    <row r="6410" spans="1:16" x14ac:dyDescent="0.2">
      <c r="A6410" s="1" t="s">
        <v>20</v>
      </c>
      <c r="B6410" s="1" t="s">
        <v>93</v>
      </c>
      <c r="C6410" s="1" t="s">
        <v>22551</v>
      </c>
      <c r="D6410" s="1" t="s">
        <v>22552</v>
      </c>
      <c r="E6410" s="1"/>
      <c r="F6410" s="1" t="s">
        <v>27</v>
      </c>
      <c r="G6410" s="1" t="s">
        <v>10</v>
      </c>
      <c r="H6410" s="1" t="s">
        <v>22553</v>
      </c>
      <c r="I6410" s="1" t="s">
        <v>22478</v>
      </c>
      <c r="J6410" s="1" t="s">
        <v>22481</v>
      </c>
      <c r="K6410" s="1" t="s">
        <v>7</v>
      </c>
      <c r="L6410" s="1" t="s">
        <v>22550</v>
      </c>
      <c r="M6410" s="1" t="s">
        <v>5</v>
      </c>
      <c r="N6410" s="1" t="s">
        <v>1009</v>
      </c>
      <c r="O6410" s="1" t="s">
        <v>8</v>
      </c>
      <c r="P6410" s="5" t="s">
        <v>32199</v>
      </c>
    </row>
    <row r="6411" spans="1:16" x14ac:dyDescent="0.2">
      <c r="A6411" s="1" t="s">
        <v>20</v>
      </c>
      <c r="B6411" s="1" t="s">
        <v>445</v>
      </c>
      <c r="C6411" s="1" t="s">
        <v>22555</v>
      </c>
      <c r="D6411" s="1" t="s">
        <v>22556</v>
      </c>
      <c r="E6411" s="1" t="s">
        <v>22557</v>
      </c>
      <c r="F6411" s="1" t="s">
        <v>10</v>
      </c>
      <c r="G6411" s="1" t="s">
        <v>10</v>
      </c>
      <c r="H6411" s="1" t="s">
        <v>10</v>
      </c>
      <c r="I6411" s="1" t="s">
        <v>22478</v>
      </c>
      <c r="J6411" s="1" t="s">
        <v>22490</v>
      </c>
      <c r="K6411" s="1" t="s">
        <v>100</v>
      </c>
      <c r="L6411" s="1" t="s">
        <v>22554</v>
      </c>
      <c r="M6411" s="1" t="s">
        <v>5</v>
      </c>
      <c r="N6411" s="1" t="s">
        <v>25</v>
      </c>
      <c r="O6411" s="1" t="s">
        <v>38</v>
      </c>
      <c r="P6411" s="5" t="s">
        <v>30681</v>
      </c>
    </row>
    <row r="6412" spans="1:16" x14ac:dyDescent="0.2">
      <c r="A6412" s="1" t="s">
        <v>20</v>
      </c>
      <c r="B6412" s="1" t="s">
        <v>445</v>
      </c>
      <c r="C6412" s="1" t="s">
        <v>22559</v>
      </c>
      <c r="D6412" s="1" t="s">
        <v>22560</v>
      </c>
      <c r="E6412" s="1" t="s">
        <v>22562</v>
      </c>
      <c r="F6412" s="1" t="s">
        <v>10</v>
      </c>
      <c r="G6412" s="1" t="s">
        <v>10</v>
      </c>
      <c r="H6412" s="1" t="s">
        <v>10</v>
      </c>
      <c r="I6412" s="1" t="s">
        <v>22478</v>
      </c>
      <c r="J6412" s="1" t="s">
        <v>22561</v>
      </c>
      <c r="K6412" s="1" t="s">
        <v>100</v>
      </c>
      <c r="L6412" s="1" t="s">
        <v>22558</v>
      </c>
      <c r="M6412" s="1" t="s">
        <v>5</v>
      </c>
      <c r="N6412" s="1" t="s">
        <v>25</v>
      </c>
      <c r="O6412" s="1" t="s">
        <v>38</v>
      </c>
      <c r="P6412" s="5" t="s">
        <v>30679</v>
      </c>
    </row>
    <row r="6413" spans="1:16" x14ac:dyDescent="0.2">
      <c r="A6413" s="1" t="s">
        <v>20</v>
      </c>
      <c r="B6413" s="1" t="s">
        <v>445</v>
      </c>
      <c r="C6413" s="1" t="s">
        <v>22564</v>
      </c>
      <c r="D6413" s="1" t="s">
        <v>22565</v>
      </c>
      <c r="E6413" s="1" t="s">
        <v>22566</v>
      </c>
      <c r="F6413" s="1" t="s">
        <v>10</v>
      </c>
      <c r="G6413" s="1" t="s">
        <v>10</v>
      </c>
      <c r="H6413" s="1" t="s">
        <v>10</v>
      </c>
      <c r="I6413" s="1" t="s">
        <v>22478</v>
      </c>
      <c r="J6413" s="1" t="s">
        <v>22481</v>
      </c>
      <c r="K6413" s="1" t="s">
        <v>100</v>
      </c>
      <c r="L6413" s="1" t="s">
        <v>22563</v>
      </c>
      <c r="M6413" s="1" t="s">
        <v>5</v>
      </c>
      <c r="N6413" s="1" t="s">
        <v>25</v>
      </c>
      <c r="O6413" s="1" t="s">
        <v>38</v>
      </c>
      <c r="P6413" s="5" t="s">
        <v>30679</v>
      </c>
    </row>
    <row r="6414" spans="1:16" x14ac:dyDescent="0.2">
      <c r="A6414" s="1" t="s">
        <v>42</v>
      </c>
      <c r="B6414" s="1" t="s">
        <v>109</v>
      </c>
      <c r="C6414" s="1" t="s">
        <v>22568</v>
      </c>
      <c r="D6414" s="1" t="s">
        <v>22569</v>
      </c>
      <c r="E6414" s="1"/>
      <c r="F6414" s="1" t="s">
        <v>10</v>
      </c>
      <c r="G6414" s="1" t="s">
        <v>10</v>
      </c>
      <c r="H6414" s="1" t="s">
        <v>10</v>
      </c>
      <c r="I6414" s="1" t="s">
        <v>22478</v>
      </c>
      <c r="J6414" s="1" t="s">
        <v>22481</v>
      </c>
      <c r="K6414" s="1" t="s">
        <v>37</v>
      </c>
      <c r="L6414" s="1" t="s">
        <v>22567</v>
      </c>
      <c r="M6414" s="1" t="s">
        <v>5</v>
      </c>
      <c r="N6414" s="1" t="s">
        <v>25</v>
      </c>
      <c r="O6414" s="1" t="s">
        <v>38</v>
      </c>
      <c r="P6414" s="5" t="s">
        <v>30679</v>
      </c>
    </row>
    <row r="6415" spans="1:16" x14ac:dyDescent="0.2">
      <c r="A6415" s="1" t="s">
        <v>20</v>
      </c>
      <c r="B6415" s="1" t="s">
        <v>309</v>
      </c>
      <c r="C6415" s="1" t="s">
        <v>22571</v>
      </c>
      <c r="D6415" s="1" t="s">
        <v>22572</v>
      </c>
      <c r="E6415" s="1"/>
      <c r="F6415" s="1" t="s">
        <v>10</v>
      </c>
      <c r="G6415" s="1" t="s">
        <v>10</v>
      </c>
      <c r="H6415" s="1" t="s">
        <v>10</v>
      </c>
      <c r="I6415" s="1" t="s">
        <v>22478</v>
      </c>
      <c r="J6415" s="1" t="s">
        <v>22481</v>
      </c>
      <c r="K6415" s="1" t="s">
        <v>47</v>
      </c>
      <c r="L6415" s="1" t="s">
        <v>22570</v>
      </c>
      <c r="M6415" s="1" t="s">
        <v>5</v>
      </c>
      <c r="N6415" s="1" t="s">
        <v>25</v>
      </c>
      <c r="O6415" s="1" t="s">
        <v>38</v>
      </c>
      <c r="P6415" s="5" t="s">
        <v>30679</v>
      </c>
    </row>
    <row r="6416" spans="1:16" x14ac:dyDescent="0.2">
      <c r="A6416" s="1" t="s">
        <v>20</v>
      </c>
      <c r="B6416" s="1" t="s">
        <v>309</v>
      </c>
      <c r="C6416" s="1" t="s">
        <v>22574</v>
      </c>
      <c r="D6416" s="1" t="s">
        <v>22575</v>
      </c>
      <c r="E6416" s="1"/>
      <c r="F6416" s="1" t="s">
        <v>10</v>
      </c>
      <c r="G6416" s="1" t="s">
        <v>10</v>
      </c>
      <c r="H6416" s="1" t="s">
        <v>10</v>
      </c>
      <c r="I6416" s="1" t="s">
        <v>22478</v>
      </c>
      <c r="J6416" s="1" t="s">
        <v>22481</v>
      </c>
      <c r="K6416" s="1" t="s">
        <v>64</v>
      </c>
      <c r="L6416" s="1" t="s">
        <v>22573</v>
      </c>
      <c r="M6416" s="1" t="s">
        <v>5</v>
      </c>
      <c r="N6416" s="1" t="s">
        <v>25</v>
      </c>
      <c r="O6416" s="1" t="s">
        <v>38</v>
      </c>
      <c r="P6416" s="5" t="s">
        <v>32201</v>
      </c>
    </row>
    <row r="6417" spans="1:16" x14ac:dyDescent="0.2">
      <c r="A6417" s="1" t="s">
        <v>20</v>
      </c>
      <c r="B6417" s="1" t="s">
        <v>445</v>
      </c>
      <c r="C6417" s="1" t="s">
        <v>22577</v>
      </c>
      <c r="D6417" s="1" t="s">
        <v>22578</v>
      </c>
      <c r="E6417" s="1" t="s">
        <v>22579</v>
      </c>
      <c r="F6417" s="1" t="s">
        <v>10</v>
      </c>
      <c r="G6417" s="1" t="s">
        <v>10</v>
      </c>
      <c r="H6417" s="1" t="s">
        <v>10</v>
      </c>
      <c r="I6417" s="1" t="s">
        <v>22478</v>
      </c>
      <c r="J6417" s="1" t="s">
        <v>22489</v>
      </c>
      <c r="K6417" s="1" t="s">
        <v>100</v>
      </c>
      <c r="L6417" s="1" t="s">
        <v>22576</v>
      </c>
      <c r="M6417" s="1" t="s">
        <v>5</v>
      </c>
      <c r="N6417" s="1" t="s">
        <v>25</v>
      </c>
      <c r="O6417" s="1" t="s">
        <v>38</v>
      </c>
      <c r="P6417" s="5" t="s">
        <v>30679</v>
      </c>
    </row>
    <row r="6418" spans="1:16" x14ac:dyDescent="0.2">
      <c r="A6418" s="1" t="s">
        <v>20</v>
      </c>
      <c r="B6418" s="1" t="s">
        <v>93</v>
      </c>
      <c r="C6418" s="1" t="s">
        <v>22581</v>
      </c>
      <c r="D6418" s="1" t="s">
        <v>22582</v>
      </c>
      <c r="E6418" s="1"/>
      <c r="F6418" s="1" t="s">
        <v>27</v>
      </c>
      <c r="G6418" s="1" t="s">
        <v>10</v>
      </c>
      <c r="H6418" s="1" t="s">
        <v>22553</v>
      </c>
      <c r="I6418" s="1" t="s">
        <v>22478</v>
      </c>
      <c r="J6418" s="1" t="s">
        <v>22481</v>
      </c>
      <c r="K6418" s="1" t="s">
        <v>7</v>
      </c>
      <c r="L6418" s="1" t="s">
        <v>22580</v>
      </c>
      <c r="M6418" s="1" t="s">
        <v>5</v>
      </c>
      <c r="N6418" s="1" t="s">
        <v>1009</v>
      </c>
      <c r="O6418" s="1" t="s">
        <v>8</v>
      </c>
      <c r="P6418" s="5" t="s">
        <v>32200</v>
      </c>
    </row>
    <row r="6419" spans="1:16" x14ac:dyDescent="0.2">
      <c r="A6419" s="1" t="s">
        <v>20</v>
      </c>
      <c r="B6419" s="1" t="s">
        <v>253</v>
      </c>
      <c r="C6419" s="1" t="s">
        <v>22584</v>
      </c>
      <c r="D6419" s="1" t="s">
        <v>22585</v>
      </c>
      <c r="E6419" s="1"/>
      <c r="F6419" s="1" t="s">
        <v>522</v>
      </c>
      <c r="G6419" s="1" t="s">
        <v>10</v>
      </c>
      <c r="H6419" s="1" t="s">
        <v>10</v>
      </c>
      <c r="I6419" s="1" t="s">
        <v>22478</v>
      </c>
      <c r="J6419" s="1" t="s">
        <v>22481</v>
      </c>
      <c r="K6419" s="1" t="s">
        <v>64</v>
      </c>
      <c r="L6419" s="1" t="s">
        <v>22583</v>
      </c>
      <c r="M6419" s="1" t="s">
        <v>5</v>
      </c>
      <c r="N6419" s="1" t="s">
        <v>1009</v>
      </c>
      <c r="O6419" s="1" t="s">
        <v>8</v>
      </c>
      <c r="P6419" s="5" t="s">
        <v>32199</v>
      </c>
    </row>
    <row r="6420" spans="1:16" x14ac:dyDescent="0.2">
      <c r="A6420" s="1" t="s">
        <v>66</v>
      </c>
      <c r="B6420" s="1" t="s">
        <v>574</v>
      </c>
      <c r="C6420" s="1" t="s">
        <v>8030</v>
      </c>
      <c r="D6420" s="1" t="s">
        <v>8030</v>
      </c>
      <c r="E6420" s="1" t="s">
        <v>22589</v>
      </c>
      <c r="F6420" s="1" t="s">
        <v>27</v>
      </c>
      <c r="G6420" s="1" t="s">
        <v>10</v>
      </c>
      <c r="H6420" s="1" t="s">
        <v>22590</v>
      </c>
      <c r="I6420" s="1" t="s">
        <v>22586</v>
      </c>
      <c r="J6420" s="1" t="s">
        <v>22588</v>
      </c>
      <c r="K6420" s="1" t="s">
        <v>27</v>
      </c>
      <c r="L6420" s="1" t="s">
        <v>22587</v>
      </c>
      <c r="M6420" s="1" t="s">
        <v>5</v>
      </c>
      <c r="N6420" s="1" t="s">
        <v>6</v>
      </c>
      <c r="O6420" s="1" t="s">
        <v>8</v>
      </c>
      <c r="P6420" s="5"/>
    </row>
    <row r="6421" spans="1:16" x14ac:dyDescent="0.2">
      <c r="A6421" s="1" t="s">
        <v>66</v>
      </c>
      <c r="B6421" s="1" t="s">
        <v>574</v>
      </c>
      <c r="C6421" s="1" t="s">
        <v>22592</v>
      </c>
      <c r="D6421" s="1" t="s">
        <v>13303</v>
      </c>
      <c r="E6421" s="1" t="s">
        <v>22595</v>
      </c>
      <c r="F6421" s="1" t="s">
        <v>27</v>
      </c>
      <c r="G6421" s="1" t="s">
        <v>10</v>
      </c>
      <c r="H6421" s="1" t="s">
        <v>22596</v>
      </c>
      <c r="I6421" s="1" t="s">
        <v>22586</v>
      </c>
      <c r="J6421" s="1" t="s">
        <v>22594</v>
      </c>
      <c r="K6421" s="1" t="s">
        <v>22593</v>
      </c>
      <c r="L6421" s="1" t="s">
        <v>22591</v>
      </c>
      <c r="M6421" s="1" t="s">
        <v>5</v>
      </c>
      <c r="N6421" s="1" t="s">
        <v>1009</v>
      </c>
      <c r="O6421" s="1" t="s">
        <v>8</v>
      </c>
      <c r="P6421" s="5" t="s">
        <v>32202</v>
      </c>
    </row>
    <row r="6422" spans="1:16" x14ac:dyDescent="0.2">
      <c r="A6422" s="1" t="s">
        <v>20</v>
      </c>
      <c r="B6422" s="1" t="s">
        <v>253</v>
      </c>
      <c r="C6422" s="1" t="s">
        <v>22598</v>
      </c>
      <c r="D6422" s="1" t="s">
        <v>15638</v>
      </c>
      <c r="E6422" s="1"/>
      <c r="F6422" s="1" t="s">
        <v>10</v>
      </c>
      <c r="G6422" s="1" t="s">
        <v>10</v>
      </c>
      <c r="H6422" s="1" t="s">
        <v>10</v>
      </c>
      <c r="I6422" s="1" t="s">
        <v>22586</v>
      </c>
      <c r="J6422" s="1" t="s">
        <v>22588</v>
      </c>
      <c r="K6422" s="1" t="s">
        <v>27</v>
      </c>
      <c r="L6422" s="1" t="s">
        <v>22597</v>
      </c>
      <c r="M6422" s="1" t="s">
        <v>5</v>
      </c>
      <c r="N6422" s="1" t="s">
        <v>25</v>
      </c>
      <c r="O6422" s="1" t="s">
        <v>38</v>
      </c>
      <c r="P6422" s="5" t="s">
        <v>32203</v>
      </c>
    </row>
    <row r="6423" spans="1:16" x14ac:dyDescent="0.2">
      <c r="A6423" s="1" t="s">
        <v>42</v>
      </c>
      <c r="B6423" s="1" t="s">
        <v>335</v>
      </c>
      <c r="C6423" s="1" t="s">
        <v>22600</v>
      </c>
      <c r="D6423" s="1" t="s">
        <v>22601</v>
      </c>
      <c r="E6423" s="1"/>
      <c r="F6423" s="1" t="s">
        <v>10</v>
      </c>
      <c r="G6423" s="1" t="s">
        <v>10</v>
      </c>
      <c r="H6423" s="1" t="s">
        <v>10</v>
      </c>
      <c r="I6423" s="1" t="s">
        <v>22586</v>
      </c>
      <c r="J6423" s="1" t="s">
        <v>22602</v>
      </c>
      <c r="K6423" s="1" t="s">
        <v>6468</v>
      </c>
      <c r="L6423" s="1" t="s">
        <v>22599</v>
      </c>
      <c r="M6423" s="1" t="s">
        <v>5</v>
      </c>
      <c r="N6423" s="1" t="s">
        <v>25</v>
      </c>
      <c r="O6423" s="1" t="s">
        <v>38</v>
      </c>
      <c r="P6423" s="5" t="s">
        <v>32203</v>
      </c>
    </row>
    <row r="6424" spans="1:16" x14ac:dyDescent="0.2">
      <c r="A6424" s="1" t="s">
        <v>42</v>
      </c>
      <c r="B6424" s="1" t="s">
        <v>335</v>
      </c>
      <c r="C6424" s="1" t="s">
        <v>22604</v>
      </c>
      <c r="D6424" s="1" t="s">
        <v>22605</v>
      </c>
      <c r="E6424" s="1"/>
      <c r="F6424" s="1" t="s">
        <v>10</v>
      </c>
      <c r="G6424" s="1" t="s">
        <v>10</v>
      </c>
      <c r="H6424" s="1" t="s">
        <v>10</v>
      </c>
      <c r="I6424" s="1" t="s">
        <v>22586</v>
      </c>
      <c r="J6424" s="1" t="s">
        <v>22602</v>
      </c>
      <c r="K6424" s="1" t="s">
        <v>6468</v>
      </c>
      <c r="L6424" s="1" t="s">
        <v>22603</v>
      </c>
      <c r="M6424" s="1" t="s">
        <v>5</v>
      </c>
      <c r="N6424" s="1" t="s">
        <v>25</v>
      </c>
      <c r="O6424" s="1" t="s">
        <v>38</v>
      </c>
      <c r="P6424" s="5" t="s">
        <v>30682</v>
      </c>
    </row>
    <row r="6425" spans="1:16" x14ac:dyDescent="0.2">
      <c r="A6425" s="1" t="s">
        <v>329</v>
      </c>
      <c r="B6425" s="1" t="s">
        <v>596</v>
      </c>
      <c r="C6425" s="1" t="s">
        <v>22607</v>
      </c>
      <c r="D6425" s="1" t="s">
        <v>1340</v>
      </c>
      <c r="E6425" s="1" t="s">
        <v>22608</v>
      </c>
      <c r="F6425" s="1" t="s">
        <v>10</v>
      </c>
      <c r="G6425" s="1" t="s">
        <v>10</v>
      </c>
      <c r="H6425" s="1" t="s">
        <v>10</v>
      </c>
      <c r="I6425" s="1" t="s">
        <v>22586</v>
      </c>
      <c r="J6425" s="1" t="s">
        <v>22594</v>
      </c>
      <c r="K6425" s="1" t="s">
        <v>19596</v>
      </c>
      <c r="L6425" s="1" t="s">
        <v>22606</v>
      </c>
      <c r="M6425" s="1" t="s">
        <v>5</v>
      </c>
      <c r="N6425" s="1" t="s">
        <v>25</v>
      </c>
      <c r="O6425" s="1" t="s">
        <v>38</v>
      </c>
      <c r="P6425" s="5" t="s">
        <v>30683</v>
      </c>
    </row>
    <row r="6426" spans="1:16" x14ac:dyDescent="0.2">
      <c r="A6426" s="1" t="s">
        <v>42</v>
      </c>
      <c r="B6426" s="1" t="s">
        <v>335</v>
      </c>
      <c r="C6426" s="1" t="s">
        <v>22610</v>
      </c>
      <c r="D6426" s="1" t="s">
        <v>22611</v>
      </c>
      <c r="E6426" s="1"/>
      <c r="F6426" s="1" t="s">
        <v>10</v>
      </c>
      <c r="G6426" s="1" t="s">
        <v>10</v>
      </c>
      <c r="H6426" s="1" t="s">
        <v>10</v>
      </c>
      <c r="I6426" s="1" t="s">
        <v>22586</v>
      </c>
      <c r="J6426" s="1" t="s">
        <v>22602</v>
      </c>
      <c r="K6426" s="1" t="s">
        <v>6468</v>
      </c>
      <c r="L6426" s="1" t="s">
        <v>22609</v>
      </c>
      <c r="M6426" s="1" t="s">
        <v>5</v>
      </c>
      <c r="N6426" s="1" t="s">
        <v>25</v>
      </c>
      <c r="O6426" s="1" t="s">
        <v>38</v>
      </c>
      <c r="P6426" s="5" t="s">
        <v>30684</v>
      </c>
    </row>
    <row r="6427" spans="1:16" x14ac:dyDescent="0.2">
      <c r="A6427" s="1" t="s">
        <v>20</v>
      </c>
      <c r="B6427" s="1" t="s">
        <v>132</v>
      </c>
      <c r="C6427" s="1" t="s">
        <v>22613</v>
      </c>
      <c r="D6427" s="1" t="s">
        <v>15237</v>
      </c>
      <c r="E6427" s="1" t="s">
        <v>22614</v>
      </c>
      <c r="F6427" s="1" t="s">
        <v>10</v>
      </c>
      <c r="G6427" s="1" t="s">
        <v>10</v>
      </c>
      <c r="H6427" s="1" t="s">
        <v>10</v>
      </c>
      <c r="I6427" s="1" t="s">
        <v>22586</v>
      </c>
      <c r="J6427" s="1" t="s">
        <v>22594</v>
      </c>
      <c r="K6427" s="1" t="s">
        <v>7</v>
      </c>
      <c r="L6427" s="1" t="s">
        <v>22612</v>
      </c>
      <c r="M6427" s="1" t="s">
        <v>5</v>
      </c>
      <c r="N6427" s="1" t="s">
        <v>25</v>
      </c>
      <c r="O6427" s="1" t="s">
        <v>38</v>
      </c>
      <c r="P6427" s="5" t="s">
        <v>30685</v>
      </c>
    </row>
    <row r="6428" spans="1:16" x14ac:dyDescent="0.2">
      <c r="A6428" s="1" t="s">
        <v>42</v>
      </c>
      <c r="B6428" s="1" t="s">
        <v>335</v>
      </c>
      <c r="C6428" s="1" t="s">
        <v>22616</v>
      </c>
      <c r="D6428" s="1" t="s">
        <v>22617</v>
      </c>
      <c r="E6428" s="1" t="s">
        <v>22619</v>
      </c>
      <c r="F6428" s="1" t="s">
        <v>10</v>
      </c>
      <c r="G6428" s="1" t="s">
        <v>10</v>
      </c>
      <c r="H6428" s="1" t="s">
        <v>10</v>
      </c>
      <c r="I6428" s="1" t="s">
        <v>22586</v>
      </c>
      <c r="J6428" s="1" t="s">
        <v>22618</v>
      </c>
      <c r="K6428" s="1" t="s">
        <v>27</v>
      </c>
      <c r="L6428" s="1" t="s">
        <v>22615</v>
      </c>
      <c r="M6428" s="1" t="s">
        <v>5</v>
      </c>
      <c r="N6428" s="1" t="s">
        <v>25</v>
      </c>
      <c r="O6428" s="1" t="s">
        <v>38</v>
      </c>
      <c r="P6428" s="5" t="s">
        <v>32204</v>
      </c>
    </row>
    <row r="6429" spans="1:16" x14ac:dyDescent="0.2">
      <c r="A6429" s="1" t="s">
        <v>20</v>
      </c>
      <c r="B6429" s="1" t="s">
        <v>253</v>
      </c>
      <c r="C6429" s="1" t="s">
        <v>22621</v>
      </c>
      <c r="D6429" s="1" t="s">
        <v>6484</v>
      </c>
      <c r="E6429" s="1"/>
      <c r="F6429" s="1" t="s">
        <v>10</v>
      </c>
      <c r="G6429" s="1" t="s">
        <v>10</v>
      </c>
      <c r="H6429" s="1" t="s">
        <v>10</v>
      </c>
      <c r="I6429" s="1" t="s">
        <v>22586</v>
      </c>
      <c r="J6429" s="1" t="s">
        <v>22618</v>
      </c>
      <c r="K6429" s="1" t="s">
        <v>22622</v>
      </c>
      <c r="L6429" s="1" t="s">
        <v>22620</v>
      </c>
      <c r="M6429" s="1" t="s">
        <v>5</v>
      </c>
      <c r="N6429" s="1" t="s">
        <v>25</v>
      </c>
      <c r="O6429" s="1" t="s">
        <v>38</v>
      </c>
      <c r="P6429" s="5" t="s">
        <v>32205</v>
      </c>
    </row>
    <row r="6430" spans="1:16" x14ac:dyDescent="0.2">
      <c r="A6430" s="1" t="s">
        <v>42</v>
      </c>
      <c r="B6430" s="1" t="s">
        <v>1890</v>
      </c>
      <c r="C6430" s="1" t="s">
        <v>22624</v>
      </c>
      <c r="D6430" s="1" t="s">
        <v>1855</v>
      </c>
      <c r="E6430" s="1" t="s">
        <v>22625</v>
      </c>
      <c r="F6430" s="1" t="s">
        <v>27</v>
      </c>
      <c r="G6430" s="1" t="s">
        <v>10</v>
      </c>
      <c r="H6430" s="1" t="s">
        <v>22626</v>
      </c>
      <c r="I6430" s="1" t="s">
        <v>22586</v>
      </c>
      <c r="J6430" s="1" t="s">
        <v>22594</v>
      </c>
      <c r="K6430" s="1" t="s">
        <v>2591</v>
      </c>
      <c r="L6430" s="1" t="s">
        <v>22623</v>
      </c>
      <c r="M6430" s="1" t="s">
        <v>5</v>
      </c>
      <c r="N6430" s="1" t="s">
        <v>25</v>
      </c>
      <c r="O6430" s="1" t="s">
        <v>8</v>
      </c>
      <c r="P6430" s="5" t="s">
        <v>32206</v>
      </c>
    </row>
    <row r="6431" spans="1:16" x14ac:dyDescent="0.2">
      <c r="A6431" s="1" t="s">
        <v>20</v>
      </c>
      <c r="B6431" s="1" t="s">
        <v>445</v>
      </c>
      <c r="C6431" s="1" t="s">
        <v>22628</v>
      </c>
      <c r="D6431" s="1" t="s">
        <v>22629</v>
      </c>
      <c r="E6431" s="1" t="s">
        <v>22630</v>
      </c>
      <c r="F6431" s="1" t="s">
        <v>10</v>
      </c>
      <c r="G6431" s="1" t="s">
        <v>10</v>
      </c>
      <c r="H6431" s="1" t="s">
        <v>10</v>
      </c>
      <c r="I6431" s="1" t="s">
        <v>22586</v>
      </c>
      <c r="J6431" s="1" t="s">
        <v>22594</v>
      </c>
      <c r="K6431" s="1" t="s">
        <v>7</v>
      </c>
      <c r="L6431" s="1" t="s">
        <v>22627</v>
      </c>
      <c r="M6431" s="1" t="s">
        <v>5</v>
      </c>
      <c r="N6431" s="1" t="s">
        <v>6</v>
      </c>
      <c r="O6431" s="1" t="s">
        <v>38</v>
      </c>
      <c r="P6431" s="5" t="s">
        <v>32207</v>
      </c>
    </row>
    <row r="6432" spans="1:16" x14ac:dyDescent="0.2">
      <c r="A6432" s="1" t="s">
        <v>42</v>
      </c>
      <c r="B6432" s="1" t="s">
        <v>50</v>
      </c>
      <c r="C6432" s="1" t="s">
        <v>22632</v>
      </c>
      <c r="D6432" s="1" t="s">
        <v>7477</v>
      </c>
      <c r="E6432" s="1"/>
      <c r="F6432" s="1" t="s">
        <v>10</v>
      </c>
      <c r="G6432" s="1" t="s">
        <v>10</v>
      </c>
      <c r="H6432" s="1" t="s">
        <v>10</v>
      </c>
      <c r="I6432" s="1" t="s">
        <v>22586</v>
      </c>
      <c r="J6432" s="1" t="s">
        <v>22602</v>
      </c>
      <c r="K6432" s="1" t="s">
        <v>22633</v>
      </c>
      <c r="L6432" s="1" t="s">
        <v>22631</v>
      </c>
      <c r="M6432" s="1" t="s">
        <v>5</v>
      </c>
      <c r="N6432" s="1" t="s">
        <v>25</v>
      </c>
      <c r="O6432" s="1" t="s">
        <v>38</v>
      </c>
      <c r="P6432" s="5" t="s">
        <v>30696</v>
      </c>
    </row>
    <row r="6433" spans="1:16" x14ac:dyDescent="0.2">
      <c r="A6433" s="1" t="s">
        <v>42</v>
      </c>
      <c r="B6433" s="1" t="s">
        <v>1377</v>
      </c>
      <c r="C6433" s="1" t="s">
        <v>22635</v>
      </c>
      <c r="D6433" s="1" t="s">
        <v>6638</v>
      </c>
      <c r="E6433" s="1" t="s">
        <v>22637</v>
      </c>
      <c r="F6433" s="1" t="s">
        <v>27</v>
      </c>
      <c r="G6433" s="1" t="s">
        <v>10</v>
      </c>
      <c r="H6433" s="1" t="s">
        <v>22638</v>
      </c>
      <c r="I6433" s="1" t="s">
        <v>22586</v>
      </c>
      <c r="J6433" s="1" t="s">
        <v>22594</v>
      </c>
      <c r="K6433" s="1" t="s">
        <v>22636</v>
      </c>
      <c r="L6433" s="1" t="s">
        <v>22634</v>
      </c>
      <c r="M6433" s="1" t="s">
        <v>5</v>
      </c>
      <c r="N6433" s="1" t="s">
        <v>1009</v>
      </c>
      <c r="O6433" s="1" t="s">
        <v>8</v>
      </c>
      <c r="P6433" s="5" t="s">
        <v>32208</v>
      </c>
    </row>
    <row r="6434" spans="1:16" x14ac:dyDescent="0.2">
      <c r="A6434" s="1" t="s">
        <v>66</v>
      </c>
      <c r="B6434" s="1" t="s">
        <v>574</v>
      </c>
      <c r="C6434" s="1" t="s">
        <v>22640</v>
      </c>
      <c r="D6434" s="1" t="s">
        <v>6376</v>
      </c>
      <c r="E6434" s="1" t="s">
        <v>22641</v>
      </c>
      <c r="F6434" s="1" t="s">
        <v>393</v>
      </c>
      <c r="G6434" s="1" t="s">
        <v>15704</v>
      </c>
      <c r="H6434" s="1" t="s">
        <v>10</v>
      </c>
      <c r="I6434" s="1" t="s">
        <v>22586</v>
      </c>
      <c r="J6434" s="1" t="s">
        <v>22588</v>
      </c>
      <c r="K6434" s="1" t="s">
        <v>2866</v>
      </c>
      <c r="L6434" s="1" t="s">
        <v>22639</v>
      </c>
      <c r="M6434" s="1" t="s">
        <v>5</v>
      </c>
      <c r="N6434" s="1" t="s">
        <v>25</v>
      </c>
      <c r="O6434" s="1" t="s">
        <v>8</v>
      </c>
      <c r="P6434" s="5" t="s">
        <v>32209</v>
      </c>
    </row>
    <row r="6435" spans="1:16" x14ac:dyDescent="0.2">
      <c r="A6435" s="1" t="s">
        <v>20</v>
      </c>
      <c r="B6435" s="1" t="s">
        <v>253</v>
      </c>
      <c r="C6435" s="1" t="s">
        <v>22643</v>
      </c>
      <c r="D6435" s="1" t="s">
        <v>22644</v>
      </c>
      <c r="E6435" s="1" t="s">
        <v>22645</v>
      </c>
      <c r="F6435" s="1" t="s">
        <v>10</v>
      </c>
      <c r="G6435" s="1" t="s">
        <v>10</v>
      </c>
      <c r="H6435" s="1" t="s">
        <v>10</v>
      </c>
      <c r="I6435" s="1" t="s">
        <v>22586</v>
      </c>
      <c r="J6435" s="1" t="s">
        <v>22602</v>
      </c>
      <c r="K6435" s="1" t="s">
        <v>27</v>
      </c>
      <c r="L6435" s="1" t="s">
        <v>22642</v>
      </c>
      <c r="M6435" s="1" t="s">
        <v>5</v>
      </c>
      <c r="N6435" s="1" t="s">
        <v>25</v>
      </c>
      <c r="O6435" s="1" t="s">
        <v>38</v>
      </c>
      <c r="P6435" s="5" t="s">
        <v>31554</v>
      </c>
    </row>
    <row r="6436" spans="1:16" x14ac:dyDescent="0.2">
      <c r="A6436" s="1" t="s">
        <v>66</v>
      </c>
      <c r="B6436" s="1" t="s">
        <v>574</v>
      </c>
      <c r="C6436" s="1" t="s">
        <v>22647</v>
      </c>
      <c r="D6436" s="1" t="s">
        <v>22648</v>
      </c>
      <c r="E6436" s="1" t="s">
        <v>22649</v>
      </c>
      <c r="F6436" s="1" t="s">
        <v>10</v>
      </c>
      <c r="G6436" s="1" t="s">
        <v>10</v>
      </c>
      <c r="H6436" s="1" t="s">
        <v>10</v>
      </c>
      <c r="I6436" s="1" t="s">
        <v>22586</v>
      </c>
      <c r="J6436" s="1" t="s">
        <v>22588</v>
      </c>
      <c r="K6436" s="1" t="s">
        <v>3194</v>
      </c>
      <c r="L6436" s="1" t="s">
        <v>22646</v>
      </c>
      <c r="M6436" s="1" t="s">
        <v>5</v>
      </c>
      <c r="N6436" s="1" t="s">
        <v>25</v>
      </c>
      <c r="O6436" s="1" t="s">
        <v>38</v>
      </c>
      <c r="P6436" s="5" t="s">
        <v>30686</v>
      </c>
    </row>
    <row r="6437" spans="1:16" x14ac:dyDescent="0.2">
      <c r="A6437" s="1" t="s">
        <v>20</v>
      </c>
      <c r="B6437" s="1" t="s">
        <v>253</v>
      </c>
      <c r="C6437" s="1" t="s">
        <v>22651</v>
      </c>
      <c r="D6437" s="1" t="s">
        <v>1261</v>
      </c>
      <c r="E6437" s="1" t="s">
        <v>22652</v>
      </c>
      <c r="F6437" s="1" t="s">
        <v>27</v>
      </c>
      <c r="G6437" s="1" t="s">
        <v>10</v>
      </c>
      <c r="H6437" s="1" t="s">
        <v>22653</v>
      </c>
      <c r="I6437" s="1" t="s">
        <v>22586</v>
      </c>
      <c r="J6437" s="1" t="s">
        <v>22594</v>
      </c>
      <c r="K6437" s="1" t="s">
        <v>7</v>
      </c>
      <c r="L6437" s="1" t="s">
        <v>22650</v>
      </c>
      <c r="M6437" s="1" t="s">
        <v>5</v>
      </c>
      <c r="N6437" s="1" t="s">
        <v>1009</v>
      </c>
      <c r="O6437" s="1" t="s">
        <v>8</v>
      </c>
      <c r="P6437" s="5" t="s">
        <v>32210</v>
      </c>
    </row>
    <row r="6438" spans="1:16" x14ac:dyDescent="0.2">
      <c r="A6438" s="1" t="s">
        <v>42</v>
      </c>
      <c r="B6438" s="1" t="s">
        <v>335</v>
      </c>
      <c r="C6438" s="1" t="s">
        <v>22655</v>
      </c>
      <c r="D6438" s="1" t="s">
        <v>22656</v>
      </c>
      <c r="E6438" s="1" t="s">
        <v>22657</v>
      </c>
      <c r="F6438" s="1" t="s">
        <v>10</v>
      </c>
      <c r="G6438" s="1" t="s">
        <v>10</v>
      </c>
      <c r="H6438" s="1" t="s">
        <v>10</v>
      </c>
      <c r="I6438" s="1" t="s">
        <v>22586</v>
      </c>
      <c r="J6438" s="1" t="s">
        <v>22602</v>
      </c>
      <c r="K6438" s="1" t="s">
        <v>6468</v>
      </c>
      <c r="L6438" s="1" t="s">
        <v>22654</v>
      </c>
      <c r="M6438" s="1" t="s">
        <v>5</v>
      </c>
      <c r="N6438" s="1" t="s">
        <v>25</v>
      </c>
      <c r="O6438" s="1" t="s">
        <v>38</v>
      </c>
      <c r="P6438" s="5" t="s">
        <v>32211</v>
      </c>
    </row>
    <row r="6439" spans="1:16" x14ac:dyDescent="0.2">
      <c r="A6439" s="1" t="s">
        <v>194</v>
      </c>
      <c r="B6439" s="1" t="s">
        <v>396</v>
      </c>
      <c r="C6439" s="1" t="s">
        <v>22659</v>
      </c>
      <c r="D6439" s="1" t="s">
        <v>1810</v>
      </c>
      <c r="E6439" s="1" t="s">
        <v>22661</v>
      </c>
      <c r="F6439" s="1" t="s">
        <v>27</v>
      </c>
      <c r="G6439" s="1" t="s">
        <v>10</v>
      </c>
      <c r="H6439" s="1" t="s">
        <v>22662</v>
      </c>
      <c r="I6439" s="1" t="s">
        <v>22586</v>
      </c>
      <c r="J6439" s="1" t="s">
        <v>22602</v>
      </c>
      <c r="K6439" s="1" t="s">
        <v>22660</v>
      </c>
      <c r="L6439" s="1" t="s">
        <v>22658</v>
      </c>
      <c r="M6439" s="1" t="s">
        <v>5</v>
      </c>
      <c r="N6439" s="1" t="s">
        <v>6</v>
      </c>
      <c r="O6439" s="1" t="s">
        <v>8</v>
      </c>
      <c r="P6439" s="5"/>
    </row>
    <row r="6440" spans="1:16" x14ac:dyDescent="0.2">
      <c r="A6440" s="1" t="s">
        <v>20</v>
      </c>
      <c r="B6440" s="1" t="s">
        <v>3530</v>
      </c>
      <c r="C6440" s="1" t="s">
        <v>8056</v>
      </c>
      <c r="D6440" s="1" t="s">
        <v>8056</v>
      </c>
      <c r="E6440" s="1" t="s">
        <v>22664</v>
      </c>
      <c r="F6440" s="1" t="s">
        <v>27</v>
      </c>
      <c r="G6440" s="1" t="s">
        <v>10</v>
      </c>
      <c r="H6440" s="1" t="s">
        <v>22665</v>
      </c>
      <c r="I6440" s="1" t="s">
        <v>22586</v>
      </c>
      <c r="J6440" s="1" t="s">
        <v>22602</v>
      </c>
      <c r="K6440" s="1" t="s">
        <v>6468</v>
      </c>
      <c r="L6440" s="1" t="s">
        <v>22663</v>
      </c>
      <c r="M6440" s="1" t="s">
        <v>5</v>
      </c>
      <c r="N6440" s="1" t="s">
        <v>25</v>
      </c>
      <c r="O6440" s="1" t="s">
        <v>8</v>
      </c>
      <c r="P6440" s="5" t="s">
        <v>32212</v>
      </c>
    </row>
    <row r="6441" spans="1:16" x14ac:dyDescent="0.2">
      <c r="A6441" s="1" t="s">
        <v>42</v>
      </c>
      <c r="B6441" s="1" t="s">
        <v>118</v>
      </c>
      <c r="C6441" s="1" t="s">
        <v>22667</v>
      </c>
      <c r="D6441" s="1" t="s">
        <v>22668</v>
      </c>
      <c r="E6441" s="1" t="s">
        <v>22669</v>
      </c>
      <c r="F6441" s="1" t="s">
        <v>10</v>
      </c>
      <c r="G6441" s="1" t="s">
        <v>10</v>
      </c>
      <c r="H6441" s="1" t="s">
        <v>10</v>
      </c>
      <c r="I6441" s="1" t="s">
        <v>22586</v>
      </c>
      <c r="J6441" s="1" t="s">
        <v>22602</v>
      </c>
      <c r="K6441" s="1" t="s">
        <v>6468</v>
      </c>
      <c r="L6441" s="1" t="s">
        <v>22666</v>
      </c>
      <c r="M6441" s="1" t="s">
        <v>5</v>
      </c>
      <c r="N6441" s="1" t="s">
        <v>25</v>
      </c>
      <c r="O6441" s="1" t="s">
        <v>38</v>
      </c>
      <c r="P6441" s="5" t="s">
        <v>32213</v>
      </c>
    </row>
    <row r="6442" spans="1:16" x14ac:dyDescent="0.2">
      <c r="A6442" s="1" t="s">
        <v>42</v>
      </c>
      <c r="B6442" s="1" t="s">
        <v>335</v>
      </c>
      <c r="C6442" s="1" t="s">
        <v>22671</v>
      </c>
      <c r="D6442" s="1" t="s">
        <v>22672</v>
      </c>
      <c r="E6442" s="1"/>
      <c r="F6442" s="1" t="s">
        <v>10</v>
      </c>
      <c r="G6442" s="1" t="s">
        <v>10</v>
      </c>
      <c r="H6442" s="1" t="s">
        <v>10</v>
      </c>
      <c r="I6442" s="1" t="s">
        <v>22586</v>
      </c>
      <c r="J6442" s="1" t="s">
        <v>22602</v>
      </c>
      <c r="K6442" s="1" t="s">
        <v>6468</v>
      </c>
      <c r="L6442" s="1" t="s">
        <v>22670</v>
      </c>
      <c r="M6442" s="1" t="s">
        <v>5</v>
      </c>
      <c r="N6442" s="1" t="s">
        <v>25</v>
      </c>
      <c r="O6442" s="1" t="s">
        <v>38</v>
      </c>
      <c r="P6442" s="5" t="s">
        <v>30687</v>
      </c>
    </row>
    <row r="6443" spans="1:16" x14ac:dyDescent="0.2">
      <c r="A6443" s="1" t="s">
        <v>42</v>
      </c>
      <c r="B6443" s="1" t="s">
        <v>335</v>
      </c>
      <c r="C6443" s="1" t="s">
        <v>22674</v>
      </c>
      <c r="D6443" s="1" t="s">
        <v>22675</v>
      </c>
      <c r="E6443" s="1"/>
      <c r="F6443" s="1" t="s">
        <v>10</v>
      </c>
      <c r="G6443" s="1" t="s">
        <v>10</v>
      </c>
      <c r="H6443" s="1" t="s">
        <v>10</v>
      </c>
      <c r="I6443" s="1" t="s">
        <v>22586</v>
      </c>
      <c r="J6443" s="1" t="s">
        <v>22602</v>
      </c>
      <c r="K6443" s="1" t="s">
        <v>6468</v>
      </c>
      <c r="L6443" s="1" t="s">
        <v>22673</v>
      </c>
      <c r="M6443" s="1" t="s">
        <v>5</v>
      </c>
      <c r="N6443" s="1" t="s">
        <v>25</v>
      </c>
      <c r="O6443" s="1" t="s">
        <v>38</v>
      </c>
      <c r="P6443" s="5" t="s">
        <v>32214</v>
      </c>
    </row>
    <row r="6444" spans="1:16" x14ac:dyDescent="0.2">
      <c r="A6444" s="1" t="s">
        <v>42</v>
      </c>
      <c r="B6444" s="1" t="s">
        <v>118</v>
      </c>
      <c r="C6444" s="1" t="s">
        <v>22677</v>
      </c>
      <c r="D6444" s="1" t="s">
        <v>22678</v>
      </c>
      <c r="E6444" s="1" t="s">
        <v>22680</v>
      </c>
      <c r="F6444" s="1" t="s">
        <v>11996</v>
      </c>
      <c r="G6444" s="1" t="s">
        <v>11873</v>
      </c>
      <c r="H6444" s="1" t="s">
        <v>10</v>
      </c>
      <c r="I6444" s="1" t="s">
        <v>22586</v>
      </c>
      <c r="J6444" s="1" t="s">
        <v>22594</v>
      </c>
      <c r="K6444" s="1" t="s">
        <v>22679</v>
      </c>
      <c r="L6444" s="1" t="s">
        <v>22676</v>
      </c>
      <c r="M6444" s="1" t="s">
        <v>5</v>
      </c>
      <c r="N6444" s="1" t="s">
        <v>1009</v>
      </c>
      <c r="O6444" s="1" t="s">
        <v>8</v>
      </c>
      <c r="P6444" s="5" t="s">
        <v>32215</v>
      </c>
    </row>
    <row r="6445" spans="1:16" x14ac:dyDescent="0.2">
      <c r="A6445" s="1" t="s">
        <v>20</v>
      </c>
      <c r="B6445" s="1" t="s">
        <v>253</v>
      </c>
      <c r="C6445" s="1" t="s">
        <v>22682</v>
      </c>
      <c r="D6445" s="1" t="s">
        <v>22683</v>
      </c>
      <c r="E6445" s="1"/>
      <c r="F6445" s="1" t="s">
        <v>10</v>
      </c>
      <c r="G6445" s="1" t="s">
        <v>10</v>
      </c>
      <c r="H6445" s="1" t="s">
        <v>10</v>
      </c>
      <c r="I6445" s="1" t="s">
        <v>22586</v>
      </c>
      <c r="J6445" s="1" t="s">
        <v>22602</v>
      </c>
      <c r="K6445" s="1" t="s">
        <v>6468</v>
      </c>
      <c r="L6445" s="1" t="s">
        <v>22681</v>
      </c>
      <c r="M6445" s="1" t="s">
        <v>5</v>
      </c>
      <c r="N6445" s="1" t="s">
        <v>25</v>
      </c>
      <c r="O6445" s="1" t="s">
        <v>38</v>
      </c>
      <c r="P6445" s="5" t="s">
        <v>30688</v>
      </c>
    </row>
    <row r="6446" spans="1:16" x14ac:dyDescent="0.2">
      <c r="A6446" s="1" t="s">
        <v>329</v>
      </c>
      <c r="B6446" s="1" t="s">
        <v>340</v>
      </c>
      <c r="C6446" s="1" t="s">
        <v>490</v>
      </c>
      <c r="D6446" s="1" t="s">
        <v>490</v>
      </c>
      <c r="E6446" s="1" t="s">
        <v>22685</v>
      </c>
      <c r="F6446" s="1" t="s">
        <v>10</v>
      </c>
      <c r="G6446" s="1" t="s">
        <v>10</v>
      </c>
      <c r="H6446" s="1" t="s">
        <v>10</v>
      </c>
      <c r="I6446" s="1" t="s">
        <v>22586</v>
      </c>
      <c r="J6446" s="1" t="s">
        <v>22594</v>
      </c>
      <c r="K6446" s="1" t="s">
        <v>7</v>
      </c>
      <c r="L6446" s="1" t="s">
        <v>22684</v>
      </c>
      <c r="M6446" s="1" t="s">
        <v>5</v>
      </c>
      <c r="N6446" s="1" t="s">
        <v>25</v>
      </c>
      <c r="O6446" s="1" t="s">
        <v>38</v>
      </c>
      <c r="P6446" s="5" t="s">
        <v>30689</v>
      </c>
    </row>
    <row r="6447" spans="1:16" x14ac:dyDescent="0.2">
      <c r="A6447" s="1" t="s">
        <v>487</v>
      </c>
      <c r="B6447" s="1" t="s">
        <v>765</v>
      </c>
      <c r="C6447" s="1" t="s">
        <v>22687</v>
      </c>
      <c r="D6447" s="1" t="s">
        <v>22688</v>
      </c>
      <c r="E6447" s="1" t="s">
        <v>22689</v>
      </c>
      <c r="F6447" s="1" t="s">
        <v>522</v>
      </c>
      <c r="G6447" s="1" t="s">
        <v>10</v>
      </c>
      <c r="H6447" s="1" t="s">
        <v>22690</v>
      </c>
      <c r="I6447" s="1" t="s">
        <v>22586</v>
      </c>
      <c r="J6447" s="1" t="s">
        <v>22594</v>
      </c>
      <c r="K6447" s="1" t="s">
        <v>64</v>
      </c>
      <c r="L6447" s="1" t="s">
        <v>22686</v>
      </c>
      <c r="M6447" s="1" t="s">
        <v>5</v>
      </c>
      <c r="N6447" s="1" t="s">
        <v>6</v>
      </c>
      <c r="O6447" s="1" t="s">
        <v>8</v>
      </c>
      <c r="P6447" s="5" t="s">
        <v>32216</v>
      </c>
    </row>
    <row r="6448" spans="1:16" x14ac:dyDescent="0.2">
      <c r="A6448" s="1" t="s">
        <v>194</v>
      </c>
      <c r="B6448" s="1" t="s">
        <v>396</v>
      </c>
      <c r="C6448" s="1" t="s">
        <v>22692</v>
      </c>
      <c r="D6448" s="1" t="s">
        <v>22692</v>
      </c>
      <c r="E6448" s="1" t="s">
        <v>22694</v>
      </c>
      <c r="F6448" s="1" t="s">
        <v>27</v>
      </c>
      <c r="G6448" s="1" t="s">
        <v>10</v>
      </c>
      <c r="H6448" s="1" t="s">
        <v>22695</v>
      </c>
      <c r="I6448" s="1" t="s">
        <v>22586</v>
      </c>
      <c r="J6448" s="1" t="s">
        <v>22594</v>
      </c>
      <c r="K6448" s="1" t="s">
        <v>22693</v>
      </c>
      <c r="L6448" s="1" t="s">
        <v>22691</v>
      </c>
      <c r="M6448" s="1" t="s">
        <v>5</v>
      </c>
      <c r="N6448" s="1" t="s">
        <v>25</v>
      </c>
      <c r="O6448" s="1" t="s">
        <v>8</v>
      </c>
      <c r="P6448" s="5" t="s">
        <v>30690</v>
      </c>
    </row>
    <row r="6449" spans="1:16" x14ac:dyDescent="0.2">
      <c r="A6449" s="1" t="s">
        <v>42</v>
      </c>
      <c r="B6449" s="1" t="s">
        <v>43</v>
      </c>
      <c r="C6449" s="1" t="s">
        <v>22697</v>
      </c>
      <c r="D6449" s="1" t="s">
        <v>5317</v>
      </c>
      <c r="E6449" s="1" t="s">
        <v>22698</v>
      </c>
      <c r="F6449" s="1" t="s">
        <v>10</v>
      </c>
      <c r="G6449" s="1" t="s">
        <v>10</v>
      </c>
      <c r="H6449" s="1" t="s">
        <v>10</v>
      </c>
      <c r="I6449" s="1" t="s">
        <v>22586</v>
      </c>
      <c r="J6449" s="1" t="s">
        <v>22594</v>
      </c>
      <c r="K6449" s="1" t="s">
        <v>2591</v>
      </c>
      <c r="L6449" s="1" t="s">
        <v>22696</v>
      </c>
      <c r="M6449" s="1" t="s">
        <v>5</v>
      </c>
      <c r="N6449" s="1" t="s">
        <v>25</v>
      </c>
      <c r="O6449" s="1" t="s">
        <v>38</v>
      </c>
      <c r="P6449" s="5" t="s">
        <v>30691</v>
      </c>
    </row>
    <row r="6450" spans="1:16" x14ac:dyDescent="0.2">
      <c r="A6450" s="1" t="s">
        <v>42</v>
      </c>
      <c r="B6450" s="1" t="s">
        <v>43</v>
      </c>
      <c r="C6450" s="1" t="s">
        <v>22700</v>
      </c>
      <c r="D6450" s="1" t="s">
        <v>2585</v>
      </c>
      <c r="E6450" s="1" t="s">
        <v>22701</v>
      </c>
      <c r="F6450" s="1" t="s">
        <v>10</v>
      </c>
      <c r="G6450" s="1" t="s">
        <v>10</v>
      </c>
      <c r="H6450" s="1" t="s">
        <v>10</v>
      </c>
      <c r="I6450" s="1" t="s">
        <v>22586</v>
      </c>
      <c r="J6450" s="1" t="s">
        <v>22594</v>
      </c>
      <c r="K6450" s="1" t="s">
        <v>37</v>
      </c>
      <c r="L6450" s="1" t="s">
        <v>22699</v>
      </c>
      <c r="M6450" s="1" t="s">
        <v>5</v>
      </c>
      <c r="N6450" s="1" t="s">
        <v>1009</v>
      </c>
      <c r="O6450" s="1" t="s">
        <v>38</v>
      </c>
      <c r="P6450" s="5" t="s">
        <v>32217</v>
      </c>
    </row>
    <row r="6451" spans="1:16" x14ac:dyDescent="0.2">
      <c r="A6451" s="1" t="s">
        <v>42</v>
      </c>
      <c r="B6451" s="1" t="s">
        <v>1377</v>
      </c>
      <c r="C6451" s="1" t="s">
        <v>22703</v>
      </c>
      <c r="D6451" s="1" t="s">
        <v>22703</v>
      </c>
      <c r="E6451" s="1" t="s">
        <v>22704</v>
      </c>
      <c r="F6451" s="1" t="s">
        <v>27</v>
      </c>
      <c r="G6451" s="1" t="s">
        <v>10</v>
      </c>
      <c r="H6451" s="1" t="s">
        <v>22705</v>
      </c>
      <c r="I6451" s="1" t="s">
        <v>22586</v>
      </c>
      <c r="J6451" s="1" t="s">
        <v>22594</v>
      </c>
      <c r="K6451" s="1" t="s">
        <v>443</v>
      </c>
      <c r="L6451" s="1" t="s">
        <v>22702</v>
      </c>
      <c r="M6451" s="1" t="s">
        <v>5</v>
      </c>
      <c r="N6451" s="1" t="s">
        <v>1009</v>
      </c>
      <c r="O6451" s="1" t="s">
        <v>8</v>
      </c>
      <c r="P6451" s="5" t="s">
        <v>32218</v>
      </c>
    </row>
    <row r="6452" spans="1:16" x14ac:dyDescent="0.2">
      <c r="A6452" s="1" t="s">
        <v>329</v>
      </c>
      <c r="B6452" s="1" t="s">
        <v>340</v>
      </c>
      <c r="C6452" s="1" t="s">
        <v>22707</v>
      </c>
      <c r="D6452" s="1" t="s">
        <v>22707</v>
      </c>
      <c r="E6452" s="1" t="s">
        <v>22708</v>
      </c>
      <c r="F6452" s="1" t="s">
        <v>1306</v>
      </c>
      <c r="G6452" s="1" t="s">
        <v>10</v>
      </c>
      <c r="H6452" s="1" t="s">
        <v>22707</v>
      </c>
      <c r="I6452" s="1" t="s">
        <v>22586</v>
      </c>
      <c r="J6452" s="1" t="s">
        <v>22594</v>
      </c>
      <c r="K6452" s="1" t="s">
        <v>2866</v>
      </c>
      <c r="L6452" s="1" t="s">
        <v>22706</v>
      </c>
      <c r="M6452" s="1" t="s">
        <v>5</v>
      </c>
      <c r="N6452" s="1" t="s">
        <v>25</v>
      </c>
      <c r="O6452" s="1" t="s">
        <v>8</v>
      </c>
      <c r="P6452" s="5" t="s">
        <v>30692</v>
      </c>
    </row>
    <row r="6453" spans="1:16" x14ac:dyDescent="0.2">
      <c r="A6453" s="1" t="s">
        <v>2187</v>
      </c>
      <c r="B6453" s="1" t="s">
        <v>16831</v>
      </c>
      <c r="C6453" s="1" t="s">
        <v>22710</v>
      </c>
      <c r="D6453" s="1" t="s">
        <v>22711</v>
      </c>
      <c r="E6453" s="1" t="s">
        <v>22712</v>
      </c>
      <c r="F6453" s="1" t="s">
        <v>27</v>
      </c>
      <c r="G6453" s="1" t="s">
        <v>10</v>
      </c>
      <c r="H6453" s="1" t="s">
        <v>22713</v>
      </c>
      <c r="I6453" s="1" t="s">
        <v>22586</v>
      </c>
      <c r="J6453" s="1" t="s">
        <v>22594</v>
      </c>
      <c r="K6453" s="1" t="s">
        <v>231</v>
      </c>
      <c r="L6453" s="1" t="s">
        <v>22709</v>
      </c>
      <c r="M6453" s="1" t="s">
        <v>5</v>
      </c>
      <c r="N6453" s="1" t="s">
        <v>1009</v>
      </c>
      <c r="O6453" s="1" t="s">
        <v>8</v>
      </c>
      <c r="P6453" s="5" t="s">
        <v>30693</v>
      </c>
    </row>
    <row r="6454" spans="1:16" x14ac:dyDescent="0.2">
      <c r="A6454" s="1" t="s">
        <v>42</v>
      </c>
      <c r="B6454" s="1" t="s">
        <v>1377</v>
      </c>
      <c r="C6454" s="1" t="s">
        <v>22715</v>
      </c>
      <c r="D6454" s="1" t="s">
        <v>4187</v>
      </c>
      <c r="E6454" s="1"/>
      <c r="F6454" s="1" t="s">
        <v>27</v>
      </c>
      <c r="G6454" s="1" t="s">
        <v>10</v>
      </c>
      <c r="H6454" s="1" t="s">
        <v>22716</v>
      </c>
      <c r="I6454" s="1" t="s">
        <v>22586</v>
      </c>
      <c r="J6454" s="1" t="s">
        <v>22594</v>
      </c>
      <c r="K6454" s="1" t="s">
        <v>443</v>
      </c>
      <c r="L6454" s="1" t="s">
        <v>22714</v>
      </c>
      <c r="M6454" s="1" t="s">
        <v>5</v>
      </c>
      <c r="N6454" s="1" t="s">
        <v>1009</v>
      </c>
      <c r="O6454" s="1" t="s">
        <v>8</v>
      </c>
      <c r="P6454" s="5" t="s">
        <v>30694</v>
      </c>
    </row>
    <row r="6455" spans="1:16" x14ac:dyDescent="0.2">
      <c r="A6455" s="1" t="s">
        <v>20</v>
      </c>
      <c r="B6455" s="1" t="s">
        <v>253</v>
      </c>
      <c r="C6455" s="1" t="s">
        <v>617</v>
      </c>
      <c r="D6455" s="1" t="s">
        <v>16137</v>
      </c>
      <c r="E6455" s="1" t="s">
        <v>22718</v>
      </c>
      <c r="F6455" s="1" t="s">
        <v>27</v>
      </c>
      <c r="G6455" s="1" t="s">
        <v>10</v>
      </c>
      <c r="H6455" s="1" t="s">
        <v>22719</v>
      </c>
      <c r="I6455" s="1" t="s">
        <v>22586</v>
      </c>
      <c r="J6455" s="1" t="s">
        <v>22588</v>
      </c>
      <c r="K6455" s="1" t="s">
        <v>27</v>
      </c>
      <c r="L6455" s="1" t="s">
        <v>22717</v>
      </c>
      <c r="M6455" s="1" t="s">
        <v>5</v>
      </c>
      <c r="N6455" s="1" t="s">
        <v>1009</v>
      </c>
      <c r="O6455" s="1" t="s">
        <v>8</v>
      </c>
      <c r="P6455" s="5" t="s">
        <v>30695</v>
      </c>
    </row>
    <row r="6456" spans="1:16" x14ac:dyDescent="0.2">
      <c r="A6456" s="1" t="s">
        <v>42</v>
      </c>
      <c r="B6456" s="1" t="s">
        <v>320</v>
      </c>
      <c r="C6456" s="1" t="s">
        <v>22721</v>
      </c>
      <c r="D6456" s="1" t="s">
        <v>22722</v>
      </c>
      <c r="E6456" s="1" t="s">
        <v>22724</v>
      </c>
      <c r="F6456" s="1" t="s">
        <v>27</v>
      </c>
      <c r="G6456" s="1" t="s">
        <v>10</v>
      </c>
      <c r="H6456" s="1" t="s">
        <v>22725</v>
      </c>
      <c r="I6456" s="1" t="s">
        <v>22586</v>
      </c>
      <c r="J6456" s="1" t="s">
        <v>22594</v>
      </c>
      <c r="K6456" s="1" t="s">
        <v>22723</v>
      </c>
      <c r="L6456" s="1" t="s">
        <v>22720</v>
      </c>
      <c r="M6456" s="1" t="s">
        <v>5</v>
      </c>
      <c r="N6456" s="1" t="s">
        <v>25</v>
      </c>
      <c r="O6456" s="1" t="s">
        <v>8</v>
      </c>
      <c r="P6456" s="5" t="s">
        <v>32219</v>
      </c>
    </row>
    <row r="6457" spans="1:16" x14ac:dyDescent="0.2">
      <c r="A6457" s="1" t="s">
        <v>20</v>
      </c>
      <c r="B6457" s="1" t="s">
        <v>445</v>
      </c>
      <c r="C6457" s="1" t="s">
        <v>22727</v>
      </c>
      <c r="D6457" s="1" t="s">
        <v>22727</v>
      </c>
      <c r="E6457" s="1" t="s">
        <v>22728</v>
      </c>
      <c r="F6457" s="1" t="s">
        <v>27</v>
      </c>
      <c r="G6457" s="1" t="s">
        <v>10</v>
      </c>
      <c r="H6457" s="1" t="s">
        <v>22729</v>
      </c>
      <c r="I6457" s="1" t="s">
        <v>22586</v>
      </c>
      <c r="J6457" s="1" t="s">
        <v>22594</v>
      </c>
      <c r="K6457" s="1" t="s">
        <v>64</v>
      </c>
      <c r="L6457" s="1" t="s">
        <v>22726</v>
      </c>
      <c r="M6457" s="1" t="s">
        <v>5</v>
      </c>
      <c r="N6457" s="1" t="s">
        <v>6</v>
      </c>
      <c r="O6457" s="1" t="s">
        <v>8</v>
      </c>
      <c r="P6457" s="5" t="s">
        <v>32220</v>
      </c>
    </row>
    <row r="6458" spans="1:16" x14ac:dyDescent="0.2">
      <c r="A6458" s="1" t="s">
        <v>20</v>
      </c>
      <c r="B6458" s="1" t="s">
        <v>1047</v>
      </c>
      <c r="C6458" s="1" t="s">
        <v>6455</v>
      </c>
      <c r="D6458" s="1" t="s">
        <v>6455</v>
      </c>
      <c r="E6458" s="1" t="s">
        <v>22731</v>
      </c>
      <c r="F6458" s="1" t="s">
        <v>27</v>
      </c>
      <c r="G6458" s="1" t="s">
        <v>10</v>
      </c>
      <c r="H6458" s="1" t="s">
        <v>794</v>
      </c>
      <c r="I6458" s="1" t="s">
        <v>22586</v>
      </c>
      <c r="J6458" s="1" t="s">
        <v>22594</v>
      </c>
      <c r="K6458" s="1" t="s">
        <v>100</v>
      </c>
      <c r="L6458" s="1" t="s">
        <v>22730</v>
      </c>
      <c r="M6458" s="1" t="s">
        <v>5</v>
      </c>
      <c r="N6458" s="1" t="s">
        <v>25</v>
      </c>
      <c r="O6458" s="1" t="s">
        <v>8</v>
      </c>
      <c r="P6458" s="5" t="s">
        <v>32221</v>
      </c>
    </row>
    <row r="6459" spans="1:16" x14ac:dyDescent="0.2">
      <c r="A6459" s="1" t="s">
        <v>20</v>
      </c>
      <c r="B6459" s="1" t="s">
        <v>21</v>
      </c>
      <c r="C6459" s="1" t="s">
        <v>8107</v>
      </c>
      <c r="D6459" s="1" t="s">
        <v>19549</v>
      </c>
      <c r="E6459" s="1" t="s">
        <v>22733</v>
      </c>
      <c r="F6459" s="1" t="s">
        <v>27</v>
      </c>
      <c r="G6459" s="1" t="s">
        <v>10</v>
      </c>
      <c r="H6459" s="1" t="s">
        <v>794</v>
      </c>
      <c r="I6459" s="1" t="s">
        <v>22586</v>
      </c>
      <c r="J6459" s="1" t="s">
        <v>22594</v>
      </c>
      <c r="K6459" s="1" t="s">
        <v>100</v>
      </c>
      <c r="L6459" s="1" t="s">
        <v>22732</v>
      </c>
      <c r="M6459" s="1" t="s">
        <v>5</v>
      </c>
      <c r="N6459" s="1" t="s">
        <v>25</v>
      </c>
      <c r="O6459" s="1" t="s">
        <v>8</v>
      </c>
      <c r="P6459" s="5" t="s">
        <v>32221</v>
      </c>
    </row>
    <row r="6460" spans="1:16" x14ac:dyDescent="0.2">
      <c r="A6460" s="1" t="s">
        <v>20</v>
      </c>
      <c r="B6460" s="1" t="s">
        <v>445</v>
      </c>
      <c r="C6460" s="1" t="s">
        <v>15836</v>
      </c>
      <c r="D6460" s="1" t="s">
        <v>15836</v>
      </c>
      <c r="E6460" s="1" t="s">
        <v>22735</v>
      </c>
      <c r="F6460" s="1" t="s">
        <v>27</v>
      </c>
      <c r="G6460" s="1" t="s">
        <v>10</v>
      </c>
      <c r="H6460" s="1" t="s">
        <v>794</v>
      </c>
      <c r="I6460" s="1" t="s">
        <v>22586</v>
      </c>
      <c r="J6460" s="1" t="s">
        <v>22594</v>
      </c>
      <c r="K6460" s="1" t="s">
        <v>100</v>
      </c>
      <c r="L6460" s="1" t="s">
        <v>22734</v>
      </c>
      <c r="M6460" s="1" t="s">
        <v>5</v>
      </c>
      <c r="N6460" s="1" t="s">
        <v>25</v>
      </c>
      <c r="O6460" s="1" t="s">
        <v>8</v>
      </c>
      <c r="P6460" s="5" t="s">
        <v>32221</v>
      </c>
    </row>
    <row r="6461" spans="1:16" x14ac:dyDescent="0.2">
      <c r="A6461" s="1" t="s">
        <v>20</v>
      </c>
      <c r="B6461" s="1" t="s">
        <v>253</v>
      </c>
      <c r="C6461" s="1" t="s">
        <v>22737</v>
      </c>
      <c r="D6461" s="1" t="s">
        <v>22738</v>
      </c>
      <c r="E6461" s="1" t="s">
        <v>22739</v>
      </c>
      <c r="F6461" s="1" t="s">
        <v>10</v>
      </c>
      <c r="G6461" s="1" t="s">
        <v>10</v>
      </c>
      <c r="H6461" s="1" t="s">
        <v>10</v>
      </c>
      <c r="I6461" s="1" t="s">
        <v>22586</v>
      </c>
      <c r="J6461" s="1" t="s">
        <v>22588</v>
      </c>
      <c r="K6461" s="1" t="s">
        <v>27</v>
      </c>
      <c r="L6461" s="1" t="s">
        <v>22736</v>
      </c>
      <c r="M6461" s="1" t="s">
        <v>5</v>
      </c>
      <c r="N6461" s="1" t="s">
        <v>6</v>
      </c>
      <c r="O6461" s="1" t="s">
        <v>38</v>
      </c>
      <c r="P6461" s="5" t="s">
        <v>32222</v>
      </c>
    </row>
    <row r="6462" spans="1:16" x14ac:dyDescent="0.2">
      <c r="A6462" s="1" t="s">
        <v>42</v>
      </c>
      <c r="B6462" s="1" t="s">
        <v>335</v>
      </c>
      <c r="C6462" s="1" t="s">
        <v>22741</v>
      </c>
      <c r="D6462" s="1" t="s">
        <v>417</v>
      </c>
      <c r="E6462" s="1"/>
      <c r="F6462" s="1" t="s">
        <v>10</v>
      </c>
      <c r="G6462" s="1" t="s">
        <v>10</v>
      </c>
      <c r="H6462" s="1" t="s">
        <v>10</v>
      </c>
      <c r="I6462" s="1" t="s">
        <v>22586</v>
      </c>
      <c r="J6462" s="1" t="s">
        <v>22602</v>
      </c>
      <c r="K6462" s="1" t="s">
        <v>47</v>
      </c>
      <c r="L6462" s="1" t="s">
        <v>22740</v>
      </c>
      <c r="M6462" s="1" t="s">
        <v>5</v>
      </c>
      <c r="N6462" s="1" t="s">
        <v>25</v>
      </c>
      <c r="O6462" s="1" t="s">
        <v>38</v>
      </c>
      <c r="P6462" s="5" t="s">
        <v>30696</v>
      </c>
    </row>
    <row r="6463" spans="1:16" x14ac:dyDescent="0.2">
      <c r="A6463" s="1" t="s">
        <v>42</v>
      </c>
      <c r="B6463" s="1" t="s">
        <v>335</v>
      </c>
      <c r="C6463" s="1" t="s">
        <v>22743</v>
      </c>
      <c r="D6463" s="1" t="s">
        <v>22744</v>
      </c>
      <c r="E6463" s="1"/>
      <c r="F6463" s="1" t="s">
        <v>10</v>
      </c>
      <c r="G6463" s="1" t="s">
        <v>10</v>
      </c>
      <c r="H6463" s="1" t="s">
        <v>10</v>
      </c>
      <c r="I6463" s="1" t="s">
        <v>22586</v>
      </c>
      <c r="J6463" s="1" t="s">
        <v>22602</v>
      </c>
      <c r="K6463" s="1" t="s">
        <v>47</v>
      </c>
      <c r="L6463" s="1" t="s">
        <v>22742</v>
      </c>
      <c r="M6463" s="1" t="s">
        <v>5</v>
      </c>
      <c r="N6463" s="1" t="s">
        <v>25</v>
      </c>
      <c r="O6463" s="1" t="s">
        <v>38</v>
      </c>
      <c r="P6463" s="5" t="s">
        <v>30697</v>
      </c>
    </row>
    <row r="6464" spans="1:16" x14ac:dyDescent="0.2">
      <c r="A6464" s="1" t="s">
        <v>42</v>
      </c>
      <c r="B6464" s="1" t="s">
        <v>43</v>
      </c>
      <c r="C6464" s="1" t="s">
        <v>22746</v>
      </c>
      <c r="D6464" s="1" t="s">
        <v>3953</v>
      </c>
      <c r="E6464" s="1" t="s">
        <v>22748</v>
      </c>
      <c r="F6464" s="1" t="s">
        <v>10</v>
      </c>
      <c r="G6464" s="1" t="s">
        <v>10</v>
      </c>
      <c r="H6464" s="1" t="s">
        <v>10</v>
      </c>
      <c r="I6464" s="1" t="s">
        <v>22586</v>
      </c>
      <c r="J6464" s="1" t="s">
        <v>22594</v>
      </c>
      <c r="K6464" s="1" t="s">
        <v>22747</v>
      </c>
      <c r="L6464" s="1" t="s">
        <v>22745</v>
      </c>
      <c r="M6464" s="1" t="s">
        <v>5</v>
      </c>
      <c r="N6464" s="1" t="s">
        <v>1009</v>
      </c>
      <c r="O6464" s="1" t="s">
        <v>38</v>
      </c>
      <c r="P6464" s="5" t="s">
        <v>32217</v>
      </c>
    </row>
    <row r="6465" spans="1:16" x14ac:dyDescent="0.2">
      <c r="A6465" s="1" t="s">
        <v>42</v>
      </c>
      <c r="B6465" s="1" t="s">
        <v>356</v>
      </c>
      <c r="C6465" s="1" t="s">
        <v>22750</v>
      </c>
      <c r="D6465" s="1" t="s">
        <v>22751</v>
      </c>
      <c r="E6465" s="1" t="s">
        <v>22753</v>
      </c>
      <c r="F6465" s="1" t="s">
        <v>10</v>
      </c>
      <c r="G6465" s="1" t="s">
        <v>10</v>
      </c>
      <c r="H6465" s="1" t="s">
        <v>10</v>
      </c>
      <c r="I6465" s="1" t="s">
        <v>22586</v>
      </c>
      <c r="J6465" s="1" t="s">
        <v>22594</v>
      </c>
      <c r="K6465" s="1" t="s">
        <v>22752</v>
      </c>
      <c r="L6465" s="1" t="s">
        <v>22749</v>
      </c>
      <c r="M6465" s="1" t="s">
        <v>5</v>
      </c>
      <c r="N6465" s="1" t="s">
        <v>1009</v>
      </c>
      <c r="O6465" s="1" t="s">
        <v>38</v>
      </c>
      <c r="P6465" s="5" t="s">
        <v>32223</v>
      </c>
    </row>
    <row r="6466" spans="1:16" x14ac:dyDescent="0.2">
      <c r="A6466" s="1" t="s">
        <v>20</v>
      </c>
      <c r="B6466" s="1" t="s">
        <v>445</v>
      </c>
      <c r="C6466" s="1" t="s">
        <v>22755</v>
      </c>
      <c r="D6466" s="1" t="s">
        <v>22755</v>
      </c>
      <c r="E6466" s="1" t="s">
        <v>22756</v>
      </c>
      <c r="F6466" s="1" t="s">
        <v>10</v>
      </c>
      <c r="G6466" s="1" t="s">
        <v>10</v>
      </c>
      <c r="H6466" s="1" t="s">
        <v>10</v>
      </c>
      <c r="I6466" s="1" t="s">
        <v>22586</v>
      </c>
      <c r="J6466" s="1" t="s">
        <v>22602</v>
      </c>
      <c r="K6466" s="1" t="s">
        <v>27</v>
      </c>
      <c r="L6466" s="1" t="s">
        <v>22754</v>
      </c>
      <c r="M6466" s="1" t="s">
        <v>5</v>
      </c>
      <c r="N6466" s="1" t="s">
        <v>25</v>
      </c>
      <c r="O6466" s="1" t="s">
        <v>38</v>
      </c>
      <c r="P6466" s="5" t="s">
        <v>32211</v>
      </c>
    </row>
    <row r="6467" spans="1:16" x14ac:dyDescent="0.2">
      <c r="A6467" s="1" t="s">
        <v>20</v>
      </c>
      <c r="B6467" s="1" t="s">
        <v>21</v>
      </c>
      <c r="C6467" s="1" t="s">
        <v>22758</v>
      </c>
      <c r="D6467" s="1" t="s">
        <v>6538</v>
      </c>
      <c r="E6467" s="1" t="s">
        <v>22759</v>
      </c>
      <c r="F6467" s="1" t="s">
        <v>9</v>
      </c>
      <c r="G6467" s="1" t="s">
        <v>18</v>
      </c>
      <c r="H6467" s="1" t="s">
        <v>10</v>
      </c>
      <c r="I6467" s="1" t="s">
        <v>22586</v>
      </c>
      <c r="J6467" s="1" t="s">
        <v>22594</v>
      </c>
      <c r="K6467" s="1" t="s">
        <v>100</v>
      </c>
      <c r="L6467" s="1" t="s">
        <v>22757</v>
      </c>
      <c r="M6467" s="1" t="s">
        <v>5</v>
      </c>
      <c r="N6467" s="1" t="s">
        <v>1009</v>
      </c>
      <c r="O6467" s="1" t="s">
        <v>8</v>
      </c>
      <c r="P6467" s="5" t="s">
        <v>32224</v>
      </c>
    </row>
    <row r="6468" spans="1:16" x14ac:dyDescent="0.2">
      <c r="A6468" s="1" t="s">
        <v>42</v>
      </c>
      <c r="B6468" s="1" t="s">
        <v>356</v>
      </c>
      <c r="C6468" s="1" t="s">
        <v>22761</v>
      </c>
      <c r="D6468" s="1" t="s">
        <v>22762</v>
      </c>
      <c r="E6468" s="1"/>
      <c r="F6468" s="1" t="s">
        <v>10</v>
      </c>
      <c r="G6468" s="1" t="s">
        <v>10</v>
      </c>
      <c r="H6468" s="1" t="s">
        <v>10</v>
      </c>
      <c r="I6468" s="1" t="s">
        <v>22586</v>
      </c>
      <c r="J6468" s="1" t="s">
        <v>22594</v>
      </c>
      <c r="K6468" s="1" t="s">
        <v>22763</v>
      </c>
      <c r="L6468" s="1" t="s">
        <v>22760</v>
      </c>
      <c r="M6468" s="1" t="s">
        <v>5</v>
      </c>
      <c r="N6468" s="1" t="s">
        <v>1009</v>
      </c>
      <c r="O6468" s="1" t="s">
        <v>38</v>
      </c>
      <c r="P6468" s="5" t="s">
        <v>32217</v>
      </c>
    </row>
    <row r="6469" spans="1:16" x14ac:dyDescent="0.2">
      <c r="A6469" s="1" t="s">
        <v>329</v>
      </c>
      <c r="B6469" s="1" t="s">
        <v>340</v>
      </c>
      <c r="C6469" s="1" t="s">
        <v>22765</v>
      </c>
      <c r="D6469" s="1" t="s">
        <v>22766</v>
      </c>
      <c r="E6469" s="1" t="s">
        <v>22767</v>
      </c>
      <c r="F6469" s="1" t="s">
        <v>10</v>
      </c>
      <c r="G6469" s="1" t="s">
        <v>10</v>
      </c>
      <c r="H6469" s="1" t="s">
        <v>10</v>
      </c>
      <c r="I6469" s="1" t="s">
        <v>22586</v>
      </c>
      <c r="J6469" s="1" t="s">
        <v>22594</v>
      </c>
      <c r="K6469" s="1" t="s">
        <v>7</v>
      </c>
      <c r="L6469" s="1" t="s">
        <v>22764</v>
      </c>
      <c r="M6469" s="1" t="s">
        <v>5</v>
      </c>
      <c r="N6469" s="1" t="s">
        <v>1009</v>
      </c>
      <c r="O6469" s="1" t="s">
        <v>38</v>
      </c>
      <c r="P6469" s="5" t="s">
        <v>31554</v>
      </c>
    </row>
    <row r="6470" spans="1:16" x14ac:dyDescent="0.2">
      <c r="A6470" s="1" t="s">
        <v>42</v>
      </c>
      <c r="B6470" s="1" t="s">
        <v>43</v>
      </c>
      <c r="C6470" s="1" t="s">
        <v>22769</v>
      </c>
      <c r="D6470" s="1" t="s">
        <v>2759</v>
      </c>
      <c r="E6470" s="1" t="s">
        <v>22770</v>
      </c>
      <c r="F6470" s="1" t="s">
        <v>10</v>
      </c>
      <c r="G6470" s="1" t="s">
        <v>10</v>
      </c>
      <c r="H6470" s="1" t="s">
        <v>10</v>
      </c>
      <c r="I6470" s="1" t="s">
        <v>22586</v>
      </c>
      <c r="J6470" s="1" t="s">
        <v>22594</v>
      </c>
      <c r="K6470" s="1" t="s">
        <v>37</v>
      </c>
      <c r="L6470" s="1" t="s">
        <v>22768</v>
      </c>
      <c r="M6470" s="1" t="s">
        <v>5</v>
      </c>
      <c r="N6470" s="1" t="s">
        <v>1009</v>
      </c>
      <c r="O6470" s="1" t="s">
        <v>38</v>
      </c>
      <c r="P6470" s="5" t="s">
        <v>32217</v>
      </c>
    </row>
    <row r="6471" spans="1:16" x14ac:dyDescent="0.2">
      <c r="A6471" s="1" t="s">
        <v>42</v>
      </c>
      <c r="B6471" s="1" t="s">
        <v>43</v>
      </c>
      <c r="C6471" s="1" t="s">
        <v>22772</v>
      </c>
      <c r="D6471" s="1" t="s">
        <v>8822</v>
      </c>
      <c r="E6471" s="1" t="s">
        <v>22773</v>
      </c>
      <c r="F6471" s="1" t="s">
        <v>10</v>
      </c>
      <c r="G6471" s="1" t="s">
        <v>10</v>
      </c>
      <c r="H6471" s="1" t="s">
        <v>10</v>
      </c>
      <c r="I6471" s="1" t="s">
        <v>22586</v>
      </c>
      <c r="J6471" s="1" t="s">
        <v>22594</v>
      </c>
      <c r="K6471" s="1" t="s">
        <v>37</v>
      </c>
      <c r="L6471" s="1" t="s">
        <v>22771</v>
      </c>
      <c r="M6471" s="1" t="s">
        <v>5</v>
      </c>
      <c r="N6471" s="1" t="s">
        <v>1009</v>
      </c>
      <c r="O6471" s="1" t="s">
        <v>38</v>
      </c>
      <c r="P6471" s="5" t="s">
        <v>32217</v>
      </c>
    </row>
    <row r="6472" spans="1:16" x14ac:dyDescent="0.2">
      <c r="A6472" s="1" t="s">
        <v>42</v>
      </c>
      <c r="B6472" s="1" t="s">
        <v>43</v>
      </c>
      <c r="C6472" s="1" t="s">
        <v>7140</v>
      </c>
      <c r="D6472" s="1" t="s">
        <v>22775</v>
      </c>
      <c r="E6472" s="1"/>
      <c r="F6472" s="1" t="s">
        <v>27</v>
      </c>
      <c r="G6472" s="1" t="s">
        <v>10</v>
      </c>
      <c r="H6472" s="1" t="s">
        <v>22776</v>
      </c>
      <c r="I6472" s="1" t="s">
        <v>22586</v>
      </c>
      <c r="J6472" s="1" t="s">
        <v>22594</v>
      </c>
      <c r="K6472" s="1" t="s">
        <v>37</v>
      </c>
      <c r="L6472" s="1" t="s">
        <v>22774</v>
      </c>
      <c r="M6472" s="1" t="s">
        <v>5</v>
      </c>
      <c r="N6472" s="1" t="s">
        <v>1009</v>
      </c>
      <c r="O6472" s="1" t="s">
        <v>8</v>
      </c>
      <c r="P6472" s="5" t="s">
        <v>32225</v>
      </c>
    </row>
    <row r="6473" spans="1:16" x14ac:dyDescent="0.2">
      <c r="A6473" s="1" t="s">
        <v>10</v>
      </c>
      <c r="B6473" s="1" t="s">
        <v>10</v>
      </c>
      <c r="C6473" s="1" t="s">
        <v>22779</v>
      </c>
      <c r="D6473" s="1" t="s">
        <v>22780</v>
      </c>
      <c r="E6473" s="1" t="s">
        <v>22783</v>
      </c>
      <c r="F6473" s="1" t="s">
        <v>10</v>
      </c>
      <c r="G6473" s="1" t="s">
        <v>10</v>
      </c>
      <c r="H6473" s="1" t="s">
        <v>10</v>
      </c>
      <c r="I6473" s="1" t="s">
        <v>22777</v>
      </c>
      <c r="J6473" s="1" t="s">
        <v>22782</v>
      </c>
      <c r="K6473" s="1" t="s">
        <v>27</v>
      </c>
      <c r="L6473" s="1" t="s">
        <v>22778</v>
      </c>
      <c r="M6473" s="1" t="s">
        <v>5</v>
      </c>
      <c r="N6473" s="1" t="s">
        <v>25</v>
      </c>
      <c r="O6473" s="1" t="s">
        <v>38</v>
      </c>
      <c r="P6473" s="5" t="s">
        <v>30698</v>
      </c>
    </row>
    <row r="6474" spans="1:16" x14ac:dyDescent="0.2">
      <c r="A6474" s="1" t="s">
        <v>10</v>
      </c>
      <c r="B6474" s="1" t="s">
        <v>10</v>
      </c>
      <c r="C6474" s="1" t="s">
        <v>22785</v>
      </c>
      <c r="D6474" s="1" t="s">
        <v>22786</v>
      </c>
      <c r="E6474" s="1" t="s">
        <v>22787</v>
      </c>
      <c r="F6474" s="1" t="s">
        <v>10</v>
      </c>
      <c r="G6474" s="1" t="s">
        <v>10</v>
      </c>
      <c r="H6474" s="1" t="s">
        <v>10</v>
      </c>
      <c r="I6474" s="1" t="s">
        <v>22777</v>
      </c>
      <c r="J6474" s="1" t="s">
        <v>22782</v>
      </c>
      <c r="K6474" s="1" t="s">
        <v>27</v>
      </c>
      <c r="L6474" s="1" t="s">
        <v>22784</v>
      </c>
      <c r="M6474" s="1" t="s">
        <v>5</v>
      </c>
      <c r="N6474" s="1" t="s">
        <v>1009</v>
      </c>
      <c r="O6474" s="1" t="s">
        <v>38</v>
      </c>
      <c r="P6474" s="5" t="s">
        <v>30698</v>
      </c>
    </row>
    <row r="6475" spans="1:16" x14ac:dyDescent="0.2">
      <c r="A6475" s="1" t="s">
        <v>10</v>
      </c>
      <c r="B6475" s="1" t="s">
        <v>10</v>
      </c>
      <c r="C6475" s="1" t="s">
        <v>22789</v>
      </c>
      <c r="D6475" s="1" t="s">
        <v>1893</v>
      </c>
      <c r="E6475" s="1" t="s">
        <v>22790</v>
      </c>
      <c r="F6475" s="1" t="s">
        <v>10</v>
      </c>
      <c r="G6475" s="1" t="s">
        <v>10</v>
      </c>
      <c r="H6475" s="1" t="s">
        <v>10</v>
      </c>
      <c r="I6475" s="1" t="s">
        <v>22777</v>
      </c>
      <c r="J6475" s="1" t="s">
        <v>22782</v>
      </c>
      <c r="K6475" s="1" t="s">
        <v>27</v>
      </c>
      <c r="L6475" s="1" t="s">
        <v>22788</v>
      </c>
      <c r="M6475" s="1" t="s">
        <v>5</v>
      </c>
      <c r="N6475" s="1" t="s">
        <v>960</v>
      </c>
      <c r="O6475" s="1" t="s">
        <v>38</v>
      </c>
      <c r="P6475" s="5" t="s">
        <v>30698</v>
      </c>
    </row>
    <row r="6476" spans="1:16" x14ac:dyDescent="0.2">
      <c r="A6476" s="1" t="s">
        <v>10</v>
      </c>
      <c r="B6476" s="1" t="s">
        <v>10</v>
      </c>
      <c r="C6476" s="1" t="s">
        <v>22793</v>
      </c>
      <c r="D6476" s="1" t="s">
        <v>22794</v>
      </c>
      <c r="E6476" s="1" t="s">
        <v>22795</v>
      </c>
      <c r="F6476" s="1" t="s">
        <v>10</v>
      </c>
      <c r="G6476" s="1" t="s">
        <v>10</v>
      </c>
      <c r="H6476" s="1" t="s">
        <v>10</v>
      </c>
      <c r="I6476" s="1" t="s">
        <v>22777</v>
      </c>
      <c r="J6476" s="1" t="s">
        <v>22782</v>
      </c>
      <c r="K6476" s="1" t="s">
        <v>27</v>
      </c>
      <c r="L6476" s="1" t="s">
        <v>22792</v>
      </c>
      <c r="M6476" s="1" t="s">
        <v>5</v>
      </c>
      <c r="N6476" s="1" t="s">
        <v>25</v>
      </c>
      <c r="O6476" s="1" t="s">
        <v>38</v>
      </c>
      <c r="P6476" s="5" t="s">
        <v>30698</v>
      </c>
    </row>
    <row r="6477" spans="1:16" x14ac:dyDescent="0.2">
      <c r="A6477" s="1" t="s">
        <v>10</v>
      </c>
      <c r="B6477" s="1" t="s">
        <v>10</v>
      </c>
      <c r="C6477" s="1" t="s">
        <v>22797</v>
      </c>
      <c r="D6477" s="1" t="s">
        <v>22798</v>
      </c>
      <c r="E6477" s="1"/>
      <c r="F6477" s="1" t="s">
        <v>10</v>
      </c>
      <c r="G6477" s="1" t="s">
        <v>10</v>
      </c>
      <c r="H6477" s="1" t="s">
        <v>10</v>
      </c>
      <c r="I6477" s="1" t="s">
        <v>22777</v>
      </c>
      <c r="J6477" s="1" t="s">
        <v>22782</v>
      </c>
      <c r="K6477" s="1" t="s">
        <v>27</v>
      </c>
      <c r="L6477" s="1" t="s">
        <v>22796</v>
      </c>
      <c r="M6477" s="1" t="s">
        <v>5</v>
      </c>
      <c r="N6477" s="1" t="s">
        <v>25</v>
      </c>
      <c r="O6477" s="1" t="s">
        <v>38</v>
      </c>
      <c r="P6477" s="5" t="s">
        <v>30698</v>
      </c>
    </row>
    <row r="6478" spans="1:16" x14ac:dyDescent="0.2">
      <c r="A6478" s="1" t="s">
        <v>10</v>
      </c>
      <c r="B6478" s="1" t="s">
        <v>10</v>
      </c>
      <c r="C6478" s="1" t="s">
        <v>22800</v>
      </c>
      <c r="D6478" s="1" t="s">
        <v>22801</v>
      </c>
      <c r="E6478" s="1" t="s">
        <v>22802</v>
      </c>
      <c r="F6478" s="1" t="s">
        <v>10</v>
      </c>
      <c r="G6478" s="1" t="s">
        <v>10</v>
      </c>
      <c r="H6478" s="1" t="s">
        <v>10</v>
      </c>
      <c r="I6478" s="1" t="s">
        <v>22777</v>
      </c>
      <c r="J6478" s="1" t="s">
        <v>22782</v>
      </c>
      <c r="K6478" s="1" t="s">
        <v>27</v>
      </c>
      <c r="L6478" s="1" t="s">
        <v>22799</v>
      </c>
      <c r="M6478" s="1" t="s">
        <v>5</v>
      </c>
      <c r="N6478" s="1" t="s">
        <v>1009</v>
      </c>
      <c r="O6478" s="1" t="s">
        <v>38</v>
      </c>
      <c r="P6478" s="5" t="s">
        <v>30698</v>
      </c>
    </row>
    <row r="6479" spans="1:16" x14ac:dyDescent="0.2">
      <c r="A6479" s="1" t="s">
        <v>10</v>
      </c>
      <c r="B6479" s="1" t="s">
        <v>10</v>
      </c>
      <c r="C6479" s="1" t="s">
        <v>22804</v>
      </c>
      <c r="D6479" s="1" t="s">
        <v>22805</v>
      </c>
      <c r="E6479" s="1" t="s">
        <v>22806</v>
      </c>
      <c r="F6479" s="1" t="s">
        <v>10</v>
      </c>
      <c r="G6479" s="1" t="s">
        <v>10</v>
      </c>
      <c r="H6479" s="1" t="s">
        <v>10</v>
      </c>
      <c r="I6479" s="1" t="s">
        <v>22777</v>
      </c>
      <c r="J6479" s="1" t="s">
        <v>22782</v>
      </c>
      <c r="K6479" s="1" t="s">
        <v>27</v>
      </c>
      <c r="L6479" s="1" t="s">
        <v>22803</v>
      </c>
      <c r="M6479" s="1" t="s">
        <v>5</v>
      </c>
      <c r="N6479" s="1" t="s">
        <v>25</v>
      </c>
      <c r="O6479" s="1" t="s">
        <v>38</v>
      </c>
      <c r="P6479" s="5" t="s">
        <v>30698</v>
      </c>
    </row>
    <row r="6480" spans="1:16" x14ac:dyDescent="0.2">
      <c r="A6480" s="1" t="s">
        <v>10</v>
      </c>
      <c r="B6480" s="1" t="s">
        <v>10</v>
      </c>
      <c r="C6480" s="1" t="s">
        <v>22808</v>
      </c>
      <c r="D6480" s="1" t="s">
        <v>1223</v>
      </c>
      <c r="E6480" s="1" t="s">
        <v>22809</v>
      </c>
      <c r="F6480" s="1" t="s">
        <v>10</v>
      </c>
      <c r="G6480" s="1" t="s">
        <v>10</v>
      </c>
      <c r="H6480" s="1" t="s">
        <v>10</v>
      </c>
      <c r="I6480" s="1" t="s">
        <v>22777</v>
      </c>
      <c r="J6480" s="1" t="s">
        <v>22782</v>
      </c>
      <c r="K6480" s="1" t="s">
        <v>27</v>
      </c>
      <c r="L6480" s="1" t="s">
        <v>22807</v>
      </c>
      <c r="M6480" s="1" t="s">
        <v>5</v>
      </c>
      <c r="N6480" s="1" t="s">
        <v>25</v>
      </c>
      <c r="O6480" s="1" t="s">
        <v>38</v>
      </c>
      <c r="P6480" s="5" t="s">
        <v>30698</v>
      </c>
    </row>
    <row r="6481" spans="1:16" x14ac:dyDescent="0.2">
      <c r="A6481" s="1" t="s">
        <v>10</v>
      </c>
      <c r="B6481" s="1" t="s">
        <v>10</v>
      </c>
      <c r="C6481" s="1" t="s">
        <v>22811</v>
      </c>
      <c r="D6481" s="1" t="s">
        <v>12922</v>
      </c>
      <c r="E6481" s="1" t="s">
        <v>22812</v>
      </c>
      <c r="F6481" s="1" t="s">
        <v>10</v>
      </c>
      <c r="G6481" s="1" t="s">
        <v>10</v>
      </c>
      <c r="H6481" s="1" t="s">
        <v>10</v>
      </c>
      <c r="I6481" s="1" t="s">
        <v>22777</v>
      </c>
      <c r="J6481" s="1" t="s">
        <v>22782</v>
      </c>
      <c r="K6481" s="1" t="s">
        <v>27</v>
      </c>
      <c r="L6481" s="1" t="s">
        <v>22810</v>
      </c>
      <c r="M6481" s="1" t="s">
        <v>5</v>
      </c>
      <c r="N6481" s="1" t="s">
        <v>1009</v>
      </c>
      <c r="O6481" s="1" t="s">
        <v>38</v>
      </c>
      <c r="P6481" s="5" t="s">
        <v>30698</v>
      </c>
    </row>
    <row r="6482" spans="1:16" x14ac:dyDescent="0.2">
      <c r="A6482" s="1" t="s">
        <v>10</v>
      </c>
      <c r="B6482" s="1" t="s">
        <v>10</v>
      </c>
      <c r="C6482" s="1" t="s">
        <v>22814</v>
      </c>
      <c r="D6482" s="1" t="s">
        <v>22815</v>
      </c>
      <c r="E6482" s="1" t="s">
        <v>22816</v>
      </c>
      <c r="F6482" s="1" t="s">
        <v>10</v>
      </c>
      <c r="G6482" s="1" t="s">
        <v>10</v>
      </c>
      <c r="H6482" s="1" t="s">
        <v>10</v>
      </c>
      <c r="I6482" s="1" t="s">
        <v>22777</v>
      </c>
      <c r="J6482" s="1" t="s">
        <v>22782</v>
      </c>
      <c r="K6482" s="1" t="s">
        <v>27</v>
      </c>
      <c r="L6482" s="1" t="s">
        <v>22813</v>
      </c>
      <c r="M6482" s="1" t="s">
        <v>5</v>
      </c>
      <c r="N6482" s="1" t="s">
        <v>25</v>
      </c>
      <c r="O6482" s="1" t="s">
        <v>38</v>
      </c>
      <c r="P6482" s="5" t="s">
        <v>30698</v>
      </c>
    </row>
    <row r="6483" spans="1:16" x14ac:dyDescent="0.2">
      <c r="A6483" s="1" t="s">
        <v>10</v>
      </c>
      <c r="B6483" s="1" t="s">
        <v>10</v>
      </c>
      <c r="C6483" s="1" t="s">
        <v>22818</v>
      </c>
      <c r="D6483" s="1" t="s">
        <v>22819</v>
      </c>
      <c r="E6483" s="1"/>
      <c r="F6483" s="1" t="s">
        <v>10</v>
      </c>
      <c r="G6483" s="1" t="s">
        <v>10</v>
      </c>
      <c r="H6483" s="1" t="s">
        <v>10</v>
      </c>
      <c r="I6483" s="1" t="s">
        <v>22777</v>
      </c>
      <c r="J6483" s="1" t="s">
        <v>22820</v>
      </c>
      <c r="K6483" s="1" t="s">
        <v>27</v>
      </c>
      <c r="L6483" s="1" t="s">
        <v>22817</v>
      </c>
      <c r="M6483" s="1" t="s">
        <v>5</v>
      </c>
      <c r="N6483" s="1" t="s">
        <v>960</v>
      </c>
      <c r="O6483" s="1" t="s">
        <v>38</v>
      </c>
      <c r="P6483" s="5" t="s">
        <v>30698</v>
      </c>
    </row>
    <row r="6484" spans="1:16" x14ac:dyDescent="0.2">
      <c r="A6484" s="1" t="s">
        <v>10</v>
      </c>
      <c r="B6484" s="1" t="s">
        <v>10</v>
      </c>
      <c r="C6484" s="1" t="s">
        <v>22822</v>
      </c>
      <c r="D6484" s="1" t="s">
        <v>22823</v>
      </c>
      <c r="E6484" s="1"/>
      <c r="F6484" s="1" t="s">
        <v>10</v>
      </c>
      <c r="G6484" s="1" t="s">
        <v>10</v>
      </c>
      <c r="H6484" s="1" t="s">
        <v>10</v>
      </c>
      <c r="I6484" s="1" t="s">
        <v>22777</v>
      </c>
      <c r="J6484" s="1" t="s">
        <v>22820</v>
      </c>
      <c r="K6484" s="1" t="s">
        <v>27</v>
      </c>
      <c r="L6484" s="1" t="s">
        <v>22821</v>
      </c>
      <c r="M6484" s="1" t="s">
        <v>5</v>
      </c>
      <c r="N6484" s="1" t="s">
        <v>960</v>
      </c>
      <c r="O6484" s="1" t="s">
        <v>38</v>
      </c>
      <c r="P6484" s="5" t="s">
        <v>30698</v>
      </c>
    </row>
    <row r="6485" spans="1:16" x14ac:dyDescent="0.2">
      <c r="A6485" s="1" t="s">
        <v>10</v>
      </c>
      <c r="B6485" s="1" t="s">
        <v>10</v>
      </c>
      <c r="C6485" s="1" t="s">
        <v>22825</v>
      </c>
      <c r="D6485" s="1" t="s">
        <v>22826</v>
      </c>
      <c r="E6485" s="1"/>
      <c r="F6485" s="1" t="s">
        <v>10</v>
      </c>
      <c r="G6485" s="1" t="s">
        <v>10</v>
      </c>
      <c r="H6485" s="1" t="s">
        <v>10</v>
      </c>
      <c r="I6485" s="1" t="s">
        <v>22777</v>
      </c>
      <c r="J6485" s="1" t="s">
        <v>22782</v>
      </c>
      <c r="K6485" s="1" t="s">
        <v>27</v>
      </c>
      <c r="L6485" s="1" t="s">
        <v>22824</v>
      </c>
      <c r="M6485" s="1" t="s">
        <v>5</v>
      </c>
      <c r="N6485" s="1" t="s">
        <v>1009</v>
      </c>
      <c r="O6485" s="1" t="s">
        <v>38</v>
      </c>
      <c r="P6485" s="5" t="s">
        <v>30698</v>
      </c>
    </row>
    <row r="6486" spans="1:16" x14ac:dyDescent="0.2">
      <c r="A6486" s="1" t="s">
        <v>10</v>
      </c>
      <c r="B6486" s="1" t="s">
        <v>10</v>
      </c>
      <c r="C6486" s="1" t="s">
        <v>22828</v>
      </c>
      <c r="D6486" s="1" t="s">
        <v>10025</v>
      </c>
      <c r="E6486" s="1" t="s">
        <v>22829</v>
      </c>
      <c r="F6486" s="1" t="s">
        <v>10</v>
      </c>
      <c r="G6486" s="1" t="s">
        <v>10</v>
      </c>
      <c r="H6486" s="1" t="s">
        <v>10</v>
      </c>
      <c r="I6486" s="1" t="s">
        <v>22777</v>
      </c>
      <c r="J6486" s="1" t="s">
        <v>22782</v>
      </c>
      <c r="K6486" s="1" t="s">
        <v>27</v>
      </c>
      <c r="L6486" s="1" t="s">
        <v>22827</v>
      </c>
      <c r="M6486" s="1" t="s">
        <v>5</v>
      </c>
      <c r="N6486" s="1" t="s">
        <v>1009</v>
      </c>
      <c r="O6486" s="1" t="s">
        <v>38</v>
      </c>
      <c r="P6486" s="5" t="s">
        <v>30698</v>
      </c>
    </row>
    <row r="6487" spans="1:16" x14ac:dyDescent="0.2">
      <c r="A6487" s="1" t="s">
        <v>10</v>
      </c>
      <c r="B6487" s="1" t="s">
        <v>10</v>
      </c>
      <c r="C6487" s="1" t="s">
        <v>22831</v>
      </c>
      <c r="D6487" s="1" t="s">
        <v>22832</v>
      </c>
      <c r="E6487" s="1" t="s">
        <v>22833</v>
      </c>
      <c r="F6487" s="1" t="s">
        <v>10</v>
      </c>
      <c r="G6487" s="1" t="s">
        <v>10</v>
      </c>
      <c r="H6487" s="1" t="s">
        <v>10</v>
      </c>
      <c r="I6487" s="1" t="s">
        <v>22777</v>
      </c>
      <c r="J6487" s="1" t="s">
        <v>22782</v>
      </c>
      <c r="K6487" s="1" t="s">
        <v>27</v>
      </c>
      <c r="L6487" s="1" t="s">
        <v>22830</v>
      </c>
      <c r="M6487" s="1" t="s">
        <v>5</v>
      </c>
      <c r="N6487" s="1" t="s">
        <v>25</v>
      </c>
      <c r="O6487" s="1" t="s">
        <v>38</v>
      </c>
      <c r="P6487" s="5" t="s">
        <v>30698</v>
      </c>
    </row>
    <row r="6488" spans="1:16" x14ac:dyDescent="0.2">
      <c r="A6488" s="1" t="s">
        <v>10</v>
      </c>
      <c r="B6488" s="1" t="s">
        <v>10</v>
      </c>
      <c r="C6488" s="1" t="s">
        <v>22835</v>
      </c>
      <c r="D6488" s="1" t="s">
        <v>22836</v>
      </c>
      <c r="E6488" s="1" t="s">
        <v>22837</v>
      </c>
      <c r="F6488" s="1" t="s">
        <v>10</v>
      </c>
      <c r="G6488" s="1" t="s">
        <v>10</v>
      </c>
      <c r="H6488" s="1" t="s">
        <v>10</v>
      </c>
      <c r="I6488" s="1" t="s">
        <v>22777</v>
      </c>
      <c r="J6488" s="1" t="s">
        <v>22782</v>
      </c>
      <c r="K6488" s="1" t="s">
        <v>27</v>
      </c>
      <c r="L6488" s="1" t="s">
        <v>22834</v>
      </c>
      <c r="M6488" s="1" t="s">
        <v>5</v>
      </c>
      <c r="N6488" s="1" t="s">
        <v>25</v>
      </c>
      <c r="O6488" s="1" t="s">
        <v>38</v>
      </c>
      <c r="P6488" s="5" t="s">
        <v>30698</v>
      </c>
    </row>
    <row r="6489" spans="1:16" x14ac:dyDescent="0.2">
      <c r="A6489" s="1" t="s">
        <v>10</v>
      </c>
      <c r="B6489" s="1" t="s">
        <v>10</v>
      </c>
      <c r="C6489" s="1" t="s">
        <v>22839</v>
      </c>
      <c r="D6489" s="1" t="s">
        <v>22840</v>
      </c>
      <c r="E6489" s="1"/>
      <c r="F6489" s="1" t="s">
        <v>10</v>
      </c>
      <c r="G6489" s="1" t="s">
        <v>10</v>
      </c>
      <c r="H6489" s="1" t="s">
        <v>10</v>
      </c>
      <c r="I6489" s="1" t="s">
        <v>22777</v>
      </c>
      <c r="J6489" s="1" t="s">
        <v>22782</v>
      </c>
      <c r="K6489" s="1" t="s">
        <v>27</v>
      </c>
      <c r="L6489" s="1" t="s">
        <v>22838</v>
      </c>
      <c r="M6489" s="1" t="s">
        <v>5</v>
      </c>
      <c r="N6489" s="1" t="s">
        <v>1009</v>
      </c>
      <c r="O6489" s="1" t="s">
        <v>38</v>
      </c>
      <c r="P6489" s="5" t="s">
        <v>30698</v>
      </c>
    </row>
    <row r="6490" spans="1:16" x14ac:dyDescent="0.2">
      <c r="A6490" s="1" t="s">
        <v>10</v>
      </c>
      <c r="B6490" s="1" t="s">
        <v>10</v>
      </c>
      <c r="C6490" s="1" t="s">
        <v>22842</v>
      </c>
      <c r="D6490" s="1" t="s">
        <v>22843</v>
      </c>
      <c r="E6490" s="1" t="s">
        <v>22844</v>
      </c>
      <c r="F6490" s="1" t="s">
        <v>10</v>
      </c>
      <c r="G6490" s="1" t="s">
        <v>10</v>
      </c>
      <c r="H6490" s="1" t="s">
        <v>10</v>
      </c>
      <c r="I6490" s="1" t="s">
        <v>22777</v>
      </c>
      <c r="J6490" s="1" t="s">
        <v>22782</v>
      </c>
      <c r="K6490" s="1" t="s">
        <v>27</v>
      </c>
      <c r="L6490" s="1" t="s">
        <v>22841</v>
      </c>
      <c r="M6490" s="1" t="s">
        <v>5</v>
      </c>
      <c r="N6490" s="1" t="s">
        <v>25</v>
      </c>
      <c r="O6490" s="1" t="s">
        <v>38</v>
      </c>
      <c r="P6490" s="5" t="s">
        <v>30698</v>
      </c>
    </row>
    <row r="6491" spans="1:16" x14ac:dyDescent="0.2">
      <c r="A6491" s="1" t="s">
        <v>10</v>
      </c>
      <c r="B6491" s="1" t="s">
        <v>10</v>
      </c>
      <c r="C6491" s="1" t="s">
        <v>22846</v>
      </c>
      <c r="D6491" s="1" t="s">
        <v>22847</v>
      </c>
      <c r="E6491" s="1" t="s">
        <v>22848</v>
      </c>
      <c r="F6491" s="1" t="s">
        <v>10</v>
      </c>
      <c r="G6491" s="1" t="s">
        <v>10</v>
      </c>
      <c r="H6491" s="1" t="s">
        <v>10</v>
      </c>
      <c r="I6491" s="1" t="s">
        <v>22777</v>
      </c>
      <c r="J6491" s="1" t="s">
        <v>22782</v>
      </c>
      <c r="K6491" s="1" t="s">
        <v>27</v>
      </c>
      <c r="L6491" s="1" t="s">
        <v>22845</v>
      </c>
      <c r="M6491" s="1" t="s">
        <v>5</v>
      </c>
      <c r="N6491" s="1" t="s">
        <v>25</v>
      </c>
      <c r="O6491" s="1" t="s">
        <v>38</v>
      </c>
      <c r="P6491" s="5" t="s">
        <v>30698</v>
      </c>
    </row>
    <row r="6492" spans="1:16" x14ac:dyDescent="0.2">
      <c r="A6492" s="1" t="s">
        <v>10</v>
      </c>
      <c r="B6492" s="1" t="s">
        <v>10</v>
      </c>
      <c r="C6492" s="1" t="s">
        <v>22850</v>
      </c>
      <c r="D6492" s="1" t="s">
        <v>871</v>
      </c>
      <c r="E6492" s="1" t="s">
        <v>22851</v>
      </c>
      <c r="F6492" s="1" t="s">
        <v>10</v>
      </c>
      <c r="G6492" s="1" t="s">
        <v>10</v>
      </c>
      <c r="H6492" s="1" t="s">
        <v>10</v>
      </c>
      <c r="I6492" s="1" t="s">
        <v>22777</v>
      </c>
      <c r="J6492" s="1" t="s">
        <v>22782</v>
      </c>
      <c r="K6492" s="1" t="s">
        <v>27</v>
      </c>
      <c r="L6492" s="1" t="s">
        <v>22849</v>
      </c>
      <c r="M6492" s="1" t="s">
        <v>5</v>
      </c>
      <c r="N6492" s="1" t="s">
        <v>1009</v>
      </c>
      <c r="O6492" s="1" t="s">
        <v>38</v>
      </c>
      <c r="P6492" s="5" t="s">
        <v>30698</v>
      </c>
    </row>
    <row r="6493" spans="1:16" x14ac:dyDescent="0.2">
      <c r="A6493" s="1" t="s">
        <v>10</v>
      </c>
      <c r="B6493" s="1" t="s">
        <v>10</v>
      </c>
      <c r="C6493" s="1" t="s">
        <v>22853</v>
      </c>
      <c r="D6493" s="1" t="s">
        <v>22854</v>
      </c>
      <c r="E6493" s="1" t="s">
        <v>22855</v>
      </c>
      <c r="F6493" s="1" t="s">
        <v>10</v>
      </c>
      <c r="G6493" s="1" t="s">
        <v>10</v>
      </c>
      <c r="H6493" s="1" t="s">
        <v>10</v>
      </c>
      <c r="I6493" s="1" t="s">
        <v>22777</v>
      </c>
      <c r="J6493" s="1" t="s">
        <v>22782</v>
      </c>
      <c r="K6493" s="1" t="s">
        <v>27</v>
      </c>
      <c r="L6493" s="1" t="s">
        <v>22852</v>
      </c>
      <c r="M6493" s="1" t="s">
        <v>5</v>
      </c>
      <c r="N6493" s="1" t="s">
        <v>25</v>
      </c>
      <c r="O6493" s="1" t="s">
        <v>38</v>
      </c>
      <c r="P6493" s="5" t="s">
        <v>30698</v>
      </c>
    </row>
    <row r="6494" spans="1:16" x14ac:dyDescent="0.2">
      <c r="A6494" s="1" t="s">
        <v>10</v>
      </c>
      <c r="B6494" s="1" t="s">
        <v>10</v>
      </c>
      <c r="C6494" s="1" t="s">
        <v>22857</v>
      </c>
      <c r="D6494" s="1" t="s">
        <v>22858</v>
      </c>
      <c r="E6494" s="1"/>
      <c r="F6494" s="1" t="s">
        <v>10</v>
      </c>
      <c r="G6494" s="1" t="s">
        <v>10</v>
      </c>
      <c r="H6494" s="1" t="s">
        <v>10</v>
      </c>
      <c r="I6494" s="1" t="s">
        <v>22777</v>
      </c>
      <c r="J6494" s="1" t="s">
        <v>22820</v>
      </c>
      <c r="K6494" s="1" t="s">
        <v>27</v>
      </c>
      <c r="L6494" s="1" t="s">
        <v>22856</v>
      </c>
      <c r="M6494" s="1" t="s">
        <v>5</v>
      </c>
      <c r="N6494" s="1" t="s">
        <v>25</v>
      </c>
      <c r="O6494" s="1" t="s">
        <v>38</v>
      </c>
      <c r="P6494" s="5" t="s">
        <v>30698</v>
      </c>
    </row>
    <row r="6495" spans="1:16" x14ac:dyDescent="0.2">
      <c r="A6495" s="1" t="s">
        <v>10</v>
      </c>
      <c r="B6495" s="1" t="s">
        <v>10</v>
      </c>
      <c r="C6495" s="1" t="s">
        <v>22860</v>
      </c>
      <c r="D6495" s="1" t="s">
        <v>22861</v>
      </c>
      <c r="E6495" s="1"/>
      <c r="F6495" s="1" t="s">
        <v>10</v>
      </c>
      <c r="G6495" s="1" t="s">
        <v>10</v>
      </c>
      <c r="H6495" s="1" t="s">
        <v>10</v>
      </c>
      <c r="I6495" s="1" t="s">
        <v>22777</v>
      </c>
      <c r="J6495" s="1" t="s">
        <v>22820</v>
      </c>
      <c r="K6495" s="1" t="s">
        <v>27</v>
      </c>
      <c r="L6495" s="1" t="s">
        <v>22859</v>
      </c>
      <c r="M6495" s="1" t="s">
        <v>5</v>
      </c>
      <c r="N6495" s="1" t="s">
        <v>1009</v>
      </c>
      <c r="O6495" s="1" t="s">
        <v>38</v>
      </c>
      <c r="P6495" s="5" t="s">
        <v>30698</v>
      </c>
    </row>
    <row r="6496" spans="1:16" x14ac:dyDescent="0.2">
      <c r="A6496" s="1" t="s">
        <v>10</v>
      </c>
      <c r="B6496" s="1" t="s">
        <v>10</v>
      </c>
      <c r="C6496" s="1" t="s">
        <v>22863</v>
      </c>
      <c r="D6496" s="1" t="s">
        <v>22864</v>
      </c>
      <c r="E6496" s="1"/>
      <c r="F6496" s="1" t="s">
        <v>10</v>
      </c>
      <c r="G6496" s="1" t="s">
        <v>10</v>
      </c>
      <c r="H6496" s="1" t="s">
        <v>10</v>
      </c>
      <c r="I6496" s="1" t="s">
        <v>22777</v>
      </c>
      <c r="J6496" s="1" t="s">
        <v>22820</v>
      </c>
      <c r="K6496" s="1" t="s">
        <v>27</v>
      </c>
      <c r="L6496" s="1" t="s">
        <v>22862</v>
      </c>
      <c r="M6496" s="1" t="s">
        <v>5</v>
      </c>
      <c r="N6496" s="1" t="s">
        <v>25</v>
      </c>
      <c r="O6496" s="1" t="s">
        <v>38</v>
      </c>
      <c r="P6496" s="5" t="s">
        <v>30698</v>
      </c>
    </row>
    <row r="6497" spans="1:16" x14ac:dyDescent="0.2">
      <c r="A6497" s="1" t="s">
        <v>10</v>
      </c>
      <c r="B6497" s="1" t="s">
        <v>10</v>
      </c>
      <c r="C6497" s="1" t="s">
        <v>22866</v>
      </c>
      <c r="D6497" s="1" t="s">
        <v>22867</v>
      </c>
      <c r="E6497" s="1"/>
      <c r="F6497" s="1" t="s">
        <v>10</v>
      </c>
      <c r="G6497" s="1" t="s">
        <v>10</v>
      </c>
      <c r="H6497" s="1" t="s">
        <v>10</v>
      </c>
      <c r="I6497" s="1" t="s">
        <v>22777</v>
      </c>
      <c r="J6497" s="1" t="s">
        <v>22820</v>
      </c>
      <c r="K6497" s="1" t="s">
        <v>27</v>
      </c>
      <c r="L6497" s="1" t="s">
        <v>22865</v>
      </c>
      <c r="M6497" s="1" t="s">
        <v>5</v>
      </c>
      <c r="N6497" s="1" t="s">
        <v>960</v>
      </c>
      <c r="O6497" s="1" t="s">
        <v>38</v>
      </c>
      <c r="P6497" s="5" t="s">
        <v>30698</v>
      </c>
    </row>
    <row r="6498" spans="1:16" x14ac:dyDescent="0.2">
      <c r="A6498" s="1" t="s">
        <v>10</v>
      </c>
      <c r="B6498" s="1" t="s">
        <v>10</v>
      </c>
      <c r="C6498" s="1" t="s">
        <v>22869</v>
      </c>
      <c r="D6498" s="1" t="s">
        <v>22870</v>
      </c>
      <c r="E6498" s="1"/>
      <c r="F6498" s="1" t="s">
        <v>10</v>
      </c>
      <c r="G6498" s="1" t="s">
        <v>10</v>
      </c>
      <c r="H6498" s="1" t="s">
        <v>10</v>
      </c>
      <c r="I6498" s="1" t="s">
        <v>22777</v>
      </c>
      <c r="J6498" s="1" t="s">
        <v>22820</v>
      </c>
      <c r="K6498" s="1" t="s">
        <v>27</v>
      </c>
      <c r="L6498" s="1" t="s">
        <v>22868</v>
      </c>
      <c r="M6498" s="1" t="s">
        <v>5</v>
      </c>
      <c r="N6498" s="1" t="s">
        <v>25</v>
      </c>
      <c r="O6498" s="1" t="s">
        <v>38</v>
      </c>
      <c r="P6498" s="5" t="s">
        <v>30698</v>
      </c>
    </row>
    <row r="6499" spans="1:16" x14ac:dyDescent="0.2">
      <c r="A6499" s="1" t="s">
        <v>10</v>
      </c>
      <c r="B6499" s="1" t="s">
        <v>10</v>
      </c>
      <c r="C6499" s="1" t="s">
        <v>22872</v>
      </c>
      <c r="D6499" s="1" t="s">
        <v>22873</v>
      </c>
      <c r="E6499" s="1"/>
      <c r="F6499" s="1" t="s">
        <v>10</v>
      </c>
      <c r="G6499" s="1" t="s">
        <v>10</v>
      </c>
      <c r="H6499" s="1" t="s">
        <v>10</v>
      </c>
      <c r="I6499" s="1" t="s">
        <v>22777</v>
      </c>
      <c r="J6499" s="1" t="s">
        <v>22820</v>
      </c>
      <c r="K6499" s="1" t="s">
        <v>27</v>
      </c>
      <c r="L6499" s="1" t="s">
        <v>22871</v>
      </c>
      <c r="M6499" s="1" t="s">
        <v>5</v>
      </c>
      <c r="N6499" s="1" t="s">
        <v>1009</v>
      </c>
      <c r="O6499" s="1" t="s">
        <v>38</v>
      </c>
      <c r="P6499" s="5" t="s">
        <v>30698</v>
      </c>
    </row>
    <row r="6500" spans="1:16" x14ac:dyDescent="0.2">
      <c r="A6500" s="1" t="s">
        <v>10</v>
      </c>
      <c r="B6500" s="1" t="s">
        <v>10</v>
      </c>
      <c r="C6500" s="1" t="s">
        <v>22875</v>
      </c>
      <c r="D6500" s="1" t="s">
        <v>22876</v>
      </c>
      <c r="E6500" s="1"/>
      <c r="F6500" s="1" t="s">
        <v>10</v>
      </c>
      <c r="G6500" s="1" t="s">
        <v>10</v>
      </c>
      <c r="H6500" s="1" t="s">
        <v>10</v>
      </c>
      <c r="I6500" s="1" t="s">
        <v>22777</v>
      </c>
      <c r="J6500" s="1" t="s">
        <v>22820</v>
      </c>
      <c r="K6500" s="1" t="s">
        <v>27</v>
      </c>
      <c r="L6500" s="1" t="s">
        <v>22874</v>
      </c>
      <c r="M6500" s="1" t="s">
        <v>5</v>
      </c>
      <c r="N6500" s="1" t="s">
        <v>960</v>
      </c>
      <c r="O6500" s="1" t="s">
        <v>38</v>
      </c>
      <c r="P6500" s="5" t="s">
        <v>30698</v>
      </c>
    </row>
    <row r="6501" spans="1:16" x14ac:dyDescent="0.2">
      <c r="A6501" s="1" t="s">
        <v>10</v>
      </c>
      <c r="B6501" s="1" t="s">
        <v>10</v>
      </c>
      <c r="C6501" s="1" t="s">
        <v>22878</v>
      </c>
      <c r="D6501" s="1" t="s">
        <v>22879</v>
      </c>
      <c r="E6501" s="1"/>
      <c r="F6501" s="1" t="s">
        <v>10</v>
      </c>
      <c r="G6501" s="1" t="s">
        <v>10</v>
      </c>
      <c r="H6501" s="1" t="s">
        <v>10</v>
      </c>
      <c r="I6501" s="1" t="s">
        <v>22777</v>
      </c>
      <c r="J6501" s="1" t="s">
        <v>22820</v>
      </c>
      <c r="K6501" s="1" t="s">
        <v>27</v>
      </c>
      <c r="L6501" s="1" t="s">
        <v>22877</v>
      </c>
      <c r="M6501" s="1" t="s">
        <v>5</v>
      </c>
      <c r="N6501" s="1" t="s">
        <v>6</v>
      </c>
      <c r="O6501" s="1" t="s">
        <v>38</v>
      </c>
      <c r="P6501" s="5" t="s">
        <v>30698</v>
      </c>
    </row>
    <row r="6502" spans="1:16" x14ac:dyDescent="0.2">
      <c r="A6502" s="1" t="s">
        <v>10</v>
      </c>
      <c r="B6502" s="1" t="s">
        <v>10</v>
      </c>
      <c r="C6502" s="1" t="s">
        <v>22881</v>
      </c>
      <c r="D6502" s="1" t="s">
        <v>22882</v>
      </c>
      <c r="E6502" s="1"/>
      <c r="F6502" s="1" t="s">
        <v>10</v>
      </c>
      <c r="G6502" s="1" t="s">
        <v>10</v>
      </c>
      <c r="H6502" s="1" t="s">
        <v>10</v>
      </c>
      <c r="I6502" s="1" t="s">
        <v>22777</v>
      </c>
      <c r="J6502" s="1" t="s">
        <v>22820</v>
      </c>
      <c r="K6502" s="1" t="s">
        <v>27</v>
      </c>
      <c r="L6502" s="1" t="s">
        <v>22880</v>
      </c>
      <c r="M6502" s="1" t="s">
        <v>5</v>
      </c>
      <c r="N6502" s="1" t="s">
        <v>25</v>
      </c>
      <c r="O6502" s="1" t="s">
        <v>38</v>
      </c>
      <c r="P6502" s="5" t="s">
        <v>30698</v>
      </c>
    </row>
    <row r="6503" spans="1:16" x14ac:dyDescent="0.2">
      <c r="A6503" s="1" t="s">
        <v>10</v>
      </c>
      <c r="B6503" s="1" t="s">
        <v>10</v>
      </c>
      <c r="C6503" s="1" t="s">
        <v>22884</v>
      </c>
      <c r="D6503" s="1" t="s">
        <v>22885</v>
      </c>
      <c r="E6503" s="1"/>
      <c r="F6503" s="1" t="s">
        <v>10</v>
      </c>
      <c r="G6503" s="1" t="s">
        <v>10</v>
      </c>
      <c r="H6503" s="1" t="s">
        <v>10</v>
      </c>
      <c r="I6503" s="1" t="s">
        <v>22777</v>
      </c>
      <c r="J6503" s="1" t="s">
        <v>22820</v>
      </c>
      <c r="K6503" s="1" t="s">
        <v>27</v>
      </c>
      <c r="L6503" s="1" t="s">
        <v>22883</v>
      </c>
      <c r="M6503" s="1" t="s">
        <v>5</v>
      </c>
      <c r="N6503" s="1" t="s">
        <v>6</v>
      </c>
      <c r="O6503" s="1" t="s">
        <v>38</v>
      </c>
      <c r="P6503" s="5" t="s">
        <v>22781</v>
      </c>
    </row>
    <row r="6504" spans="1:16" x14ac:dyDescent="0.2">
      <c r="A6504" s="1" t="s">
        <v>10</v>
      </c>
      <c r="B6504" s="1" t="s">
        <v>10</v>
      </c>
      <c r="C6504" s="1" t="s">
        <v>22887</v>
      </c>
      <c r="D6504" s="1" t="s">
        <v>11932</v>
      </c>
      <c r="E6504" s="1"/>
      <c r="F6504" s="1" t="s">
        <v>10</v>
      </c>
      <c r="G6504" s="1" t="s">
        <v>10</v>
      </c>
      <c r="H6504" s="1" t="s">
        <v>10</v>
      </c>
      <c r="I6504" s="1" t="s">
        <v>22777</v>
      </c>
      <c r="J6504" s="1" t="s">
        <v>22820</v>
      </c>
      <c r="K6504" s="1" t="s">
        <v>27</v>
      </c>
      <c r="L6504" s="1" t="s">
        <v>22886</v>
      </c>
      <c r="M6504" s="1" t="s">
        <v>5</v>
      </c>
      <c r="N6504" s="1" t="s">
        <v>1009</v>
      </c>
      <c r="O6504" s="1" t="s">
        <v>38</v>
      </c>
      <c r="P6504" s="5" t="s">
        <v>30698</v>
      </c>
    </row>
    <row r="6505" spans="1:16" x14ac:dyDescent="0.2">
      <c r="A6505" s="1" t="s">
        <v>10</v>
      </c>
      <c r="B6505" s="1" t="s">
        <v>10</v>
      </c>
      <c r="C6505" s="1" t="s">
        <v>22889</v>
      </c>
      <c r="D6505" s="1" t="s">
        <v>22890</v>
      </c>
      <c r="E6505" s="1" t="s">
        <v>22892</v>
      </c>
      <c r="F6505" s="1" t="s">
        <v>10</v>
      </c>
      <c r="G6505" s="1" t="s">
        <v>10</v>
      </c>
      <c r="H6505" s="1" t="s">
        <v>10</v>
      </c>
      <c r="I6505" s="1" t="s">
        <v>22777</v>
      </c>
      <c r="J6505" s="1" t="s">
        <v>22891</v>
      </c>
      <c r="K6505" s="1" t="s">
        <v>27</v>
      </c>
      <c r="L6505" s="1" t="s">
        <v>22888</v>
      </c>
      <c r="M6505" s="1" t="s">
        <v>5</v>
      </c>
      <c r="N6505" s="1" t="s">
        <v>25</v>
      </c>
      <c r="O6505" s="1" t="s">
        <v>38</v>
      </c>
      <c r="P6505" s="5" t="s">
        <v>30698</v>
      </c>
    </row>
    <row r="6506" spans="1:16" x14ac:dyDescent="0.2">
      <c r="A6506" s="1" t="s">
        <v>10</v>
      </c>
      <c r="B6506" s="1" t="s">
        <v>10</v>
      </c>
      <c r="C6506" s="1" t="s">
        <v>22894</v>
      </c>
      <c r="D6506" s="1" t="s">
        <v>22895</v>
      </c>
      <c r="E6506" s="1" t="s">
        <v>22896</v>
      </c>
      <c r="F6506" s="1" t="s">
        <v>10</v>
      </c>
      <c r="G6506" s="1" t="s">
        <v>10</v>
      </c>
      <c r="H6506" s="1" t="s">
        <v>10</v>
      </c>
      <c r="I6506" s="1" t="s">
        <v>22777</v>
      </c>
      <c r="J6506" s="1" t="s">
        <v>19</v>
      </c>
      <c r="K6506" s="1" t="s">
        <v>7</v>
      </c>
      <c r="L6506" s="1" t="s">
        <v>22893</v>
      </c>
      <c r="M6506" s="1" t="s">
        <v>5</v>
      </c>
      <c r="N6506" s="1" t="s">
        <v>25</v>
      </c>
      <c r="O6506" s="1" t="s">
        <v>38</v>
      </c>
      <c r="P6506" s="5" t="s">
        <v>30698</v>
      </c>
    </row>
    <row r="6507" spans="1:16" x14ac:dyDescent="0.2">
      <c r="A6507" s="1" t="s">
        <v>10</v>
      </c>
      <c r="B6507" s="1" t="s">
        <v>10</v>
      </c>
      <c r="C6507" s="1" t="s">
        <v>22898</v>
      </c>
      <c r="D6507" s="1" t="s">
        <v>22899</v>
      </c>
      <c r="E6507" s="1"/>
      <c r="F6507" s="1" t="s">
        <v>10</v>
      </c>
      <c r="G6507" s="1" t="s">
        <v>10</v>
      </c>
      <c r="H6507" s="1" t="s">
        <v>10</v>
      </c>
      <c r="I6507" s="1" t="s">
        <v>22777</v>
      </c>
      <c r="J6507" s="1" t="s">
        <v>22820</v>
      </c>
      <c r="K6507" s="1" t="s">
        <v>27</v>
      </c>
      <c r="L6507" s="1" t="s">
        <v>22897</v>
      </c>
      <c r="M6507" s="1" t="s">
        <v>5</v>
      </c>
      <c r="N6507" s="1" t="s">
        <v>6</v>
      </c>
      <c r="O6507" s="1" t="s">
        <v>38</v>
      </c>
      <c r="P6507" s="5" t="s">
        <v>30698</v>
      </c>
    </row>
    <row r="6508" spans="1:16" x14ac:dyDescent="0.2">
      <c r="A6508" s="1" t="s">
        <v>10</v>
      </c>
      <c r="B6508" s="1" t="s">
        <v>10</v>
      </c>
      <c r="C6508" s="1" t="s">
        <v>2018</v>
      </c>
      <c r="D6508" s="1" t="s">
        <v>2019</v>
      </c>
      <c r="E6508" s="1"/>
      <c r="F6508" s="1" t="s">
        <v>10</v>
      </c>
      <c r="G6508" s="1" t="s">
        <v>10</v>
      </c>
      <c r="H6508" s="1" t="s">
        <v>10</v>
      </c>
      <c r="I6508" s="1" t="s">
        <v>22777</v>
      </c>
      <c r="J6508" s="1" t="s">
        <v>22820</v>
      </c>
      <c r="K6508" s="1" t="s">
        <v>27</v>
      </c>
      <c r="L6508" s="1" t="s">
        <v>22900</v>
      </c>
      <c r="M6508" s="1" t="s">
        <v>5</v>
      </c>
      <c r="N6508" s="1" t="s">
        <v>960</v>
      </c>
      <c r="O6508" s="1" t="s">
        <v>38</v>
      </c>
      <c r="P6508" s="5" t="s">
        <v>30698</v>
      </c>
    </row>
    <row r="6509" spans="1:16" x14ac:dyDescent="0.2">
      <c r="A6509" s="1" t="s">
        <v>10</v>
      </c>
      <c r="B6509" s="1" t="s">
        <v>10</v>
      </c>
      <c r="C6509" s="1" t="s">
        <v>22902</v>
      </c>
      <c r="D6509" s="1" t="s">
        <v>22903</v>
      </c>
      <c r="E6509" s="1"/>
      <c r="F6509" s="1" t="s">
        <v>10</v>
      </c>
      <c r="G6509" s="1" t="s">
        <v>10</v>
      </c>
      <c r="H6509" s="1" t="s">
        <v>10</v>
      </c>
      <c r="I6509" s="1" t="s">
        <v>22777</v>
      </c>
      <c r="J6509" s="1" t="s">
        <v>22820</v>
      </c>
      <c r="K6509" s="1" t="s">
        <v>27</v>
      </c>
      <c r="L6509" s="1" t="s">
        <v>22901</v>
      </c>
      <c r="M6509" s="1" t="s">
        <v>5</v>
      </c>
      <c r="N6509" s="1" t="s">
        <v>25</v>
      </c>
      <c r="O6509" s="1" t="s">
        <v>38</v>
      </c>
      <c r="P6509" s="5" t="s">
        <v>30698</v>
      </c>
    </row>
    <row r="6510" spans="1:16" x14ac:dyDescent="0.2">
      <c r="A6510" s="1" t="s">
        <v>10</v>
      </c>
      <c r="B6510" s="1" t="s">
        <v>10</v>
      </c>
      <c r="C6510" s="1" t="s">
        <v>22905</v>
      </c>
      <c r="D6510" s="1" t="s">
        <v>7408</v>
      </c>
      <c r="E6510" s="1" t="s">
        <v>22906</v>
      </c>
      <c r="F6510" s="1" t="s">
        <v>10</v>
      </c>
      <c r="G6510" s="1" t="s">
        <v>10</v>
      </c>
      <c r="H6510" s="1" t="s">
        <v>10</v>
      </c>
      <c r="I6510" s="1" t="s">
        <v>22777</v>
      </c>
      <c r="J6510" s="1" t="s">
        <v>22820</v>
      </c>
      <c r="K6510" s="1" t="s">
        <v>27</v>
      </c>
      <c r="L6510" s="1" t="s">
        <v>22904</v>
      </c>
      <c r="M6510" s="1" t="s">
        <v>5</v>
      </c>
      <c r="N6510" s="1" t="s">
        <v>6</v>
      </c>
      <c r="O6510" s="1" t="s">
        <v>38</v>
      </c>
      <c r="P6510" s="5" t="s">
        <v>30698</v>
      </c>
    </row>
    <row r="6511" spans="1:16" x14ac:dyDescent="0.2">
      <c r="A6511" s="1" t="s">
        <v>10</v>
      </c>
      <c r="B6511" s="1" t="s">
        <v>10</v>
      </c>
      <c r="C6511" s="1" t="s">
        <v>22908</v>
      </c>
      <c r="D6511" s="1" t="s">
        <v>22909</v>
      </c>
      <c r="E6511" s="1"/>
      <c r="F6511" s="1" t="s">
        <v>10</v>
      </c>
      <c r="G6511" s="1" t="s">
        <v>10</v>
      </c>
      <c r="H6511" s="1" t="s">
        <v>10</v>
      </c>
      <c r="I6511" s="1" t="s">
        <v>22777</v>
      </c>
      <c r="J6511" s="1" t="s">
        <v>22820</v>
      </c>
      <c r="K6511" s="1" t="s">
        <v>27</v>
      </c>
      <c r="L6511" s="1" t="s">
        <v>22907</v>
      </c>
      <c r="M6511" s="1" t="s">
        <v>5</v>
      </c>
      <c r="N6511" s="1" t="s">
        <v>960</v>
      </c>
      <c r="O6511" s="1" t="s">
        <v>38</v>
      </c>
      <c r="P6511" s="5" t="s">
        <v>30698</v>
      </c>
    </row>
    <row r="6512" spans="1:16" x14ac:dyDescent="0.2">
      <c r="A6512" s="1" t="s">
        <v>10</v>
      </c>
      <c r="B6512" s="1" t="s">
        <v>10</v>
      </c>
      <c r="C6512" s="1" t="s">
        <v>22911</v>
      </c>
      <c r="D6512" s="1" t="s">
        <v>22912</v>
      </c>
      <c r="E6512" s="1" t="s">
        <v>22913</v>
      </c>
      <c r="F6512" s="1" t="s">
        <v>10</v>
      </c>
      <c r="G6512" s="1" t="s">
        <v>10</v>
      </c>
      <c r="H6512" s="1" t="s">
        <v>10</v>
      </c>
      <c r="I6512" s="1" t="s">
        <v>22777</v>
      </c>
      <c r="J6512" s="1" t="s">
        <v>22820</v>
      </c>
      <c r="K6512" s="1" t="s">
        <v>27</v>
      </c>
      <c r="L6512" s="1" t="s">
        <v>22910</v>
      </c>
      <c r="M6512" s="1" t="s">
        <v>5</v>
      </c>
      <c r="N6512" s="1" t="s">
        <v>6</v>
      </c>
      <c r="O6512" s="1" t="s">
        <v>38</v>
      </c>
      <c r="P6512" s="5" t="s">
        <v>30698</v>
      </c>
    </row>
    <row r="6513" spans="1:16" x14ac:dyDescent="0.2">
      <c r="A6513" s="1" t="s">
        <v>10</v>
      </c>
      <c r="B6513" s="1" t="s">
        <v>10</v>
      </c>
      <c r="C6513" s="1" t="s">
        <v>22915</v>
      </c>
      <c r="D6513" s="1" t="s">
        <v>22916</v>
      </c>
      <c r="E6513" s="1" t="s">
        <v>22917</v>
      </c>
      <c r="F6513" s="1" t="s">
        <v>10</v>
      </c>
      <c r="G6513" s="1" t="s">
        <v>10</v>
      </c>
      <c r="H6513" s="1" t="s">
        <v>10</v>
      </c>
      <c r="I6513" s="1" t="s">
        <v>22777</v>
      </c>
      <c r="J6513" s="1" t="s">
        <v>10</v>
      </c>
      <c r="K6513" s="1" t="s">
        <v>10</v>
      </c>
      <c r="L6513" s="1" t="s">
        <v>22914</v>
      </c>
      <c r="M6513" s="1" t="s">
        <v>5</v>
      </c>
      <c r="N6513" s="1" t="s">
        <v>960</v>
      </c>
      <c r="O6513" s="1" t="s">
        <v>38</v>
      </c>
      <c r="P6513" s="5" t="s">
        <v>22781</v>
      </c>
    </row>
    <row r="6514" spans="1:16" x14ac:dyDescent="0.2">
      <c r="A6514" s="1" t="s">
        <v>10</v>
      </c>
      <c r="B6514" s="1" t="s">
        <v>10</v>
      </c>
      <c r="C6514" s="1" t="s">
        <v>2010</v>
      </c>
      <c r="D6514" s="1" t="s">
        <v>2011</v>
      </c>
      <c r="E6514" s="1"/>
      <c r="F6514" s="1" t="s">
        <v>10</v>
      </c>
      <c r="G6514" s="1" t="s">
        <v>10</v>
      </c>
      <c r="H6514" s="1" t="s">
        <v>10</v>
      </c>
      <c r="I6514" s="1" t="s">
        <v>22777</v>
      </c>
      <c r="J6514" s="1" t="s">
        <v>22919</v>
      </c>
      <c r="K6514" s="1" t="s">
        <v>27</v>
      </c>
      <c r="L6514" s="1" t="s">
        <v>22918</v>
      </c>
      <c r="M6514" s="1" t="s">
        <v>5</v>
      </c>
      <c r="N6514" s="1" t="s">
        <v>960</v>
      </c>
      <c r="O6514" s="1" t="s">
        <v>38</v>
      </c>
      <c r="P6514" s="5" t="s">
        <v>30698</v>
      </c>
    </row>
    <row r="6515" spans="1:16" x14ac:dyDescent="0.2">
      <c r="A6515" s="1" t="s">
        <v>10</v>
      </c>
      <c r="B6515" s="1" t="s">
        <v>10</v>
      </c>
      <c r="C6515" s="1" t="s">
        <v>2003</v>
      </c>
      <c r="D6515" s="1" t="s">
        <v>2004</v>
      </c>
      <c r="E6515" s="1"/>
      <c r="F6515" s="1" t="s">
        <v>10</v>
      </c>
      <c r="G6515" s="1" t="s">
        <v>10</v>
      </c>
      <c r="H6515" s="1" t="s">
        <v>10</v>
      </c>
      <c r="I6515" s="1" t="s">
        <v>22777</v>
      </c>
      <c r="J6515" s="1" t="s">
        <v>22919</v>
      </c>
      <c r="K6515" s="1" t="s">
        <v>27</v>
      </c>
      <c r="L6515" s="1" t="s">
        <v>22920</v>
      </c>
      <c r="M6515" s="1" t="s">
        <v>5</v>
      </c>
      <c r="N6515" s="1" t="s">
        <v>960</v>
      </c>
      <c r="O6515" s="1" t="s">
        <v>38</v>
      </c>
      <c r="P6515" s="5" t="s">
        <v>30698</v>
      </c>
    </row>
    <row r="6516" spans="1:16" x14ac:dyDescent="0.2">
      <c r="A6516" s="1" t="s">
        <v>10</v>
      </c>
      <c r="B6516" s="1" t="s">
        <v>10</v>
      </c>
      <c r="C6516" s="1" t="s">
        <v>22922</v>
      </c>
      <c r="D6516" s="1" t="s">
        <v>22923</v>
      </c>
      <c r="E6516" s="1"/>
      <c r="F6516" s="1" t="s">
        <v>10</v>
      </c>
      <c r="G6516" s="1" t="s">
        <v>10</v>
      </c>
      <c r="H6516" s="1" t="s">
        <v>10</v>
      </c>
      <c r="I6516" s="1" t="s">
        <v>22777</v>
      </c>
      <c r="J6516" s="1" t="s">
        <v>22919</v>
      </c>
      <c r="K6516" s="1" t="s">
        <v>27</v>
      </c>
      <c r="L6516" s="1" t="s">
        <v>22921</v>
      </c>
      <c r="M6516" s="1" t="s">
        <v>5</v>
      </c>
      <c r="N6516" s="1" t="s">
        <v>960</v>
      </c>
      <c r="O6516" s="1" t="s">
        <v>38</v>
      </c>
      <c r="P6516" s="5" t="s">
        <v>30698</v>
      </c>
    </row>
    <row r="6517" spans="1:16" x14ac:dyDescent="0.2">
      <c r="A6517" s="1" t="s">
        <v>10</v>
      </c>
      <c r="B6517" s="1" t="s">
        <v>10</v>
      </c>
      <c r="C6517" s="1" t="s">
        <v>22925</v>
      </c>
      <c r="D6517" s="1" t="s">
        <v>22926</v>
      </c>
      <c r="E6517" s="1" t="s">
        <v>22927</v>
      </c>
      <c r="F6517" s="1" t="s">
        <v>10</v>
      </c>
      <c r="G6517" s="1" t="s">
        <v>10</v>
      </c>
      <c r="H6517" s="1" t="s">
        <v>10</v>
      </c>
      <c r="I6517" s="1" t="s">
        <v>22777</v>
      </c>
      <c r="J6517" s="1" t="s">
        <v>22919</v>
      </c>
      <c r="K6517" s="1" t="s">
        <v>27</v>
      </c>
      <c r="L6517" s="1" t="s">
        <v>22924</v>
      </c>
      <c r="M6517" s="1" t="s">
        <v>5</v>
      </c>
      <c r="N6517" s="1" t="s">
        <v>960</v>
      </c>
      <c r="O6517" s="1" t="s">
        <v>38</v>
      </c>
      <c r="P6517" s="5" t="s">
        <v>30698</v>
      </c>
    </row>
    <row r="6518" spans="1:16" x14ac:dyDescent="0.2">
      <c r="A6518" s="1" t="s">
        <v>10</v>
      </c>
      <c r="B6518" s="1" t="s">
        <v>10</v>
      </c>
      <c r="C6518" s="1" t="s">
        <v>22929</v>
      </c>
      <c r="D6518" s="1" t="s">
        <v>22930</v>
      </c>
      <c r="E6518" s="1"/>
      <c r="F6518" s="1" t="s">
        <v>10</v>
      </c>
      <c r="G6518" s="1" t="s">
        <v>10</v>
      </c>
      <c r="H6518" s="1" t="s">
        <v>10</v>
      </c>
      <c r="I6518" s="1" t="s">
        <v>22777</v>
      </c>
      <c r="J6518" s="1" t="s">
        <v>22919</v>
      </c>
      <c r="K6518" s="1" t="s">
        <v>27</v>
      </c>
      <c r="L6518" s="1" t="s">
        <v>22928</v>
      </c>
      <c r="M6518" s="1" t="s">
        <v>5</v>
      </c>
      <c r="N6518" s="1" t="s">
        <v>960</v>
      </c>
      <c r="O6518" s="1" t="s">
        <v>38</v>
      </c>
      <c r="P6518" s="5" t="s">
        <v>30698</v>
      </c>
    </row>
    <row r="6519" spans="1:16" x14ac:dyDescent="0.2">
      <c r="A6519" s="1" t="s">
        <v>10</v>
      </c>
      <c r="B6519" s="1" t="s">
        <v>10</v>
      </c>
      <c r="C6519" s="1" t="s">
        <v>22932</v>
      </c>
      <c r="D6519" s="1" t="s">
        <v>22933</v>
      </c>
      <c r="E6519" s="1" t="s">
        <v>22934</v>
      </c>
      <c r="F6519" s="1" t="s">
        <v>10</v>
      </c>
      <c r="G6519" s="1" t="s">
        <v>10</v>
      </c>
      <c r="H6519" s="1" t="s">
        <v>10</v>
      </c>
      <c r="I6519" s="1" t="s">
        <v>22777</v>
      </c>
      <c r="J6519" s="1" t="s">
        <v>22919</v>
      </c>
      <c r="K6519" s="1" t="s">
        <v>27</v>
      </c>
      <c r="L6519" s="1" t="s">
        <v>22931</v>
      </c>
      <c r="M6519" s="1" t="s">
        <v>5</v>
      </c>
      <c r="N6519" s="1" t="s">
        <v>960</v>
      </c>
      <c r="O6519" s="1" t="s">
        <v>38</v>
      </c>
      <c r="P6519" s="5" t="s">
        <v>30698</v>
      </c>
    </row>
    <row r="6520" spans="1:16" x14ac:dyDescent="0.2">
      <c r="A6520" s="1" t="s">
        <v>10</v>
      </c>
      <c r="B6520" s="1" t="s">
        <v>10</v>
      </c>
      <c r="C6520" s="1" t="s">
        <v>22936</v>
      </c>
      <c r="D6520" s="1" t="s">
        <v>14920</v>
      </c>
      <c r="E6520" s="1"/>
      <c r="F6520" s="1" t="s">
        <v>10</v>
      </c>
      <c r="G6520" s="1" t="s">
        <v>10</v>
      </c>
      <c r="H6520" s="1" t="s">
        <v>10</v>
      </c>
      <c r="I6520" s="1" t="s">
        <v>22777</v>
      </c>
      <c r="J6520" s="1" t="s">
        <v>10</v>
      </c>
      <c r="K6520" s="1" t="s">
        <v>10</v>
      </c>
      <c r="L6520" s="1" t="s">
        <v>22935</v>
      </c>
      <c r="M6520" s="1" t="s">
        <v>5</v>
      </c>
      <c r="N6520" s="1" t="s">
        <v>960</v>
      </c>
      <c r="O6520" s="1" t="s">
        <v>38</v>
      </c>
      <c r="P6520" s="5" t="s">
        <v>30698</v>
      </c>
    </row>
    <row r="6521" spans="1:16" x14ac:dyDescent="0.2">
      <c r="A6521" s="1" t="s">
        <v>10</v>
      </c>
      <c r="B6521" s="1" t="s">
        <v>10</v>
      </c>
      <c r="C6521" s="1" t="s">
        <v>22938</v>
      </c>
      <c r="D6521" s="1" t="s">
        <v>22939</v>
      </c>
      <c r="E6521" s="1"/>
      <c r="F6521" s="1" t="s">
        <v>10</v>
      </c>
      <c r="G6521" s="1" t="s">
        <v>10</v>
      </c>
      <c r="H6521" s="1" t="s">
        <v>10</v>
      </c>
      <c r="I6521" s="1" t="s">
        <v>22777</v>
      </c>
      <c r="J6521" s="1" t="s">
        <v>10</v>
      </c>
      <c r="K6521" s="1" t="s">
        <v>10</v>
      </c>
      <c r="L6521" s="1" t="s">
        <v>22937</v>
      </c>
      <c r="M6521" s="1" t="s">
        <v>5</v>
      </c>
      <c r="N6521" s="1" t="s">
        <v>25</v>
      </c>
      <c r="O6521" s="1" t="s">
        <v>8</v>
      </c>
      <c r="P6521" s="5" t="s">
        <v>30698</v>
      </c>
    </row>
    <row r="6522" spans="1:16" x14ac:dyDescent="0.2">
      <c r="A6522" s="1" t="s">
        <v>10</v>
      </c>
      <c r="B6522" s="1" t="s">
        <v>10</v>
      </c>
      <c r="C6522" s="1" t="s">
        <v>22941</v>
      </c>
      <c r="D6522" s="1" t="s">
        <v>22942</v>
      </c>
      <c r="E6522" s="1"/>
      <c r="F6522" s="1" t="s">
        <v>10</v>
      </c>
      <c r="G6522" s="1" t="s">
        <v>10</v>
      </c>
      <c r="H6522" s="1" t="s">
        <v>10</v>
      </c>
      <c r="I6522" s="1" t="s">
        <v>22777</v>
      </c>
      <c r="J6522" s="1" t="s">
        <v>10</v>
      </c>
      <c r="K6522" s="1" t="s">
        <v>10</v>
      </c>
      <c r="L6522" s="1" t="s">
        <v>22940</v>
      </c>
      <c r="M6522" s="1" t="s">
        <v>5</v>
      </c>
      <c r="N6522" s="1" t="s">
        <v>1009</v>
      </c>
      <c r="O6522" s="1" t="s">
        <v>8</v>
      </c>
      <c r="P6522" s="5" t="s">
        <v>30698</v>
      </c>
    </row>
    <row r="6523" spans="1:16" x14ac:dyDescent="0.2">
      <c r="A6523" s="1" t="s">
        <v>10</v>
      </c>
      <c r="B6523" s="1" t="s">
        <v>10</v>
      </c>
      <c r="C6523" s="1" t="s">
        <v>2014</v>
      </c>
      <c r="D6523" s="1" t="s">
        <v>2015</v>
      </c>
      <c r="E6523" s="1"/>
      <c r="F6523" s="1" t="s">
        <v>10</v>
      </c>
      <c r="G6523" s="1" t="s">
        <v>10</v>
      </c>
      <c r="H6523" s="1" t="s">
        <v>10</v>
      </c>
      <c r="I6523" s="1" t="s">
        <v>22777</v>
      </c>
      <c r="J6523" s="1" t="s">
        <v>22919</v>
      </c>
      <c r="K6523" s="1" t="s">
        <v>27</v>
      </c>
      <c r="L6523" s="1" t="s">
        <v>22943</v>
      </c>
      <c r="M6523" s="1" t="s">
        <v>5</v>
      </c>
      <c r="N6523" s="1" t="s">
        <v>960</v>
      </c>
      <c r="O6523" s="1" t="s">
        <v>38</v>
      </c>
      <c r="P6523" s="5" t="s">
        <v>30698</v>
      </c>
    </row>
    <row r="6524" spans="1:16" x14ac:dyDescent="0.2">
      <c r="A6524" s="1" t="s">
        <v>10</v>
      </c>
      <c r="B6524" s="1" t="s">
        <v>10</v>
      </c>
      <c r="C6524" s="1" t="s">
        <v>2007</v>
      </c>
      <c r="D6524" s="1" t="s">
        <v>546</v>
      </c>
      <c r="E6524" s="1"/>
      <c r="F6524" s="1" t="s">
        <v>10</v>
      </c>
      <c r="G6524" s="1" t="s">
        <v>10</v>
      </c>
      <c r="H6524" s="1" t="s">
        <v>10</v>
      </c>
      <c r="I6524" s="1" t="s">
        <v>22777</v>
      </c>
      <c r="J6524" s="1" t="s">
        <v>22919</v>
      </c>
      <c r="K6524" s="1" t="s">
        <v>27</v>
      </c>
      <c r="L6524" s="1" t="s">
        <v>22944</v>
      </c>
      <c r="M6524" s="1" t="s">
        <v>5</v>
      </c>
      <c r="N6524" s="1" t="s">
        <v>960</v>
      </c>
      <c r="O6524" s="1" t="s">
        <v>38</v>
      </c>
      <c r="P6524" s="5" t="s">
        <v>30698</v>
      </c>
    </row>
    <row r="6525" spans="1:16" x14ac:dyDescent="0.2">
      <c r="A6525" s="1" t="s">
        <v>10</v>
      </c>
      <c r="B6525" s="1" t="s">
        <v>376</v>
      </c>
      <c r="C6525" s="1" t="s">
        <v>22946</v>
      </c>
      <c r="D6525" s="1" t="s">
        <v>22947</v>
      </c>
      <c r="E6525" s="1" t="s">
        <v>22948</v>
      </c>
      <c r="F6525" s="1" t="s">
        <v>10</v>
      </c>
      <c r="G6525" s="1" t="s">
        <v>10</v>
      </c>
      <c r="H6525" s="1" t="s">
        <v>10</v>
      </c>
      <c r="I6525" s="1" t="s">
        <v>22777</v>
      </c>
      <c r="J6525" s="1" t="s">
        <v>22891</v>
      </c>
      <c r="K6525" s="1" t="s">
        <v>27</v>
      </c>
      <c r="L6525" s="1" t="s">
        <v>22945</v>
      </c>
      <c r="M6525" s="1" t="s">
        <v>5</v>
      </c>
      <c r="N6525" s="1" t="s">
        <v>1009</v>
      </c>
      <c r="O6525" s="1" t="s">
        <v>38</v>
      </c>
      <c r="P6525" s="5" t="s">
        <v>30698</v>
      </c>
    </row>
    <row r="6526" spans="1:16" x14ac:dyDescent="0.2">
      <c r="A6526" s="1" t="s">
        <v>10</v>
      </c>
      <c r="B6526" s="1" t="s">
        <v>10</v>
      </c>
      <c r="C6526" s="1" t="s">
        <v>22950</v>
      </c>
      <c r="D6526" s="1" t="s">
        <v>22951</v>
      </c>
      <c r="E6526" s="1" t="s">
        <v>22952</v>
      </c>
      <c r="F6526" s="1" t="s">
        <v>10</v>
      </c>
      <c r="G6526" s="1" t="s">
        <v>10</v>
      </c>
      <c r="H6526" s="1" t="s">
        <v>10</v>
      </c>
      <c r="I6526" s="1" t="s">
        <v>22777</v>
      </c>
      <c r="J6526" s="1" t="s">
        <v>10</v>
      </c>
      <c r="K6526" s="1" t="s">
        <v>10</v>
      </c>
      <c r="L6526" s="1" t="s">
        <v>22949</v>
      </c>
      <c r="M6526" s="1" t="s">
        <v>5</v>
      </c>
      <c r="N6526" s="1" t="s">
        <v>25</v>
      </c>
      <c r="O6526" s="1" t="s">
        <v>8</v>
      </c>
      <c r="P6526" s="5" t="s">
        <v>30698</v>
      </c>
    </row>
    <row r="6527" spans="1:16" x14ac:dyDescent="0.2">
      <c r="A6527" s="1" t="s">
        <v>10</v>
      </c>
      <c r="B6527" s="1" t="s">
        <v>10</v>
      </c>
      <c r="C6527" s="1" t="s">
        <v>22954</v>
      </c>
      <c r="D6527" s="1" t="s">
        <v>22955</v>
      </c>
      <c r="E6527" s="1" t="s">
        <v>22956</v>
      </c>
      <c r="F6527" s="1" t="s">
        <v>10</v>
      </c>
      <c r="G6527" s="1" t="s">
        <v>10</v>
      </c>
      <c r="H6527" s="1" t="s">
        <v>10</v>
      </c>
      <c r="I6527" s="1" t="s">
        <v>22777</v>
      </c>
      <c r="J6527" s="1" t="s">
        <v>10</v>
      </c>
      <c r="K6527" s="1" t="s">
        <v>10</v>
      </c>
      <c r="L6527" s="1" t="s">
        <v>22953</v>
      </c>
      <c r="M6527" s="1" t="s">
        <v>5</v>
      </c>
      <c r="N6527" s="1" t="s">
        <v>1009</v>
      </c>
      <c r="O6527" s="1" t="s">
        <v>38</v>
      </c>
      <c r="P6527" s="5" t="s">
        <v>30698</v>
      </c>
    </row>
    <row r="6528" spans="1:16" x14ac:dyDescent="0.2">
      <c r="A6528" s="1" t="s">
        <v>10</v>
      </c>
      <c r="B6528" s="1" t="s">
        <v>10</v>
      </c>
      <c r="C6528" s="1" t="s">
        <v>22958</v>
      </c>
      <c r="D6528" s="1" t="s">
        <v>22959</v>
      </c>
      <c r="E6528" s="1" t="s">
        <v>22960</v>
      </c>
      <c r="F6528" s="1" t="s">
        <v>10</v>
      </c>
      <c r="G6528" s="1" t="s">
        <v>10</v>
      </c>
      <c r="H6528" s="1" t="s">
        <v>10</v>
      </c>
      <c r="I6528" s="1" t="s">
        <v>22777</v>
      </c>
      <c r="J6528" s="1" t="s">
        <v>22891</v>
      </c>
      <c r="K6528" s="1" t="s">
        <v>27</v>
      </c>
      <c r="L6528" s="1" t="s">
        <v>22957</v>
      </c>
      <c r="M6528" s="1" t="s">
        <v>5</v>
      </c>
      <c r="N6528" s="1" t="s">
        <v>1009</v>
      </c>
      <c r="O6528" s="1" t="s">
        <v>38</v>
      </c>
      <c r="P6528" s="5" t="s">
        <v>30698</v>
      </c>
    </row>
    <row r="6529" spans="1:16" x14ac:dyDescent="0.2">
      <c r="A6529" s="1" t="s">
        <v>10</v>
      </c>
      <c r="B6529" s="1" t="s">
        <v>10</v>
      </c>
      <c r="C6529" s="1" t="s">
        <v>22962</v>
      </c>
      <c r="D6529" s="1" t="s">
        <v>22963</v>
      </c>
      <c r="E6529" s="1" t="s">
        <v>22964</v>
      </c>
      <c r="F6529" s="1" t="s">
        <v>10</v>
      </c>
      <c r="G6529" s="1" t="s">
        <v>10</v>
      </c>
      <c r="H6529" s="1" t="s">
        <v>10</v>
      </c>
      <c r="I6529" s="1" t="s">
        <v>22777</v>
      </c>
      <c r="J6529" s="1" t="s">
        <v>22891</v>
      </c>
      <c r="K6529" s="1" t="s">
        <v>27</v>
      </c>
      <c r="L6529" s="1" t="s">
        <v>22961</v>
      </c>
      <c r="M6529" s="1" t="s">
        <v>5</v>
      </c>
      <c r="N6529" s="1" t="s">
        <v>25</v>
      </c>
      <c r="O6529" s="1" t="s">
        <v>38</v>
      </c>
      <c r="P6529" s="5" t="s">
        <v>30698</v>
      </c>
    </row>
    <row r="6530" spans="1:16" x14ac:dyDescent="0.2">
      <c r="A6530" s="1" t="s">
        <v>10</v>
      </c>
      <c r="B6530" s="1" t="s">
        <v>10</v>
      </c>
      <c r="C6530" s="1" t="s">
        <v>22966</v>
      </c>
      <c r="D6530" s="1" t="s">
        <v>22967</v>
      </c>
      <c r="E6530" s="1" t="s">
        <v>22968</v>
      </c>
      <c r="F6530" s="1" t="s">
        <v>10</v>
      </c>
      <c r="G6530" s="1" t="s">
        <v>10</v>
      </c>
      <c r="H6530" s="1" t="s">
        <v>10</v>
      </c>
      <c r="I6530" s="1" t="s">
        <v>22777</v>
      </c>
      <c r="J6530" s="1" t="s">
        <v>22891</v>
      </c>
      <c r="K6530" s="1" t="s">
        <v>27</v>
      </c>
      <c r="L6530" s="1" t="s">
        <v>22965</v>
      </c>
      <c r="M6530" s="1" t="s">
        <v>5</v>
      </c>
      <c r="N6530" s="1" t="s">
        <v>1009</v>
      </c>
      <c r="O6530" s="1" t="s">
        <v>38</v>
      </c>
      <c r="P6530" s="5" t="s">
        <v>30699</v>
      </c>
    </row>
    <row r="6531" spans="1:16" x14ac:dyDescent="0.2">
      <c r="A6531" s="1" t="s">
        <v>10</v>
      </c>
      <c r="B6531" s="1" t="s">
        <v>10</v>
      </c>
      <c r="C6531" s="1" t="s">
        <v>22970</v>
      </c>
      <c r="D6531" s="1" t="s">
        <v>22971</v>
      </c>
      <c r="E6531" s="1" t="s">
        <v>22972</v>
      </c>
      <c r="F6531" s="1" t="s">
        <v>10</v>
      </c>
      <c r="G6531" s="1" t="s">
        <v>10</v>
      </c>
      <c r="H6531" s="1" t="s">
        <v>10</v>
      </c>
      <c r="I6531" s="1" t="s">
        <v>22777</v>
      </c>
      <c r="J6531" s="1" t="s">
        <v>22891</v>
      </c>
      <c r="K6531" s="1" t="s">
        <v>27</v>
      </c>
      <c r="L6531" s="1" t="s">
        <v>22969</v>
      </c>
      <c r="M6531" s="1" t="s">
        <v>5</v>
      </c>
      <c r="N6531" s="1" t="s">
        <v>1009</v>
      </c>
      <c r="O6531" s="1" t="s">
        <v>38</v>
      </c>
      <c r="P6531" s="5" t="s">
        <v>30698</v>
      </c>
    </row>
    <row r="6532" spans="1:16" x14ac:dyDescent="0.2">
      <c r="A6532" s="1" t="s">
        <v>10</v>
      </c>
      <c r="B6532" s="1" t="s">
        <v>10</v>
      </c>
      <c r="C6532" s="1" t="s">
        <v>11931</v>
      </c>
      <c r="D6532" s="1" t="s">
        <v>22974</v>
      </c>
      <c r="E6532" s="1" t="s">
        <v>22975</v>
      </c>
      <c r="F6532" s="1" t="s">
        <v>10</v>
      </c>
      <c r="G6532" s="1" t="s">
        <v>10</v>
      </c>
      <c r="H6532" s="1" t="s">
        <v>10</v>
      </c>
      <c r="I6532" s="1" t="s">
        <v>22777</v>
      </c>
      <c r="J6532" s="1" t="s">
        <v>22891</v>
      </c>
      <c r="K6532" s="1" t="s">
        <v>27</v>
      </c>
      <c r="L6532" s="1" t="s">
        <v>22973</v>
      </c>
      <c r="M6532" s="1" t="s">
        <v>5</v>
      </c>
      <c r="N6532" s="1" t="s">
        <v>25</v>
      </c>
      <c r="O6532" s="1" t="s">
        <v>38</v>
      </c>
      <c r="P6532" s="5" t="s">
        <v>30699</v>
      </c>
    </row>
    <row r="6533" spans="1:16" x14ac:dyDescent="0.2">
      <c r="A6533" s="1" t="s">
        <v>10</v>
      </c>
      <c r="B6533" s="1" t="s">
        <v>10</v>
      </c>
      <c r="C6533" s="1" t="s">
        <v>22977</v>
      </c>
      <c r="D6533" s="1" t="s">
        <v>22978</v>
      </c>
      <c r="E6533" s="1"/>
      <c r="F6533" s="1" t="s">
        <v>10</v>
      </c>
      <c r="G6533" s="1" t="s">
        <v>10</v>
      </c>
      <c r="H6533" s="1" t="s">
        <v>10</v>
      </c>
      <c r="I6533" s="1" t="s">
        <v>22777</v>
      </c>
      <c r="J6533" s="1" t="s">
        <v>22891</v>
      </c>
      <c r="K6533" s="1" t="s">
        <v>27</v>
      </c>
      <c r="L6533" s="1" t="s">
        <v>22976</v>
      </c>
      <c r="M6533" s="1" t="s">
        <v>5</v>
      </c>
      <c r="N6533" s="1" t="s">
        <v>25</v>
      </c>
      <c r="O6533" s="1" t="s">
        <v>38</v>
      </c>
      <c r="P6533" s="5" t="s">
        <v>30698</v>
      </c>
    </row>
    <row r="6534" spans="1:16" x14ac:dyDescent="0.2">
      <c r="A6534" s="1" t="s">
        <v>10</v>
      </c>
      <c r="B6534" s="1" t="s">
        <v>10</v>
      </c>
      <c r="C6534" s="1" t="s">
        <v>22981</v>
      </c>
      <c r="D6534" s="1" t="s">
        <v>22982</v>
      </c>
      <c r="E6534" s="1" t="s">
        <v>22983</v>
      </c>
      <c r="F6534" s="1" t="s">
        <v>10</v>
      </c>
      <c r="G6534" s="1" t="s">
        <v>10</v>
      </c>
      <c r="H6534" s="1" t="s">
        <v>10</v>
      </c>
      <c r="I6534" s="1" t="s">
        <v>22777</v>
      </c>
      <c r="J6534" s="1" t="s">
        <v>22891</v>
      </c>
      <c r="K6534" s="1" t="s">
        <v>27</v>
      </c>
      <c r="L6534" s="1" t="s">
        <v>22980</v>
      </c>
      <c r="M6534" s="1" t="s">
        <v>5</v>
      </c>
      <c r="N6534" s="1" t="s">
        <v>1009</v>
      </c>
      <c r="O6534" s="1" t="s">
        <v>38</v>
      </c>
      <c r="P6534" s="5" t="s">
        <v>30698</v>
      </c>
    </row>
    <row r="6535" spans="1:16" x14ac:dyDescent="0.2">
      <c r="A6535" s="1" t="s">
        <v>10</v>
      </c>
      <c r="B6535" s="1" t="s">
        <v>10</v>
      </c>
      <c r="C6535" s="1" t="s">
        <v>22985</v>
      </c>
      <c r="D6535" s="1" t="s">
        <v>22986</v>
      </c>
      <c r="E6535" s="1" t="s">
        <v>22987</v>
      </c>
      <c r="F6535" s="1" t="s">
        <v>10</v>
      </c>
      <c r="G6535" s="1" t="s">
        <v>10</v>
      </c>
      <c r="H6535" s="1" t="s">
        <v>10</v>
      </c>
      <c r="I6535" s="1" t="s">
        <v>22777</v>
      </c>
      <c r="J6535" s="1" t="s">
        <v>10</v>
      </c>
      <c r="K6535" s="1" t="s">
        <v>10</v>
      </c>
      <c r="L6535" s="1" t="s">
        <v>22984</v>
      </c>
      <c r="M6535" s="1" t="s">
        <v>5</v>
      </c>
      <c r="N6535" s="1" t="s">
        <v>6</v>
      </c>
      <c r="O6535" s="1" t="s">
        <v>38</v>
      </c>
      <c r="P6535" s="5" t="s">
        <v>30698</v>
      </c>
    </row>
    <row r="6536" spans="1:16" x14ac:dyDescent="0.2">
      <c r="A6536" s="1" t="s">
        <v>10</v>
      </c>
      <c r="B6536" s="1" t="s">
        <v>10</v>
      </c>
      <c r="C6536" s="1" t="s">
        <v>22990</v>
      </c>
      <c r="D6536" s="1" t="s">
        <v>22991</v>
      </c>
      <c r="E6536" s="1" t="s">
        <v>22992</v>
      </c>
      <c r="F6536" s="1" t="s">
        <v>9</v>
      </c>
      <c r="G6536" s="1" t="s">
        <v>18</v>
      </c>
      <c r="H6536" s="1" t="s">
        <v>10</v>
      </c>
      <c r="I6536" s="1" t="s">
        <v>22777</v>
      </c>
      <c r="J6536" s="1" t="s">
        <v>22988</v>
      </c>
      <c r="K6536" s="1" t="s">
        <v>27</v>
      </c>
      <c r="L6536" s="1" t="s">
        <v>22989</v>
      </c>
      <c r="M6536" s="1" t="s">
        <v>5</v>
      </c>
      <c r="N6536" s="1" t="s">
        <v>1009</v>
      </c>
      <c r="O6536" s="1" t="s">
        <v>8</v>
      </c>
      <c r="P6536" s="5" t="s">
        <v>30698</v>
      </c>
    </row>
    <row r="6537" spans="1:16" x14ac:dyDescent="0.2">
      <c r="A6537" s="1" t="s">
        <v>10</v>
      </c>
      <c r="B6537" s="1" t="s">
        <v>10</v>
      </c>
      <c r="C6537" s="1" t="s">
        <v>22994</v>
      </c>
      <c r="D6537" s="1" t="s">
        <v>22995</v>
      </c>
      <c r="E6537" s="1"/>
      <c r="F6537" s="1" t="s">
        <v>10</v>
      </c>
      <c r="G6537" s="1" t="s">
        <v>10</v>
      </c>
      <c r="H6537" s="1" t="s">
        <v>10</v>
      </c>
      <c r="I6537" s="1" t="s">
        <v>22777</v>
      </c>
      <c r="J6537" s="1" t="s">
        <v>22996</v>
      </c>
      <c r="K6537" s="1" t="s">
        <v>27</v>
      </c>
      <c r="L6537" s="1" t="s">
        <v>22993</v>
      </c>
      <c r="M6537" s="1" t="s">
        <v>5</v>
      </c>
      <c r="N6537" s="1" t="s">
        <v>1009</v>
      </c>
      <c r="O6537" s="1" t="s">
        <v>38</v>
      </c>
      <c r="P6537" s="5" t="s">
        <v>30698</v>
      </c>
    </row>
    <row r="6538" spans="1:16" x14ac:dyDescent="0.2">
      <c r="A6538" s="1" t="s">
        <v>10</v>
      </c>
      <c r="B6538" s="1" t="s">
        <v>10</v>
      </c>
      <c r="C6538" s="1" t="s">
        <v>22998</v>
      </c>
      <c r="D6538" s="1" t="s">
        <v>22999</v>
      </c>
      <c r="E6538" s="1"/>
      <c r="F6538" s="1" t="s">
        <v>10</v>
      </c>
      <c r="G6538" s="1" t="s">
        <v>10</v>
      </c>
      <c r="H6538" s="1" t="s">
        <v>10</v>
      </c>
      <c r="I6538" s="1" t="s">
        <v>22777</v>
      </c>
      <c r="J6538" s="1" t="s">
        <v>22996</v>
      </c>
      <c r="K6538" s="1" t="s">
        <v>27</v>
      </c>
      <c r="L6538" s="1" t="s">
        <v>22997</v>
      </c>
      <c r="M6538" s="1" t="s">
        <v>5</v>
      </c>
      <c r="N6538" s="1" t="s">
        <v>1009</v>
      </c>
      <c r="O6538" s="1" t="s">
        <v>38</v>
      </c>
      <c r="P6538" s="5" t="s">
        <v>30698</v>
      </c>
    </row>
    <row r="6539" spans="1:16" x14ac:dyDescent="0.2">
      <c r="A6539" s="1" t="s">
        <v>10</v>
      </c>
      <c r="B6539" s="1" t="s">
        <v>10</v>
      </c>
      <c r="C6539" s="1" t="s">
        <v>23001</v>
      </c>
      <c r="D6539" s="1" t="s">
        <v>4108</v>
      </c>
      <c r="E6539" s="1" t="s">
        <v>23002</v>
      </c>
      <c r="F6539" s="1" t="s">
        <v>10</v>
      </c>
      <c r="G6539" s="1" t="s">
        <v>10</v>
      </c>
      <c r="H6539" s="1" t="s">
        <v>10</v>
      </c>
      <c r="I6539" s="1" t="s">
        <v>22777</v>
      </c>
      <c r="J6539" s="1" t="s">
        <v>19</v>
      </c>
      <c r="K6539" s="1" t="s">
        <v>47</v>
      </c>
      <c r="L6539" s="1" t="s">
        <v>23000</v>
      </c>
      <c r="M6539" s="1" t="s">
        <v>5</v>
      </c>
      <c r="N6539" s="1" t="s">
        <v>25</v>
      </c>
      <c r="O6539" s="1" t="s">
        <v>38</v>
      </c>
      <c r="P6539" s="5" t="s">
        <v>30698</v>
      </c>
    </row>
    <row r="6540" spans="1:16" x14ac:dyDescent="0.2">
      <c r="A6540" s="1" t="s">
        <v>10</v>
      </c>
      <c r="B6540" s="1" t="s">
        <v>10</v>
      </c>
      <c r="C6540" s="1" t="s">
        <v>1910</v>
      </c>
      <c r="D6540" s="1" t="s">
        <v>23004</v>
      </c>
      <c r="E6540" s="1" t="s">
        <v>23005</v>
      </c>
      <c r="F6540" s="1" t="s">
        <v>10</v>
      </c>
      <c r="G6540" s="1" t="s">
        <v>10</v>
      </c>
      <c r="H6540" s="1" t="s">
        <v>10</v>
      </c>
      <c r="I6540" s="1" t="s">
        <v>22777</v>
      </c>
      <c r="J6540" s="1" t="s">
        <v>19</v>
      </c>
      <c r="K6540" s="1" t="s">
        <v>7</v>
      </c>
      <c r="L6540" s="1" t="s">
        <v>23003</v>
      </c>
      <c r="M6540" s="1" t="s">
        <v>5</v>
      </c>
      <c r="N6540" s="1" t="s">
        <v>25</v>
      </c>
      <c r="O6540" s="1" t="s">
        <v>38</v>
      </c>
      <c r="P6540" s="5" t="s">
        <v>30698</v>
      </c>
    </row>
    <row r="6541" spans="1:16" x14ac:dyDescent="0.2">
      <c r="A6541" s="1" t="s">
        <v>10</v>
      </c>
      <c r="B6541" s="1" t="s">
        <v>10</v>
      </c>
      <c r="C6541" s="1" t="s">
        <v>23007</v>
      </c>
      <c r="D6541" s="1" t="s">
        <v>23008</v>
      </c>
      <c r="E6541" s="1" t="s">
        <v>23009</v>
      </c>
      <c r="F6541" s="1" t="s">
        <v>27</v>
      </c>
      <c r="G6541" s="1" t="s">
        <v>1042</v>
      </c>
      <c r="H6541" s="1" t="s">
        <v>23010</v>
      </c>
      <c r="I6541" s="1" t="s">
        <v>22777</v>
      </c>
      <c r="J6541" s="1" t="s">
        <v>19</v>
      </c>
      <c r="K6541" s="1" t="s">
        <v>747</v>
      </c>
      <c r="L6541" s="1" t="s">
        <v>23006</v>
      </c>
      <c r="M6541" s="1" t="s">
        <v>5</v>
      </c>
      <c r="N6541" s="1" t="s">
        <v>25</v>
      </c>
      <c r="O6541" s="1" t="s">
        <v>8</v>
      </c>
      <c r="P6541" s="5" t="s">
        <v>30698</v>
      </c>
    </row>
    <row r="6542" spans="1:16" x14ac:dyDescent="0.2">
      <c r="A6542" s="1" t="s">
        <v>10</v>
      </c>
      <c r="B6542" s="1" t="s">
        <v>10</v>
      </c>
      <c r="C6542" s="1" t="s">
        <v>23012</v>
      </c>
      <c r="D6542" s="1" t="s">
        <v>23013</v>
      </c>
      <c r="E6542" s="1" t="s">
        <v>23014</v>
      </c>
      <c r="F6542" s="1" t="s">
        <v>10</v>
      </c>
      <c r="G6542" s="1" t="s">
        <v>10</v>
      </c>
      <c r="H6542" s="1" t="s">
        <v>10</v>
      </c>
      <c r="I6542" s="1" t="s">
        <v>22777</v>
      </c>
      <c r="J6542" s="1" t="s">
        <v>19</v>
      </c>
      <c r="K6542" s="1" t="s">
        <v>7</v>
      </c>
      <c r="L6542" s="1" t="s">
        <v>23011</v>
      </c>
      <c r="M6542" s="1" t="s">
        <v>5</v>
      </c>
      <c r="N6542" s="1" t="s">
        <v>1009</v>
      </c>
      <c r="O6542" s="1" t="s">
        <v>38</v>
      </c>
      <c r="P6542" s="5" t="s">
        <v>30698</v>
      </c>
    </row>
    <row r="6543" spans="1:16" x14ac:dyDescent="0.2">
      <c r="A6543" s="1" t="s">
        <v>10</v>
      </c>
      <c r="B6543" s="1" t="s">
        <v>10</v>
      </c>
      <c r="C6543" s="1" t="s">
        <v>7521</v>
      </c>
      <c r="D6543" s="1" t="s">
        <v>7521</v>
      </c>
      <c r="E6543" s="1"/>
      <c r="F6543" s="1" t="s">
        <v>27</v>
      </c>
      <c r="G6543" s="1" t="s">
        <v>1042</v>
      </c>
      <c r="H6543" s="1" t="s">
        <v>7521</v>
      </c>
      <c r="I6543" s="1" t="s">
        <v>22777</v>
      </c>
      <c r="J6543" s="1" t="s">
        <v>19</v>
      </c>
      <c r="K6543" s="1" t="s">
        <v>747</v>
      </c>
      <c r="L6543" s="1" t="s">
        <v>23015</v>
      </c>
      <c r="M6543" s="1" t="s">
        <v>5</v>
      </c>
      <c r="N6543" s="1" t="s">
        <v>1009</v>
      </c>
      <c r="O6543" s="1" t="s">
        <v>8</v>
      </c>
      <c r="P6543" s="5" t="s">
        <v>30698</v>
      </c>
    </row>
    <row r="6544" spans="1:16" x14ac:dyDescent="0.2">
      <c r="A6544" s="1" t="s">
        <v>10</v>
      </c>
      <c r="B6544" s="1" t="s">
        <v>10</v>
      </c>
      <c r="C6544" s="1" t="s">
        <v>23017</v>
      </c>
      <c r="D6544" s="1" t="s">
        <v>23018</v>
      </c>
      <c r="E6544" s="1"/>
      <c r="F6544" s="1" t="s">
        <v>10</v>
      </c>
      <c r="G6544" s="1" t="s">
        <v>10</v>
      </c>
      <c r="H6544" s="1" t="s">
        <v>10</v>
      </c>
      <c r="I6544" s="1" t="s">
        <v>22777</v>
      </c>
      <c r="J6544" s="1" t="s">
        <v>22996</v>
      </c>
      <c r="K6544" s="1" t="s">
        <v>27</v>
      </c>
      <c r="L6544" s="1" t="s">
        <v>23016</v>
      </c>
      <c r="M6544" s="1" t="s">
        <v>5</v>
      </c>
      <c r="N6544" s="1" t="s">
        <v>1009</v>
      </c>
      <c r="O6544" s="1" t="s">
        <v>38</v>
      </c>
      <c r="P6544" s="5" t="s">
        <v>30698</v>
      </c>
    </row>
    <row r="6545" spans="1:16" x14ac:dyDescent="0.2">
      <c r="A6545" s="1" t="s">
        <v>10</v>
      </c>
      <c r="B6545" s="1" t="s">
        <v>10</v>
      </c>
      <c r="C6545" s="1" t="s">
        <v>23020</v>
      </c>
      <c r="D6545" s="1" t="s">
        <v>23021</v>
      </c>
      <c r="E6545" s="1" t="s">
        <v>23022</v>
      </c>
      <c r="F6545" s="1" t="s">
        <v>10</v>
      </c>
      <c r="G6545" s="1" t="s">
        <v>10</v>
      </c>
      <c r="H6545" s="1" t="s">
        <v>10</v>
      </c>
      <c r="I6545" s="1" t="s">
        <v>22777</v>
      </c>
      <c r="J6545" s="1" t="s">
        <v>19</v>
      </c>
      <c r="K6545" s="1" t="s">
        <v>47</v>
      </c>
      <c r="L6545" s="1" t="s">
        <v>23019</v>
      </c>
      <c r="M6545" s="1" t="s">
        <v>5</v>
      </c>
      <c r="N6545" s="1" t="s">
        <v>25</v>
      </c>
      <c r="O6545" s="1" t="s">
        <v>38</v>
      </c>
      <c r="P6545" s="5" t="s">
        <v>30698</v>
      </c>
    </row>
    <row r="6546" spans="1:16" x14ac:dyDescent="0.2">
      <c r="A6546" s="1" t="s">
        <v>10</v>
      </c>
      <c r="B6546" s="1" t="s">
        <v>10</v>
      </c>
      <c r="C6546" s="1" t="s">
        <v>23024</v>
      </c>
      <c r="D6546" s="1" t="s">
        <v>23025</v>
      </c>
      <c r="E6546" s="1" t="s">
        <v>23026</v>
      </c>
      <c r="F6546" s="1" t="s">
        <v>10</v>
      </c>
      <c r="G6546" s="1" t="s">
        <v>10</v>
      </c>
      <c r="H6546" s="1" t="s">
        <v>10</v>
      </c>
      <c r="I6546" s="1" t="s">
        <v>22777</v>
      </c>
      <c r="J6546" s="1" t="s">
        <v>10</v>
      </c>
      <c r="K6546" s="1" t="s">
        <v>10</v>
      </c>
      <c r="L6546" s="1" t="s">
        <v>23023</v>
      </c>
      <c r="M6546" s="1" t="s">
        <v>5</v>
      </c>
      <c r="N6546" s="1" t="s">
        <v>25</v>
      </c>
      <c r="O6546" s="1" t="s">
        <v>38</v>
      </c>
      <c r="P6546" s="5" t="s">
        <v>30698</v>
      </c>
    </row>
    <row r="6547" spans="1:16" x14ac:dyDescent="0.2">
      <c r="A6547" s="1" t="s">
        <v>10</v>
      </c>
      <c r="B6547" s="1" t="s">
        <v>10</v>
      </c>
      <c r="C6547" s="1" t="s">
        <v>23029</v>
      </c>
      <c r="D6547" s="1" t="s">
        <v>23030</v>
      </c>
      <c r="E6547" s="1" t="s">
        <v>23031</v>
      </c>
      <c r="F6547" s="1" t="s">
        <v>10</v>
      </c>
      <c r="G6547" s="1" t="s">
        <v>10</v>
      </c>
      <c r="H6547" s="1" t="s">
        <v>10</v>
      </c>
      <c r="I6547" s="1" t="s">
        <v>22777</v>
      </c>
      <c r="J6547" s="1" t="s">
        <v>10</v>
      </c>
      <c r="K6547" s="1" t="s">
        <v>10</v>
      </c>
      <c r="L6547" s="1" t="s">
        <v>23028</v>
      </c>
      <c r="M6547" s="1" t="s">
        <v>5</v>
      </c>
      <c r="N6547" s="1" t="s">
        <v>25</v>
      </c>
      <c r="O6547" s="1" t="s">
        <v>38</v>
      </c>
      <c r="P6547" s="5" t="s">
        <v>30698</v>
      </c>
    </row>
    <row r="6548" spans="1:16" x14ac:dyDescent="0.2">
      <c r="A6548" s="1" t="s">
        <v>10</v>
      </c>
      <c r="B6548" s="1" t="s">
        <v>10</v>
      </c>
      <c r="C6548" s="1" t="s">
        <v>23033</v>
      </c>
      <c r="D6548" s="1" t="s">
        <v>23034</v>
      </c>
      <c r="E6548" s="1" t="s">
        <v>23035</v>
      </c>
      <c r="F6548" s="1" t="s">
        <v>10</v>
      </c>
      <c r="G6548" s="1" t="s">
        <v>10</v>
      </c>
      <c r="H6548" s="1" t="s">
        <v>10</v>
      </c>
      <c r="I6548" s="1" t="s">
        <v>22777</v>
      </c>
      <c r="J6548" s="1" t="s">
        <v>22891</v>
      </c>
      <c r="K6548" s="1" t="s">
        <v>27</v>
      </c>
      <c r="L6548" s="1" t="s">
        <v>23032</v>
      </c>
      <c r="M6548" s="1" t="s">
        <v>5</v>
      </c>
      <c r="N6548" s="1" t="s">
        <v>25</v>
      </c>
      <c r="O6548" s="1" t="s">
        <v>38</v>
      </c>
      <c r="P6548" s="5" t="s">
        <v>30699</v>
      </c>
    </row>
    <row r="6549" spans="1:16" x14ac:dyDescent="0.2">
      <c r="A6549" s="1" t="s">
        <v>10</v>
      </c>
      <c r="B6549" s="1" t="s">
        <v>10</v>
      </c>
      <c r="C6549" s="1" t="s">
        <v>23037</v>
      </c>
      <c r="D6549" s="1" t="s">
        <v>23038</v>
      </c>
      <c r="E6549" s="1" t="s">
        <v>23039</v>
      </c>
      <c r="F6549" s="1" t="s">
        <v>10</v>
      </c>
      <c r="G6549" s="1" t="s">
        <v>10</v>
      </c>
      <c r="H6549" s="1" t="s">
        <v>10</v>
      </c>
      <c r="I6549" s="1" t="s">
        <v>22777</v>
      </c>
      <c r="J6549" s="1" t="s">
        <v>22891</v>
      </c>
      <c r="K6549" s="1" t="s">
        <v>27</v>
      </c>
      <c r="L6549" s="1" t="s">
        <v>23036</v>
      </c>
      <c r="M6549" s="1" t="s">
        <v>5</v>
      </c>
      <c r="N6549" s="1" t="s">
        <v>25</v>
      </c>
      <c r="O6549" s="1" t="s">
        <v>38</v>
      </c>
      <c r="P6549" s="5" t="s">
        <v>30699</v>
      </c>
    </row>
    <row r="6550" spans="1:16" x14ac:dyDescent="0.2">
      <c r="A6550" s="1" t="s">
        <v>10</v>
      </c>
      <c r="B6550" s="1" t="s">
        <v>10</v>
      </c>
      <c r="C6550" s="1" t="s">
        <v>23041</v>
      </c>
      <c r="D6550" s="1" t="s">
        <v>23042</v>
      </c>
      <c r="E6550" s="1" t="s">
        <v>23043</v>
      </c>
      <c r="F6550" s="1" t="s">
        <v>10</v>
      </c>
      <c r="G6550" s="1" t="s">
        <v>10</v>
      </c>
      <c r="H6550" s="1" t="s">
        <v>10</v>
      </c>
      <c r="I6550" s="1" t="s">
        <v>22777</v>
      </c>
      <c r="J6550" s="1" t="s">
        <v>19</v>
      </c>
      <c r="K6550" s="1" t="s">
        <v>47</v>
      </c>
      <c r="L6550" s="1" t="s">
        <v>23040</v>
      </c>
      <c r="M6550" s="1" t="s">
        <v>5</v>
      </c>
      <c r="N6550" s="1" t="s">
        <v>25</v>
      </c>
      <c r="O6550" s="1" t="s">
        <v>38</v>
      </c>
      <c r="P6550" s="5" t="s">
        <v>30699</v>
      </c>
    </row>
    <row r="6551" spans="1:16" x14ac:dyDescent="0.2">
      <c r="A6551" s="1" t="s">
        <v>10</v>
      </c>
      <c r="B6551" s="1" t="s">
        <v>10</v>
      </c>
      <c r="C6551" s="1" t="s">
        <v>23045</v>
      </c>
      <c r="D6551" s="1" t="s">
        <v>23046</v>
      </c>
      <c r="E6551" s="1" t="s">
        <v>23047</v>
      </c>
      <c r="F6551" s="1" t="s">
        <v>10</v>
      </c>
      <c r="G6551" s="1" t="s">
        <v>10</v>
      </c>
      <c r="H6551" s="1" t="s">
        <v>10</v>
      </c>
      <c r="I6551" s="1" t="s">
        <v>22777</v>
      </c>
      <c r="J6551" s="1" t="s">
        <v>10</v>
      </c>
      <c r="K6551" s="1" t="s">
        <v>10</v>
      </c>
      <c r="L6551" s="1" t="s">
        <v>23044</v>
      </c>
      <c r="M6551" s="1" t="s">
        <v>5</v>
      </c>
      <c r="N6551" s="1" t="s">
        <v>25</v>
      </c>
      <c r="O6551" s="1" t="s">
        <v>38</v>
      </c>
      <c r="P6551" s="5" t="s">
        <v>30699</v>
      </c>
    </row>
    <row r="6552" spans="1:16" x14ac:dyDescent="0.2">
      <c r="A6552" s="1" t="s">
        <v>10</v>
      </c>
      <c r="B6552" s="1" t="s">
        <v>10</v>
      </c>
      <c r="C6552" s="1" t="s">
        <v>23049</v>
      </c>
      <c r="D6552" s="1" t="s">
        <v>23050</v>
      </c>
      <c r="E6552" s="1" t="s">
        <v>23051</v>
      </c>
      <c r="F6552" s="1" t="s">
        <v>10</v>
      </c>
      <c r="G6552" s="1" t="s">
        <v>10</v>
      </c>
      <c r="H6552" s="1" t="s">
        <v>10</v>
      </c>
      <c r="I6552" s="1" t="s">
        <v>22777</v>
      </c>
      <c r="J6552" s="1" t="s">
        <v>19</v>
      </c>
      <c r="K6552" s="1" t="s">
        <v>100</v>
      </c>
      <c r="L6552" s="1" t="s">
        <v>23048</v>
      </c>
      <c r="M6552" s="1" t="s">
        <v>5</v>
      </c>
      <c r="N6552" s="1" t="s">
        <v>25</v>
      </c>
      <c r="O6552" s="1" t="s">
        <v>38</v>
      </c>
      <c r="P6552" s="5" t="s">
        <v>30699</v>
      </c>
    </row>
    <row r="6553" spans="1:16" x14ac:dyDescent="0.2">
      <c r="A6553" s="1" t="s">
        <v>10</v>
      </c>
      <c r="B6553" s="1" t="s">
        <v>10</v>
      </c>
      <c r="C6553" s="1" t="s">
        <v>23053</v>
      </c>
      <c r="D6553" s="1" t="s">
        <v>1290</v>
      </c>
      <c r="E6553" s="1" t="s">
        <v>23054</v>
      </c>
      <c r="F6553" s="1" t="s">
        <v>10</v>
      </c>
      <c r="G6553" s="1" t="s">
        <v>10</v>
      </c>
      <c r="H6553" s="1" t="s">
        <v>10</v>
      </c>
      <c r="I6553" s="1" t="s">
        <v>22777</v>
      </c>
      <c r="J6553" s="1" t="s">
        <v>23027</v>
      </c>
      <c r="K6553" s="1" t="s">
        <v>27</v>
      </c>
      <c r="L6553" s="1" t="s">
        <v>23052</v>
      </c>
      <c r="M6553" s="1" t="s">
        <v>5</v>
      </c>
      <c r="N6553" s="1" t="s">
        <v>25</v>
      </c>
      <c r="O6553" s="1" t="s">
        <v>38</v>
      </c>
      <c r="P6553" s="5" t="s">
        <v>30698</v>
      </c>
    </row>
    <row r="6554" spans="1:16" x14ac:dyDescent="0.2">
      <c r="A6554" s="1" t="s">
        <v>10</v>
      </c>
      <c r="B6554" s="1" t="s">
        <v>10</v>
      </c>
      <c r="C6554" s="1" t="s">
        <v>23056</v>
      </c>
      <c r="D6554" s="1" t="s">
        <v>23057</v>
      </c>
      <c r="E6554" s="1"/>
      <c r="F6554" s="1" t="s">
        <v>10</v>
      </c>
      <c r="G6554" s="1" t="s">
        <v>10</v>
      </c>
      <c r="H6554" s="1" t="s">
        <v>10</v>
      </c>
      <c r="I6554" s="1" t="s">
        <v>22777</v>
      </c>
      <c r="J6554" s="1" t="s">
        <v>22820</v>
      </c>
      <c r="K6554" s="1" t="s">
        <v>27</v>
      </c>
      <c r="L6554" s="1" t="s">
        <v>23055</v>
      </c>
      <c r="M6554" s="1" t="s">
        <v>5</v>
      </c>
      <c r="N6554" s="1" t="s">
        <v>25</v>
      </c>
      <c r="O6554" s="1" t="s">
        <v>38</v>
      </c>
      <c r="P6554" s="5" t="s">
        <v>30699</v>
      </c>
    </row>
    <row r="6555" spans="1:16" x14ac:dyDescent="0.2">
      <c r="A6555" s="1" t="s">
        <v>10</v>
      </c>
      <c r="B6555" s="1" t="s">
        <v>10</v>
      </c>
      <c r="C6555" s="1" t="s">
        <v>23059</v>
      </c>
      <c r="D6555" s="1" t="s">
        <v>23060</v>
      </c>
      <c r="E6555" s="1"/>
      <c r="F6555" s="1" t="s">
        <v>10</v>
      </c>
      <c r="G6555" s="1" t="s">
        <v>10</v>
      </c>
      <c r="H6555" s="1" t="s">
        <v>10</v>
      </c>
      <c r="I6555" s="1" t="s">
        <v>22777</v>
      </c>
      <c r="J6555" s="1" t="s">
        <v>10</v>
      </c>
      <c r="K6555" s="1" t="s">
        <v>10</v>
      </c>
      <c r="L6555" s="1" t="s">
        <v>23058</v>
      </c>
      <c r="M6555" s="1" t="s">
        <v>5</v>
      </c>
      <c r="N6555" s="1" t="s">
        <v>6</v>
      </c>
      <c r="O6555" s="1" t="s">
        <v>8</v>
      </c>
      <c r="P6555" s="5" t="s">
        <v>30700</v>
      </c>
    </row>
    <row r="6556" spans="1:16" x14ac:dyDescent="0.2">
      <c r="A6556" s="1" t="s">
        <v>10</v>
      </c>
      <c r="B6556" s="1" t="s">
        <v>10</v>
      </c>
      <c r="C6556" s="1" t="s">
        <v>23062</v>
      </c>
      <c r="D6556" s="1" t="s">
        <v>23063</v>
      </c>
      <c r="E6556" s="1" t="s">
        <v>23064</v>
      </c>
      <c r="F6556" s="1" t="s">
        <v>10</v>
      </c>
      <c r="G6556" s="1" t="s">
        <v>10</v>
      </c>
      <c r="H6556" s="1" t="s">
        <v>10</v>
      </c>
      <c r="I6556" s="1" t="s">
        <v>22777</v>
      </c>
      <c r="J6556" s="1" t="s">
        <v>19</v>
      </c>
      <c r="K6556" s="1" t="s">
        <v>64</v>
      </c>
      <c r="L6556" s="1" t="s">
        <v>23061</v>
      </c>
      <c r="M6556" s="1" t="s">
        <v>5</v>
      </c>
      <c r="N6556" s="1" t="s">
        <v>1009</v>
      </c>
      <c r="O6556" s="1" t="s">
        <v>38</v>
      </c>
      <c r="P6556" s="5" t="s">
        <v>30698</v>
      </c>
    </row>
    <row r="6557" spans="1:16" x14ac:dyDescent="0.2">
      <c r="A6557" s="1" t="s">
        <v>10</v>
      </c>
      <c r="B6557" s="1" t="s">
        <v>10</v>
      </c>
      <c r="C6557" s="1" t="s">
        <v>23066</v>
      </c>
      <c r="D6557" s="1" t="s">
        <v>18651</v>
      </c>
      <c r="E6557" s="1" t="s">
        <v>23067</v>
      </c>
      <c r="F6557" s="1" t="s">
        <v>10</v>
      </c>
      <c r="G6557" s="1" t="s">
        <v>10</v>
      </c>
      <c r="H6557" s="1" t="s">
        <v>10</v>
      </c>
      <c r="I6557" s="1" t="s">
        <v>22777</v>
      </c>
      <c r="J6557" s="1" t="s">
        <v>23027</v>
      </c>
      <c r="K6557" s="1" t="s">
        <v>27</v>
      </c>
      <c r="L6557" s="1" t="s">
        <v>23065</v>
      </c>
      <c r="M6557" s="1" t="s">
        <v>5</v>
      </c>
      <c r="N6557" s="1" t="s">
        <v>6</v>
      </c>
      <c r="O6557" s="1" t="s">
        <v>38</v>
      </c>
      <c r="P6557" s="5" t="s">
        <v>30698</v>
      </c>
    </row>
    <row r="6558" spans="1:16" x14ac:dyDescent="0.2">
      <c r="A6558" s="1" t="s">
        <v>10</v>
      </c>
      <c r="B6558" s="1" t="s">
        <v>10</v>
      </c>
      <c r="C6558" s="1" t="s">
        <v>23069</v>
      </c>
      <c r="D6558" s="1" t="s">
        <v>23070</v>
      </c>
      <c r="E6558" s="1" t="s">
        <v>23071</v>
      </c>
      <c r="F6558" s="1" t="s">
        <v>10</v>
      </c>
      <c r="G6558" s="1" t="s">
        <v>10</v>
      </c>
      <c r="H6558" s="1" t="s">
        <v>10</v>
      </c>
      <c r="I6558" s="1" t="s">
        <v>22777</v>
      </c>
      <c r="J6558" s="1" t="s">
        <v>23027</v>
      </c>
      <c r="K6558" s="1" t="s">
        <v>27</v>
      </c>
      <c r="L6558" s="1" t="s">
        <v>23068</v>
      </c>
      <c r="M6558" s="1" t="s">
        <v>5</v>
      </c>
      <c r="N6558" s="1" t="s">
        <v>6</v>
      </c>
      <c r="O6558" s="1" t="s">
        <v>38</v>
      </c>
      <c r="P6558" s="5" t="s">
        <v>30699</v>
      </c>
    </row>
    <row r="6559" spans="1:16" x14ac:dyDescent="0.2">
      <c r="A6559" s="1" t="s">
        <v>10</v>
      </c>
      <c r="B6559" s="1" t="s">
        <v>10</v>
      </c>
      <c r="C6559" s="1" t="s">
        <v>23073</v>
      </c>
      <c r="D6559" s="1" t="s">
        <v>23074</v>
      </c>
      <c r="E6559" s="1" t="s">
        <v>23075</v>
      </c>
      <c r="F6559" s="1" t="s">
        <v>10</v>
      </c>
      <c r="G6559" s="1" t="s">
        <v>10</v>
      </c>
      <c r="H6559" s="1" t="s">
        <v>10</v>
      </c>
      <c r="I6559" s="1" t="s">
        <v>22777</v>
      </c>
      <c r="J6559" s="1" t="s">
        <v>23027</v>
      </c>
      <c r="K6559" s="1" t="s">
        <v>27</v>
      </c>
      <c r="L6559" s="1" t="s">
        <v>23072</v>
      </c>
      <c r="M6559" s="1" t="s">
        <v>5</v>
      </c>
      <c r="N6559" s="1" t="s">
        <v>25</v>
      </c>
      <c r="O6559" s="1" t="s">
        <v>38</v>
      </c>
      <c r="P6559" s="5" t="s">
        <v>30698</v>
      </c>
    </row>
    <row r="6560" spans="1:16" x14ac:dyDescent="0.2">
      <c r="A6560" s="1" t="s">
        <v>10</v>
      </c>
      <c r="B6560" s="1" t="s">
        <v>10</v>
      </c>
      <c r="C6560" s="1" t="s">
        <v>5316</v>
      </c>
      <c r="D6560" s="1" t="s">
        <v>5317</v>
      </c>
      <c r="E6560" s="1" t="s">
        <v>23078</v>
      </c>
      <c r="F6560" s="1" t="s">
        <v>10</v>
      </c>
      <c r="G6560" s="1" t="s">
        <v>10</v>
      </c>
      <c r="H6560" s="1" t="s">
        <v>10</v>
      </c>
      <c r="I6560" s="1" t="s">
        <v>22777</v>
      </c>
      <c r="J6560" s="1" t="s">
        <v>22782</v>
      </c>
      <c r="K6560" s="1" t="s">
        <v>27</v>
      </c>
      <c r="L6560" s="1" t="s">
        <v>23077</v>
      </c>
      <c r="M6560" s="1" t="s">
        <v>5</v>
      </c>
      <c r="N6560" s="1" t="s">
        <v>25</v>
      </c>
      <c r="O6560" s="1" t="s">
        <v>38</v>
      </c>
      <c r="P6560" s="5" t="s">
        <v>30698</v>
      </c>
    </row>
    <row r="6561" spans="1:16" x14ac:dyDescent="0.2">
      <c r="A6561" s="1" t="s">
        <v>10</v>
      </c>
      <c r="B6561" s="1" t="s">
        <v>10</v>
      </c>
      <c r="C6561" s="1" t="s">
        <v>23080</v>
      </c>
      <c r="D6561" s="1" t="s">
        <v>23081</v>
      </c>
      <c r="E6561" s="1" t="s">
        <v>23082</v>
      </c>
      <c r="F6561" s="1" t="s">
        <v>10</v>
      </c>
      <c r="G6561" s="1" t="s">
        <v>10</v>
      </c>
      <c r="H6561" s="1" t="s">
        <v>10</v>
      </c>
      <c r="I6561" s="1" t="s">
        <v>22777</v>
      </c>
      <c r="J6561" s="1" t="s">
        <v>10</v>
      </c>
      <c r="K6561" s="1" t="s">
        <v>10</v>
      </c>
      <c r="L6561" s="1" t="s">
        <v>23079</v>
      </c>
      <c r="M6561" s="1" t="s">
        <v>5</v>
      </c>
      <c r="N6561" s="1" t="s">
        <v>1597</v>
      </c>
      <c r="O6561" s="1" t="s">
        <v>8</v>
      </c>
      <c r="P6561" s="5"/>
    </row>
    <row r="6562" spans="1:16" x14ac:dyDescent="0.2">
      <c r="A6562" s="1" t="s">
        <v>10</v>
      </c>
      <c r="B6562" s="1" t="s">
        <v>10</v>
      </c>
      <c r="C6562" s="1" t="s">
        <v>23084</v>
      </c>
      <c r="D6562" s="1" t="s">
        <v>12143</v>
      </c>
      <c r="E6562" s="1" t="s">
        <v>4511</v>
      </c>
      <c r="F6562" s="1" t="s">
        <v>10</v>
      </c>
      <c r="G6562" s="1" t="s">
        <v>10</v>
      </c>
      <c r="H6562" s="1" t="s">
        <v>10</v>
      </c>
      <c r="I6562" s="1" t="s">
        <v>22777</v>
      </c>
      <c r="J6562" s="1" t="s">
        <v>10</v>
      </c>
      <c r="K6562" s="1" t="s">
        <v>10</v>
      </c>
      <c r="L6562" s="1" t="s">
        <v>23083</v>
      </c>
      <c r="M6562" s="1" t="s">
        <v>5</v>
      </c>
      <c r="N6562" s="1" t="s">
        <v>10</v>
      </c>
      <c r="O6562" s="1" t="s">
        <v>38</v>
      </c>
      <c r="P6562" s="5" t="s">
        <v>22781</v>
      </c>
    </row>
    <row r="6563" spans="1:16" x14ac:dyDescent="0.2">
      <c r="A6563" s="1" t="s">
        <v>10</v>
      </c>
      <c r="B6563" s="1" t="s">
        <v>10</v>
      </c>
      <c r="C6563" s="1" t="s">
        <v>23086</v>
      </c>
      <c r="D6563" s="1" t="s">
        <v>23087</v>
      </c>
      <c r="E6563" s="1" t="s">
        <v>23088</v>
      </c>
      <c r="F6563" s="1" t="s">
        <v>10</v>
      </c>
      <c r="G6563" s="1" t="s">
        <v>10</v>
      </c>
      <c r="H6563" s="1" t="s">
        <v>10</v>
      </c>
      <c r="I6563" s="1" t="s">
        <v>22777</v>
      </c>
      <c r="J6563" s="1" t="s">
        <v>22988</v>
      </c>
      <c r="K6563" s="1" t="s">
        <v>27</v>
      </c>
      <c r="L6563" s="1" t="s">
        <v>23085</v>
      </c>
      <c r="M6563" s="1" t="s">
        <v>5</v>
      </c>
      <c r="N6563" s="1" t="s">
        <v>25</v>
      </c>
      <c r="O6563" s="1" t="s">
        <v>38</v>
      </c>
      <c r="P6563" s="5" t="s">
        <v>30698</v>
      </c>
    </row>
    <row r="6564" spans="1:16" x14ac:dyDescent="0.2">
      <c r="A6564" s="1" t="s">
        <v>10</v>
      </c>
      <c r="B6564" s="1" t="s">
        <v>10</v>
      </c>
      <c r="C6564" s="1" t="s">
        <v>23090</v>
      </c>
      <c r="D6564" s="1" t="s">
        <v>16273</v>
      </c>
      <c r="E6564" s="1" t="s">
        <v>23091</v>
      </c>
      <c r="F6564" s="1" t="s">
        <v>10</v>
      </c>
      <c r="G6564" s="1" t="s">
        <v>10</v>
      </c>
      <c r="H6564" s="1" t="s">
        <v>10</v>
      </c>
      <c r="I6564" s="1" t="s">
        <v>22777</v>
      </c>
      <c r="J6564" s="1" t="s">
        <v>10</v>
      </c>
      <c r="K6564" s="1" t="s">
        <v>10</v>
      </c>
      <c r="L6564" s="1" t="s">
        <v>23089</v>
      </c>
      <c r="M6564" s="1" t="s">
        <v>5</v>
      </c>
      <c r="N6564" s="1" t="s">
        <v>1597</v>
      </c>
      <c r="O6564" s="1" t="s">
        <v>8</v>
      </c>
      <c r="P6564" s="5" t="s">
        <v>10</v>
      </c>
    </row>
    <row r="6565" spans="1:16" x14ac:dyDescent="0.2">
      <c r="A6565" s="1" t="s">
        <v>10</v>
      </c>
      <c r="B6565" s="1" t="s">
        <v>10</v>
      </c>
      <c r="C6565" s="1" t="s">
        <v>23093</v>
      </c>
      <c r="D6565" s="1" t="s">
        <v>23094</v>
      </c>
      <c r="E6565" s="1"/>
      <c r="F6565" s="1" t="s">
        <v>10</v>
      </c>
      <c r="G6565" s="1" t="s">
        <v>10</v>
      </c>
      <c r="H6565" s="1" t="s">
        <v>10</v>
      </c>
      <c r="I6565" s="1" t="s">
        <v>22777</v>
      </c>
      <c r="J6565" s="1" t="s">
        <v>22891</v>
      </c>
      <c r="K6565" s="1" t="s">
        <v>27</v>
      </c>
      <c r="L6565" s="1" t="s">
        <v>23092</v>
      </c>
      <c r="M6565" s="1" t="s">
        <v>5</v>
      </c>
      <c r="N6565" s="1" t="s">
        <v>1009</v>
      </c>
      <c r="O6565" s="1" t="s">
        <v>38</v>
      </c>
      <c r="P6565" s="5" t="s">
        <v>22781</v>
      </c>
    </row>
    <row r="6566" spans="1:16" x14ac:dyDescent="0.2">
      <c r="A6566" s="1" t="s">
        <v>10</v>
      </c>
      <c r="B6566" s="1" t="s">
        <v>10</v>
      </c>
      <c r="C6566" s="1" t="s">
        <v>23096</v>
      </c>
      <c r="D6566" s="1" t="s">
        <v>23097</v>
      </c>
      <c r="E6566" s="1" t="s">
        <v>23098</v>
      </c>
      <c r="F6566" s="1" t="s">
        <v>10</v>
      </c>
      <c r="G6566" s="1" t="s">
        <v>10</v>
      </c>
      <c r="H6566" s="1" t="s">
        <v>10</v>
      </c>
      <c r="I6566" s="1" t="s">
        <v>22777</v>
      </c>
      <c r="J6566" s="1" t="s">
        <v>19</v>
      </c>
      <c r="K6566" s="1" t="s">
        <v>130</v>
      </c>
      <c r="L6566" s="1" t="s">
        <v>23095</v>
      </c>
      <c r="M6566" s="1" t="s">
        <v>5</v>
      </c>
      <c r="N6566" s="1" t="s">
        <v>1009</v>
      </c>
      <c r="O6566" s="1" t="s">
        <v>38</v>
      </c>
      <c r="P6566" s="5" t="s">
        <v>30698</v>
      </c>
    </row>
    <row r="6567" spans="1:16" x14ac:dyDescent="0.2">
      <c r="A6567" s="1" t="s">
        <v>10</v>
      </c>
      <c r="B6567" s="1" t="s">
        <v>10</v>
      </c>
      <c r="C6567" s="1" t="s">
        <v>23100</v>
      </c>
      <c r="D6567" s="1" t="s">
        <v>14896</v>
      </c>
      <c r="E6567" s="1" t="s">
        <v>23101</v>
      </c>
      <c r="F6567" s="1" t="s">
        <v>10</v>
      </c>
      <c r="G6567" s="1" t="s">
        <v>10</v>
      </c>
      <c r="H6567" s="1" t="s">
        <v>10</v>
      </c>
      <c r="I6567" s="1" t="s">
        <v>22777</v>
      </c>
      <c r="J6567" s="1" t="s">
        <v>19</v>
      </c>
      <c r="K6567" s="1" t="s">
        <v>6533</v>
      </c>
      <c r="L6567" s="1" t="s">
        <v>23099</v>
      </c>
      <c r="M6567" s="1" t="s">
        <v>5</v>
      </c>
      <c r="N6567" s="1" t="s">
        <v>25</v>
      </c>
      <c r="O6567" s="1" t="s">
        <v>38</v>
      </c>
      <c r="P6567" s="5" t="s">
        <v>30698</v>
      </c>
    </row>
    <row r="6568" spans="1:16" x14ac:dyDescent="0.2">
      <c r="A6568" s="1" t="s">
        <v>10</v>
      </c>
      <c r="B6568" s="1" t="s">
        <v>10</v>
      </c>
      <c r="C6568" s="1" t="s">
        <v>23103</v>
      </c>
      <c r="D6568" s="1" t="s">
        <v>23104</v>
      </c>
      <c r="E6568" s="1" t="s">
        <v>23105</v>
      </c>
      <c r="F6568" s="1" t="s">
        <v>10</v>
      </c>
      <c r="G6568" s="1" t="s">
        <v>10</v>
      </c>
      <c r="H6568" s="1" t="s">
        <v>10</v>
      </c>
      <c r="I6568" s="1" t="s">
        <v>22777</v>
      </c>
      <c r="J6568" s="1" t="s">
        <v>23027</v>
      </c>
      <c r="K6568" s="1" t="s">
        <v>27</v>
      </c>
      <c r="L6568" s="1" t="s">
        <v>23102</v>
      </c>
      <c r="M6568" s="1" t="s">
        <v>5</v>
      </c>
      <c r="N6568" s="1" t="s">
        <v>6</v>
      </c>
      <c r="O6568" s="1" t="s">
        <v>38</v>
      </c>
      <c r="P6568" s="5" t="s">
        <v>22781</v>
      </c>
    </row>
    <row r="6569" spans="1:16" x14ac:dyDescent="0.2">
      <c r="A6569" s="1" t="s">
        <v>10</v>
      </c>
      <c r="B6569" s="1" t="s">
        <v>10</v>
      </c>
      <c r="C6569" s="1" t="s">
        <v>23107</v>
      </c>
      <c r="D6569" s="1" t="s">
        <v>13231</v>
      </c>
      <c r="E6569" s="1" t="s">
        <v>23108</v>
      </c>
      <c r="F6569" s="1" t="s">
        <v>10</v>
      </c>
      <c r="G6569" s="1" t="s">
        <v>10</v>
      </c>
      <c r="H6569" s="1" t="s">
        <v>10</v>
      </c>
      <c r="I6569" s="1" t="s">
        <v>22777</v>
      </c>
      <c r="J6569" s="1" t="s">
        <v>22891</v>
      </c>
      <c r="K6569" s="1" t="s">
        <v>27</v>
      </c>
      <c r="L6569" s="1" t="s">
        <v>23106</v>
      </c>
      <c r="M6569" s="1" t="s">
        <v>5</v>
      </c>
      <c r="N6569" s="1" t="s">
        <v>25</v>
      </c>
      <c r="O6569" s="1" t="s">
        <v>38</v>
      </c>
      <c r="P6569" s="5" t="s">
        <v>30698</v>
      </c>
    </row>
    <row r="6570" spans="1:16" x14ac:dyDescent="0.2">
      <c r="A6570" s="1" t="s">
        <v>10</v>
      </c>
      <c r="B6570" s="1" t="s">
        <v>10</v>
      </c>
      <c r="C6570" s="1" t="s">
        <v>23110</v>
      </c>
      <c r="D6570" s="1" t="s">
        <v>23111</v>
      </c>
      <c r="E6570" s="1" t="s">
        <v>23112</v>
      </c>
      <c r="F6570" s="1" t="s">
        <v>10</v>
      </c>
      <c r="G6570" s="1" t="s">
        <v>10</v>
      </c>
      <c r="H6570" s="1" t="s">
        <v>10</v>
      </c>
      <c r="I6570" s="1" t="s">
        <v>22777</v>
      </c>
      <c r="J6570" s="1" t="s">
        <v>22891</v>
      </c>
      <c r="K6570" s="1" t="s">
        <v>27</v>
      </c>
      <c r="L6570" s="1" t="s">
        <v>23109</v>
      </c>
      <c r="M6570" s="1" t="s">
        <v>5</v>
      </c>
      <c r="N6570" s="1" t="s">
        <v>25</v>
      </c>
      <c r="O6570" s="1" t="s">
        <v>38</v>
      </c>
      <c r="P6570" s="5" t="s">
        <v>30698</v>
      </c>
    </row>
    <row r="6571" spans="1:16" x14ac:dyDescent="0.2">
      <c r="A6571" s="1" t="s">
        <v>10</v>
      </c>
      <c r="B6571" s="1" t="s">
        <v>10</v>
      </c>
      <c r="C6571" s="1" t="s">
        <v>10286</v>
      </c>
      <c r="D6571" s="1" t="s">
        <v>4134</v>
      </c>
      <c r="E6571" s="1" t="s">
        <v>23114</v>
      </c>
      <c r="F6571" s="1" t="s">
        <v>10</v>
      </c>
      <c r="G6571" s="1" t="s">
        <v>10</v>
      </c>
      <c r="H6571" s="1" t="s">
        <v>10</v>
      </c>
      <c r="I6571" s="1" t="s">
        <v>22777</v>
      </c>
      <c r="J6571" s="1" t="s">
        <v>19</v>
      </c>
      <c r="K6571" s="1" t="s">
        <v>586</v>
      </c>
      <c r="L6571" s="1" t="s">
        <v>23113</v>
      </c>
      <c r="M6571" s="1" t="s">
        <v>5</v>
      </c>
      <c r="N6571" s="1" t="s">
        <v>25</v>
      </c>
      <c r="O6571" s="1" t="s">
        <v>38</v>
      </c>
      <c r="P6571" s="5" t="s">
        <v>30699</v>
      </c>
    </row>
    <row r="6572" spans="1:16" x14ac:dyDescent="0.2">
      <c r="A6572" s="1" t="s">
        <v>10</v>
      </c>
      <c r="B6572" s="1" t="s">
        <v>10</v>
      </c>
      <c r="C6572" s="1" t="s">
        <v>23116</v>
      </c>
      <c r="D6572" s="1" t="s">
        <v>188</v>
      </c>
      <c r="E6572" s="1" t="s">
        <v>23117</v>
      </c>
      <c r="F6572" s="1" t="s">
        <v>10</v>
      </c>
      <c r="G6572" s="1" t="s">
        <v>10</v>
      </c>
      <c r="H6572" s="1" t="s">
        <v>10</v>
      </c>
      <c r="I6572" s="1" t="s">
        <v>22777</v>
      </c>
      <c r="J6572" s="1" t="s">
        <v>22891</v>
      </c>
      <c r="K6572" s="1" t="s">
        <v>27</v>
      </c>
      <c r="L6572" s="1" t="s">
        <v>23115</v>
      </c>
      <c r="M6572" s="1" t="s">
        <v>5</v>
      </c>
      <c r="N6572" s="1" t="s">
        <v>25</v>
      </c>
      <c r="O6572" s="1" t="s">
        <v>38</v>
      </c>
      <c r="P6572" s="5" t="s">
        <v>30698</v>
      </c>
    </row>
    <row r="6573" spans="1:16" x14ac:dyDescent="0.2">
      <c r="A6573" s="1" t="s">
        <v>10</v>
      </c>
      <c r="B6573" s="1" t="s">
        <v>10</v>
      </c>
      <c r="C6573" s="1" t="s">
        <v>23119</v>
      </c>
      <c r="D6573" s="1" t="s">
        <v>23120</v>
      </c>
      <c r="E6573" s="1" t="s">
        <v>23121</v>
      </c>
      <c r="F6573" s="1" t="s">
        <v>27</v>
      </c>
      <c r="G6573" s="1" t="s">
        <v>1042</v>
      </c>
      <c r="H6573" s="1" t="s">
        <v>23122</v>
      </c>
      <c r="I6573" s="1" t="s">
        <v>22777</v>
      </c>
      <c r="J6573" s="1" t="s">
        <v>19</v>
      </c>
      <c r="K6573" s="1" t="s">
        <v>100</v>
      </c>
      <c r="L6573" s="1" t="s">
        <v>23118</v>
      </c>
      <c r="M6573" s="1" t="s">
        <v>5</v>
      </c>
      <c r="N6573" s="1" t="s">
        <v>25</v>
      </c>
      <c r="O6573" s="1" t="s">
        <v>8</v>
      </c>
      <c r="P6573" s="5" t="s">
        <v>30698</v>
      </c>
    </row>
    <row r="6574" spans="1:16" x14ac:dyDescent="0.2">
      <c r="A6574" s="1" t="s">
        <v>10</v>
      </c>
      <c r="B6574" s="1" t="s">
        <v>10</v>
      </c>
      <c r="C6574" s="1" t="s">
        <v>23124</v>
      </c>
      <c r="D6574" s="1" t="s">
        <v>23125</v>
      </c>
      <c r="E6574" s="1" t="s">
        <v>23126</v>
      </c>
      <c r="F6574" s="1" t="s">
        <v>27</v>
      </c>
      <c r="G6574" s="1" t="s">
        <v>1042</v>
      </c>
      <c r="H6574" s="1" t="s">
        <v>1699</v>
      </c>
      <c r="I6574" s="1" t="s">
        <v>22777</v>
      </c>
      <c r="J6574" s="1" t="s">
        <v>19</v>
      </c>
      <c r="K6574" s="1" t="s">
        <v>100</v>
      </c>
      <c r="L6574" s="1" t="s">
        <v>23123</v>
      </c>
      <c r="M6574" s="1" t="s">
        <v>5</v>
      </c>
      <c r="N6574" s="1" t="s">
        <v>25</v>
      </c>
      <c r="O6574" s="1" t="s">
        <v>8</v>
      </c>
      <c r="P6574" s="5" t="s">
        <v>30698</v>
      </c>
    </row>
    <row r="6575" spans="1:16" x14ac:dyDescent="0.2">
      <c r="A6575" s="1" t="s">
        <v>10</v>
      </c>
      <c r="B6575" s="1" t="s">
        <v>10</v>
      </c>
      <c r="C6575" s="1" t="s">
        <v>23128</v>
      </c>
      <c r="D6575" s="1" t="s">
        <v>23129</v>
      </c>
      <c r="E6575" s="1" t="s">
        <v>23130</v>
      </c>
      <c r="F6575" s="1" t="s">
        <v>10</v>
      </c>
      <c r="G6575" s="1" t="s">
        <v>10</v>
      </c>
      <c r="H6575" s="1" t="s">
        <v>10</v>
      </c>
      <c r="I6575" s="1" t="s">
        <v>22777</v>
      </c>
      <c r="J6575" s="1" t="s">
        <v>19</v>
      </c>
      <c r="K6575" s="1" t="s">
        <v>100</v>
      </c>
      <c r="L6575" s="1" t="s">
        <v>23127</v>
      </c>
      <c r="M6575" s="1" t="s">
        <v>5</v>
      </c>
      <c r="N6575" s="1" t="s">
        <v>25</v>
      </c>
      <c r="O6575" s="1" t="s">
        <v>38</v>
      </c>
      <c r="P6575" s="5" t="s">
        <v>30698</v>
      </c>
    </row>
    <row r="6576" spans="1:16" x14ac:dyDescent="0.2">
      <c r="A6576" s="1" t="s">
        <v>10</v>
      </c>
      <c r="B6576" s="1" t="s">
        <v>10</v>
      </c>
      <c r="C6576" s="1" t="s">
        <v>23132</v>
      </c>
      <c r="D6576" s="1" t="s">
        <v>23133</v>
      </c>
      <c r="E6576" s="1" t="s">
        <v>23134</v>
      </c>
      <c r="F6576" s="1" t="s">
        <v>10</v>
      </c>
      <c r="G6576" s="1" t="s">
        <v>10</v>
      </c>
      <c r="H6576" s="1" t="s">
        <v>10</v>
      </c>
      <c r="I6576" s="1" t="s">
        <v>22777</v>
      </c>
      <c r="J6576" s="1" t="s">
        <v>22782</v>
      </c>
      <c r="K6576" s="1" t="s">
        <v>27</v>
      </c>
      <c r="L6576" s="1" t="s">
        <v>23131</v>
      </c>
      <c r="M6576" s="1" t="s">
        <v>5</v>
      </c>
      <c r="N6576" s="1" t="s">
        <v>25</v>
      </c>
      <c r="O6576" s="1" t="s">
        <v>38</v>
      </c>
      <c r="P6576" s="5" t="s">
        <v>30698</v>
      </c>
    </row>
    <row r="6577" spans="1:16" x14ac:dyDescent="0.2">
      <c r="A6577" s="1" t="s">
        <v>10</v>
      </c>
      <c r="B6577" s="1" t="s">
        <v>10</v>
      </c>
      <c r="C6577" s="1" t="s">
        <v>23136</v>
      </c>
      <c r="D6577" s="1" t="s">
        <v>23137</v>
      </c>
      <c r="E6577" s="1" t="s">
        <v>23138</v>
      </c>
      <c r="F6577" s="1" t="s">
        <v>27</v>
      </c>
      <c r="G6577" s="1" t="s">
        <v>1042</v>
      </c>
      <c r="H6577" s="1" t="s">
        <v>23139</v>
      </c>
      <c r="I6577" s="1" t="s">
        <v>22777</v>
      </c>
      <c r="J6577" s="1" t="s">
        <v>19</v>
      </c>
      <c r="K6577" s="1" t="s">
        <v>7</v>
      </c>
      <c r="L6577" s="1" t="s">
        <v>23135</v>
      </c>
      <c r="M6577" s="1" t="s">
        <v>5</v>
      </c>
      <c r="N6577" s="1" t="s">
        <v>25</v>
      </c>
      <c r="O6577" s="1" t="s">
        <v>8</v>
      </c>
      <c r="P6577" s="5" t="s">
        <v>30698</v>
      </c>
    </row>
    <row r="6578" spans="1:16" x14ac:dyDescent="0.2">
      <c r="A6578" s="1" t="s">
        <v>10</v>
      </c>
      <c r="B6578" s="1" t="s">
        <v>10</v>
      </c>
      <c r="C6578" s="1" t="s">
        <v>23141</v>
      </c>
      <c r="D6578" s="1" t="s">
        <v>23142</v>
      </c>
      <c r="E6578" s="1"/>
      <c r="F6578" s="1" t="s">
        <v>10</v>
      </c>
      <c r="G6578" s="1" t="s">
        <v>10</v>
      </c>
      <c r="H6578" s="1" t="s">
        <v>10</v>
      </c>
      <c r="I6578" s="1" t="s">
        <v>22777</v>
      </c>
      <c r="J6578" s="1" t="s">
        <v>22820</v>
      </c>
      <c r="K6578" s="1" t="s">
        <v>27</v>
      </c>
      <c r="L6578" s="1" t="s">
        <v>23140</v>
      </c>
      <c r="M6578" s="1" t="s">
        <v>5</v>
      </c>
      <c r="N6578" s="1" t="s">
        <v>25</v>
      </c>
      <c r="O6578" s="1" t="s">
        <v>38</v>
      </c>
      <c r="P6578" s="5" t="s">
        <v>30698</v>
      </c>
    </row>
    <row r="6579" spans="1:16" x14ac:dyDescent="0.2">
      <c r="A6579" s="1" t="s">
        <v>10</v>
      </c>
      <c r="B6579" s="1" t="s">
        <v>10</v>
      </c>
      <c r="C6579" s="1" t="s">
        <v>23144</v>
      </c>
      <c r="D6579" s="1" t="s">
        <v>23145</v>
      </c>
      <c r="E6579" s="1"/>
      <c r="F6579" s="1" t="s">
        <v>10</v>
      </c>
      <c r="G6579" s="1" t="s">
        <v>10</v>
      </c>
      <c r="H6579" s="1" t="s">
        <v>10</v>
      </c>
      <c r="I6579" s="1" t="s">
        <v>22777</v>
      </c>
      <c r="J6579" s="1" t="s">
        <v>22820</v>
      </c>
      <c r="K6579" s="1" t="s">
        <v>27</v>
      </c>
      <c r="L6579" s="1" t="s">
        <v>23143</v>
      </c>
      <c r="M6579" s="1" t="s">
        <v>5</v>
      </c>
      <c r="N6579" s="1" t="s">
        <v>6</v>
      </c>
      <c r="O6579" s="1" t="s">
        <v>38</v>
      </c>
      <c r="P6579" s="5" t="s">
        <v>30698</v>
      </c>
    </row>
    <row r="6580" spans="1:16" x14ac:dyDescent="0.2">
      <c r="A6580" s="1" t="s">
        <v>10</v>
      </c>
      <c r="B6580" s="1" t="s">
        <v>10</v>
      </c>
      <c r="C6580" s="1" t="s">
        <v>23147</v>
      </c>
      <c r="D6580" s="1" t="s">
        <v>3840</v>
      </c>
      <c r="E6580" s="1" t="s">
        <v>23148</v>
      </c>
      <c r="F6580" s="1" t="s">
        <v>27</v>
      </c>
      <c r="G6580" s="1" t="s">
        <v>1042</v>
      </c>
      <c r="H6580" s="1" t="s">
        <v>23149</v>
      </c>
      <c r="I6580" s="1" t="s">
        <v>22777</v>
      </c>
      <c r="J6580" s="1" t="s">
        <v>22891</v>
      </c>
      <c r="K6580" s="1" t="s">
        <v>27</v>
      </c>
      <c r="L6580" s="1" t="s">
        <v>23146</v>
      </c>
      <c r="M6580" s="1" t="s">
        <v>5</v>
      </c>
      <c r="N6580" s="1" t="s">
        <v>1009</v>
      </c>
      <c r="O6580" s="1" t="s">
        <v>8</v>
      </c>
      <c r="P6580" s="5" t="s">
        <v>30698</v>
      </c>
    </row>
    <row r="6581" spans="1:16" x14ac:dyDescent="0.2">
      <c r="A6581" s="1" t="s">
        <v>10</v>
      </c>
      <c r="B6581" s="1" t="s">
        <v>10</v>
      </c>
      <c r="C6581" s="1" t="s">
        <v>23151</v>
      </c>
      <c r="D6581" s="1" t="s">
        <v>23152</v>
      </c>
      <c r="E6581" s="1" t="s">
        <v>23153</v>
      </c>
      <c r="F6581" s="1" t="s">
        <v>10</v>
      </c>
      <c r="G6581" s="1" t="s">
        <v>10</v>
      </c>
      <c r="H6581" s="1" t="s">
        <v>10</v>
      </c>
      <c r="I6581" s="1" t="s">
        <v>22777</v>
      </c>
      <c r="J6581" s="1" t="s">
        <v>22891</v>
      </c>
      <c r="K6581" s="1" t="s">
        <v>27</v>
      </c>
      <c r="L6581" s="1" t="s">
        <v>23150</v>
      </c>
      <c r="M6581" s="1" t="s">
        <v>5</v>
      </c>
      <c r="N6581" s="1" t="s">
        <v>25</v>
      </c>
      <c r="O6581" s="1" t="s">
        <v>38</v>
      </c>
      <c r="P6581" s="5" t="s">
        <v>30698</v>
      </c>
    </row>
    <row r="6582" spans="1:16" x14ac:dyDescent="0.2">
      <c r="A6582" s="1" t="s">
        <v>10</v>
      </c>
      <c r="B6582" s="1" t="s">
        <v>10</v>
      </c>
      <c r="C6582" s="1" t="s">
        <v>23155</v>
      </c>
      <c r="D6582" s="1" t="s">
        <v>323</v>
      </c>
      <c r="E6582" s="1"/>
      <c r="F6582" s="1" t="s">
        <v>10</v>
      </c>
      <c r="G6582" s="1" t="s">
        <v>10</v>
      </c>
      <c r="H6582" s="1" t="s">
        <v>10</v>
      </c>
      <c r="I6582" s="1" t="s">
        <v>22777</v>
      </c>
      <c r="J6582" s="1" t="s">
        <v>22820</v>
      </c>
      <c r="K6582" s="1" t="s">
        <v>27</v>
      </c>
      <c r="L6582" s="1" t="s">
        <v>23154</v>
      </c>
      <c r="M6582" s="1" t="s">
        <v>5</v>
      </c>
      <c r="N6582" s="1" t="s">
        <v>6</v>
      </c>
      <c r="O6582" s="1" t="s">
        <v>38</v>
      </c>
      <c r="P6582" s="5" t="s">
        <v>22781</v>
      </c>
    </row>
    <row r="6583" spans="1:16" x14ac:dyDescent="0.2">
      <c r="A6583" s="1" t="s">
        <v>10</v>
      </c>
      <c r="B6583" s="1" t="s">
        <v>10</v>
      </c>
      <c r="C6583" s="1" t="s">
        <v>23157</v>
      </c>
      <c r="D6583" s="1" t="s">
        <v>23158</v>
      </c>
      <c r="E6583" s="1" t="s">
        <v>23159</v>
      </c>
      <c r="F6583" s="1" t="s">
        <v>10</v>
      </c>
      <c r="G6583" s="1" t="s">
        <v>10</v>
      </c>
      <c r="H6583" s="1" t="s">
        <v>10</v>
      </c>
      <c r="I6583" s="1" t="s">
        <v>22777</v>
      </c>
      <c r="J6583" s="1" t="s">
        <v>19</v>
      </c>
      <c r="K6583" s="1" t="s">
        <v>6533</v>
      </c>
      <c r="L6583" s="1" t="s">
        <v>23156</v>
      </c>
      <c r="M6583" s="1" t="s">
        <v>5</v>
      </c>
      <c r="N6583" s="1" t="s">
        <v>25</v>
      </c>
      <c r="O6583" s="1" t="s">
        <v>38</v>
      </c>
      <c r="P6583" s="5" t="s">
        <v>30698</v>
      </c>
    </row>
    <row r="6584" spans="1:16" x14ac:dyDescent="0.2">
      <c r="A6584" s="1" t="s">
        <v>10</v>
      </c>
      <c r="B6584" s="1" t="s">
        <v>10</v>
      </c>
      <c r="C6584" s="1" t="s">
        <v>23161</v>
      </c>
      <c r="D6584" s="1" t="s">
        <v>23162</v>
      </c>
      <c r="E6584" s="1"/>
      <c r="F6584" s="1" t="s">
        <v>10</v>
      </c>
      <c r="G6584" s="1" t="s">
        <v>10</v>
      </c>
      <c r="H6584" s="1" t="s">
        <v>10</v>
      </c>
      <c r="I6584" s="1" t="s">
        <v>22777</v>
      </c>
      <c r="J6584" s="1" t="s">
        <v>22820</v>
      </c>
      <c r="K6584" s="1" t="s">
        <v>27</v>
      </c>
      <c r="L6584" s="1" t="s">
        <v>23160</v>
      </c>
      <c r="M6584" s="1" t="s">
        <v>5</v>
      </c>
      <c r="N6584" s="1" t="s">
        <v>1009</v>
      </c>
      <c r="O6584" s="1" t="s">
        <v>38</v>
      </c>
      <c r="P6584" s="5" t="s">
        <v>30698</v>
      </c>
    </row>
    <row r="6585" spans="1:16" x14ac:dyDescent="0.2">
      <c r="A6585" s="1" t="s">
        <v>10</v>
      </c>
      <c r="B6585" s="1" t="s">
        <v>10</v>
      </c>
      <c r="C6585" s="1" t="s">
        <v>23164</v>
      </c>
      <c r="D6585" s="1" t="s">
        <v>23165</v>
      </c>
      <c r="E6585" s="1" t="s">
        <v>23166</v>
      </c>
      <c r="F6585" s="1" t="s">
        <v>10</v>
      </c>
      <c r="G6585" s="1" t="s">
        <v>10</v>
      </c>
      <c r="H6585" s="1" t="s">
        <v>10</v>
      </c>
      <c r="I6585" s="1" t="s">
        <v>22777</v>
      </c>
      <c r="J6585" s="1" t="s">
        <v>22891</v>
      </c>
      <c r="K6585" s="1" t="s">
        <v>27</v>
      </c>
      <c r="L6585" s="1" t="s">
        <v>23163</v>
      </c>
      <c r="M6585" s="1" t="s">
        <v>5</v>
      </c>
      <c r="N6585" s="1" t="s">
        <v>25</v>
      </c>
      <c r="O6585" s="1" t="s">
        <v>38</v>
      </c>
      <c r="P6585" s="5" t="s">
        <v>30698</v>
      </c>
    </row>
    <row r="6586" spans="1:16" x14ac:dyDescent="0.2">
      <c r="A6586" s="1" t="s">
        <v>10</v>
      </c>
      <c r="B6586" s="1" t="s">
        <v>10</v>
      </c>
      <c r="C6586" s="1" t="s">
        <v>23168</v>
      </c>
      <c r="D6586" s="1" t="s">
        <v>23169</v>
      </c>
      <c r="E6586" s="1"/>
      <c r="F6586" s="1" t="s">
        <v>10</v>
      </c>
      <c r="G6586" s="1" t="s">
        <v>10</v>
      </c>
      <c r="H6586" s="1" t="s">
        <v>10</v>
      </c>
      <c r="I6586" s="1" t="s">
        <v>22777</v>
      </c>
      <c r="J6586" s="1" t="s">
        <v>22996</v>
      </c>
      <c r="K6586" s="1" t="s">
        <v>27</v>
      </c>
      <c r="L6586" s="1" t="s">
        <v>23167</v>
      </c>
      <c r="M6586" s="1" t="s">
        <v>5</v>
      </c>
      <c r="N6586" s="1" t="s">
        <v>25</v>
      </c>
      <c r="O6586" s="1" t="s">
        <v>38</v>
      </c>
      <c r="P6586" s="5" t="s">
        <v>30698</v>
      </c>
    </row>
    <row r="6587" spans="1:16" x14ac:dyDescent="0.2">
      <c r="A6587" s="1" t="s">
        <v>10</v>
      </c>
      <c r="B6587" s="1" t="s">
        <v>10</v>
      </c>
      <c r="C6587" s="1" t="s">
        <v>23171</v>
      </c>
      <c r="D6587" s="1" t="s">
        <v>23172</v>
      </c>
      <c r="E6587" s="1"/>
      <c r="F6587" s="1" t="s">
        <v>10</v>
      </c>
      <c r="G6587" s="1" t="s">
        <v>10</v>
      </c>
      <c r="H6587" s="1" t="s">
        <v>10</v>
      </c>
      <c r="I6587" s="1" t="s">
        <v>22777</v>
      </c>
      <c r="J6587" s="1" t="s">
        <v>10</v>
      </c>
      <c r="K6587" s="1" t="s">
        <v>10</v>
      </c>
      <c r="L6587" s="1" t="s">
        <v>23170</v>
      </c>
      <c r="M6587" s="1" t="s">
        <v>5</v>
      </c>
      <c r="N6587" s="1" t="s">
        <v>1597</v>
      </c>
      <c r="O6587" s="1" t="s">
        <v>8</v>
      </c>
      <c r="P6587" s="5" t="s">
        <v>30698</v>
      </c>
    </row>
    <row r="6588" spans="1:16" x14ac:dyDescent="0.2">
      <c r="A6588" s="1" t="s">
        <v>10</v>
      </c>
      <c r="B6588" s="1" t="s">
        <v>10</v>
      </c>
      <c r="C6588" s="1" t="s">
        <v>23136</v>
      </c>
      <c r="D6588" s="1" t="s">
        <v>23174</v>
      </c>
      <c r="E6588" s="1" t="s">
        <v>23175</v>
      </c>
      <c r="F6588" s="1" t="s">
        <v>27</v>
      </c>
      <c r="G6588" s="1" t="s">
        <v>1042</v>
      </c>
      <c r="H6588" s="1" t="s">
        <v>23176</v>
      </c>
      <c r="I6588" s="1" t="s">
        <v>22777</v>
      </c>
      <c r="J6588" s="1" t="s">
        <v>23027</v>
      </c>
      <c r="K6588" s="1" t="s">
        <v>27</v>
      </c>
      <c r="L6588" s="1" t="s">
        <v>23173</v>
      </c>
      <c r="M6588" s="1" t="s">
        <v>5</v>
      </c>
      <c r="N6588" s="1" t="s">
        <v>25</v>
      </c>
      <c r="O6588" s="1" t="s">
        <v>8</v>
      </c>
      <c r="P6588" s="5" t="s">
        <v>30698</v>
      </c>
    </row>
    <row r="6589" spans="1:16" x14ac:dyDescent="0.2">
      <c r="A6589" s="1" t="s">
        <v>10</v>
      </c>
      <c r="B6589" s="1" t="s">
        <v>10</v>
      </c>
      <c r="C6589" s="1" t="s">
        <v>23178</v>
      </c>
      <c r="D6589" s="1" t="s">
        <v>23179</v>
      </c>
      <c r="E6589" s="1" t="s">
        <v>23180</v>
      </c>
      <c r="F6589" s="1" t="s">
        <v>10</v>
      </c>
      <c r="G6589" s="1" t="s">
        <v>10</v>
      </c>
      <c r="H6589" s="1" t="s">
        <v>10</v>
      </c>
      <c r="I6589" s="1" t="s">
        <v>22777</v>
      </c>
      <c r="J6589" s="1" t="s">
        <v>22820</v>
      </c>
      <c r="K6589" s="1" t="s">
        <v>27</v>
      </c>
      <c r="L6589" s="1" t="s">
        <v>23177</v>
      </c>
      <c r="M6589" s="1" t="s">
        <v>5</v>
      </c>
      <c r="N6589" s="1" t="s">
        <v>960</v>
      </c>
      <c r="O6589" s="1" t="s">
        <v>38</v>
      </c>
      <c r="P6589" s="5" t="s">
        <v>30698</v>
      </c>
    </row>
    <row r="6590" spans="1:16" x14ac:dyDescent="0.2">
      <c r="A6590" s="1" t="s">
        <v>10</v>
      </c>
      <c r="B6590" s="1" t="s">
        <v>10</v>
      </c>
      <c r="C6590" s="1" t="s">
        <v>23182</v>
      </c>
      <c r="D6590" s="1" t="s">
        <v>23183</v>
      </c>
      <c r="E6590" s="1" t="s">
        <v>23184</v>
      </c>
      <c r="F6590" s="1" t="s">
        <v>10</v>
      </c>
      <c r="G6590" s="1" t="s">
        <v>10</v>
      </c>
      <c r="H6590" s="1" t="s">
        <v>10</v>
      </c>
      <c r="I6590" s="1" t="s">
        <v>22777</v>
      </c>
      <c r="J6590" s="1" t="s">
        <v>22891</v>
      </c>
      <c r="K6590" s="1" t="s">
        <v>27</v>
      </c>
      <c r="L6590" s="1" t="s">
        <v>23181</v>
      </c>
      <c r="M6590" s="1" t="s">
        <v>5</v>
      </c>
      <c r="N6590" s="1" t="s">
        <v>25</v>
      </c>
      <c r="O6590" s="1" t="s">
        <v>38</v>
      </c>
      <c r="P6590" s="5" t="s">
        <v>22781</v>
      </c>
    </row>
    <row r="6591" spans="1:16" x14ac:dyDescent="0.2">
      <c r="A6591" s="1" t="s">
        <v>10</v>
      </c>
      <c r="B6591" s="1" t="s">
        <v>10</v>
      </c>
      <c r="C6591" s="1" t="s">
        <v>23186</v>
      </c>
      <c r="D6591" s="1" t="s">
        <v>23187</v>
      </c>
      <c r="E6591" s="1"/>
      <c r="F6591" s="1" t="s">
        <v>10</v>
      </c>
      <c r="G6591" s="1" t="s">
        <v>10</v>
      </c>
      <c r="H6591" s="1" t="s">
        <v>10</v>
      </c>
      <c r="I6591" s="1" t="s">
        <v>22777</v>
      </c>
      <c r="J6591" s="1" t="s">
        <v>22996</v>
      </c>
      <c r="K6591" s="1" t="s">
        <v>27</v>
      </c>
      <c r="L6591" s="1" t="s">
        <v>23185</v>
      </c>
      <c r="M6591" s="1" t="s">
        <v>5</v>
      </c>
      <c r="N6591" s="1" t="s">
        <v>6</v>
      </c>
      <c r="O6591" s="1" t="s">
        <v>38</v>
      </c>
      <c r="P6591" s="5" t="s">
        <v>22781</v>
      </c>
    </row>
    <row r="6592" spans="1:16" x14ac:dyDescent="0.2">
      <c r="A6592" s="1" t="s">
        <v>10</v>
      </c>
      <c r="B6592" s="1" t="s">
        <v>10</v>
      </c>
      <c r="C6592" s="1" t="s">
        <v>23189</v>
      </c>
      <c r="D6592" s="1" t="s">
        <v>23190</v>
      </c>
      <c r="E6592" s="1"/>
      <c r="F6592" s="1" t="s">
        <v>10</v>
      </c>
      <c r="G6592" s="1" t="s">
        <v>10</v>
      </c>
      <c r="H6592" s="1" t="s">
        <v>10</v>
      </c>
      <c r="I6592" s="1" t="s">
        <v>22777</v>
      </c>
      <c r="J6592" s="1" t="s">
        <v>22996</v>
      </c>
      <c r="K6592" s="1" t="s">
        <v>27</v>
      </c>
      <c r="L6592" s="1" t="s">
        <v>23188</v>
      </c>
      <c r="M6592" s="1" t="s">
        <v>5</v>
      </c>
      <c r="N6592" s="1" t="s">
        <v>6</v>
      </c>
      <c r="O6592" s="1" t="s">
        <v>38</v>
      </c>
      <c r="P6592" s="5" t="s">
        <v>10</v>
      </c>
    </row>
    <row r="6593" spans="1:16" x14ac:dyDescent="0.2">
      <c r="A6593" s="1" t="s">
        <v>10</v>
      </c>
      <c r="B6593" s="1" t="s">
        <v>10</v>
      </c>
      <c r="C6593" s="1" t="s">
        <v>23192</v>
      </c>
      <c r="D6593" s="1" t="s">
        <v>23193</v>
      </c>
      <c r="E6593" s="1"/>
      <c r="F6593" s="1" t="s">
        <v>10</v>
      </c>
      <c r="G6593" s="1" t="s">
        <v>10</v>
      </c>
      <c r="H6593" s="1" t="s">
        <v>10</v>
      </c>
      <c r="I6593" s="1" t="s">
        <v>22777</v>
      </c>
      <c r="J6593" s="1" t="s">
        <v>22820</v>
      </c>
      <c r="K6593" s="1" t="s">
        <v>27</v>
      </c>
      <c r="L6593" s="1" t="s">
        <v>23191</v>
      </c>
      <c r="M6593" s="1" t="s">
        <v>5</v>
      </c>
      <c r="N6593" s="1" t="s">
        <v>25</v>
      </c>
      <c r="O6593" s="1" t="s">
        <v>38</v>
      </c>
      <c r="P6593" s="5" t="s">
        <v>22781</v>
      </c>
    </row>
    <row r="6594" spans="1:16" x14ac:dyDescent="0.2">
      <c r="A6594" s="1" t="s">
        <v>10</v>
      </c>
      <c r="B6594" s="1" t="s">
        <v>10</v>
      </c>
      <c r="C6594" s="1" t="s">
        <v>23195</v>
      </c>
      <c r="D6594" s="1" t="s">
        <v>23196</v>
      </c>
      <c r="E6594" s="1" t="s">
        <v>23197</v>
      </c>
      <c r="F6594" s="1" t="s">
        <v>27</v>
      </c>
      <c r="G6594" s="1" t="s">
        <v>1042</v>
      </c>
      <c r="H6594" s="1" t="s">
        <v>968</v>
      </c>
      <c r="I6594" s="1" t="s">
        <v>22777</v>
      </c>
      <c r="J6594" s="1" t="s">
        <v>19</v>
      </c>
      <c r="K6594" s="1" t="s">
        <v>37</v>
      </c>
      <c r="L6594" s="1" t="s">
        <v>23194</v>
      </c>
      <c r="M6594" s="1" t="s">
        <v>5</v>
      </c>
      <c r="N6594" s="1" t="s">
        <v>1009</v>
      </c>
      <c r="O6594" s="1" t="s">
        <v>8</v>
      </c>
      <c r="P6594" s="5" t="s">
        <v>30698</v>
      </c>
    </row>
    <row r="6595" spans="1:16" x14ac:dyDescent="0.2">
      <c r="A6595" s="1" t="s">
        <v>10</v>
      </c>
      <c r="B6595" s="1" t="s">
        <v>10</v>
      </c>
      <c r="C6595" s="1" t="s">
        <v>23199</v>
      </c>
      <c r="D6595" s="1" t="s">
        <v>23200</v>
      </c>
      <c r="E6595" s="1"/>
      <c r="F6595" s="1" t="s">
        <v>10</v>
      </c>
      <c r="G6595" s="1" t="s">
        <v>10</v>
      </c>
      <c r="H6595" s="1" t="s">
        <v>10</v>
      </c>
      <c r="I6595" s="1" t="s">
        <v>22777</v>
      </c>
      <c r="J6595" s="1" t="s">
        <v>22820</v>
      </c>
      <c r="K6595" s="1" t="s">
        <v>27</v>
      </c>
      <c r="L6595" s="1" t="s">
        <v>23198</v>
      </c>
      <c r="M6595" s="1" t="s">
        <v>5</v>
      </c>
      <c r="N6595" s="1" t="s">
        <v>25</v>
      </c>
      <c r="O6595" s="1" t="s">
        <v>38</v>
      </c>
      <c r="P6595" s="5" t="s">
        <v>30698</v>
      </c>
    </row>
    <row r="6596" spans="1:16" x14ac:dyDescent="0.2">
      <c r="A6596" s="1" t="s">
        <v>10</v>
      </c>
      <c r="B6596" s="1" t="s">
        <v>10</v>
      </c>
      <c r="C6596" s="1" t="s">
        <v>23202</v>
      </c>
      <c r="D6596" s="1" t="s">
        <v>23202</v>
      </c>
      <c r="E6596" s="1" t="s">
        <v>23203</v>
      </c>
      <c r="F6596" s="1" t="s">
        <v>10</v>
      </c>
      <c r="G6596" s="1" t="s">
        <v>10</v>
      </c>
      <c r="H6596" s="1" t="s">
        <v>10</v>
      </c>
      <c r="I6596" s="1" t="s">
        <v>22777</v>
      </c>
      <c r="J6596" s="1" t="s">
        <v>10</v>
      </c>
      <c r="K6596" s="1" t="s">
        <v>10</v>
      </c>
      <c r="L6596" s="1" t="s">
        <v>23201</v>
      </c>
      <c r="M6596" s="1" t="s">
        <v>5</v>
      </c>
      <c r="N6596" s="1" t="s">
        <v>25</v>
      </c>
      <c r="O6596" s="1" t="s">
        <v>8</v>
      </c>
      <c r="P6596" s="5" t="s">
        <v>30698</v>
      </c>
    </row>
    <row r="6597" spans="1:16" x14ac:dyDescent="0.2">
      <c r="A6597" s="1" t="s">
        <v>10</v>
      </c>
      <c r="B6597" s="1" t="s">
        <v>10</v>
      </c>
      <c r="C6597" s="1" t="s">
        <v>23132</v>
      </c>
      <c r="D6597" s="1" t="s">
        <v>23133</v>
      </c>
      <c r="E6597" s="1" t="s">
        <v>23205</v>
      </c>
      <c r="F6597" s="1" t="s">
        <v>10</v>
      </c>
      <c r="G6597" s="1" t="s">
        <v>10</v>
      </c>
      <c r="H6597" s="1" t="s">
        <v>10</v>
      </c>
      <c r="I6597" s="1" t="s">
        <v>22777</v>
      </c>
      <c r="J6597" s="1" t="s">
        <v>22782</v>
      </c>
      <c r="K6597" s="1" t="s">
        <v>27</v>
      </c>
      <c r="L6597" s="1" t="s">
        <v>23204</v>
      </c>
      <c r="M6597" s="1" t="s">
        <v>5</v>
      </c>
      <c r="N6597" s="1" t="s">
        <v>25</v>
      </c>
      <c r="O6597" s="1" t="s">
        <v>38</v>
      </c>
      <c r="P6597" s="5" t="s">
        <v>30698</v>
      </c>
    </row>
    <row r="6598" spans="1:16" x14ac:dyDescent="0.2">
      <c r="A6598" s="1" t="s">
        <v>10</v>
      </c>
      <c r="B6598" s="1" t="s">
        <v>10</v>
      </c>
      <c r="C6598" s="1" t="s">
        <v>23207</v>
      </c>
      <c r="D6598" s="1" t="s">
        <v>23208</v>
      </c>
      <c r="E6598" s="1" t="s">
        <v>23209</v>
      </c>
      <c r="F6598" s="1" t="s">
        <v>10</v>
      </c>
      <c r="G6598" s="1" t="s">
        <v>10</v>
      </c>
      <c r="H6598" s="1" t="s">
        <v>10</v>
      </c>
      <c r="I6598" s="1" t="s">
        <v>22777</v>
      </c>
      <c r="J6598" s="1" t="s">
        <v>10</v>
      </c>
      <c r="K6598" s="1" t="s">
        <v>10</v>
      </c>
      <c r="L6598" s="1" t="s">
        <v>23206</v>
      </c>
      <c r="M6598" s="1" t="s">
        <v>5</v>
      </c>
      <c r="N6598" s="1" t="s">
        <v>1009</v>
      </c>
      <c r="O6598" s="1" t="s">
        <v>8</v>
      </c>
      <c r="P6598" s="5" t="s">
        <v>22781</v>
      </c>
    </row>
    <row r="6599" spans="1:16" x14ac:dyDescent="0.2">
      <c r="A6599" s="1" t="s">
        <v>10</v>
      </c>
      <c r="B6599" s="1" t="s">
        <v>10</v>
      </c>
      <c r="C6599" s="1" t="s">
        <v>23211</v>
      </c>
      <c r="D6599" s="1" t="s">
        <v>16099</v>
      </c>
      <c r="E6599" s="1" t="s">
        <v>22972</v>
      </c>
      <c r="F6599" s="1" t="s">
        <v>10</v>
      </c>
      <c r="G6599" s="1" t="s">
        <v>10</v>
      </c>
      <c r="H6599" s="1" t="s">
        <v>10</v>
      </c>
      <c r="I6599" s="1" t="s">
        <v>22777</v>
      </c>
      <c r="J6599" s="1" t="s">
        <v>22891</v>
      </c>
      <c r="K6599" s="1" t="s">
        <v>27</v>
      </c>
      <c r="L6599" s="1" t="s">
        <v>23210</v>
      </c>
      <c r="M6599" s="1" t="s">
        <v>5</v>
      </c>
      <c r="N6599" s="1" t="s">
        <v>1009</v>
      </c>
      <c r="O6599" s="1" t="s">
        <v>38</v>
      </c>
      <c r="P6599" s="5" t="s">
        <v>30698</v>
      </c>
    </row>
    <row r="6600" spans="1:16" x14ac:dyDescent="0.2">
      <c r="A6600" s="1" t="s">
        <v>10</v>
      </c>
      <c r="B6600" s="1" t="s">
        <v>10</v>
      </c>
      <c r="C6600" s="1" t="s">
        <v>23213</v>
      </c>
      <c r="D6600" s="1" t="s">
        <v>23214</v>
      </c>
      <c r="E6600" s="1"/>
      <c r="F6600" s="1" t="s">
        <v>10</v>
      </c>
      <c r="G6600" s="1" t="s">
        <v>10</v>
      </c>
      <c r="H6600" s="1" t="s">
        <v>10</v>
      </c>
      <c r="I6600" s="1" t="s">
        <v>22777</v>
      </c>
      <c r="J6600" s="1" t="s">
        <v>22782</v>
      </c>
      <c r="K6600" s="1" t="s">
        <v>27</v>
      </c>
      <c r="L6600" s="1" t="s">
        <v>23212</v>
      </c>
      <c r="M6600" s="1" t="s">
        <v>5</v>
      </c>
      <c r="N6600" s="1" t="s">
        <v>25</v>
      </c>
      <c r="O6600" s="1" t="s">
        <v>38</v>
      </c>
      <c r="P6600" s="5" t="s">
        <v>30698</v>
      </c>
    </row>
    <row r="6601" spans="1:16" x14ac:dyDescent="0.2">
      <c r="A6601" s="1" t="s">
        <v>10</v>
      </c>
      <c r="B6601" s="1" t="s">
        <v>10</v>
      </c>
      <c r="C6601" s="1" t="s">
        <v>23216</v>
      </c>
      <c r="D6601" s="1" t="s">
        <v>23217</v>
      </c>
      <c r="E6601" s="1" t="s">
        <v>23218</v>
      </c>
      <c r="F6601" s="1" t="s">
        <v>27</v>
      </c>
      <c r="G6601" s="1" t="s">
        <v>1042</v>
      </c>
      <c r="H6601" s="1" t="s">
        <v>968</v>
      </c>
      <c r="I6601" s="1" t="s">
        <v>22777</v>
      </c>
      <c r="J6601" s="1" t="s">
        <v>19</v>
      </c>
      <c r="K6601" s="1" t="s">
        <v>64</v>
      </c>
      <c r="L6601" s="1" t="s">
        <v>23215</v>
      </c>
      <c r="M6601" s="1" t="s">
        <v>5</v>
      </c>
      <c r="N6601" s="1" t="s">
        <v>1009</v>
      </c>
      <c r="O6601" s="1" t="s">
        <v>8</v>
      </c>
      <c r="P6601" s="5" t="s">
        <v>30698</v>
      </c>
    </row>
    <row r="6602" spans="1:16" x14ac:dyDescent="0.2">
      <c r="A6602" s="1" t="s">
        <v>10</v>
      </c>
      <c r="B6602" s="1" t="s">
        <v>10</v>
      </c>
      <c r="C6602" s="1" t="s">
        <v>23220</v>
      </c>
      <c r="D6602" s="1" t="s">
        <v>23221</v>
      </c>
      <c r="E6602" s="1" t="s">
        <v>23222</v>
      </c>
      <c r="F6602" s="1" t="s">
        <v>27</v>
      </c>
      <c r="G6602" s="1" t="s">
        <v>1042</v>
      </c>
      <c r="H6602" s="1" t="s">
        <v>968</v>
      </c>
      <c r="I6602" s="1" t="s">
        <v>22777</v>
      </c>
      <c r="J6602" s="1" t="s">
        <v>19</v>
      </c>
      <c r="K6602" s="1" t="s">
        <v>64</v>
      </c>
      <c r="L6602" s="1" t="s">
        <v>23219</v>
      </c>
      <c r="M6602" s="1" t="s">
        <v>5</v>
      </c>
      <c r="N6602" s="1" t="s">
        <v>1009</v>
      </c>
      <c r="O6602" s="1" t="s">
        <v>8</v>
      </c>
      <c r="P6602" s="5" t="s">
        <v>30698</v>
      </c>
    </row>
    <row r="6603" spans="1:16" x14ac:dyDescent="0.2">
      <c r="A6603" s="1" t="s">
        <v>10</v>
      </c>
      <c r="B6603" s="1" t="s">
        <v>10</v>
      </c>
      <c r="C6603" s="1" t="s">
        <v>23224</v>
      </c>
      <c r="D6603" s="1" t="s">
        <v>23225</v>
      </c>
      <c r="E6603" s="1"/>
      <c r="F6603" s="1" t="s">
        <v>10</v>
      </c>
      <c r="G6603" s="1" t="s">
        <v>10</v>
      </c>
      <c r="H6603" s="1" t="s">
        <v>10</v>
      </c>
      <c r="I6603" s="1" t="s">
        <v>22777</v>
      </c>
      <c r="J6603" s="1" t="s">
        <v>22782</v>
      </c>
      <c r="K6603" s="1" t="s">
        <v>27</v>
      </c>
      <c r="L6603" s="1" t="s">
        <v>23223</v>
      </c>
      <c r="M6603" s="1" t="s">
        <v>5</v>
      </c>
      <c r="N6603" s="1" t="s">
        <v>1009</v>
      </c>
      <c r="O6603" s="1" t="s">
        <v>38</v>
      </c>
      <c r="P6603" s="5" t="s">
        <v>30698</v>
      </c>
    </row>
    <row r="6604" spans="1:16" x14ac:dyDescent="0.2">
      <c r="A6604" s="1" t="s">
        <v>10</v>
      </c>
      <c r="B6604" s="1" t="s">
        <v>10</v>
      </c>
      <c r="C6604" s="1" t="s">
        <v>23227</v>
      </c>
      <c r="D6604" s="1" t="s">
        <v>23228</v>
      </c>
      <c r="E6604" s="1" t="s">
        <v>23229</v>
      </c>
      <c r="F6604" s="1" t="s">
        <v>27</v>
      </c>
      <c r="G6604" s="1" t="s">
        <v>1042</v>
      </c>
      <c r="H6604" s="1" t="s">
        <v>23230</v>
      </c>
      <c r="I6604" s="1" t="s">
        <v>22777</v>
      </c>
      <c r="J6604" s="1" t="s">
        <v>22891</v>
      </c>
      <c r="K6604" s="1" t="s">
        <v>27</v>
      </c>
      <c r="L6604" s="1" t="s">
        <v>23226</v>
      </c>
      <c r="M6604" s="1" t="s">
        <v>5</v>
      </c>
      <c r="N6604" s="1" t="s">
        <v>1009</v>
      </c>
      <c r="O6604" s="1" t="s">
        <v>8</v>
      </c>
      <c r="P6604" s="5" t="s">
        <v>22781</v>
      </c>
    </row>
    <row r="6605" spans="1:16" x14ac:dyDescent="0.2">
      <c r="A6605" s="1" t="s">
        <v>10</v>
      </c>
      <c r="B6605" s="1" t="s">
        <v>10</v>
      </c>
      <c r="C6605" s="1" t="s">
        <v>23232</v>
      </c>
      <c r="D6605" s="1" t="s">
        <v>23233</v>
      </c>
      <c r="E6605" s="1" t="s">
        <v>23234</v>
      </c>
      <c r="F6605" s="1" t="s">
        <v>10</v>
      </c>
      <c r="G6605" s="1" t="s">
        <v>10</v>
      </c>
      <c r="H6605" s="1" t="s">
        <v>10</v>
      </c>
      <c r="I6605" s="1" t="s">
        <v>22777</v>
      </c>
      <c r="J6605" s="1" t="s">
        <v>22820</v>
      </c>
      <c r="K6605" s="1" t="s">
        <v>27</v>
      </c>
      <c r="L6605" s="1" t="s">
        <v>23231</v>
      </c>
      <c r="M6605" s="1" t="s">
        <v>5</v>
      </c>
      <c r="N6605" s="1" t="s">
        <v>6</v>
      </c>
      <c r="O6605" s="1" t="s">
        <v>38</v>
      </c>
      <c r="P6605" s="5" t="s">
        <v>30698</v>
      </c>
    </row>
    <row r="6606" spans="1:16" x14ac:dyDescent="0.2">
      <c r="A6606" s="1" t="s">
        <v>10</v>
      </c>
      <c r="B6606" s="1" t="s">
        <v>10</v>
      </c>
      <c r="C6606" s="1" t="s">
        <v>23236</v>
      </c>
      <c r="D6606" s="1" t="s">
        <v>23237</v>
      </c>
      <c r="E6606" s="1"/>
      <c r="F6606" s="1" t="s">
        <v>10</v>
      </c>
      <c r="G6606" s="1" t="s">
        <v>10</v>
      </c>
      <c r="H6606" s="1" t="s">
        <v>10</v>
      </c>
      <c r="I6606" s="1" t="s">
        <v>22777</v>
      </c>
      <c r="J6606" s="1" t="s">
        <v>22820</v>
      </c>
      <c r="K6606" s="1" t="s">
        <v>27</v>
      </c>
      <c r="L6606" s="1" t="s">
        <v>23235</v>
      </c>
      <c r="M6606" s="1" t="s">
        <v>5</v>
      </c>
      <c r="N6606" s="1" t="s">
        <v>6</v>
      </c>
      <c r="O6606" s="1" t="s">
        <v>38</v>
      </c>
      <c r="P6606" s="5" t="s">
        <v>22781</v>
      </c>
    </row>
    <row r="6607" spans="1:16" x14ac:dyDescent="0.2">
      <c r="A6607" s="1" t="s">
        <v>10</v>
      </c>
      <c r="B6607" s="1" t="s">
        <v>10</v>
      </c>
      <c r="C6607" s="1" t="s">
        <v>23239</v>
      </c>
      <c r="D6607" s="1" t="s">
        <v>23240</v>
      </c>
      <c r="E6607" s="1"/>
      <c r="F6607" s="1" t="s">
        <v>10</v>
      </c>
      <c r="G6607" s="1" t="s">
        <v>10</v>
      </c>
      <c r="H6607" s="1" t="s">
        <v>10</v>
      </c>
      <c r="I6607" s="1" t="s">
        <v>22777</v>
      </c>
      <c r="J6607" s="1" t="s">
        <v>22820</v>
      </c>
      <c r="K6607" s="1" t="s">
        <v>27</v>
      </c>
      <c r="L6607" s="1" t="s">
        <v>23238</v>
      </c>
      <c r="M6607" s="1" t="s">
        <v>5</v>
      </c>
      <c r="N6607" s="1" t="s">
        <v>25</v>
      </c>
      <c r="O6607" s="1" t="s">
        <v>38</v>
      </c>
      <c r="P6607" s="5" t="s">
        <v>30698</v>
      </c>
    </row>
    <row r="6608" spans="1:16" x14ac:dyDescent="0.2">
      <c r="A6608" s="1" t="s">
        <v>10</v>
      </c>
      <c r="B6608" s="1" t="s">
        <v>10</v>
      </c>
      <c r="C6608" s="1" t="s">
        <v>23242</v>
      </c>
      <c r="D6608" s="1" t="s">
        <v>23243</v>
      </c>
      <c r="E6608" s="1" t="s">
        <v>23244</v>
      </c>
      <c r="F6608" s="1" t="s">
        <v>27</v>
      </c>
      <c r="G6608" s="1" t="s">
        <v>1042</v>
      </c>
      <c r="H6608" s="1" t="s">
        <v>23245</v>
      </c>
      <c r="I6608" s="1" t="s">
        <v>22777</v>
      </c>
      <c r="J6608" s="1" t="s">
        <v>19</v>
      </c>
      <c r="K6608" s="1" t="s">
        <v>64</v>
      </c>
      <c r="L6608" s="1" t="s">
        <v>23241</v>
      </c>
      <c r="M6608" s="1" t="s">
        <v>5</v>
      </c>
      <c r="N6608" s="1" t="s">
        <v>25</v>
      </c>
      <c r="O6608" s="1" t="s">
        <v>8</v>
      </c>
      <c r="P6608" s="5" t="s">
        <v>30698</v>
      </c>
    </row>
    <row r="6609" spans="1:16" x14ac:dyDescent="0.2">
      <c r="A6609" s="1" t="s">
        <v>10</v>
      </c>
      <c r="B6609" s="1" t="s">
        <v>10</v>
      </c>
      <c r="C6609" s="1" t="s">
        <v>23247</v>
      </c>
      <c r="D6609" s="1" t="s">
        <v>23248</v>
      </c>
      <c r="E6609" s="1"/>
      <c r="F6609" s="1" t="s">
        <v>10</v>
      </c>
      <c r="G6609" s="1" t="s">
        <v>10</v>
      </c>
      <c r="H6609" s="1" t="s">
        <v>10</v>
      </c>
      <c r="I6609" s="1" t="s">
        <v>22777</v>
      </c>
      <c r="J6609" s="1" t="s">
        <v>22820</v>
      </c>
      <c r="K6609" s="1" t="s">
        <v>27</v>
      </c>
      <c r="L6609" s="1" t="s">
        <v>23246</v>
      </c>
      <c r="M6609" s="1" t="s">
        <v>5</v>
      </c>
      <c r="N6609" s="1" t="s">
        <v>25</v>
      </c>
      <c r="O6609" s="1" t="s">
        <v>38</v>
      </c>
      <c r="P6609" s="5" t="s">
        <v>30698</v>
      </c>
    </row>
    <row r="6610" spans="1:16" x14ac:dyDescent="0.2">
      <c r="A6610" s="1" t="s">
        <v>10</v>
      </c>
      <c r="B6610" s="1" t="s">
        <v>10</v>
      </c>
      <c r="C6610" s="1" t="s">
        <v>23250</v>
      </c>
      <c r="D6610" s="1" t="s">
        <v>22009</v>
      </c>
      <c r="E6610" s="1"/>
      <c r="F6610" s="1" t="s">
        <v>10</v>
      </c>
      <c r="G6610" s="1" t="s">
        <v>10</v>
      </c>
      <c r="H6610" s="1" t="s">
        <v>10</v>
      </c>
      <c r="I6610" s="1" t="s">
        <v>22777</v>
      </c>
      <c r="J6610" s="1" t="s">
        <v>22820</v>
      </c>
      <c r="K6610" s="1" t="s">
        <v>27</v>
      </c>
      <c r="L6610" s="1" t="s">
        <v>23249</v>
      </c>
      <c r="M6610" s="1" t="s">
        <v>5</v>
      </c>
      <c r="N6610" s="1" t="s">
        <v>25</v>
      </c>
      <c r="O6610" s="1" t="s">
        <v>38</v>
      </c>
      <c r="P6610" s="5" t="s">
        <v>30698</v>
      </c>
    </row>
    <row r="6611" spans="1:16" x14ac:dyDescent="0.2">
      <c r="A6611" s="1" t="s">
        <v>10</v>
      </c>
      <c r="B6611" s="1" t="s">
        <v>10</v>
      </c>
      <c r="C6611" s="1" t="s">
        <v>23252</v>
      </c>
      <c r="D6611" s="1" t="s">
        <v>23214</v>
      </c>
      <c r="E6611" s="1"/>
      <c r="F6611" s="1" t="s">
        <v>10</v>
      </c>
      <c r="G6611" s="1" t="s">
        <v>10</v>
      </c>
      <c r="H6611" s="1" t="s">
        <v>10</v>
      </c>
      <c r="I6611" s="1" t="s">
        <v>22777</v>
      </c>
      <c r="J6611" s="1" t="s">
        <v>22782</v>
      </c>
      <c r="K6611" s="1" t="s">
        <v>27</v>
      </c>
      <c r="L6611" s="1" t="s">
        <v>23251</v>
      </c>
      <c r="M6611" s="1" t="s">
        <v>5</v>
      </c>
      <c r="N6611" s="1" t="s">
        <v>25</v>
      </c>
      <c r="O6611" s="1" t="s">
        <v>38</v>
      </c>
      <c r="P6611" s="5" t="s">
        <v>30698</v>
      </c>
    </row>
    <row r="6612" spans="1:16" x14ac:dyDescent="0.2">
      <c r="A6612" s="1" t="s">
        <v>10</v>
      </c>
      <c r="B6612" s="1" t="s">
        <v>10</v>
      </c>
      <c r="C6612" s="1" t="s">
        <v>23254</v>
      </c>
      <c r="D6612" s="1" t="s">
        <v>23214</v>
      </c>
      <c r="E6612" s="1"/>
      <c r="F6612" s="1" t="s">
        <v>10</v>
      </c>
      <c r="G6612" s="1" t="s">
        <v>10</v>
      </c>
      <c r="H6612" s="1" t="s">
        <v>10</v>
      </c>
      <c r="I6612" s="1" t="s">
        <v>22777</v>
      </c>
      <c r="J6612" s="1" t="s">
        <v>22782</v>
      </c>
      <c r="K6612" s="1" t="s">
        <v>27</v>
      </c>
      <c r="L6612" s="1" t="s">
        <v>23253</v>
      </c>
      <c r="M6612" s="1" t="s">
        <v>5</v>
      </c>
      <c r="N6612" s="1" t="s">
        <v>1009</v>
      </c>
      <c r="O6612" s="1" t="s">
        <v>38</v>
      </c>
      <c r="P6612" s="5" t="s">
        <v>30698</v>
      </c>
    </row>
    <row r="6613" spans="1:16" x14ac:dyDescent="0.2">
      <c r="A6613" s="1" t="s">
        <v>10</v>
      </c>
      <c r="B6613" s="1" t="s">
        <v>10</v>
      </c>
      <c r="C6613" s="1" t="s">
        <v>23256</v>
      </c>
      <c r="D6613" s="1" t="s">
        <v>23214</v>
      </c>
      <c r="E6613" s="1"/>
      <c r="F6613" s="1" t="s">
        <v>10</v>
      </c>
      <c r="G6613" s="1" t="s">
        <v>10</v>
      </c>
      <c r="H6613" s="1" t="s">
        <v>10</v>
      </c>
      <c r="I6613" s="1" t="s">
        <v>22777</v>
      </c>
      <c r="J6613" s="1" t="s">
        <v>22782</v>
      </c>
      <c r="K6613" s="1" t="s">
        <v>27</v>
      </c>
      <c r="L6613" s="1" t="s">
        <v>23255</v>
      </c>
      <c r="M6613" s="1" t="s">
        <v>5</v>
      </c>
      <c r="N6613" s="1" t="s">
        <v>25</v>
      </c>
      <c r="O6613" s="1" t="s">
        <v>38</v>
      </c>
      <c r="P6613" s="5" t="s">
        <v>30698</v>
      </c>
    </row>
    <row r="6614" spans="1:16" x14ac:dyDescent="0.2">
      <c r="A6614" s="1" t="s">
        <v>10</v>
      </c>
      <c r="B6614" s="1" t="s">
        <v>10</v>
      </c>
      <c r="C6614" s="1" t="s">
        <v>23258</v>
      </c>
      <c r="D6614" s="1" t="s">
        <v>23259</v>
      </c>
      <c r="E6614" s="1" t="s">
        <v>23260</v>
      </c>
      <c r="F6614" s="1" t="s">
        <v>10</v>
      </c>
      <c r="G6614" s="1" t="s">
        <v>10</v>
      </c>
      <c r="H6614" s="1" t="s">
        <v>10</v>
      </c>
      <c r="I6614" s="1" t="s">
        <v>22777</v>
      </c>
      <c r="J6614" s="1" t="s">
        <v>23027</v>
      </c>
      <c r="K6614" s="1" t="s">
        <v>27</v>
      </c>
      <c r="L6614" s="1" t="s">
        <v>23257</v>
      </c>
      <c r="M6614" s="1" t="s">
        <v>5</v>
      </c>
      <c r="N6614" s="1" t="s">
        <v>25</v>
      </c>
      <c r="O6614" s="1" t="s">
        <v>38</v>
      </c>
      <c r="P6614" s="5" t="s">
        <v>30699</v>
      </c>
    </row>
    <row r="6615" spans="1:16" x14ac:dyDescent="0.2">
      <c r="A6615" s="1" t="s">
        <v>10</v>
      </c>
      <c r="B6615" s="1" t="s">
        <v>10</v>
      </c>
      <c r="C6615" s="1" t="s">
        <v>23262</v>
      </c>
      <c r="D6615" s="1" t="s">
        <v>23263</v>
      </c>
      <c r="E6615" s="1" t="s">
        <v>23264</v>
      </c>
      <c r="F6615" s="1" t="s">
        <v>10</v>
      </c>
      <c r="G6615" s="1" t="s">
        <v>10</v>
      </c>
      <c r="H6615" s="1" t="s">
        <v>10</v>
      </c>
      <c r="I6615" s="1" t="s">
        <v>22777</v>
      </c>
      <c r="J6615" s="1" t="s">
        <v>19</v>
      </c>
      <c r="K6615" s="1" t="s">
        <v>586</v>
      </c>
      <c r="L6615" s="1" t="s">
        <v>23261</v>
      </c>
      <c r="M6615" s="1" t="s">
        <v>5</v>
      </c>
      <c r="N6615" s="1" t="s">
        <v>25</v>
      </c>
      <c r="O6615" s="1" t="s">
        <v>38</v>
      </c>
      <c r="P6615" s="5" t="s">
        <v>30698</v>
      </c>
    </row>
    <row r="6616" spans="1:16" x14ac:dyDescent="0.2">
      <c r="A6616" s="1" t="s">
        <v>10</v>
      </c>
      <c r="B6616" s="1" t="s">
        <v>10</v>
      </c>
      <c r="C6616" s="1" t="s">
        <v>23266</v>
      </c>
      <c r="D6616" s="1" t="s">
        <v>23267</v>
      </c>
      <c r="E6616" s="1" t="s">
        <v>23268</v>
      </c>
      <c r="F6616" s="1" t="s">
        <v>10</v>
      </c>
      <c r="G6616" s="1" t="s">
        <v>10</v>
      </c>
      <c r="H6616" s="1" t="s">
        <v>10</v>
      </c>
      <c r="I6616" s="1" t="s">
        <v>22777</v>
      </c>
      <c r="J6616" s="1" t="s">
        <v>10</v>
      </c>
      <c r="K6616" s="1" t="s">
        <v>10</v>
      </c>
      <c r="L6616" s="1" t="s">
        <v>23265</v>
      </c>
      <c r="M6616" s="1" t="s">
        <v>5</v>
      </c>
      <c r="N6616" s="1" t="s">
        <v>1009</v>
      </c>
      <c r="O6616" s="1" t="s">
        <v>38</v>
      </c>
      <c r="P6616" s="5" t="s">
        <v>30698</v>
      </c>
    </row>
    <row r="6617" spans="1:16" x14ac:dyDescent="0.2">
      <c r="A6617" s="1" t="s">
        <v>10</v>
      </c>
      <c r="B6617" s="1" t="s">
        <v>10</v>
      </c>
      <c r="C6617" s="1" t="s">
        <v>23270</v>
      </c>
      <c r="D6617" s="1" t="s">
        <v>23271</v>
      </c>
      <c r="E6617" s="1" t="s">
        <v>23272</v>
      </c>
      <c r="F6617" s="1" t="s">
        <v>10</v>
      </c>
      <c r="G6617" s="1" t="s">
        <v>10</v>
      </c>
      <c r="H6617" s="1" t="s">
        <v>10</v>
      </c>
      <c r="I6617" s="1" t="s">
        <v>22777</v>
      </c>
      <c r="J6617" s="1" t="s">
        <v>19</v>
      </c>
      <c r="K6617" s="1" t="s">
        <v>747</v>
      </c>
      <c r="L6617" s="1" t="s">
        <v>23269</v>
      </c>
      <c r="M6617" s="1" t="s">
        <v>5</v>
      </c>
      <c r="N6617" s="1" t="s">
        <v>25</v>
      </c>
      <c r="O6617" s="1" t="s">
        <v>38</v>
      </c>
      <c r="P6617" s="5" t="s">
        <v>30698</v>
      </c>
    </row>
    <row r="6618" spans="1:16" x14ac:dyDescent="0.2">
      <c r="A6618" s="1" t="s">
        <v>10</v>
      </c>
      <c r="B6618" s="1" t="s">
        <v>10</v>
      </c>
      <c r="C6618" s="1" t="s">
        <v>23274</v>
      </c>
      <c r="D6618" s="1" t="s">
        <v>23275</v>
      </c>
      <c r="E6618" s="1" t="s">
        <v>23276</v>
      </c>
      <c r="F6618" s="1" t="s">
        <v>10</v>
      </c>
      <c r="G6618" s="1" t="s">
        <v>10</v>
      </c>
      <c r="H6618" s="1" t="s">
        <v>10</v>
      </c>
      <c r="I6618" s="1" t="s">
        <v>22777</v>
      </c>
      <c r="J6618" s="1" t="s">
        <v>22891</v>
      </c>
      <c r="K6618" s="1" t="s">
        <v>27</v>
      </c>
      <c r="L6618" s="1" t="s">
        <v>23273</v>
      </c>
      <c r="M6618" s="1" t="s">
        <v>5</v>
      </c>
      <c r="N6618" s="1" t="s">
        <v>25</v>
      </c>
      <c r="O6618" s="1" t="s">
        <v>38</v>
      </c>
      <c r="P6618" s="5" t="s">
        <v>30698</v>
      </c>
    </row>
    <row r="6619" spans="1:16" x14ac:dyDescent="0.2">
      <c r="A6619" s="1" t="s">
        <v>10</v>
      </c>
      <c r="B6619" s="1" t="s">
        <v>10</v>
      </c>
      <c r="C6619" s="1" t="s">
        <v>23278</v>
      </c>
      <c r="D6619" s="1" t="s">
        <v>23279</v>
      </c>
      <c r="E6619" s="1"/>
      <c r="F6619" s="1" t="s">
        <v>414</v>
      </c>
      <c r="G6619" s="1" t="s">
        <v>10</v>
      </c>
      <c r="H6619" s="1" t="s">
        <v>15291</v>
      </c>
      <c r="I6619" s="1" t="s">
        <v>22777</v>
      </c>
      <c r="J6619" s="1" t="s">
        <v>23280</v>
      </c>
      <c r="K6619" s="1" t="s">
        <v>27</v>
      </c>
      <c r="L6619" s="1" t="s">
        <v>23277</v>
      </c>
      <c r="M6619" s="1" t="s">
        <v>5</v>
      </c>
      <c r="N6619" s="1" t="s">
        <v>25</v>
      </c>
      <c r="O6619" s="1" t="s">
        <v>8</v>
      </c>
      <c r="P6619" s="5" t="s">
        <v>30698</v>
      </c>
    </row>
    <row r="6620" spans="1:16" x14ac:dyDescent="0.2">
      <c r="A6620" s="1" t="s">
        <v>10</v>
      </c>
      <c r="B6620" s="1" t="s">
        <v>10</v>
      </c>
      <c r="C6620" s="1" t="s">
        <v>23282</v>
      </c>
      <c r="D6620" s="1" t="s">
        <v>19570</v>
      </c>
      <c r="E6620" s="1" t="s">
        <v>23283</v>
      </c>
      <c r="F6620" s="1" t="s">
        <v>10</v>
      </c>
      <c r="G6620" s="1" t="s">
        <v>10</v>
      </c>
      <c r="H6620" s="1" t="s">
        <v>10</v>
      </c>
      <c r="I6620" s="1" t="s">
        <v>22777</v>
      </c>
      <c r="J6620" s="1" t="s">
        <v>22891</v>
      </c>
      <c r="K6620" s="1" t="s">
        <v>27</v>
      </c>
      <c r="L6620" s="1" t="s">
        <v>23281</v>
      </c>
      <c r="M6620" s="1" t="s">
        <v>5</v>
      </c>
      <c r="N6620" s="1" t="s">
        <v>1009</v>
      </c>
      <c r="O6620" s="1" t="s">
        <v>38</v>
      </c>
      <c r="P6620" s="5" t="s">
        <v>30698</v>
      </c>
    </row>
    <row r="6621" spans="1:16" x14ac:dyDescent="0.2">
      <c r="A6621" s="1" t="s">
        <v>10</v>
      </c>
      <c r="B6621" s="1" t="s">
        <v>10</v>
      </c>
      <c r="C6621" s="1" t="s">
        <v>23285</v>
      </c>
      <c r="D6621" s="1" t="s">
        <v>23286</v>
      </c>
      <c r="E6621" s="1" t="s">
        <v>23287</v>
      </c>
      <c r="F6621" s="1" t="s">
        <v>10</v>
      </c>
      <c r="G6621" s="1" t="s">
        <v>10</v>
      </c>
      <c r="H6621" s="1" t="s">
        <v>10</v>
      </c>
      <c r="I6621" s="1" t="s">
        <v>22777</v>
      </c>
      <c r="J6621" s="1" t="s">
        <v>10</v>
      </c>
      <c r="K6621" s="1" t="s">
        <v>10</v>
      </c>
      <c r="L6621" s="1" t="s">
        <v>23284</v>
      </c>
      <c r="M6621" s="1" t="s">
        <v>5</v>
      </c>
      <c r="N6621" s="1" t="s">
        <v>6</v>
      </c>
      <c r="O6621" s="1" t="s">
        <v>38</v>
      </c>
      <c r="P6621" s="5" t="s">
        <v>30698</v>
      </c>
    </row>
    <row r="6622" spans="1:16" x14ac:dyDescent="0.2">
      <c r="A6622" s="1" t="s">
        <v>10</v>
      </c>
      <c r="B6622" s="1" t="s">
        <v>10</v>
      </c>
      <c r="C6622" s="1" t="s">
        <v>23289</v>
      </c>
      <c r="D6622" s="1" t="s">
        <v>23290</v>
      </c>
      <c r="E6622" s="1" t="s">
        <v>23291</v>
      </c>
      <c r="F6622" s="1" t="s">
        <v>10</v>
      </c>
      <c r="G6622" s="1" t="s">
        <v>10</v>
      </c>
      <c r="H6622" s="1" t="s">
        <v>10</v>
      </c>
      <c r="I6622" s="1" t="s">
        <v>22777</v>
      </c>
      <c r="J6622" s="1" t="s">
        <v>10</v>
      </c>
      <c r="K6622" s="1" t="s">
        <v>10</v>
      </c>
      <c r="L6622" s="1" t="s">
        <v>23288</v>
      </c>
      <c r="M6622" s="1" t="s">
        <v>5</v>
      </c>
      <c r="N6622" s="1" t="s">
        <v>25</v>
      </c>
      <c r="O6622" s="1" t="s">
        <v>38</v>
      </c>
      <c r="P6622" s="5" t="s">
        <v>30698</v>
      </c>
    </row>
    <row r="6623" spans="1:16" x14ac:dyDescent="0.2">
      <c r="A6623" s="1" t="s">
        <v>10</v>
      </c>
      <c r="B6623" s="1" t="s">
        <v>10</v>
      </c>
      <c r="C6623" s="1" t="s">
        <v>23293</v>
      </c>
      <c r="D6623" s="1" t="s">
        <v>23294</v>
      </c>
      <c r="E6623" s="1" t="s">
        <v>23295</v>
      </c>
      <c r="F6623" s="1" t="s">
        <v>10</v>
      </c>
      <c r="G6623" s="1" t="s">
        <v>10</v>
      </c>
      <c r="H6623" s="1" t="s">
        <v>10</v>
      </c>
      <c r="I6623" s="1" t="s">
        <v>22777</v>
      </c>
      <c r="J6623" s="1" t="s">
        <v>22891</v>
      </c>
      <c r="K6623" s="1" t="s">
        <v>27</v>
      </c>
      <c r="L6623" s="1" t="s">
        <v>23292</v>
      </c>
      <c r="M6623" s="1" t="s">
        <v>5</v>
      </c>
      <c r="N6623" s="1" t="s">
        <v>25</v>
      </c>
      <c r="O6623" s="1" t="s">
        <v>38</v>
      </c>
      <c r="P6623" s="5" t="s">
        <v>30698</v>
      </c>
    </row>
    <row r="6624" spans="1:16" x14ac:dyDescent="0.2">
      <c r="A6624" s="1" t="s">
        <v>10</v>
      </c>
      <c r="B6624" s="1" t="s">
        <v>10</v>
      </c>
      <c r="C6624" s="1" t="s">
        <v>23297</v>
      </c>
      <c r="D6624" s="1" t="s">
        <v>23298</v>
      </c>
      <c r="E6624" s="1" t="s">
        <v>23299</v>
      </c>
      <c r="F6624" s="1" t="s">
        <v>10</v>
      </c>
      <c r="G6624" s="1" t="s">
        <v>10</v>
      </c>
      <c r="H6624" s="1" t="s">
        <v>10</v>
      </c>
      <c r="I6624" s="1" t="s">
        <v>22777</v>
      </c>
      <c r="J6624" s="1" t="s">
        <v>22891</v>
      </c>
      <c r="K6624" s="1" t="s">
        <v>27</v>
      </c>
      <c r="L6624" s="1" t="s">
        <v>23296</v>
      </c>
      <c r="M6624" s="1" t="s">
        <v>5</v>
      </c>
      <c r="N6624" s="1" t="s">
        <v>25</v>
      </c>
      <c r="O6624" s="1" t="s">
        <v>38</v>
      </c>
      <c r="P6624" s="5" t="s">
        <v>30698</v>
      </c>
    </row>
    <row r="6625" spans="1:16" x14ac:dyDescent="0.2">
      <c r="A6625" s="1" t="s">
        <v>10</v>
      </c>
      <c r="B6625" s="1" t="s">
        <v>10</v>
      </c>
      <c r="C6625" s="1" t="s">
        <v>23301</v>
      </c>
      <c r="D6625" s="1" t="s">
        <v>19311</v>
      </c>
      <c r="E6625" s="1" t="s">
        <v>23302</v>
      </c>
      <c r="F6625" s="1" t="s">
        <v>10</v>
      </c>
      <c r="G6625" s="1" t="s">
        <v>10</v>
      </c>
      <c r="H6625" s="1" t="s">
        <v>10</v>
      </c>
      <c r="I6625" s="1" t="s">
        <v>22777</v>
      </c>
      <c r="J6625" s="1" t="s">
        <v>19</v>
      </c>
      <c r="K6625" s="1" t="s">
        <v>747</v>
      </c>
      <c r="L6625" s="1" t="s">
        <v>23300</v>
      </c>
      <c r="M6625" s="1" t="s">
        <v>5</v>
      </c>
      <c r="N6625" s="1" t="s">
        <v>25</v>
      </c>
      <c r="O6625" s="1" t="s">
        <v>38</v>
      </c>
      <c r="P6625" s="5" t="s">
        <v>30698</v>
      </c>
    </row>
    <row r="6626" spans="1:16" x14ac:dyDescent="0.2">
      <c r="A6626" s="1" t="s">
        <v>10</v>
      </c>
      <c r="B6626" s="1" t="s">
        <v>10</v>
      </c>
      <c r="C6626" s="1" t="s">
        <v>23304</v>
      </c>
      <c r="D6626" s="1" t="s">
        <v>4896</v>
      </c>
      <c r="E6626" s="1" t="s">
        <v>23305</v>
      </c>
      <c r="F6626" s="1" t="s">
        <v>10</v>
      </c>
      <c r="G6626" s="1" t="s">
        <v>10</v>
      </c>
      <c r="H6626" s="1" t="s">
        <v>10</v>
      </c>
      <c r="I6626" s="1" t="s">
        <v>22777</v>
      </c>
      <c r="J6626" s="1" t="s">
        <v>22891</v>
      </c>
      <c r="K6626" s="1" t="s">
        <v>27</v>
      </c>
      <c r="L6626" s="1" t="s">
        <v>23303</v>
      </c>
      <c r="M6626" s="1" t="s">
        <v>5</v>
      </c>
      <c r="N6626" s="1" t="s">
        <v>25</v>
      </c>
      <c r="O6626" s="1" t="s">
        <v>38</v>
      </c>
      <c r="P6626" s="5" t="s">
        <v>30698</v>
      </c>
    </row>
    <row r="6627" spans="1:16" x14ac:dyDescent="0.2">
      <c r="A6627" s="1" t="s">
        <v>10</v>
      </c>
      <c r="B6627" s="1" t="s">
        <v>10</v>
      </c>
      <c r="C6627" s="1" t="s">
        <v>23307</v>
      </c>
      <c r="D6627" s="1" t="s">
        <v>23307</v>
      </c>
      <c r="E6627" s="1" t="s">
        <v>23308</v>
      </c>
      <c r="F6627" s="1" t="s">
        <v>10</v>
      </c>
      <c r="G6627" s="1" t="s">
        <v>10</v>
      </c>
      <c r="H6627" s="1" t="s">
        <v>10</v>
      </c>
      <c r="I6627" s="1" t="s">
        <v>22777</v>
      </c>
      <c r="J6627" s="1" t="s">
        <v>19</v>
      </c>
      <c r="K6627" s="1" t="s">
        <v>47</v>
      </c>
      <c r="L6627" s="1" t="s">
        <v>23306</v>
      </c>
      <c r="M6627" s="1" t="s">
        <v>5</v>
      </c>
      <c r="N6627" s="1" t="s">
        <v>25</v>
      </c>
      <c r="O6627" s="1" t="s">
        <v>38</v>
      </c>
      <c r="P6627" s="5" t="s">
        <v>22781</v>
      </c>
    </row>
    <row r="6628" spans="1:16" x14ac:dyDescent="0.2">
      <c r="A6628" s="1" t="s">
        <v>10</v>
      </c>
      <c r="B6628" s="1" t="s">
        <v>10</v>
      </c>
      <c r="C6628" s="1" t="s">
        <v>23310</v>
      </c>
      <c r="D6628" s="1" t="s">
        <v>23311</v>
      </c>
      <c r="E6628" s="1"/>
      <c r="F6628" s="1" t="s">
        <v>10</v>
      </c>
      <c r="G6628" s="1" t="s">
        <v>10</v>
      </c>
      <c r="H6628" s="1" t="s">
        <v>10</v>
      </c>
      <c r="I6628" s="1" t="s">
        <v>22777</v>
      </c>
      <c r="J6628" s="1" t="s">
        <v>22919</v>
      </c>
      <c r="K6628" s="1" t="s">
        <v>27</v>
      </c>
      <c r="L6628" s="1" t="s">
        <v>23309</v>
      </c>
      <c r="M6628" s="1" t="s">
        <v>5</v>
      </c>
      <c r="N6628" s="1" t="s">
        <v>960</v>
      </c>
      <c r="O6628" s="1" t="s">
        <v>38</v>
      </c>
      <c r="P6628" s="5" t="s">
        <v>30698</v>
      </c>
    </row>
    <row r="6629" spans="1:16" x14ac:dyDescent="0.2">
      <c r="A6629" s="1" t="s">
        <v>10</v>
      </c>
      <c r="B6629" s="1" t="s">
        <v>10</v>
      </c>
      <c r="C6629" s="1" t="s">
        <v>23313</v>
      </c>
      <c r="D6629" s="1" t="s">
        <v>23314</v>
      </c>
      <c r="E6629" s="1" t="s">
        <v>23315</v>
      </c>
      <c r="F6629" s="1" t="s">
        <v>27</v>
      </c>
      <c r="G6629" s="1" t="s">
        <v>1042</v>
      </c>
      <c r="H6629" s="1" t="s">
        <v>23245</v>
      </c>
      <c r="I6629" s="1" t="s">
        <v>22777</v>
      </c>
      <c r="J6629" s="1" t="s">
        <v>19</v>
      </c>
      <c r="K6629" s="1" t="s">
        <v>64</v>
      </c>
      <c r="L6629" s="1" t="s">
        <v>23312</v>
      </c>
      <c r="M6629" s="1" t="s">
        <v>5</v>
      </c>
      <c r="N6629" s="1" t="s">
        <v>25</v>
      </c>
      <c r="O6629" s="1" t="s">
        <v>8</v>
      </c>
      <c r="P6629" s="5" t="s">
        <v>30698</v>
      </c>
    </row>
    <row r="6630" spans="1:16" x14ac:dyDescent="0.2">
      <c r="A6630" s="1" t="s">
        <v>10</v>
      </c>
      <c r="B6630" s="1" t="s">
        <v>10</v>
      </c>
      <c r="C6630" s="1" t="s">
        <v>23317</v>
      </c>
      <c r="D6630" s="1" t="s">
        <v>23318</v>
      </c>
      <c r="E6630" s="1" t="s">
        <v>23319</v>
      </c>
      <c r="F6630" s="1" t="s">
        <v>10</v>
      </c>
      <c r="G6630" s="1" t="s">
        <v>10</v>
      </c>
      <c r="H6630" s="1" t="s">
        <v>10</v>
      </c>
      <c r="I6630" s="1" t="s">
        <v>22777</v>
      </c>
      <c r="J6630" s="1" t="s">
        <v>10</v>
      </c>
      <c r="K6630" s="1" t="s">
        <v>10</v>
      </c>
      <c r="L6630" s="1" t="s">
        <v>23316</v>
      </c>
      <c r="M6630" s="1" t="s">
        <v>5</v>
      </c>
      <c r="N6630" s="1" t="s">
        <v>10</v>
      </c>
      <c r="O6630" s="1" t="s">
        <v>8</v>
      </c>
      <c r="P6630" s="5" t="s">
        <v>30698</v>
      </c>
    </row>
    <row r="6631" spans="1:16" x14ac:dyDescent="0.2">
      <c r="A6631" s="1" t="s">
        <v>10</v>
      </c>
      <c r="B6631" s="1" t="s">
        <v>10</v>
      </c>
      <c r="C6631" s="1" t="s">
        <v>23321</v>
      </c>
      <c r="D6631" s="1" t="s">
        <v>23322</v>
      </c>
      <c r="E6631" s="1" t="s">
        <v>23323</v>
      </c>
      <c r="F6631" s="1" t="s">
        <v>10</v>
      </c>
      <c r="G6631" s="1" t="s">
        <v>10</v>
      </c>
      <c r="H6631" s="1" t="s">
        <v>10</v>
      </c>
      <c r="I6631" s="1" t="s">
        <v>22777</v>
      </c>
      <c r="J6631" s="1" t="s">
        <v>22782</v>
      </c>
      <c r="K6631" s="1" t="s">
        <v>27</v>
      </c>
      <c r="L6631" s="1" t="s">
        <v>23320</v>
      </c>
      <c r="M6631" s="1" t="s">
        <v>5</v>
      </c>
      <c r="N6631" s="1" t="s">
        <v>1009</v>
      </c>
      <c r="O6631" s="1" t="s">
        <v>38</v>
      </c>
      <c r="P6631" s="5" t="s">
        <v>30698</v>
      </c>
    </row>
    <row r="6632" spans="1:16" x14ac:dyDescent="0.2">
      <c r="A6632" s="1" t="s">
        <v>10</v>
      </c>
      <c r="B6632" s="1" t="s">
        <v>10</v>
      </c>
      <c r="C6632" s="1" t="s">
        <v>23325</v>
      </c>
      <c r="D6632" s="1" t="s">
        <v>23326</v>
      </c>
      <c r="E6632" s="1" t="s">
        <v>23327</v>
      </c>
      <c r="F6632" s="1" t="s">
        <v>10</v>
      </c>
      <c r="G6632" s="1" t="s">
        <v>10</v>
      </c>
      <c r="H6632" s="1" t="s">
        <v>10</v>
      </c>
      <c r="I6632" s="1" t="s">
        <v>22777</v>
      </c>
      <c r="J6632" s="1" t="s">
        <v>22782</v>
      </c>
      <c r="K6632" s="1" t="s">
        <v>27</v>
      </c>
      <c r="L6632" s="1" t="s">
        <v>23324</v>
      </c>
      <c r="M6632" s="1" t="s">
        <v>5</v>
      </c>
      <c r="N6632" s="1" t="s">
        <v>1009</v>
      </c>
      <c r="O6632" s="1" t="s">
        <v>38</v>
      </c>
      <c r="P6632" s="5" t="s">
        <v>30699</v>
      </c>
    </row>
    <row r="6633" spans="1:16" x14ac:dyDescent="0.2">
      <c r="A6633" s="1" t="s">
        <v>10</v>
      </c>
      <c r="B6633" s="1" t="s">
        <v>10</v>
      </c>
      <c r="C6633" s="1" t="s">
        <v>23329</v>
      </c>
      <c r="D6633" s="1" t="s">
        <v>23330</v>
      </c>
      <c r="E6633" s="1" t="s">
        <v>22979</v>
      </c>
      <c r="F6633" s="1" t="s">
        <v>10</v>
      </c>
      <c r="G6633" s="1" t="s">
        <v>10</v>
      </c>
      <c r="H6633" s="1" t="s">
        <v>10</v>
      </c>
      <c r="I6633" s="1" t="s">
        <v>22777</v>
      </c>
      <c r="J6633" s="1" t="s">
        <v>10</v>
      </c>
      <c r="K6633" s="1" t="s">
        <v>10</v>
      </c>
      <c r="L6633" s="1" t="s">
        <v>23328</v>
      </c>
      <c r="M6633" s="1" t="s">
        <v>5</v>
      </c>
      <c r="N6633" s="1" t="s">
        <v>25</v>
      </c>
      <c r="O6633" s="1" t="s">
        <v>8</v>
      </c>
      <c r="P6633" s="5" t="s">
        <v>30698</v>
      </c>
    </row>
    <row r="6634" spans="1:16" x14ac:dyDescent="0.2">
      <c r="A6634" s="1" t="s">
        <v>10</v>
      </c>
      <c r="B6634" s="1" t="s">
        <v>10</v>
      </c>
      <c r="C6634" s="1" t="s">
        <v>23332</v>
      </c>
      <c r="D6634" s="1" t="s">
        <v>23333</v>
      </c>
      <c r="E6634" s="1" t="s">
        <v>23334</v>
      </c>
      <c r="F6634" s="1" t="s">
        <v>10</v>
      </c>
      <c r="G6634" s="1" t="s">
        <v>10</v>
      </c>
      <c r="H6634" s="1" t="s">
        <v>10</v>
      </c>
      <c r="I6634" s="1" t="s">
        <v>22777</v>
      </c>
      <c r="J6634" s="1" t="s">
        <v>10</v>
      </c>
      <c r="K6634" s="1" t="s">
        <v>10</v>
      </c>
      <c r="L6634" s="1" t="s">
        <v>23331</v>
      </c>
      <c r="M6634" s="1" t="s">
        <v>5</v>
      </c>
      <c r="N6634" s="1" t="s">
        <v>25</v>
      </c>
      <c r="O6634" s="1" t="s">
        <v>38</v>
      </c>
      <c r="P6634" s="5" t="s">
        <v>30698</v>
      </c>
    </row>
    <row r="6635" spans="1:16" x14ac:dyDescent="0.2">
      <c r="A6635" s="1" t="s">
        <v>10</v>
      </c>
      <c r="B6635" s="1" t="s">
        <v>10</v>
      </c>
      <c r="C6635" s="1" t="s">
        <v>23336</v>
      </c>
      <c r="D6635" s="1" t="s">
        <v>23337</v>
      </c>
      <c r="E6635" s="1" t="s">
        <v>23338</v>
      </c>
      <c r="F6635" s="1" t="s">
        <v>10</v>
      </c>
      <c r="G6635" s="1" t="s">
        <v>10</v>
      </c>
      <c r="H6635" s="1" t="s">
        <v>10</v>
      </c>
      <c r="I6635" s="1" t="s">
        <v>22777</v>
      </c>
      <c r="J6635" s="1" t="s">
        <v>10</v>
      </c>
      <c r="K6635" s="1" t="s">
        <v>10</v>
      </c>
      <c r="L6635" s="1" t="s">
        <v>23335</v>
      </c>
      <c r="M6635" s="1" t="s">
        <v>5</v>
      </c>
      <c r="N6635" s="1" t="s">
        <v>25</v>
      </c>
      <c r="O6635" s="1" t="s">
        <v>38</v>
      </c>
      <c r="P6635" s="5" t="s">
        <v>30698</v>
      </c>
    </row>
    <row r="6636" spans="1:16" x14ac:dyDescent="0.2">
      <c r="A6636" s="1" t="s">
        <v>10</v>
      </c>
      <c r="B6636" s="1" t="s">
        <v>10</v>
      </c>
      <c r="C6636" s="1" t="s">
        <v>23340</v>
      </c>
      <c r="D6636" s="1" t="s">
        <v>23341</v>
      </c>
      <c r="E6636" s="1" t="s">
        <v>23342</v>
      </c>
      <c r="F6636" s="1" t="s">
        <v>10</v>
      </c>
      <c r="G6636" s="1" t="s">
        <v>10</v>
      </c>
      <c r="H6636" s="1" t="s">
        <v>10</v>
      </c>
      <c r="I6636" s="1" t="s">
        <v>22777</v>
      </c>
      <c r="J6636" s="1" t="s">
        <v>23027</v>
      </c>
      <c r="K6636" s="1" t="s">
        <v>27</v>
      </c>
      <c r="L6636" s="1" t="s">
        <v>23339</v>
      </c>
      <c r="M6636" s="1" t="s">
        <v>5</v>
      </c>
      <c r="N6636" s="1" t="s">
        <v>25</v>
      </c>
      <c r="O6636" s="1" t="s">
        <v>38</v>
      </c>
      <c r="P6636" s="5" t="s">
        <v>30698</v>
      </c>
    </row>
    <row r="6637" spans="1:16" x14ac:dyDescent="0.2">
      <c r="A6637" s="1" t="s">
        <v>10</v>
      </c>
      <c r="B6637" s="1" t="s">
        <v>10</v>
      </c>
      <c r="C6637" s="1" t="s">
        <v>23344</v>
      </c>
      <c r="D6637" s="1" t="s">
        <v>23345</v>
      </c>
      <c r="E6637" s="1" t="s">
        <v>23346</v>
      </c>
      <c r="F6637" s="1" t="s">
        <v>27</v>
      </c>
      <c r="G6637" s="1" t="s">
        <v>1042</v>
      </c>
      <c r="H6637" s="1" t="s">
        <v>23245</v>
      </c>
      <c r="I6637" s="1" t="s">
        <v>22777</v>
      </c>
      <c r="J6637" s="1" t="s">
        <v>19</v>
      </c>
      <c r="K6637" s="1" t="s">
        <v>64</v>
      </c>
      <c r="L6637" s="1" t="s">
        <v>23343</v>
      </c>
      <c r="M6637" s="1" t="s">
        <v>5</v>
      </c>
      <c r="N6637" s="1" t="s">
        <v>25</v>
      </c>
      <c r="O6637" s="1" t="s">
        <v>8</v>
      </c>
      <c r="P6637" s="5" t="s">
        <v>30698</v>
      </c>
    </row>
    <row r="6638" spans="1:16" x14ac:dyDescent="0.2">
      <c r="A6638" s="1" t="s">
        <v>10</v>
      </c>
      <c r="B6638" s="1" t="s">
        <v>10</v>
      </c>
      <c r="C6638" s="1" t="s">
        <v>23348</v>
      </c>
      <c r="D6638" s="1" t="s">
        <v>19470</v>
      </c>
      <c r="E6638" s="1" t="s">
        <v>23349</v>
      </c>
      <c r="F6638" s="1" t="s">
        <v>10</v>
      </c>
      <c r="G6638" s="1" t="s">
        <v>10</v>
      </c>
      <c r="H6638" s="1" t="s">
        <v>10</v>
      </c>
      <c r="I6638" s="1" t="s">
        <v>22777</v>
      </c>
      <c r="J6638" s="1" t="s">
        <v>22782</v>
      </c>
      <c r="K6638" s="1" t="s">
        <v>27</v>
      </c>
      <c r="L6638" s="1" t="s">
        <v>23347</v>
      </c>
      <c r="M6638" s="1" t="s">
        <v>5</v>
      </c>
      <c r="N6638" s="1" t="s">
        <v>25</v>
      </c>
      <c r="O6638" s="1" t="s">
        <v>38</v>
      </c>
      <c r="P6638" s="5" t="s">
        <v>30698</v>
      </c>
    </row>
    <row r="6639" spans="1:16" x14ac:dyDescent="0.2">
      <c r="A6639" s="1" t="s">
        <v>10</v>
      </c>
      <c r="B6639" s="1" t="s">
        <v>10</v>
      </c>
      <c r="C6639" s="1" t="s">
        <v>23351</v>
      </c>
      <c r="D6639" s="1" t="s">
        <v>23351</v>
      </c>
      <c r="E6639" s="1" t="s">
        <v>23352</v>
      </c>
      <c r="F6639" s="1" t="s">
        <v>10</v>
      </c>
      <c r="G6639" s="1" t="s">
        <v>10</v>
      </c>
      <c r="H6639" s="1" t="s">
        <v>10</v>
      </c>
      <c r="I6639" s="1" t="s">
        <v>22777</v>
      </c>
      <c r="J6639" s="1" t="s">
        <v>10</v>
      </c>
      <c r="K6639" s="1" t="s">
        <v>10</v>
      </c>
      <c r="L6639" s="1" t="s">
        <v>23350</v>
      </c>
      <c r="M6639" s="1" t="s">
        <v>5</v>
      </c>
      <c r="N6639" s="1" t="s">
        <v>25</v>
      </c>
      <c r="O6639" s="1" t="s">
        <v>8</v>
      </c>
      <c r="P6639" s="5" t="s">
        <v>30698</v>
      </c>
    </row>
    <row r="6640" spans="1:16" x14ac:dyDescent="0.2">
      <c r="A6640" s="1" t="s">
        <v>10</v>
      </c>
      <c r="B6640" s="1" t="s">
        <v>10</v>
      </c>
      <c r="C6640" s="1" t="s">
        <v>23354</v>
      </c>
      <c r="D6640" s="1" t="s">
        <v>23355</v>
      </c>
      <c r="E6640" s="1" t="s">
        <v>23356</v>
      </c>
      <c r="F6640" s="1" t="s">
        <v>10</v>
      </c>
      <c r="G6640" s="1" t="s">
        <v>10</v>
      </c>
      <c r="H6640" s="1" t="s">
        <v>10</v>
      </c>
      <c r="I6640" s="1" t="s">
        <v>22777</v>
      </c>
      <c r="J6640" s="1" t="s">
        <v>22891</v>
      </c>
      <c r="K6640" s="1" t="s">
        <v>27</v>
      </c>
      <c r="L6640" s="1" t="s">
        <v>23353</v>
      </c>
      <c r="M6640" s="1" t="s">
        <v>5</v>
      </c>
      <c r="N6640" s="1" t="s">
        <v>25</v>
      </c>
      <c r="O6640" s="1" t="s">
        <v>38</v>
      </c>
      <c r="P6640" s="5" t="s">
        <v>30698</v>
      </c>
    </row>
    <row r="6641" spans="1:16" x14ac:dyDescent="0.2">
      <c r="A6641" s="1" t="s">
        <v>10</v>
      </c>
      <c r="B6641" s="1" t="s">
        <v>10</v>
      </c>
      <c r="C6641" s="1" t="s">
        <v>23358</v>
      </c>
      <c r="D6641" s="1" t="s">
        <v>23358</v>
      </c>
      <c r="E6641" s="1"/>
      <c r="F6641" s="1" t="s">
        <v>10</v>
      </c>
      <c r="G6641" s="1" t="s">
        <v>10</v>
      </c>
      <c r="H6641" s="1" t="s">
        <v>10</v>
      </c>
      <c r="I6641" s="1" t="s">
        <v>22777</v>
      </c>
      <c r="J6641" s="1" t="s">
        <v>22820</v>
      </c>
      <c r="K6641" s="1" t="s">
        <v>27</v>
      </c>
      <c r="L6641" s="1" t="s">
        <v>23357</v>
      </c>
      <c r="M6641" s="1" t="s">
        <v>5</v>
      </c>
      <c r="N6641" s="1" t="s">
        <v>25</v>
      </c>
      <c r="O6641" s="1" t="s">
        <v>38</v>
      </c>
      <c r="P6641" s="5" t="s">
        <v>30698</v>
      </c>
    </row>
    <row r="6642" spans="1:16" x14ac:dyDescent="0.2">
      <c r="A6642" s="1" t="s">
        <v>10</v>
      </c>
      <c r="B6642" s="1" t="s">
        <v>10</v>
      </c>
      <c r="C6642" s="1" t="s">
        <v>23360</v>
      </c>
      <c r="D6642" s="1" t="s">
        <v>23361</v>
      </c>
      <c r="E6642" s="1" t="s">
        <v>23362</v>
      </c>
      <c r="F6642" s="1" t="s">
        <v>10</v>
      </c>
      <c r="G6642" s="1" t="s">
        <v>10</v>
      </c>
      <c r="H6642" s="1" t="s">
        <v>10</v>
      </c>
      <c r="I6642" s="1" t="s">
        <v>22777</v>
      </c>
      <c r="J6642" s="1" t="s">
        <v>22820</v>
      </c>
      <c r="K6642" s="1" t="s">
        <v>27</v>
      </c>
      <c r="L6642" s="1" t="s">
        <v>23359</v>
      </c>
      <c r="M6642" s="1" t="s">
        <v>5</v>
      </c>
      <c r="N6642" s="1" t="s">
        <v>25</v>
      </c>
      <c r="O6642" s="1" t="s">
        <v>38</v>
      </c>
      <c r="P6642" s="5" t="s">
        <v>22781</v>
      </c>
    </row>
    <row r="6643" spans="1:16" x14ac:dyDescent="0.2">
      <c r="A6643" s="1" t="s">
        <v>10</v>
      </c>
      <c r="B6643" s="1" t="s">
        <v>10</v>
      </c>
      <c r="C6643" s="1" t="s">
        <v>23364</v>
      </c>
      <c r="D6643" s="1" t="s">
        <v>23365</v>
      </c>
      <c r="E6643" s="1" t="s">
        <v>23366</v>
      </c>
      <c r="F6643" s="1" t="s">
        <v>10</v>
      </c>
      <c r="G6643" s="1" t="s">
        <v>10</v>
      </c>
      <c r="H6643" s="1" t="s">
        <v>10</v>
      </c>
      <c r="I6643" s="1" t="s">
        <v>22777</v>
      </c>
      <c r="J6643" s="1" t="s">
        <v>22820</v>
      </c>
      <c r="K6643" s="1" t="s">
        <v>27</v>
      </c>
      <c r="L6643" s="1" t="s">
        <v>23363</v>
      </c>
      <c r="M6643" s="1" t="s">
        <v>5</v>
      </c>
      <c r="N6643" s="1" t="s">
        <v>25</v>
      </c>
      <c r="O6643" s="1" t="s">
        <v>38</v>
      </c>
      <c r="P6643" s="5" t="s">
        <v>22781</v>
      </c>
    </row>
    <row r="6644" spans="1:16" x14ac:dyDescent="0.2">
      <c r="A6644" s="1" t="s">
        <v>10</v>
      </c>
      <c r="B6644" s="1" t="s">
        <v>10</v>
      </c>
      <c r="C6644" s="1" t="s">
        <v>19625</v>
      </c>
      <c r="D6644" s="1" t="s">
        <v>15570</v>
      </c>
      <c r="E6644" s="1"/>
      <c r="F6644" s="1" t="s">
        <v>10</v>
      </c>
      <c r="G6644" s="1" t="s">
        <v>10</v>
      </c>
      <c r="H6644" s="1" t="s">
        <v>10</v>
      </c>
      <c r="I6644" s="1" t="s">
        <v>22777</v>
      </c>
      <c r="J6644" s="1" t="s">
        <v>10</v>
      </c>
      <c r="K6644" s="1" t="s">
        <v>10</v>
      </c>
      <c r="L6644" s="1" t="s">
        <v>23367</v>
      </c>
      <c r="M6644" s="1" t="s">
        <v>5</v>
      </c>
      <c r="N6644" s="1" t="s">
        <v>10</v>
      </c>
      <c r="O6644" s="1" t="s">
        <v>8</v>
      </c>
      <c r="P6644" s="5" t="s">
        <v>22791</v>
      </c>
    </row>
    <row r="6645" spans="1:16" x14ac:dyDescent="0.2">
      <c r="A6645" s="1" t="s">
        <v>10</v>
      </c>
      <c r="B6645" s="1" t="s">
        <v>10</v>
      </c>
      <c r="C6645" s="1" t="s">
        <v>23369</v>
      </c>
      <c r="D6645" s="1" t="s">
        <v>23370</v>
      </c>
      <c r="E6645" s="1" t="s">
        <v>23371</v>
      </c>
      <c r="F6645" s="1" t="s">
        <v>10</v>
      </c>
      <c r="G6645" s="1" t="s">
        <v>10</v>
      </c>
      <c r="H6645" s="1" t="s">
        <v>10</v>
      </c>
      <c r="I6645" s="1" t="s">
        <v>22777</v>
      </c>
      <c r="J6645" s="1" t="s">
        <v>19</v>
      </c>
      <c r="K6645" s="1" t="s">
        <v>747</v>
      </c>
      <c r="L6645" s="1" t="s">
        <v>23368</v>
      </c>
      <c r="M6645" s="1" t="s">
        <v>5</v>
      </c>
      <c r="N6645" s="1" t="s">
        <v>25</v>
      </c>
      <c r="O6645" s="1" t="s">
        <v>38</v>
      </c>
      <c r="P6645" s="5" t="s">
        <v>30698</v>
      </c>
    </row>
    <row r="6646" spans="1:16" x14ac:dyDescent="0.2">
      <c r="A6646" s="1" t="s">
        <v>10</v>
      </c>
      <c r="B6646" s="1" t="s">
        <v>10</v>
      </c>
      <c r="C6646" s="1" t="s">
        <v>23373</v>
      </c>
      <c r="D6646" s="1" t="s">
        <v>1230</v>
      </c>
      <c r="E6646" s="1" t="s">
        <v>23374</v>
      </c>
      <c r="F6646" s="1" t="s">
        <v>10</v>
      </c>
      <c r="G6646" s="1" t="s">
        <v>10</v>
      </c>
      <c r="H6646" s="1" t="s">
        <v>10</v>
      </c>
      <c r="I6646" s="1" t="s">
        <v>22777</v>
      </c>
      <c r="J6646" s="1" t="s">
        <v>19</v>
      </c>
      <c r="K6646" s="1" t="s">
        <v>586</v>
      </c>
      <c r="L6646" s="1" t="s">
        <v>23372</v>
      </c>
      <c r="M6646" s="1" t="s">
        <v>5</v>
      </c>
      <c r="N6646" s="1" t="s">
        <v>25</v>
      </c>
      <c r="O6646" s="1" t="s">
        <v>38</v>
      </c>
      <c r="P6646" s="5" t="s">
        <v>30698</v>
      </c>
    </row>
    <row r="6647" spans="1:16" x14ac:dyDescent="0.2">
      <c r="A6647" s="1" t="s">
        <v>10</v>
      </c>
      <c r="B6647" s="1" t="s">
        <v>10</v>
      </c>
      <c r="C6647" s="1" t="s">
        <v>23376</v>
      </c>
      <c r="D6647" s="1" t="s">
        <v>23377</v>
      </c>
      <c r="E6647" s="1" t="s">
        <v>23378</v>
      </c>
      <c r="F6647" s="1" t="s">
        <v>10</v>
      </c>
      <c r="G6647" s="1" t="s">
        <v>10</v>
      </c>
      <c r="H6647" s="1" t="s">
        <v>10</v>
      </c>
      <c r="I6647" s="1" t="s">
        <v>22777</v>
      </c>
      <c r="J6647" s="1" t="s">
        <v>10</v>
      </c>
      <c r="K6647" s="1" t="s">
        <v>10</v>
      </c>
      <c r="L6647" s="1" t="s">
        <v>23375</v>
      </c>
      <c r="M6647" s="1" t="s">
        <v>5</v>
      </c>
      <c r="N6647" s="1" t="s">
        <v>1009</v>
      </c>
      <c r="O6647" s="1" t="s">
        <v>8</v>
      </c>
      <c r="P6647" s="5" t="s">
        <v>30699</v>
      </c>
    </row>
    <row r="6648" spans="1:16" x14ac:dyDescent="0.2">
      <c r="A6648" s="1" t="s">
        <v>10</v>
      </c>
      <c r="B6648" s="1" t="s">
        <v>10</v>
      </c>
      <c r="C6648" s="1" t="s">
        <v>23380</v>
      </c>
      <c r="D6648" s="1" t="s">
        <v>23381</v>
      </c>
      <c r="E6648" s="1" t="s">
        <v>23382</v>
      </c>
      <c r="F6648" s="1" t="s">
        <v>10</v>
      </c>
      <c r="G6648" s="1" t="s">
        <v>10</v>
      </c>
      <c r="H6648" s="1" t="s">
        <v>10</v>
      </c>
      <c r="I6648" s="1" t="s">
        <v>22777</v>
      </c>
      <c r="J6648" s="1" t="s">
        <v>10</v>
      </c>
      <c r="K6648" s="1" t="s">
        <v>10</v>
      </c>
      <c r="L6648" s="1" t="s">
        <v>23379</v>
      </c>
      <c r="M6648" s="1" t="s">
        <v>5</v>
      </c>
      <c r="N6648" s="1" t="s">
        <v>1009</v>
      </c>
      <c r="O6648" s="1" t="s">
        <v>8</v>
      </c>
      <c r="P6648" s="5" t="s">
        <v>22781</v>
      </c>
    </row>
    <row r="6649" spans="1:16" x14ac:dyDescent="0.2">
      <c r="A6649" s="1" t="s">
        <v>10</v>
      </c>
      <c r="B6649" s="1" t="s">
        <v>10</v>
      </c>
      <c r="C6649" s="1" t="s">
        <v>23384</v>
      </c>
      <c r="D6649" s="1" t="s">
        <v>23385</v>
      </c>
      <c r="E6649" s="1" t="s">
        <v>23386</v>
      </c>
      <c r="F6649" s="1" t="s">
        <v>10</v>
      </c>
      <c r="G6649" s="1" t="s">
        <v>10</v>
      </c>
      <c r="H6649" s="1" t="s">
        <v>10</v>
      </c>
      <c r="I6649" s="1" t="s">
        <v>22777</v>
      </c>
      <c r="J6649" s="1" t="s">
        <v>10</v>
      </c>
      <c r="K6649" s="1" t="s">
        <v>10</v>
      </c>
      <c r="L6649" s="1" t="s">
        <v>23383</v>
      </c>
      <c r="M6649" s="1" t="s">
        <v>5</v>
      </c>
      <c r="N6649" s="1" t="s">
        <v>1009</v>
      </c>
      <c r="O6649" s="1" t="s">
        <v>8</v>
      </c>
      <c r="P6649" s="5" t="s">
        <v>22781</v>
      </c>
    </row>
    <row r="6650" spans="1:16" x14ac:dyDescent="0.2">
      <c r="A6650" s="1" t="s">
        <v>10</v>
      </c>
      <c r="B6650" s="1" t="s">
        <v>10</v>
      </c>
      <c r="C6650" s="1" t="s">
        <v>23388</v>
      </c>
      <c r="D6650" s="1" t="s">
        <v>23389</v>
      </c>
      <c r="E6650" s="1" t="s">
        <v>23390</v>
      </c>
      <c r="F6650" s="1" t="s">
        <v>10</v>
      </c>
      <c r="G6650" s="1" t="s">
        <v>10</v>
      </c>
      <c r="H6650" s="1" t="s">
        <v>10</v>
      </c>
      <c r="I6650" s="1" t="s">
        <v>22777</v>
      </c>
      <c r="J6650" s="1" t="s">
        <v>10</v>
      </c>
      <c r="K6650" s="1" t="s">
        <v>10</v>
      </c>
      <c r="L6650" s="1" t="s">
        <v>23387</v>
      </c>
      <c r="M6650" s="1" t="s">
        <v>5</v>
      </c>
      <c r="N6650" s="1" t="s">
        <v>6</v>
      </c>
      <c r="O6650" s="1" t="s">
        <v>8</v>
      </c>
      <c r="P6650" s="5" t="s">
        <v>30698</v>
      </c>
    </row>
    <row r="6651" spans="1:16" x14ac:dyDescent="0.2">
      <c r="A6651" s="1" t="s">
        <v>10</v>
      </c>
      <c r="B6651" s="1" t="s">
        <v>10</v>
      </c>
      <c r="C6651" s="1" t="s">
        <v>23392</v>
      </c>
      <c r="D6651" s="1" t="s">
        <v>23393</v>
      </c>
      <c r="E6651" s="1" t="s">
        <v>23394</v>
      </c>
      <c r="F6651" s="1" t="s">
        <v>10</v>
      </c>
      <c r="G6651" s="1" t="s">
        <v>10</v>
      </c>
      <c r="H6651" s="1" t="s">
        <v>10</v>
      </c>
      <c r="I6651" s="1" t="s">
        <v>22777</v>
      </c>
      <c r="J6651" s="1" t="s">
        <v>10</v>
      </c>
      <c r="K6651" s="1" t="s">
        <v>10</v>
      </c>
      <c r="L6651" s="1" t="s">
        <v>23391</v>
      </c>
      <c r="M6651" s="1" t="s">
        <v>5</v>
      </c>
      <c r="N6651" s="1" t="s">
        <v>1009</v>
      </c>
      <c r="O6651" s="1" t="s">
        <v>8</v>
      </c>
      <c r="P6651" s="5" t="s">
        <v>22781</v>
      </c>
    </row>
    <row r="6652" spans="1:16" x14ac:dyDescent="0.2">
      <c r="A6652" s="1" t="s">
        <v>10</v>
      </c>
      <c r="B6652" s="1" t="s">
        <v>10</v>
      </c>
      <c r="C6652" s="1" t="s">
        <v>23396</v>
      </c>
      <c r="D6652" s="1" t="s">
        <v>23397</v>
      </c>
      <c r="E6652" s="1" t="s">
        <v>23398</v>
      </c>
      <c r="F6652" s="1" t="s">
        <v>10</v>
      </c>
      <c r="G6652" s="1" t="s">
        <v>10</v>
      </c>
      <c r="H6652" s="1" t="s">
        <v>10</v>
      </c>
      <c r="I6652" s="1" t="s">
        <v>22777</v>
      </c>
      <c r="J6652" s="1" t="s">
        <v>10</v>
      </c>
      <c r="K6652" s="1" t="s">
        <v>10</v>
      </c>
      <c r="L6652" s="1" t="s">
        <v>23395</v>
      </c>
      <c r="M6652" s="1" t="s">
        <v>5</v>
      </c>
      <c r="N6652" s="1" t="s">
        <v>25</v>
      </c>
      <c r="O6652" s="1" t="s">
        <v>8</v>
      </c>
      <c r="P6652" s="5" t="s">
        <v>22781</v>
      </c>
    </row>
    <row r="6653" spans="1:16" x14ac:dyDescent="0.2">
      <c r="A6653" s="1" t="s">
        <v>10</v>
      </c>
      <c r="B6653" s="1" t="s">
        <v>10</v>
      </c>
      <c r="C6653" s="1" t="s">
        <v>23400</v>
      </c>
      <c r="D6653" s="1" t="s">
        <v>23401</v>
      </c>
      <c r="E6653" s="1" t="s">
        <v>23402</v>
      </c>
      <c r="F6653" s="1" t="s">
        <v>10</v>
      </c>
      <c r="G6653" s="1" t="s">
        <v>10</v>
      </c>
      <c r="H6653" s="1" t="s">
        <v>10</v>
      </c>
      <c r="I6653" s="1" t="s">
        <v>22777</v>
      </c>
      <c r="J6653" s="1" t="s">
        <v>22782</v>
      </c>
      <c r="K6653" s="1" t="s">
        <v>27</v>
      </c>
      <c r="L6653" s="1" t="s">
        <v>23399</v>
      </c>
      <c r="M6653" s="1" t="s">
        <v>5</v>
      </c>
      <c r="N6653" s="1" t="s">
        <v>25</v>
      </c>
      <c r="O6653" s="1" t="s">
        <v>38</v>
      </c>
      <c r="P6653" s="5" t="s">
        <v>22781</v>
      </c>
    </row>
    <row r="6654" spans="1:16" x14ac:dyDescent="0.2">
      <c r="A6654" s="1" t="s">
        <v>10</v>
      </c>
      <c r="B6654" s="1" t="s">
        <v>10</v>
      </c>
      <c r="C6654" s="1" t="s">
        <v>23404</v>
      </c>
      <c r="D6654" s="1" t="s">
        <v>23405</v>
      </c>
      <c r="E6654" s="1" t="s">
        <v>23406</v>
      </c>
      <c r="F6654" s="1" t="s">
        <v>10</v>
      </c>
      <c r="G6654" s="1" t="s">
        <v>10</v>
      </c>
      <c r="H6654" s="1" t="s">
        <v>10</v>
      </c>
      <c r="I6654" s="1" t="s">
        <v>22777</v>
      </c>
      <c r="J6654" s="1" t="s">
        <v>22891</v>
      </c>
      <c r="K6654" s="1" t="s">
        <v>27</v>
      </c>
      <c r="L6654" s="1" t="s">
        <v>23403</v>
      </c>
      <c r="M6654" s="1" t="s">
        <v>5</v>
      </c>
      <c r="N6654" s="1" t="s">
        <v>25</v>
      </c>
      <c r="O6654" s="1" t="s">
        <v>38</v>
      </c>
      <c r="P6654" s="5" t="s">
        <v>30699</v>
      </c>
    </row>
    <row r="6655" spans="1:16" x14ac:dyDescent="0.2">
      <c r="A6655" s="1" t="s">
        <v>10</v>
      </c>
      <c r="B6655" s="1" t="s">
        <v>10</v>
      </c>
      <c r="C6655" s="1" t="s">
        <v>23408</v>
      </c>
      <c r="D6655" s="1" t="s">
        <v>23409</v>
      </c>
      <c r="E6655" s="1" t="s">
        <v>23410</v>
      </c>
      <c r="F6655" s="1" t="s">
        <v>27</v>
      </c>
      <c r="G6655" s="1" t="s">
        <v>1042</v>
      </c>
      <c r="H6655" s="1" t="s">
        <v>5751</v>
      </c>
      <c r="I6655" s="1" t="s">
        <v>22777</v>
      </c>
      <c r="J6655" s="1" t="s">
        <v>22891</v>
      </c>
      <c r="K6655" s="1" t="s">
        <v>27</v>
      </c>
      <c r="L6655" s="1" t="s">
        <v>23407</v>
      </c>
      <c r="M6655" s="1" t="s">
        <v>5</v>
      </c>
      <c r="N6655" s="1" t="s">
        <v>25</v>
      </c>
      <c r="O6655" s="1" t="s">
        <v>8</v>
      </c>
      <c r="P6655" s="5" t="s">
        <v>30698</v>
      </c>
    </row>
    <row r="6656" spans="1:16" x14ac:dyDescent="0.2">
      <c r="A6656" s="1" t="s">
        <v>10</v>
      </c>
      <c r="B6656" s="1" t="s">
        <v>10</v>
      </c>
      <c r="C6656" s="1" t="s">
        <v>23412</v>
      </c>
      <c r="D6656" s="1" t="s">
        <v>23413</v>
      </c>
      <c r="E6656" s="1" t="s">
        <v>23414</v>
      </c>
      <c r="F6656" s="1" t="s">
        <v>10</v>
      </c>
      <c r="G6656" s="1" t="s">
        <v>10</v>
      </c>
      <c r="H6656" s="1" t="s">
        <v>10</v>
      </c>
      <c r="I6656" s="1" t="s">
        <v>22777</v>
      </c>
      <c r="J6656" s="1" t="s">
        <v>10</v>
      </c>
      <c r="K6656" s="1" t="s">
        <v>10</v>
      </c>
      <c r="L6656" s="1" t="s">
        <v>23411</v>
      </c>
      <c r="M6656" s="1" t="s">
        <v>5</v>
      </c>
      <c r="N6656" s="1" t="s">
        <v>6</v>
      </c>
      <c r="O6656" s="1" t="s">
        <v>8</v>
      </c>
      <c r="P6656" s="5" t="s">
        <v>22791</v>
      </c>
    </row>
    <row r="6657" spans="1:16" x14ac:dyDescent="0.2">
      <c r="A6657" s="1" t="s">
        <v>10</v>
      </c>
      <c r="B6657" s="1" t="s">
        <v>10</v>
      </c>
      <c r="C6657" s="1" t="s">
        <v>23417</v>
      </c>
      <c r="D6657" s="1" t="s">
        <v>23418</v>
      </c>
      <c r="E6657" s="1" t="s">
        <v>23419</v>
      </c>
      <c r="F6657" s="1" t="s">
        <v>10</v>
      </c>
      <c r="G6657" s="1" t="s">
        <v>10</v>
      </c>
      <c r="H6657" s="1" t="s">
        <v>10</v>
      </c>
      <c r="I6657" s="1" t="s">
        <v>22777</v>
      </c>
      <c r="J6657" s="1" t="s">
        <v>10</v>
      </c>
      <c r="K6657" s="1" t="s">
        <v>10</v>
      </c>
      <c r="L6657" s="1" t="s">
        <v>23416</v>
      </c>
      <c r="M6657" s="1" t="s">
        <v>5</v>
      </c>
      <c r="N6657" s="1" t="s">
        <v>6</v>
      </c>
      <c r="O6657" s="1" t="s">
        <v>8</v>
      </c>
      <c r="P6657" s="5" t="s">
        <v>22791</v>
      </c>
    </row>
    <row r="6658" spans="1:16" x14ac:dyDescent="0.2">
      <c r="A6658" s="1" t="s">
        <v>10</v>
      </c>
      <c r="B6658" s="1" t="s">
        <v>10</v>
      </c>
      <c r="C6658" s="1" t="s">
        <v>23421</v>
      </c>
      <c r="D6658" s="1" t="s">
        <v>23421</v>
      </c>
      <c r="E6658" s="1" t="s">
        <v>23422</v>
      </c>
      <c r="F6658" s="1" t="s">
        <v>10</v>
      </c>
      <c r="G6658" s="1" t="s">
        <v>10</v>
      </c>
      <c r="H6658" s="1" t="s">
        <v>10</v>
      </c>
      <c r="I6658" s="1" t="s">
        <v>22777</v>
      </c>
      <c r="J6658" s="1" t="s">
        <v>10</v>
      </c>
      <c r="K6658" s="1" t="s">
        <v>10</v>
      </c>
      <c r="L6658" s="1" t="s">
        <v>23420</v>
      </c>
      <c r="M6658" s="1" t="s">
        <v>5</v>
      </c>
      <c r="N6658" s="1" t="s">
        <v>6</v>
      </c>
      <c r="O6658" s="1" t="s">
        <v>8</v>
      </c>
      <c r="P6658" s="5" t="s">
        <v>30701</v>
      </c>
    </row>
    <row r="6659" spans="1:16" x14ac:dyDescent="0.2">
      <c r="A6659" s="1" t="s">
        <v>10</v>
      </c>
      <c r="B6659" s="1" t="s">
        <v>10</v>
      </c>
      <c r="C6659" s="1" t="s">
        <v>23424</v>
      </c>
      <c r="D6659" s="1" t="s">
        <v>23425</v>
      </c>
      <c r="E6659" s="1" t="s">
        <v>23426</v>
      </c>
      <c r="F6659" s="1" t="s">
        <v>27</v>
      </c>
      <c r="G6659" s="1" t="s">
        <v>1042</v>
      </c>
      <c r="H6659" s="1" t="s">
        <v>23427</v>
      </c>
      <c r="I6659" s="1" t="s">
        <v>22777</v>
      </c>
      <c r="J6659" s="1" t="s">
        <v>19</v>
      </c>
      <c r="K6659" s="1" t="s">
        <v>747</v>
      </c>
      <c r="L6659" s="1" t="s">
        <v>23423</v>
      </c>
      <c r="M6659" s="1" t="s">
        <v>5</v>
      </c>
      <c r="N6659" s="1" t="s">
        <v>1597</v>
      </c>
      <c r="O6659" s="1" t="s">
        <v>8</v>
      </c>
      <c r="P6659" s="5" t="s">
        <v>22781</v>
      </c>
    </row>
    <row r="6660" spans="1:16" x14ac:dyDescent="0.2">
      <c r="A6660" s="1" t="s">
        <v>10</v>
      </c>
      <c r="B6660" s="1" t="s">
        <v>10</v>
      </c>
      <c r="C6660" s="1" t="s">
        <v>23429</v>
      </c>
      <c r="D6660" s="1" t="s">
        <v>23429</v>
      </c>
      <c r="E6660" s="1" t="s">
        <v>23430</v>
      </c>
      <c r="F6660" s="1" t="s">
        <v>10</v>
      </c>
      <c r="G6660" s="1" t="s">
        <v>10</v>
      </c>
      <c r="H6660" s="1" t="s">
        <v>10</v>
      </c>
      <c r="I6660" s="1" t="s">
        <v>22777</v>
      </c>
      <c r="J6660" s="1" t="s">
        <v>10</v>
      </c>
      <c r="K6660" s="1" t="s">
        <v>10</v>
      </c>
      <c r="L6660" s="1" t="s">
        <v>23428</v>
      </c>
      <c r="M6660" s="1" t="s">
        <v>5</v>
      </c>
      <c r="N6660" s="1" t="s">
        <v>10</v>
      </c>
      <c r="O6660" s="1" t="s">
        <v>8</v>
      </c>
      <c r="P6660" s="5" t="s">
        <v>30701</v>
      </c>
    </row>
    <row r="6661" spans="1:16" x14ac:dyDescent="0.2">
      <c r="A6661" s="1" t="s">
        <v>10</v>
      </c>
      <c r="B6661" s="1" t="s">
        <v>10</v>
      </c>
      <c r="C6661" s="1" t="s">
        <v>23432</v>
      </c>
      <c r="D6661" s="1" t="s">
        <v>23433</v>
      </c>
      <c r="E6661" s="1" t="s">
        <v>23434</v>
      </c>
      <c r="F6661" s="1" t="s">
        <v>27</v>
      </c>
      <c r="G6661" s="1" t="s">
        <v>1042</v>
      </c>
      <c r="H6661" s="1" t="s">
        <v>23435</v>
      </c>
      <c r="I6661" s="1" t="s">
        <v>22777</v>
      </c>
      <c r="J6661" s="1" t="s">
        <v>19</v>
      </c>
      <c r="K6661" s="1" t="s">
        <v>100</v>
      </c>
      <c r="L6661" s="1" t="s">
        <v>23431</v>
      </c>
      <c r="M6661" s="1" t="s">
        <v>5</v>
      </c>
      <c r="N6661" s="1" t="s">
        <v>25</v>
      </c>
      <c r="O6661" s="1" t="s">
        <v>8</v>
      </c>
      <c r="P6661" s="5" t="s">
        <v>30698</v>
      </c>
    </row>
    <row r="6662" spans="1:16" x14ac:dyDescent="0.2">
      <c r="A6662" s="1" t="s">
        <v>10</v>
      </c>
      <c r="B6662" s="1" t="s">
        <v>10</v>
      </c>
      <c r="C6662" s="1" t="s">
        <v>23437</v>
      </c>
      <c r="D6662" s="1" t="s">
        <v>23438</v>
      </c>
      <c r="E6662" s="1"/>
      <c r="F6662" s="1" t="s">
        <v>10</v>
      </c>
      <c r="G6662" s="1" t="s">
        <v>10</v>
      </c>
      <c r="H6662" s="1" t="s">
        <v>10</v>
      </c>
      <c r="I6662" s="1" t="s">
        <v>22777</v>
      </c>
      <c r="J6662" s="1" t="s">
        <v>22988</v>
      </c>
      <c r="K6662" s="1" t="s">
        <v>27</v>
      </c>
      <c r="L6662" s="1" t="s">
        <v>23436</v>
      </c>
      <c r="M6662" s="1" t="s">
        <v>5</v>
      </c>
      <c r="N6662" s="1" t="s">
        <v>1009</v>
      </c>
      <c r="O6662" s="1" t="s">
        <v>38</v>
      </c>
      <c r="P6662" s="5" t="s">
        <v>30698</v>
      </c>
    </row>
    <row r="6663" spans="1:16" x14ac:dyDescent="0.2">
      <c r="A6663" s="1" t="s">
        <v>10</v>
      </c>
      <c r="B6663" s="1" t="s">
        <v>10</v>
      </c>
      <c r="C6663" s="1" t="s">
        <v>23440</v>
      </c>
      <c r="D6663" s="1" t="s">
        <v>23441</v>
      </c>
      <c r="E6663" s="1" t="s">
        <v>23442</v>
      </c>
      <c r="F6663" s="1" t="s">
        <v>10</v>
      </c>
      <c r="G6663" s="1" t="s">
        <v>10</v>
      </c>
      <c r="H6663" s="1" t="s">
        <v>10</v>
      </c>
      <c r="I6663" s="1" t="s">
        <v>22777</v>
      </c>
      <c r="J6663" s="1" t="s">
        <v>10</v>
      </c>
      <c r="K6663" s="1" t="s">
        <v>10</v>
      </c>
      <c r="L6663" s="1" t="s">
        <v>23439</v>
      </c>
      <c r="M6663" s="1" t="s">
        <v>5</v>
      </c>
      <c r="N6663" s="1" t="s">
        <v>6</v>
      </c>
      <c r="O6663" s="1" t="s">
        <v>8</v>
      </c>
      <c r="P6663" s="5" t="s">
        <v>22791</v>
      </c>
    </row>
    <row r="6664" spans="1:16" x14ac:dyDescent="0.2">
      <c r="A6664" s="1" t="s">
        <v>10</v>
      </c>
      <c r="B6664" s="1" t="s">
        <v>10</v>
      </c>
      <c r="C6664" s="1" t="s">
        <v>23444</v>
      </c>
      <c r="D6664" s="1" t="s">
        <v>19826</v>
      </c>
      <c r="E6664" s="1" t="s">
        <v>23445</v>
      </c>
      <c r="F6664" s="1" t="s">
        <v>10</v>
      </c>
      <c r="G6664" s="1" t="s">
        <v>10</v>
      </c>
      <c r="H6664" s="1" t="s">
        <v>10</v>
      </c>
      <c r="I6664" s="1" t="s">
        <v>22777</v>
      </c>
      <c r="J6664" s="1" t="s">
        <v>10</v>
      </c>
      <c r="K6664" s="1" t="s">
        <v>10</v>
      </c>
      <c r="L6664" s="1" t="s">
        <v>23443</v>
      </c>
      <c r="M6664" s="1" t="s">
        <v>5</v>
      </c>
      <c r="N6664" s="1" t="s">
        <v>10</v>
      </c>
      <c r="O6664" s="1" t="s">
        <v>8</v>
      </c>
      <c r="P6664" s="5" t="s">
        <v>30701</v>
      </c>
    </row>
    <row r="6665" spans="1:16" x14ac:dyDescent="0.2">
      <c r="A6665" s="1" t="s">
        <v>10</v>
      </c>
      <c r="B6665" s="1" t="s">
        <v>10</v>
      </c>
      <c r="C6665" s="1" t="s">
        <v>23447</v>
      </c>
      <c r="D6665" s="1" t="s">
        <v>23448</v>
      </c>
      <c r="E6665" s="1" t="s">
        <v>22979</v>
      </c>
      <c r="F6665" s="1" t="s">
        <v>10</v>
      </c>
      <c r="G6665" s="1" t="s">
        <v>10</v>
      </c>
      <c r="H6665" s="1" t="s">
        <v>10</v>
      </c>
      <c r="I6665" s="1" t="s">
        <v>22777</v>
      </c>
      <c r="J6665" s="1" t="s">
        <v>10</v>
      </c>
      <c r="K6665" s="1" t="s">
        <v>10</v>
      </c>
      <c r="L6665" s="1" t="s">
        <v>23446</v>
      </c>
      <c r="M6665" s="1" t="s">
        <v>5</v>
      </c>
      <c r="N6665" s="1" t="s">
        <v>25</v>
      </c>
      <c r="O6665" s="1" t="s">
        <v>38</v>
      </c>
      <c r="P6665" s="5" t="s">
        <v>30698</v>
      </c>
    </row>
    <row r="6666" spans="1:16" x14ac:dyDescent="0.2">
      <c r="A6666" s="1" t="s">
        <v>10</v>
      </c>
      <c r="B6666" s="1" t="s">
        <v>10</v>
      </c>
      <c r="C6666" s="1" t="s">
        <v>23450</v>
      </c>
      <c r="D6666" s="1" t="s">
        <v>23451</v>
      </c>
      <c r="E6666" s="1" t="s">
        <v>22979</v>
      </c>
      <c r="F6666" s="1" t="s">
        <v>10</v>
      </c>
      <c r="G6666" s="1" t="s">
        <v>10</v>
      </c>
      <c r="H6666" s="1" t="s">
        <v>10</v>
      </c>
      <c r="I6666" s="1" t="s">
        <v>22777</v>
      </c>
      <c r="J6666" s="1" t="s">
        <v>10</v>
      </c>
      <c r="K6666" s="1" t="s">
        <v>10</v>
      </c>
      <c r="L6666" s="1" t="s">
        <v>23449</v>
      </c>
      <c r="M6666" s="1" t="s">
        <v>5</v>
      </c>
      <c r="N6666" s="1" t="s">
        <v>25</v>
      </c>
      <c r="O6666" s="1" t="s">
        <v>38</v>
      </c>
      <c r="P6666" s="5" t="s">
        <v>30698</v>
      </c>
    </row>
    <row r="6667" spans="1:16" x14ac:dyDescent="0.2">
      <c r="A6667" s="1" t="s">
        <v>10</v>
      </c>
      <c r="B6667" s="1" t="s">
        <v>10</v>
      </c>
      <c r="C6667" s="1" t="s">
        <v>23453</v>
      </c>
      <c r="D6667" s="1" t="s">
        <v>23454</v>
      </c>
      <c r="E6667" s="1" t="s">
        <v>23455</v>
      </c>
      <c r="F6667" s="1" t="s">
        <v>27</v>
      </c>
      <c r="G6667" s="1" t="s">
        <v>1042</v>
      </c>
      <c r="H6667" s="1" t="s">
        <v>23456</v>
      </c>
      <c r="I6667" s="1" t="s">
        <v>22777</v>
      </c>
      <c r="J6667" s="1" t="s">
        <v>22891</v>
      </c>
      <c r="K6667" s="1" t="s">
        <v>27</v>
      </c>
      <c r="L6667" s="1" t="s">
        <v>23452</v>
      </c>
      <c r="M6667" s="1" t="s">
        <v>5</v>
      </c>
      <c r="N6667" s="1" t="s">
        <v>1009</v>
      </c>
      <c r="O6667" s="1" t="s">
        <v>8</v>
      </c>
      <c r="P6667" s="5" t="s">
        <v>30699</v>
      </c>
    </row>
    <row r="6668" spans="1:16" x14ac:dyDescent="0.2">
      <c r="A6668" s="1" t="s">
        <v>10</v>
      </c>
      <c r="B6668" s="1" t="s">
        <v>10</v>
      </c>
      <c r="C6668" s="1" t="s">
        <v>23458</v>
      </c>
      <c r="D6668" s="1" t="s">
        <v>16228</v>
      </c>
      <c r="E6668" s="1" t="s">
        <v>23459</v>
      </c>
      <c r="F6668" s="1" t="s">
        <v>10</v>
      </c>
      <c r="G6668" s="1" t="s">
        <v>10</v>
      </c>
      <c r="H6668" s="1" t="s">
        <v>10</v>
      </c>
      <c r="I6668" s="1" t="s">
        <v>22777</v>
      </c>
      <c r="J6668" s="1" t="s">
        <v>10</v>
      </c>
      <c r="K6668" s="1" t="s">
        <v>10</v>
      </c>
      <c r="L6668" s="1" t="s">
        <v>23457</v>
      </c>
      <c r="M6668" s="1" t="s">
        <v>5</v>
      </c>
      <c r="N6668" s="1" t="s">
        <v>10</v>
      </c>
      <c r="O6668" s="1" t="s">
        <v>38</v>
      </c>
      <c r="P6668" s="5" t="s">
        <v>22781</v>
      </c>
    </row>
    <row r="6669" spans="1:16" x14ac:dyDescent="0.2">
      <c r="A6669" s="1" t="s">
        <v>10</v>
      </c>
      <c r="B6669" s="1" t="s">
        <v>10</v>
      </c>
      <c r="C6669" s="1" t="s">
        <v>23461</v>
      </c>
      <c r="D6669" s="1" t="s">
        <v>23462</v>
      </c>
      <c r="E6669" s="1" t="s">
        <v>23463</v>
      </c>
      <c r="F6669" s="1" t="s">
        <v>10</v>
      </c>
      <c r="G6669" s="1" t="s">
        <v>10</v>
      </c>
      <c r="H6669" s="1" t="s">
        <v>10</v>
      </c>
      <c r="I6669" s="1" t="s">
        <v>22777</v>
      </c>
      <c r="J6669" s="1" t="s">
        <v>10</v>
      </c>
      <c r="K6669" s="1" t="s">
        <v>10</v>
      </c>
      <c r="L6669" s="1" t="s">
        <v>23460</v>
      </c>
      <c r="M6669" s="1" t="s">
        <v>5</v>
      </c>
      <c r="N6669" s="1" t="s">
        <v>6</v>
      </c>
      <c r="O6669" s="1" t="s">
        <v>38</v>
      </c>
      <c r="P6669" s="5" t="s">
        <v>22791</v>
      </c>
    </row>
    <row r="6670" spans="1:16" x14ac:dyDescent="0.2">
      <c r="A6670" s="1" t="s">
        <v>10</v>
      </c>
      <c r="B6670" s="1" t="s">
        <v>10</v>
      </c>
      <c r="C6670" s="1" t="s">
        <v>23465</v>
      </c>
      <c r="D6670" s="1" t="s">
        <v>23466</v>
      </c>
      <c r="E6670" s="1" t="s">
        <v>23467</v>
      </c>
      <c r="F6670" s="1" t="s">
        <v>10</v>
      </c>
      <c r="G6670" s="1" t="s">
        <v>10</v>
      </c>
      <c r="H6670" s="1" t="s">
        <v>10</v>
      </c>
      <c r="I6670" s="1" t="s">
        <v>22777</v>
      </c>
      <c r="J6670" s="1" t="s">
        <v>19</v>
      </c>
      <c r="K6670" s="1" t="s">
        <v>7</v>
      </c>
      <c r="L6670" s="1" t="s">
        <v>23464</v>
      </c>
      <c r="M6670" s="1" t="s">
        <v>5</v>
      </c>
      <c r="N6670" s="1" t="s">
        <v>25</v>
      </c>
      <c r="O6670" s="1" t="s">
        <v>38</v>
      </c>
      <c r="P6670" s="5" t="s">
        <v>30698</v>
      </c>
    </row>
    <row r="6671" spans="1:16" x14ac:dyDescent="0.2">
      <c r="A6671" s="1" t="s">
        <v>10</v>
      </c>
      <c r="B6671" s="1" t="s">
        <v>10</v>
      </c>
      <c r="C6671" s="1" t="s">
        <v>23469</v>
      </c>
      <c r="D6671" s="1" t="s">
        <v>23470</v>
      </c>
      <c r="E6671" s="1" t="s">
        <v>23471</v>
      </c>
      <c r="F6671" s="1" t="s">
        <v>10</v>
      </c>
      <c r="G6671" s="1" t="s">
        <v>10</v>
      </c>
      <c r="H6671" s="1" t="s">
        <v>10</v>
      </c>
      <c r="I6671" s="1" t="s">
        <v>22777</v>
      </c>
      <c r="J6671" s="1" t="s">
        <v>22891</v>
      </c>
      <c r="K6671" s="1" t="s">
        <v>27</v>
      </c>
      <c r="L6671" s="1" t="s">
        <v>23468</v>
      </c>
      <c r="M6671" s="1" t="s">
        <v>5</v>
      </c>
      <c r="N6671" s="1" t="s">
        <v>25</v>
      </c>
      <c r="O6671" s="1" t="s">
        <v>38</v>
      </c>
      <c r="P6671" s="5" t="s">
        <v>30698</v>
      </c>
    </row>
    <row r="6672" spans="1:16" x14ac:dyDescent="0.2">
      <c r="A6672" s="1" t="s">
        <v>10</v>
      </c>
      <c r="B6672" s="1" t="s">
        <v>10</v>
      </c>
      <c r="C6672" s="1" t="s">
        <v>23473</v>
      </c>
      <c r="D6672" s="1" t="s">
        <v>16173</v>
      </c>
      <c r="E6672" s="1" t="s">
        <v>23474</v>
      </c>
      <c r="F6672" s="1" t="s">
        <v>9</v>
      </c>
      <c r="G6672" s="1" t="s">
        <v>18</v>
      </c>
      <c r="H6672" s="1" t="s">
        <v>10</v>
      </c>
      <c r="I6672" s="1" t="s">
        <v>22777</v>
      </c>
      <c r="J6672" s="1" t="s">
        <v>19</v>
      </c>
      <c r="K6672" s="1" t="s">
        <v>7</v>
      </c>
      <c r="L6672" s="1" t="s">
        <v>23472</v>
      </c>
      <c r="M6672" s="1" t="s">
        <v>5</v>
      </c>
      <c r="N6672" s="1" t="s">
        <v>1009</v>
      </c>
      <c r="O6672" s="1" t="s">
        <v>8</v>
      </c>
      <c r="P6672" s="5" t="s">
        <v>30698</v>
      </c>
    </row>
    <row r="6673" spans="1:16" x14ac:dyDescent="0.2">
      <c r="A6673" s="1" t="s">
        <v>10</v>
      </c>
      <c r="B6673" s="1" t="s">
        <v>10</v>
      </c>
      <c r="C6673" s="1" t="s">
        <v>23476</v>
      </c>
      <c r="D6673" s="1" t="s">
        <v>23477</v>
      </c>
      <c r="E6673" s="1" t="s">
        <v>23478</v>
      </c>
      <c r="F6673" s="1" t="s">
        <v>10</v>
      </c>
      <c r="G6673" s="1" t="s">
        <v>10</v>
      </c>
      <c r="H6673" s="1" t="s">
        <v>10</v>
      </c>
      <c r="I6673" s="1" t="s">
        <v>22777</v>
      </c>
      <c r="J6673" s="1" t="s">
        <v>10</v>
      </c>
      <c r="K6673" s="1" t="s">
        <v>10</v>
      </c>
      <c r="L6673" s="1" t="s">
        <v>23475</v>
      </c>
      <c r="M6673" s="1" t="s">
        <v>5</v>
      </c>
      <c r="N6673" s="1" t="s">
        <v>25</v>
      </c>
      <c r="O6673" s="1" t="s">
        <v>8</v>
      </c>
      <c r="P6673" s="5" t="s">
        <v>30698</v>
      </c>
    </row>
    <row r="6674" spans="1:16" x14ac:dyDescent="0.2">
      <c r="A6674" s="1" t="s">
        <v>10</v>
      </c>
      <c r="B6674" s="1" t="s">
        <v>10</v>
      </c>
      <c r="C6674" s="1" t="s">
        <v>23480</v>
      </c>
      <c r="D6674" s="1" t="s">
        <v>23481</v>
      </c>
      <c r="E6674" s="1" t="s">
        <v>23482</v>
      </c>
      <c r="F6674" s="1" t="s">
        <v>10</v>
      </c>
      <c r="G6674" s="1" t="s">
        <v>10</v>
      </c>
      <c r="H6674" s="1" t="s">
        <v>10</v>
      </c>
      <c r="I6674" s="1" t="s">
        <v>22777</v>
      </c>
      <c r="J6674" s="1" t="s">
        <v>10</v>
      </c>
      <c r="K6674" s="1" t="s">
        <v>10</v>
      </c>
      <c r="L6674" s="1" t="s">
        <v>23479</v>
      </c>
      <c r="M6674" s="1" t="s">
        <v>5</v>
      </c>
      <c r="N6674" s="1" t="s">
        <v>25</v>
      </c>
      <c r="O6674" s="1" t="s">
        <v>38</v>
      </c>
      <c r="P6674" s="5" t="s">
        <v>30698</v>
      </c>
    </row>
    <row r="6675" spans="1:16" x14ac:dyDescent="0.2">
      <c r="A6675" s="1" t="s">
        <v>10</v>
      </c>
      <c r="B6675" s="1" t="s">
        <v>10</v>
      </c>
      <c r="C6675" s="1" t="s">
        <v>15976</v>
      </c>
      <c r="D6675" s="1" t="s">
        <v>427</v>
      </c>
      <c r="E6675" s="1"/>
      <c r="F6675" s="1" t="s">
        <v>27</v>
      </c>
      <c r="G6675" s="1" t="s">
        <v>1042</v>
      </c>
      <c r="H6675" s="1" t="s">
        <v>23484</v>
      </c>
      <c r="I6675" s="1" t="s">
        <v>22777</v>
      </c>
      <c r="J6675" s="1" t="s">
        <v>19</v>
      </c>
      <c r="K6675" s="1" t="s">
        <v>747</v>
      </c>
      <c r="L6675" s="1" t="s">
        <v>23483</v>
      </c>
      <c r="M6675" s="1" t="s">
        <v>5</v>
      </c>
      <c r="N6675" s="1" t="s">
        <v>25</v>
      </c>
      <c r="O6675" s="1" t="s">
        <v>8</v>
      </c>
      <c r="P6675" s="5" t="s">
        <v>30698</v>
      </c>
    </row>
    <row r="6676" spans="1:16" x14ac:dyDescent="0.2">
      <c r="A6676" s="1" t="s">
        <v>10</v>
      </c>
      <c r="B6676" s="1" t="s">
        <v>10</v>
      </c>
      <c r="C6676" s="1" t="s">
        <v>23486</v>
      </c>
      <c r="D6676" s="1" t="s">
        <v>431</v>
      </c>
      <c r="E6676" s="1"/>
      <c r="F6676" s="1" t="s">
        <v>27</v>
      </c>
      <c r="G6676" s="1" t="s">
        <v>1042</v>
      </c>
      <c r="H6676" s="1" t="s">
        <v>23487</v>
      </c>
      <c r="I6676" s="1" t="s">
        <v>22777</v>
      </c>
      <c r="J6676" s="1" t="s">
        <v>19</v>
      </c>
      <c r="K6676" s="1" t="s">
        <v>747</v>
      </c>
      <c r="L6676" s="1" t="s">
        <v>23485</v>
      </c>
      <c r="M6676" s="1" t="s">
        <v>5</v>
      </c>
      <c r="N6676" s="1" t="s">
        <v>1009</v>
      </c>
      <c r="O6676" s="1" t="s">
        <v>8</v>
      </c>
      <c r="P6676" s="5" t="s">
        <v>30698</v>
      </c>
    </row>
    <row r="6677" spans="1:16" x14ac:dyDescent="0.2">
      <c r="A6677" s="1" t="s">
        <v>10</v>
      </c>
      <c r="B6677" s="1" t="s">
        <v>10</v>
      </c>
      <c r="C6677" s="1" t="s">
        <v>23489</v>
      </c>
      <c r="D6677" s="1" t="s">
        <v>23490</v>
      </c>
      <c r="E6677" s="1" t="s">
        <v>23491</v>
      </c>
      <c r="F6677" s="1" t="s">
        <v>10</v>
      </c>
      <c r="G6677" s="1" t="s">
        <v>10</v>
      </c>
      <c r="H6677" s="1" t="s">
        <v>10</v>
      </c>
      <c r="I6677" s="1" t="s">
        <v>22777</v>
      </c>
      <c r="J6677" s="1" t="s">
        <v>10</v>
      </c>
      <c r="K6677" s="1" t="s">
        <v>10</v>
      </c>
      <c r="L6677" s="1" t="s">
        <v>23488</v>
      </c>
      <c r="M6677" s="1" t="s">
        <v>5</v>
      </c>
      <c r="N6677" s="1" t="s">
        <v>1009</v>
      </c>
      <c r="O6677" s="1" t="s">
        <v>8</v>
      </c>
      <c r="P6677" s="5" t="s">
        <v>10</v>
      </c>
    </row>
    <row r="6678" spans="1:16" x14ac:dyDescent="0.2">
      <c r="A6678" s="1" t="s">
        <v>10</v>
      </c>
      <c r="B6678" s="1" t="s">
        <v>10</v>
      </c>
      <c r="C6678" s="1" t="s">
        <v>23493</v>
      </c>
      <c r="D6678" s="1" t="s">
        <v>22933</v>
      </c>
      <c r="E6678" s="1" t="s">
        <v>23494</v>
      </c>
      <c r="F6678" s="1" t="s">
        <v>10</v>
      </c>
      <c r="G6678" s="1" t="s">
        <v>10</v>
      </c>
      <c r="H6678" s="1" t="s">
        <v>10</v>
      </c>
      <c r="I6678" s="1" t="s">
        <v>22777</v>
      </c>
      <c r="J6678" s="1" t="s">
        <v>22891</v>
      </c>
      <c r="K6678" s="1" t="s">
        <v>27</v>
      </c>
      <c r="L6678" s="1" t="s">
        <v>23492</v>
      </c>
      <c r="M6678" s="1" t="s">
        <v>5</v>
      </c>
      <c r="N6678" s="1" t="s">
        <v>25</v>
      </c>
      <c r="O6678" s="1" t="s">
        <v>38</v>
      </c>
      <c r="P6678" s="5" t="s">
        <v>30698</v>
      </c>
    </row>
    <row r="6679" spans="1:16" x14ac:dyDescent="0.2">
      <c r="A6679" s="1" t="s">
        <v>10</v>
      </c>
      <c r="B6679" s="1" t="s">
        <v>10</v>
      </c>
      <c r="C6679" s="1" t="s">
        <v>23496</v>
      </c>
      <c r="D6679" s="1" t="s">
        <v>23497</v>
      </c>
      <c r="E6679" s="1" t="s">
        <v>23498</v>
      </c>
      <c r="F6679" s="1" t="s">
        <v>10</v>
      </c>
      <c r="G6679" s="1" t="s">
        <v>10</v>
      </c>
      <c r="H6679" s="1" t="s">
        <v>10</v>
      </c>
      <c r="I6679" s="1" t="s">
        <v>22777</v>
      </c>
      <c r="J6679" s="1" t="s">
        <v>10</v>
      </c>
      <c r="K6679" s="1" t="s">
        <v>10</v>
      </c>
      <c r="L6679" s="1" t="s">
        <v>23495</v>
      </c>
      <c r="M6679" s="1" t="s">
        <v>5</v>
      </c>
      <c r="N6679" s="1" t="s">
        <v>25</v>
      </c>
      <c r="O6679" s="1" t="s">
        <v>38</v>
      </c>
      <c r="P6679" s="5" t="s">
        <v>30698</v>
      </c>
    </row>
    <row r="6680" spans="1:16" x14ac:dyDescent="0.2">
      <c r="A6680" s="1" t="s">
        <v>10</v>
      </c>
      <c r="B6680" s="1" t="s">
        <v>10</v>
      </c>
      <c r="C6680" s="1" t="s">
        <v>23500</v>
      </c>
      <c r="D6680" s="1" t="s">
        <v>23501</v>
      </c>
      <c r="E6680" s="1" t="s">
        <v>23502</v>
      </c>
      <c r="F6680" s="1" t="s">
        <v>10</v>
      </c>
      <c r="G6680" s="1" t="s">
        <v>10</v>
      </c>
      <c r="H6680" s="1" t="s">
        <v>10</v>
      </c>
      <c r="I6680" s="1" t="s">
        <v>22777</v>
      </c>
      <c r="J6680" s="1" t="s">
        <v>10</v>
      </c>
      <c r="K6680" s="1" t="s">
        <v>10</v>
      </c>
      <c r="L6680" s="1" t="s">
        <v>23499</v>
      </c>
      <c r="M6680" s="1" t="s">
        <v>5</v>
      </c>
      <c r="N6680" s="1" t="s">
        <v>25</v>
      </c>
      <c r="O6680" s="1" t="s">
        <v>38</v>
      </c>
      <c r="P6680" s="5" t="s">
        <v>30698</v>
      </c>
    </row>
    <row r="6681" spans="1:16" x14ac:dyDescent="0.2">
      <c r="A6681" s="1" t="s">
        <v>10</v>
      </c>
      <c r="B6681" s="1" t="s">
        <v>10</v>
      </c>
      <c r="C6681" s="1" t="s">
        <v>23504</v>
      </c>
      <c r="D6681" s="1" t="s">
        <v>23505</v>
      </c>
      <c r="E6681" s="1" t="s">
        <v>23506</v>
      </c>
      <c r="F6681" s="1" t="s">
        <v>10</v>
      </c>
      <c r="G6681" s="1" t="s">
        <v>10</v>
      </c>
      <c r="H6681" s="1" t="s">
        <v>10</v>
      </c>
      <c r="I6681" s="1" t="s">
        <v>22777</v>
      </c>
      <c r="J6681" s="1" t="s">
        <v>10</v>
      </c>
      <c r="K6681" s="1" t="s">
        <v>10</v>
      </c>
      <c r="L6681" s="1" t="s">
        <v>23503</v>
      </c>
      <c r="M6681" s="1" t="s">
        <v>5</v>
      </c>
      <c r="N6681" s="1" t="s">
        <v>25</v>
      </c>
      <c r="O6681" s="1" t="s">
        <v>38</v>
      </c>
      <c r="P6681" s="5" t="s">
        <v>30698</v>
      </c>
    </row>
    <row r="6682" spans="1:16" x14ac:dyDescent="0.2">
      <c r="A6682" s="1" t="s">
        <v>10</v>
      </c>
      <c r="B6682" s="1" t="s">
        <v>10</v>
      </c>
      <c r="C6682" s="1" t="s">
        <v>23508</v>
      </c>
      <c r="D6682" s="1" t="s">
        <v>23509</v>
      </c>
      <c r="E6682" s="1" t="s">
        <v>23510</v>
      </c>
      <c r="F6682" s="1" t="s">
        <v>27</v>
      </c>
      <c r="G6682" s="1" t="s">
        <v>1042</v>
      </c>
      <c r="H6682" s="1" t="s">
        <v>968</v>
      </c>
      <c r="I6682" s="1" t="s">
        <v>22777</v>
      </c>
      <c r="J6682" s="1" t="s">
        <v>19</v>
      </c>
      <c r="K6682" s="1" t="s">
        <v>64</v>
      </c>
      <c r="L6682" s="1" t="s">
        <v>23507</v>
      </c>
      <c r="M6682" s="1" t="s">
        <v>5</v>
      </c>
      <c r="N6682" s="1" t="s">
        <v>1009</v>
      </c>
      <c r="O6682" s="1" t="s">
        <v>8</v>
      </c>
      <c r="P6682" s="5" t="s">
        <v>30698</v>
      </c>
    </row>
    <row r="6683" spans="1:16" x14ac:dyDescent="0.2">
      <c r="A6683" s="1" t="s">
        <v>10</v>
      </c>
      <c r="B6683" s="1" t="s">
        <v>10</v>
      </c>
      <c r="C6683" s="1" t="s">
        <v>23512</v>
      </c>
      <c r="D6683" s="1" t="s">
        <v>23513</v>
      </c>
      <c r="E6683" s="1" t="s">
        <v>23514</v>
      </c>
      <c r="F6683" s="1" t="s">
        <v>27</v>
      </c>
      <c r="G6683" s="1" t="s">
        <v>1042</v>
      </c>
      <c r="H6683" s="1" t="s">
        <v>23245</v>
      </c>
      <c r="I6683" s="1" t="s">
        <v>22777</v>
      </c>
      <c r="J6683" s="1" t="s">
        <v>19</v>
      </c>
      <c r="K6683" s="1" t="s">
        <v>64</v>
      </c>
      <c r="L6683" s="1" t="s">
        <v>23511</v>
      </c>
      <c r="M6683" s="1" t="s">
        <v>5</v>
      </c>
      <c r="N6683" s="1" t="s">
        <v>25</v>
      </c>
      <c r="O6683" s="1" t="s">
        <v>8</v>
      </c>
      <c r="P6683" s="5" t="s">
        <v>30698</v>
      </c>
    </row>
    <row r="6684" spans="1:16" x14ac:dyDescent="0.2">
      <c r="A6684" s="1" t="s">
        <v>10</v>
      </c>
      <c r="B6684" s="1" t="s">
        <v>10</v>
      </c>
      <c r="C6684" s="1" t="s">
        <v>23516</v>
      </c>
      <c r="D6684" s="1" t="s">
        <v>23517</v>
      </c>
      <c r="E6684" s="1" t="s">
        <v>23518</v>
      </c>
      <c r="F6684" s="1" t="s">
        <v>10</v>
      </c>
      <c r="G6684" s="1" t="s">
        <v>10</v>
      </c>
      <c r="H6684" s="1" t="s">
        <v>10</v>
      </c>
      <c r="I6684" s="1" t="s">
        <v>22777</v>
      </c>
      <c r="J6684" s="1" t="s">
        <v>10</v>
      </c>
      <c r="K6684" s="1" t="s">
        <v>10</v>
      </c>
      <c r="L6684" s="1" t="s">
        <v>23515</v>
      </c>
      <c r="M6684" s="1" t="s">
        <v>5</v>
      </c>
      <c r="N6684" s="1" t="s">
        <v>10</v>
      </c>
      <c r="O6684" s="1" t="s">
        <v>8</v>
      </c>
      <c r="P6684" s="5" t="s">
        <v>30698</v>
      </c>
    </row>
    <row r="6685" spans="1:16" x14ac:dyDescent="0.2">
      <c r="A6685" s="1" t="s">
        <v>10</v>
      </c>
      <c r="B6685" s="1" t="s">
        <v>10</v>
      </c>
      <c r="C6685" s="1" t="s">
        <v>23520</v>
      </c>
      <c r="D6685" s="1" t="s">
        <v>23521</v>
      </c>
      <c r="E6685" s="1" t="s">
        <v>23522</v>
      </c>
      <c r="F6685" s="1" t="s">
        <v>10</v>
      </c>
      <c r="G6685" s="1" t="s">
        <v>10</v>
      </c>
      <c r="H6685" s="1" t="s">
        <v>10</v>
      </c>
      <c r="I6685" s="1" t="s">
        <v>22777</v>
      </c>
      <c r="J6685" s="1" t="s">
        <v>10</v>
      </c>
      <c r="K6685" s="1" t="s">
        <v>10</v>
      </c>
      <c r="L6685" s="1" t="s">
        <v>23519</v>
      </c>
      <c r="M6685" s="1" t="s">
        <v>5</v>
      </c>
      <c r="N6685" s="1" t="s">
        <v>25</v>
      </c>
      <c r="O6685" s="1" t="s">
        <v>8</v>
      </c>
      <c r="P6685" s="5" t="s">
        <v>30698</v>
      </c>
    </row>
    <row r="6686" spans="1:16" x14ac:dyDescent="0.2">
      <c r="A6686" s="1" t="s">
        <v>10</v>
      </c>
      <c r="B6686" s="1" t="s">
        <v>10</v>
      </c>
      <c r="C6686" s="1" t="s">
        <v>23524</v>
      </c>
      <c r="D6686" s="1" t="s">
        <v>23525</v>
      </c>
      <c r="E6686" s="1"/>
      <c r="F6686" s="1" t="s">
        <v>10</v>
      </c>
      <c r="G6686" s="1" t="s">
        <v>10</v>
      </c>
      <c r="H6686" s="1" t="s">
        <v>10</v>
      </c>
      <c r="I6686" s="1" t="s">
        <v>22777</v>
      </c>
      <c r="J6686" s="1" t="s">
        <v>22996</v>
      </c>
      <c r="K6686" s="1" t="s">
        <v>27</v>
      </c>
      <c r="L6686" s="1" t="s">
        <v>23523</v>
      </c>
      <c r="M6686" s="1" t="s">
        <v>5</v>
      </c>
      <c r="N6686" s="1" t="s">
        <v>25</v>
      </c>
      <c r="O6686" s="1" t="s">
        <v>38</v>
      </c>
      <c r="P6686" s="5" t="s">
        <v>30698</v>
      </c>
    </row>
    <row r="6687" spans="1:16" x14ac:dyDescent="0.2">
      <c r="A6687" s="1" t="s">
        <v>10</v>
      </c>
      <c r="B6687" s="1" t="s">
        <v>10</v>
      </c>
      <c r="C6687" s="1" t="s">
        <v>23527</v>
      </c>
      <c r="D6687" s="1" t="s">
        <v>23528</v>
      </c>
      <c r="E6687" s="1" t="s">
        <v>23529</v>
      </c>
      <c r="F6687" s="1" t="s">
        <v>27</v>
      </c>
      <c r="G6687" s="1" t="s">
        <v>1042</v>
      </c>
      <c r="H6687" s="1" t="s">
        <v>23530</v>
      </c>
      <c r="I6687" s="1" t="s">
        <v>22777</v>
      </c>
      <c r="J6687" s="1" t="s">
        <v>19</v>
      </c>
      <c r="K6687" s="1" t="s">
        <v>47</v>
      </c>
      <c r="L6687" s="1" t="s">
        <v>23526</v>
      </c>
      <c r="M6687" s="1" t="s">
        <v>5</v>
      </c>
      <c r="N6687" s="1" t="s">
        <v>25</v>
      </c>
      <c r="O6687" s="1" t="s">
        <v>8</v>
      </c>
      <c r="P6687" s="5" t="s">
        <v>30698</v>
      </c>
    </row>
    <row r="6688" spans="1:16" x14ac:dyDescent="0.2">
      <c r="A6688" s="1" t="s">
        <v>10</v>
      </c>
      <c r="B6688" s="1" t="s">
        <v>10</v>
      </c>
      <c r="C6688" s="1" t="s">
        <v>23532</v>
      </c>
      <c r="D6688" s="1" t="s">
        <v>23533</v>
      </c>
      <c r="E6688" s="1"/>
      <c r="F6688" s="1" t="s">
        <v>27</v>
      </c>
      <c r="G6688" s="1" t="s">
        <v>1042</v>
      </c>
      <c r="H6688" s="1" t="s">
        <v>23530</v>
      </c>
      <c r="I6688" s="1" t="s">
        <v>22777</v>
      </c>
      <c r="J6688" s="1" t="s">
        <v>19</v>
      </c>
      <c r="K6688" s="1" t="s">
        <v>47</v>
      </c>
      <c r="L6688" s="1" t="s">
        <v>23531</v>
      </c>
      <c r="M6688" s="1" t="s">
        <v>5</v>
      </c>
      <c r="N6688" s="1" t="s">
        <v>25</v>
      </c>
      <c r="O6688" s="1" t="s">
        <v>8</v>
      </c>
      <c r="P6688" s="5" t="s">
        <v>30698</v>
      </c>
    </row>
    <row r="6689" spans="1:16" x14ac:dyDescent="0.2">
      <c r="A6689" s="1" t="s">
        <v>10</v>
      </c>
      <c r="B6689" s="1" t="s">
        <v>10</v>
      </c>
      <c r="C6689" s="1" t="s">
        <v>23535</v>
      </c>
      <c r="D6689" s="1" t="s">
        <v>23536</v>
      </c>
      <c r="E6689" s="1" t="s">
        <v>23529</v>
      </c>
      <c r="F6689" s="1" t="s">
        <v>27</v>
      </c>
      <c r="G6689" s="1" t="s">
        <v>1042</v>
      </c>
      <c r="H6689" s="1" t="s">
        <v>23530</v>
      </c>
      <c r="I6689" s="1" t="s">
        <v>22777</v>
      </c>
      <c r="J6689" s="1" t="s">
        <v>19</v>
      </c>
      <c r="K6689" s="1" t="s">
        <v>47</v>
      </c>
      <c r="L6689" s="1" t="s">
        <v>23534</v>
      </c>
      <c r="M6689" s="1" t="s">
        <v>5</v>
      </c>
      <c r="N6689" s="1" t="s">
        <v>25</v>
      </c>
      <c r="O6689" s="1" t="s">
        <v>8</v>
      </c>
      <c r="P6689" s="5" t="s">
        <v>30698</v>
      </c>
    </row>
    <row r="6690" spans="1:16" x14ac:dyDescent="0.2">
      <c r="A6690" s="1" t="s">
        <v>10</v>
      </c>
      <c r="B6690" s="1" t="s">
        <v>10</v>
      </c>
      <c r="C6690" s="1" t="s">
        <v>15562</v>
      </c>
      <c r="D6690" s="1" t="s">
        <v>23538</v>
      </c>
      <c r="E6690" s="1"/>
      <c r="F6690" s="1" t="s">
        <v>414</v>
      </c>
      <c r="G6690" s="1" t="s">
        <v>10</v>
      </c>
      <c r="H6690" s="1" t="s">
        <v>23539</v>
      </c>
      <c r="I6690" s="1" t="s">
        <v>22777</v>
      </c>
      <c r="J6690" s="1" t="s">
        <v>22820</v>
      </c>
      <c r="K6690" s="1" t="s">
        <v>27</v>
      </c>
      <c r="L6690" s="1" t="s">
        <v>23537</v>
      </c>
      <c r="M6690" s="1" t="s">
        <v>5</v>
      </c>
      <c r="N6690" s="1" t="s">
        <v>25</v>
      </c>
      <c r="O6690" s="1" t="s">
        <v>8</v>
      </c>
      <c r="P6690" s="5" t="s">
        <v>30698</v>
      </c>
    </row>
    <row r="6691" spans="1:16" x14ac:dyDescent="0.2">
      <c r="A6691" s="1" t="s">
        <v>10</v>
      </c>
      <c r="B6691" s="1" t="s">
        <v>10</v>
      </c>
      <c r="C6691" s="1" t="s">
        <v>23541</v>
      </c>
      <c r="D6691" s="1" t="s">
        <v>23541</v>
      </c>
      <c r="E6691" s="1"/>
      <c r="F6691" s="1" t="s">
        <v>27</v>
      </c>
      <c r="G6691" s="1" t="s">
        <v>1042</v>
      </c>
      <c r="H6691" s="1" t="s">
        <v>23542</v>
      </c>
      <c r="I6691" s="1" t="s">
        <v>22777</v>
      </c>
      <c r="J6691" s="1" t="s">
        <v>22820</v>
      </c>
      <c r="K6691" s="1" t="s">
        <v>27</v>
      </c>
      <c r="L6691" s="1" t="s">
        <v>23540</v>
      </c>
      <c r="M6691" s="1" t="s">
        <v>5</v>
      </c>
      <c r="N6691" s="1" t="s">
        <v>25</v>
      </c>
      <c r="O6691" s="1" t="s">
        <v>8</v>
      </c>
      <c r="P6691" s="5" t="s">
        <v>30698</v>
      </c>
    </row>
    <row r="6692" spans="1:16" x14ac:dyDescent="0.2">
      <c r="A6692" s="1" t="s">
        <v>10</v>
      </c>
      <c r="B6692" s="1" t="s">
        <v>10</v>
      </c>
      <c r="C6692" s="1" t="s">
        <v>23544</v>
      </c>
      <c r="D6692" s="1" t="s">
        <v>23545</v>
      </c>
      <c r="E6692" s="1"/>
      <c r="F6692" s="1" t="s">
        <v>27</v>
      </c>
      <c r="G6692" s="1" t="s">
        <v>1042</v>
      </c>
      <c r="H6692" s="1" t="s">
        <v>23545</v>
      </c>
      <c r="I6692" s="1" t="s">
        <v>22777</v>
      </c>
      <c r="J6692" s="1" t="s">
        <v>22820</v>
      </c>
      <c r="K6692" s="1" t="s">
        <v>27</v>
      </c>
      <c r="L6692" s="1" t="s">
        <v>23543</v>
      </c>
      <c r="M6692" s="1" t="s">
        <v>5</v>
      </c>
      <c r="N6692" s="1" t="s">
        <v>1009</v>
      </c>
      <c r="O6692" s="1" t="s">
        <v>8</v>
      </c>
      <c r="P6692" s="5" t="s">
        <v>30698</v>
      </c>
    </row>
    <row r="6693" spans="1:16" x14ac:dyDescent="0.2">
      <c r="A6693" s="1" t="s">
        <v>10</v>
      </c>
      <c r="B6693" s="1" t="s">
        <v>10</v>
      </c>
      <c r="C6693" s="1" t="s">
        <v>15628</v>
      </c>
      <c r="D6693" s="1" t="s">
        <v>4886</v>
      </c>
      <c r="E6693" s="1"/>
      <c r="F6693" s="1" t="s">
        <v>414</v>
      </c>
      <c r="G6693" s="1" t="s">
        <v>23547</v>
      </c>
      <c r="H6693" s="1" t="s">
        <v>10</v>
      </c>
      <c r="I6693" s="1" t="s">
        <v>22777</v>
      </c>
      <c r="J6693" s="1" t="s">
        <v>22820</v>
      </c>
      <c r="K6693" s="1" t="s">
        <v>27</v>
      </c>
      <c r="L6693" s="1" t="s">
        <v>23546</v>
      </c>
      <c r="M6693" s="1" t="s">
        <v>5</v>
      </c>
      <c r="N6693" s="1" t="s">
        <v>1009</v>
      </c>
      <c r="O6693" s="1" t="s">
        <v>8</v>
      </c>
      <c r="P6693" s="5" t="s">
        <v>30698</v>
      </c>
    </row>
    <row r="6694" spans="1:16" x14ac:dyDescent="0.2">
      <c r="A6694" s="1" t="s">
        <v>10</v>
      </c>
      <c r="B6694" s="1" t="s">
        <v>10</v>
      </c>
      <c r="C6694" s="1" t="s">
        <v>23549</v>
      </c>
      <c r="D6694" s="1" t="s">
        <v>23550</v>
      </c>
      <c r="E6694" s="1"/>
      <c r="F6694" s="1" t="s">
        <v>414</v>
      </c>
      <c r="G6694" s="1" t="s">
        <v>10</v>
      </c>
      <c r="H6694" s="1" t="s">
        <v>23551</v>
      </c>
      <c r="I6694" s="1" t="s">
        <v>22777</v>
      </c>
      <c r="J6694" s="1" t="s">
        <v>22820</v>
      </c>
      <c r="K6694" s="1" t="s">
        <v>27</v>
      </c>
      <c r="L6694" s="1" t="s">
        <v>23548</v>
      </c>
      <c r="M6694" s="1" t="s">
        <v>5</v>
      </c>
      <c r="N6694" s="1" t="s">
        <v>1009</v>
      </c>
      <c r="O6694" s="1" t="s">
        <v>8</v>
      </c>
      <c r="P6694" s="5" t="s">
        <v>30698</v>
      </c>
    </row>
    <row r="6695" spans="1:16" x14ac:dyDescent="0.2">
      <c r="A6695" s="1" t="s">
        <v>10</v>
      </c>
      <c r="B6695" s="1" t="s">
        <v>10</v>
      </c>
      <c r="C6695" s="1" t="s">
        <v>7427</v>
      </c>
      <c r="D6695" s="1" t="s">
        <v>7428</v>
      </c>
      <c r="E6695" s="1"/>
      <c r="F6695" s="1" t="s">
        <v>414</v>
      </c>
      <c r="G6695" s="1" t="s">
        <v>23553</v>
      </c>
      <c r="H6695" s="1" t="s">
        <v>10</v>
      </c>
      <c r="I6695" s="1" t="s">
        <v>22777</v>
      </c>
      <c r="J6695" s="1" t="s">
        <v>22820</v>
      </c>
      <c r="K6695" s="1" t="s">
        <v>27</v>
      </c>
      <c r="L6695" s="1" t="s">
        <v>23552</v>
      </c>
      <c r="M6695" s="1" t="s">
        <v>5</v>
      </c>
      <c r="N6695" s="1" t="s">
        <v>25</v>
      </c>
      <c r="O6695" s="1" t="s">
        <v>8</v>
      </c>
      <c r="P6695" s="5" t="s">
        <v>30698</v>
      </c>
    </row>
    <row r="6696" spans="1:16" x14ac:dyDescent="0.2">
      <c r="A6696" s="1" t="s">
        <v>10</v>
      </c>
      <c r="B6696" s="1" t="s">
        <v>10</v>
      </c>
      <c r="C6696" s="1" t="s">
        <v>23555</v>
      </c>
      <c r="D6696" s="1" t="s">
        <v>23556</v>
      </c>
      <c r="E6696" s="1"/>
      <c r="F6696" s="1" t="s">
        <v>10</v>
      </c>
      <c r="G6696" s="1" t="s">
        <v>10</v>
      </c>
      <c r="H6696" s="1" t="s">
        <v>10</v>
      </c>
      <c r="I6696" s="1" t="s">
        <v>22777</v>
      </c>
      <c r="J6696" s="1" t="s">
        <v>10</v>
      </c>
      <c r="K6696" s="1" t="s">
        <v>10</v>
      </c>
      <c r="L6696" s="1" t="s">
        <v>23554</v>
      </c>
      <c r="M6696" s="1" t="s">
        <v>5</v>
      </c>
      <c r="N6696" s="1" t="s">
        <v>25</v>
      </c>
      <c r="O6696" s="1" t="s">
        <v>8</v>
      </c>
      <c r="P6696" s="5" t="s">
        <v>30698</v>
      </c>
    </row>
    <row r="6697" spans="1:16" x14ac:dyDescent="0.2">
      <c r="A6697" s="1" t="s">
        <v>10</v>
      </c>
      <c r="B6697" s="1" t="s">
        <v>10</v>
      </c>
      <c r="C6697" s="1" t="s">
        <v>23558</v>
      </c>
      <c r="D6697" s="1" t="s">
        <v>23559</v>
      </c>
      <c r="E6697" s="1" t="s">
        <v>23560</v>
      </c>
      <c r="F6697" s="1" t="s">
        <v>10</v>
      </c>
      <c r="G6697" s="1" t="s">
        <v>10</v>
      </c>
      <c r="H6697" s="1" t="s">
        <v>10</v>
      </c>
      <c r="I6697" s="1" t="s">
        <v>22777</v>
      </c>
      <c r="J6697" s="1" t="s">
        <v>10</v>
      </c>
      <c r="K6697" s="1" t="s">
        <v>10</v>
      </c>
      <c r="L6697" s="1" t="s">
        <v>23557</v>
      </c>
      <c r="M6697" s="1" t="s">
        <v>5</v>
      </c>
      <c r="N6697" s="1" t="s">
        <v>25</v>
      </c>
      <c r="O6697" s="1" t="s">
        <v>38</v>
      </c>
      <c r="P6697" s="5" t="s">
        <v>30698</v>
      </c>
    </row>
    <row r="6698" spans="1:16" x14ac:dyDescent="0.2">
      <c r="A6698" s="1" t="s">
        <v>10</v>
      </c>
      <c r="B6698" s="1" t="s">
        <v>10</v>
      </c>
      <c r="C6698" s="1" t="s">
        <v>23562</v>
      </c>
      <c r="D6698" s="1" t="s">
        <v>23563</v>
      </c>
      <c r="E6698" s="1" t="s">
        <v>23564</v>
      </c>
      <c r="F6698" s="1" t="s">
        <v>10</v>
      </c>
      <c r="G6698" s="1" t="s">
        <v>10</v>
      </c>
      <c r="H6698" s="1" t="s">
        <v>10</v>
      </c>
      <c r="I6698" s="1" t="s">
        <v>22777</v>
      </c>
      <c r="J6698" s="1" t="s">
        <v>10</v>
      </c>
      <c r="K6698" s="1" t="s">
        <v>10</v>
      </c>
      <c r="L6698" s="1" t="s">
        <v>23561</v>
      </c>
      <c r="M6698" s="1" t="s">
        <v>5</v>
      </c>
      <c r="N6698" s="1" t="s">
        <v>6</v>
      </c>
      <c r="O6698" s="1" t="s">
        <v>38</v>
      </c>
      <c r="P6698" s="5" t="s">
        <v>30698</v>
      </c>
    </row>
    <row r="6699" spans="1:16" x14ac:dyDescent="0.2">
      <c r="A6699" s="1" t="s">
        <v>10</v>
      </c>
      <c r="B6699" s="1" t="s">
        <v>10</v>
      </c>
      <c r="C6699" s="1" t="s">
        <v>23566</v>
      </c>
      <c r="D6699" s="1" t="s">
        <v>23567</v>
      </c>
      <c r="E6699" s="1" t="s">
        <v>23568</v>
      </c>
      <c r="F6699" s="1" t="s">
        <v>27</v>
      </c>
      <c r="G6699" s="1" t="s">
        <v>1042</v>
      </c>
      <c r="H6699" s="1" t="s">
        <v>1699</v>
      </c>
      <c r="I6699" s="1" t="s">
        <v>22777</v>
      </c>
      <c r="J6699" s="1" t="s">
        <v>19</v>
      </c>
      <c r="K6699" s="1" t="s">
        <v>100</v>
      </c>
      <c r="L6699" s="1" t="s">
        <v>23565</v>
      </c>
      <c r="M6699" s="1" t="s">
        <v>5</v>
      </c>
      <c r="N6699" s="1" t="s">
        <v>25</v>
      </c>
      <c r="O6699" s="1" t="s">
        <v>8</v>
      </c>
      <c r="P6699" s="5" t="s">
        <v>30699</v>
      </c>
    </row>
    <row r="6700" spans="1:16" x14ac:dyDescent="0.2">
      <c r="A6700" s="1" t="s">
        <v>10</v>
      </c>
      <c r="B6700" s="1" t="s">
        <v>10</v>
      </c>
      <c r="C6700" s="1" t="s">
        <v>2262</v>
      </c>
      <c r="D6700" s="1" t="s">
        <v>2262</v>
      </c>
      <c r="E6700" s="1"/>
      <c r="F6700" s="1" t="s">
        <v>414</v>
      </c>
      <c r="G6700" s="1" t="s">
        <v>10</v>
      </c>
      <c r="H6700" s="1" t="s">
        <v>23570</v>
      </c>
      <c r="I6700" s="1" t="s">
        <v>22777</v>
      </c>
      <c r="J6700" s="1" t="s">
        <v>22820</v>
      </c>
      <c r="K6700" s="1" t="s">
        <v>27</v>
      </c>
      <c r="L6700" s="1" t="s">
        <v>23569</v>
      </c>
      <c r="M6700" s="1" t="s">
        <v>5</v>
      </c>
      <c r="N6700" s="1" t="s">
        <v>25</v>
      </c>
      <c r="O6700" s="1" t="s">
        <v>8</v>
      </c>
      <c r="P6700" s="5" t="s">
        <v>30698</v>
      </c>
    </row>
    <row r="6701" spans="1:16" x14ac:dyDescent="0.2">
      <c r="A6701" s="1" t="s">
        <v>10</v>
      </c>
      <c r="B6701" s="1" t="s">
        <v>10</v>
      </c>
      <c r="C6701" s="1" t="s">
        <v>23572</v>
      </c>
      <c r="D6701" s="1" t="s">
        <v>23573</v>
      </c>
      <c r="E6701" s="1" t="s">
        <v>23574</v>
      </c>
      <c r="F6701" s="1" t="s">
        <v>10</v>
      </c>
      <c r="G6701" s="1" t="s">
        <v>10</v>
      </c>
      <c r="H6701" s="1" t="s">
        <v>10</v>
      </c>
      <c r="I6701" s="1" t="s">
        <v>22777</v>
      </c>
      <c r="J6701" s="1" t="s">
        <v>10</v>
      </c>
      <c r="K6701" s="1" t="s">
        <v>10</v>
      </c>
      <c r="L6701" s="1" t="s">
        <v>23571</v>
      </c>
      <c r="M6701" s="1" t="s">
        <v>5</v>
      </c>
      <c r="N6701" s="1" t="s">
        <v>25</v>
      </c>
      <c r="O6701" s="1" t="s">
        <v>8</v>
      </c>
      <c r="P6701" s="5" t="s">
        <v>30698</v>
      </c>
    </row>
    <row r="6702" spans="1:16" x14ac:dyDescent="0.2">
      <c r="A6702" s="1" t="s">
        <v>10</v>
      </c>
      <c r="B6702" s="1" t="s">
        <v>10</v>
      </c>
      <c r="C6702" s="1" t="s">
        <v>23576</v>
      </c>
      <c r="D6702" s="1" t="s">
        <v>23577</v>
      </c>
      <c r="E6702" s="1" t="s">
        <v>23578</v>
      </c>
      <c r="F6702" s="1" t="s">
        <v>10</v>
      </c>
      <c r="G6702" s="1" t="s">
        <v>10</v>
      </c>
      <c r="H6702" s="1" t="s">
        <v>10</v>
      </c>
      <c r="I6702" s="1" t="s">
        <v>22777</v>
      </c>
      <c r="J6702" s="1" t="s">
        <v>10</v>
      </c>
      <c r="K6702" s="1" t="s">
        <v>10</v>
      </c>
      <c r="L6702" s="1" t="s">
        <v>23575</v>
      </c>
      <c r="M6702" s="1" t="s">
        <v>5</v>
      </c>
      <c r="N6702" s="1" t="s">
        <v>10</v>
      </c>
      <c r="O6702" s="1" t="s">
        <v>8</v>
      </c>
      <c r="P6702" s="5" t="s">
        <v>30698</v>
      </c>
    </row>
    <row r="6703" spans="1:16" x14ac:dyDescent="0.2">
      <c r="A6703" s="1" t="s">
        <v>10</v>
      </c>
      <c r="B6703" s="1" t="s">
        <v>10</v>
      </c>
      <c r="C6703" s="1" t="s">
        <v>23580</v>
      </c>
      <c r="D6703" s="1" t="s">
        <v>23581</v>
      </c>
      <c r="E6703" s="1" t="s">
        <v>23582</v>
      </c>
      <c r="F6703" s="1" t="s">
        <v>10</v>
      </c>
      <c r="G6703" s="1" t="s">
        <v>10</v>
      </c>
      <c r="H6703" s="1" t="s">
        <v>10</v>
      </c>
      <c r="I6703" s="1" t="s">
        <v>22777</v>
      </c>
      <c r="J6703" s="1" t="s">
        <v>10</v>
      </c>
      <c r="K6703" s="1" t="s">
        <v>10</v>
      </c>
      <c r="L6703" s="1" t="s">
        <v>23579</v>
      </c>
      <c r="M6703" s="1" t="s">
        <v>5</v>
      </c>
      <c r="N6703" s="1" t="s">
        <v>25</v>
      </c>
      <c r="O6703" s="1" t="s">
        <v>38</v>
      </c>
      <c r="P6703" s="5" t="s">
        <v>30698</v>
      </c>
    </row>
    <row r="6704" spans="1:16" x14ac:dyDescent="0.2">
      <c r="A6704" s="1" t="s">
        <v>10</v>
      </c>
      <c r="B6704" s="1" t="s">
        <v>10</v>
      </c>
      <c r="C6704" s="1" t="s">
        <v>23584</v>
      </c>
      <c r="D6704" s="1" t="s">
        <v>23585</v>
      </c>
      <c r="E6704" s="1" t="s">
        <v>23586</v>
      </c>
      <c r="F6704" s="1" t="s">
        <v>10</v>
      </c>
      <c r="G6704" s="1" t="s">
        <v>10</v>
      </c>
      <c r="H6704" s="1" t="s">
        <v>10</v>
      </c>
      <c r="I6704" s="1" t="s">
        <v>22777</v>
      </c>
      <c r="J6704" s="1" t="s">
        <v>10</v>
      </c>
      <c r="K6704" s="1" t="s">
        <v>10</v>
      </c>
      <c r="L6704" s="1" t="s">
        <v>23583</v>
      </c>
      <c r="M6704" s="1" t="s">
        <v>5</v>
      </c>
      <c r="N6704" s="1" t="s">
        <v>25</v>
      </c>
      <c r="O6704" s="1" t="s">
        <v>38</v>
      </c>
      <c r="P6704" s="5" t="s">
        <v>30698</v>
      </c>
    </row>
    <row r="6705" spans="1:16" x14ac:dyDescent="0.2">
      <c r="A6705" s="1" t="s">
        <v>10</v>
      </c>
      <c r="B6705" s="1" t="s">
        <v>10</v>
      </c>
      <c r="C6705" s="1" t="s">
        <v>23588</v>
      </c>
      <c r="D6705" s="1" t="s">
        <v>23589</v>
      </c>
      <c r="E6705" s="1" t="s">
        <v>23590</v>
      </c>
      <c r="F6705" s="1" t="s">
        <v>10</v>
      </c>
      <c r="G6705" s="1" t="s">
        <v>10</v>
      </c>
      <c r="H6705" s="1" t="s">
        <v>10</v>
      </c>
      <c r="I6705" s="1" t="s">
        <v>22777</v>
      </c>
      <c r="J6705" s="1" t="s">
        <v>10</v>
      </c>
      <c r="K6705" s="1" t="s">
        <v>10</v>
      </c>
      <c r="L6705" s="1" t="s">
        <v>23587</v>
      </c>
      <c r="M6705" s="1" t="s">
        <v>5</v>
      </c>
      <c r="N6705" s="1" t="s">
        <v>25</v>
      </c>
      <c r="O6705" s="1" t="s">
        <v>38</v>
      </c>
      <c r="P6705" s="5" t="s">
        <v>30698</v>
      </c>
    </row>
    <row r="6706" spans="1:16" x14ac:dyDescent="0.2">
      <c r="A6706" s="1" t="s">
        <v>10</v>
      </c>
      <c r="B6706" s="1" t="s">
        <v>10</v>
      </c>
      <c r="C6706" s="1" t="s">
        <v>23592</v>
      </c>
      <c r="D6706" s="1" t="s">
        <v>23593</v>
      </c>
      <c r="E6706" s="1" t="s">
        <v>23594</v>
      </c>
      <c r="F6706" s="1" t="s">
        <v>10</v>
      </c>
      <c r="G6706" s="1" t="s">
        <v>10</v>
      </c>
      <c r="H6706" s="1" t="s">
        <v>10</v>
      </c>
      <c r="I6706" s="1" t="s">
        <v>22777</v>
      </c>
      <c r="J6706" s="1" t="s">
        <v>10</v>
      </c>
      <c r="K6706" s="1" t="s">
        <v>10</v>
      </c>
      <c r="L6706" s="1" t="s">
        <v>23591</v>
      </c>
      <c r="M6706" s="1" t="s">
        <v>5</v>
      </c>
      <c r="N6706" s="1" t="s">
        <v>6</v>
      </c>
      <c r="O6706" s="1" t="s">
        <v>38</v>
      </c>
      <c r="P6706" s="5" t="s">
        <v>22791</v>
      </c>
    </row>
    <row r="6707" spans="1:16" x14ac:dyDescent="0.2">
      <c r="A6707" s="1" t="s">
        <v>10</v>
      </c>
      <c r="B6707" s="1" t="s">
        <v>10</v>
      </c>
      <c r="C6707" s="1" t="s">
        <v>23596</v>
      </c>
      <c r="D6707" s="1" t="s">
        <v>23597</v>
      </c>
      <c r="E6707" s="1" t="s">
        <v>23598</v>
      </c>
      <c r="F6707" s="1" t="s">
        <v>10</v>
      </c>
      <c r="G6707" s="1" t="s">
        <v>10</v>
      </c>
      <c r="H6707" s="1" t="s">
        <v>10</v>
      </c>
      <c r="I6707" s="1" t="s">
        <v>22777</v>
      </c>
      <c r="J6707" s="1" t="s">
        <v>22782</v>
      </c>
      <c r="K6707" s="1" t="s">
        <v>27</v>
      </c>
      <c r="L6707" s="1" t="s">
        <v>23595</v>
      </c>
      <c r="M6707" s="1" t="s">
        <v>5</v>
      </c>
      <c r="N6707" s="1" t="s">
        <v>25</v>
      </c>
      <c r="O6707" s="1" t="s">
        <v>38</v>
      </c>
      <c r="P6707" s="5" t="s">
        <v>30698</v>
      </c>
    </row>
    <row r="6708" spans="1:16" x14ac:dyDescent="0.2">
      <c r="A6708" s="1" t="s">
        <v>10</v>
      </c>
      <c r="B6708" s="1" t="s">
        <v>10</v>
      </c>
      <c r="C6708" s="1" t="s">
        <v>23600</v>
      </c>
      <c r="D6708" s="1" t="s">
        <v>23601</v>
      </c>
      <c r="E6708" s="1" t="s">
        <v>23602</v>
      </c>
      <c r="F6708" s="1" t="s">
        <v>10</v>
      </c>
      <c r="G6708" s="1" t="s">
        <v>10</v>
      </c>
      <c r="H6708" s="1" t="s">
        <v>10</v>
      </c>
      <c r="I6708" s="1" t="s">
        <v>22777</v>
      </c>
      <c r="J6708" s="1" t="s">
        <v>10</v>
      </c>
      <c r="K6708" s="1" t="s">
        <v>10</v>
      </c>
      <c r="L6708" s="1" t="s">
        <v>23599</v>
      </c>
      <c r="M6708" s="1" t="s">
        <v>5</v>
      </c>
      <c r="N6708" s="1" t="s">
        <v>1009</v>
      </c>
      <c r="O6708" s="1" t="s">
        <v>8</v>
      </c>
      <c r="P6708" s="5" t="s">
        <v>22781</v>
      </c>
    </row>
    <row r="6709" spans="1:16" x14ac:dyDescent="0.2">
      <c r="A6709" s="1" t="s">
        <v>10</v>
      </c>
      <c r="B6709" s="1" t="s">
        <v>10</v>
      </c>
      <c r="C6709" s="1" t="s">
        <v>23604</v>
      </c>
      <c r="D6709" s="1" t="s">
        <v>10695</v>
      </c>
      <c r="E6709" s="1" t="s">
        <v>23605</v>
      </c>
      <c r="F6709" s="1" t="s">
        <v>10</v>
      </c>
      <c r="G6709" s="1" t="s">
        <v>10</v>
      </c>
      <c r="H6709" s="1" t="s">
        <v>10</v>
      </c>
      <c r="I6709" s="1" t="s">
        <v>22777</v>
      </c>
      <c r="J6709" s="1" t="s">
        <v>10</v>
      </c>
      <c r="K6709" s="1" t="s">
        <v>10</v>
      </c>
      <c r="L6709" s="1" t="s">
        <v>23603</v>
      </c>
      <c r="M6709" s="1" t="s">
        <v>5</v>
      </c>
      <c r="N6709" s="1" t="s">
        <v>25</v>
      </c>
      <c r="O6709" s="1" t="s">
        <v>8</v>
      </c>
      <c r="P6709" s="5" t="s">
        <v>30698</v>
      </c>
    </row>
    <row r="6710" spans="1:16" x14ac:dyDescent="0.2">
      <c r="A6710" s="1" t="s">
        <v>10</v>
      </c>
      <c r="B6710" s="1" t="s">
        <v>10</v>
      </c>
      <c r="C6710" s="1" t="s">
        <v>23607</v>
      </c>
      <c r="D6710" s="1" t="s">
        <v>23608</v>
      </c>
      <c r="E6710" s="1" t="s">
        <v>23609</v>
      </c>
      <c r="F6710" s="1" t="s">
        <v>10</v>
      </c>
      <c r="G6710" s="1" t="s">
        <v>10</v>
      </c>
      <c r="H6710" s="1" t="s">
        <v>10</v>
      </c>
      <c r="I6710" s="1" t="s">
        <v>22777</v>
      </c>
      <c r="J6710" s="1" t="s">
        <v>10</v>
      </c>
      <c r="K6710" s="1" t="s">
        <v>10</v>
      </c>
      <c r="L6710" s="1" t="s">
        <v>23606</v>
      </c>
      <c r="M6710" s="1" t="s">
        <v>5</v>
      </c>
      <c r="N6710" s="1" t="s">
        <v>25</v>
      </c>
      <c r="O6710" s="1" t="s">
        <v>8</v>
      </c>
      <c r="P6710" s="5" t="s">
        <v>30698</v>
      </c>
    </row>
    <row r="6711" spans="1:16" x14ac:dyDescent="0.2">
      <c r="A6711" s="1" t="s">
        <v>10</v>
      </c>
      <c r="B6711" s="1" t="s">
        <v>10</v>
      </c>
      <c r="C6711" s="1" t="s">
        <v>23611</v>
      </c>
      <c r="D6711" s="1" t="s">
        <v>6512</v>
      </c>
      <c r="E6711" s="1"/>
      <c r="F6711" s="1" t="s">
        <v>27</v>
      </c>
      <c r="G6711" s="1" t="s">
        <v>1042</v>
      </c>
      <c r="H6711" s="1" t="s">
        <v>23245</v>
      </c>
      <c r="I6711" s="1" t="s">
        <v>22777</v>
      </c>
      <c r="J6711" s="1" t="s">
        <v>22820</v>
      </c>
      <c r="K6711" s="1" t="s">
        <v>27</v>
      </c>
      <c r="L6711" s="1" t="s">
        <v>23610</v>
      </c>
      <c r="M6711" s="1" t="s">
        <v>5</v>
      </c>
      <c r="N6711" s="1" t="s">
        <v>25</v>
      </c>
      <c r="O6711" s="1" t="s">
        <v>8</v>
      </c>
      <c r="P6711" s="5" t="s">
        <v>30698</v>
      </c>
    </row>
    <row r="6712" spans="1:16" x14ac:dyDescent="0.2">
      <c r="A6712" s="1" t="s">
        <v>10</v>
      </c>
      <c r="B6712" s="1" t="s">
        <v>10</v>
      </c>
      <c r="C6712" s="1" t="s">
        <v>9806</v>
      </c>
      <c r="D6712" s="1" t="s">
        <v>9806</v>
      </c>
      <c r="E6712" s="1"/>
      <c r="F6712" s="1" t="s">
        <v>10</v>
      </c>
      <c r="G6712" s="1" t="s">
        <v>10</v>
      </c>
      <c r="H6712" s="1" t="s">
        <v>10</v>
      </c>
      <c r="I6712" s="1" t="s">
        <v>22777</v>
      </c>
      <c r="J6712" s="1" t="s">
        <v>10</v>
      </c>
      <c r="K6712" s="1" t="s">
        <v>10</v>
      </c>
      <c r="L6712" s="1" t="s">
        <v>23612</v>
      </c>
      <c r="M6712" s="1" t="s">
        <v>5</v>
      </c>
      <c r="N6712" s="1" t="s">
        <v>25</v>
      </c>
      <c r="O6712" s="1" t="s">
        <v>8</v>
      </c>
      <c r="P6712" s="5" t="s">
        <v>30698</v>
      </c>
    </row>
    <row r="6713" spans="1:16" x14ac:dyDescent="0.2">
      <c r="A6713" s="1" t="s">
        <v>10</v>
      </c>
      <c r="B6713" s="1" t="s">
        <v>10</v>
      </c>
      <c r="C6713" s="1" t="s">
        <v>23614</v>
      </c>
      <c r="D6713" s="1" t="s">
        <v>23615</v>
      </c>
      <c r="E6713" s="1" t="s">
        <v>23616</v>
      </c>
      <c r="F6713" s="1" t="s">
        <v>10</v>
      </c>
      <c r="G6713" s="1" t="s">
        <v>10</v>
      </c>
      <c r="H6713" s="1" t="s">
        <v>10</v>
      </c>
      <c r="I6713" s="1" t="s">
        <v>22777</v>
      </c>
      <c r="J6713" s="1" t="s">
        <v>10</v>
      </c>
      <c r="K6713" s="1" t="s">
        <v>10</v>
      </c>
      <c r="L6713" s="1" t="s">
        <v>23613</v>
      </c>
      <c r="M6713" s="1" t="s">
        <v>5</v>
      </c>
      <c r="N6713" s="1" t="s">
        <v>1009</v>
      </c>
      <c r="O6713" s="1" t="s">
        <v>8</v>
      </c>
      <c r="P6713" s="5" t="s">
        <v>30698</v>
      </c>
    </row>
    <row r="6714" spans="1:16" x14ac:dyDescent="0.2">
      <c r="A6714" s="1" t="s">
        <v>10</v>
      </c>
      <c r="B6714" s="1" t="s">
        <v>10</v>
      </c>
      <c r="C6714" s="1" t="s">
        <v>23618</v>
      </c>
      <c r="D6714" s="1" t="s">
        <v>23619</v>
      </c>
      <c r="E6714" s="1" t="s">
        <v>23620</v>
      </c>
      <c r="F6714" s="1" t="s">
        <v>27</v>
      </c>
      <c r="G6714" s="1" t="s">
        <v>1042</v>
      </c>
      <c r="H6714" s="1" t="s">
        <v>968</v>
      </c>
      <c r="I6714" s="1" t="s">
        <v>22777</v>
      </c>
      <c r="J6714" s="1" t="s">
        <v>19</v>
      </c>
      <c r="K6714" s="1" t="s">
        <v>64</v>
      </c>
      <c r="L6714" s="1" t="s">
        <v>23617</v>
      </c>
      <c r="M6714" s="1" t="s">
        <v>5</v>
      </c>
      <c r="N6714" s="1" t="s">
        <v>1009</v>
      </c>
      <c r="O6714" s="1" t="s">
        <v>8</v>
      </c>
      <c r="P6714" s="5" t="s">
        <v>30698</v>
      </c>
    </row>
    <row r="6715" spans="1:16" x14ac:dyDescent="0.2">
      <c r="A6715" s="1" t="s">
        <v>10</v>
      </c>
      <c r="B6715" s="1" t="s">
        <v>10</v>
      </c>
      <c r="C6715" s="1" t="s">
        <v>23622</v>
      </c>
      <c r="D6715" s="1" t="s">
        <v>23623</v>
      </c>
      <c r="E6715" s="1" t="s">
        <v>23624</v>
      </c>
      <c r="F6715" s="1" t="s">
        <v>10</v>
      </c>
      <c r="G6715" s="1" t="s">
        <v>10</v>
      </c>
      <c r="H6715" s="1" t="s">
        <v>10</v>
      </c>
      <c r="I6715" s="1" t="s">
        <v>22777</v>
      </c>
      <c r="J6715" s="1" t="s">
        <v>22891</v>
      </c>
      <c r="K6715" s="1" t="s">
        <v>27</v>
      </c>
      <c r="L6715" s="1" t="s">
        <v>23621</v>
      </c>
      <c r="M6715" s="1" t="s">
        <v>5</v>
      </c>
      <c r="N6715" s="1" t="s">
        <v>25</v>
      </c>
      <c r="O6715" s="1" t="s">
        <v>38</v>
      </c>
      <c r="P6715" s="5" t="s">
        <v>30698</v>
      </c>
    </row>
    <row r="6716" spans="1:16" x14ac:dyDescent="0.2">
      <c r="A6716" s="1" t="s">
        <v>10</v>
      </c>
      <c r="B6716" s="1" t="s">
        <v>10</v>
      </c>
      <c r="C6716" s="1" t="s">
        <v>23626</v>
      </c>
      <c r="D6716" s="1" t="s">
        <v>23627</v>
      </c>
      <c r="E6716" s="1" t="s">
        <v>23628</v>
      </c>
      <c r="F6716" s="1" t="s">
        <v>10</v>
      </c>
      <c r="G6716" s="1" t="s">
        <v>10</v>
      </c>
      <c r="H6716" s="1" t="s">
        <v>10</v>
      </c>
      <c r="I6716" s="1" t="s">
        <v>22777</v>
      </c>
      <c r="J6716" s="1" t="s">
        <v>22988</v>
      </c>
      <c r="K6716" s="1" t="s">
        <v>27</v>
      </c>
      <c r="L6716" s="1" t="s">
        <v>23625</v>
      </c>
      <c r="M6716" s="1" t="s">
        <v>5</v>
      </c>
      <c r="N6716" s="1" t="s">
        <v>25</v>
      </c>
      <c r="O6716" s="1" t="s">
        <v>38</v>
      </c>
      <c r="P6716" s="5" t="s">
        <v>30698</v>
      </c>
    </row>
    <row r="6717" spans="1:16" x14ac:dyDescent="0.2">
      <c r="A6717" s="1" t="s">
        <v>10</v>
      </c>
      <c r="B6717" s="1" t="s">
        <v>10</v>
      </c>
      <c r="C6717" s="1" t="s">
        <v>23630</v>
      </c>
      <c r="D6717" s="1" t="s">
        <v>23631</v>
      </c>
      <c r="E6717" s="1"/>
      <c r="F6717" s="1" t="s">
        <v>10</v>
      </c>
      <c r="G6717" s="1" t="s">
        <v>10</v>
      </c>
      <c r="H6717" s="1" t="s">
        <v>10</v>
      </c>
      <c r="I6717" s="1" t="s">
        <v>22777</v>
      </c>
      <c r="J6717" s="1" t="s">
        <v>10</v>
      </c>
      <c r="K6717" s="1" t="s">
        <v>10</v>
      </c>
      <c r="L6717" s="1" t="s">
        <v>23629</v>
      </c>
      <c r="M6717" s="1" t="s">
        <v>5</v>
      </c>
      <c r="N6717" s="1" t="s">
        <v>960</v>
      </c>
      <c r="O6717" s="1" t="s">
        <v>38</v>
      </c>
      <c r="P6717" s="5" t="s">
        <v>30698</v>
      </c>
    </row>
    <row r="6718" spans="1:16" x14ac:dyDescent="0.2">
      <c r="A6718" s="1" t="s">
        <v>10</v>
      </c>
      <c r="B6718" s="1" t="s">
        <v>10</v>
      </c>
      <c r="C6718" s="1" t="s">
        <v>23633</v>
      </c>
      <c r="D6718" s="1" t="s">
        <v>23634</v>
      </c>
      <c r="E6718" s="1" t="s">
        <v>23635</v>
      </c>
      <c r="F6718" s="1" t="s">
        <v>10</v>
      </c>
      <c r="G6718" s="1" t="s">
        <v>10</v>
      </c>
      <c r="H6718" s="1" t="s">
        <v>10</v>
      </c>
      <c r="I6718" s="1" t="s">
        <v>22777</v>
      </c>
      <c r="J6718" s="1" t="s">
        <v>22988</v>
      </c>
      <c r="K6718" s="1" t="s">
        <v>27</v>
      </c>
      <c r="L6718" s="1" t="s">
        <v>23632</v>
      </c>
      <c r="M6718" s="1" t="s">
        <v>5</v>
      </c>
      <c r="N6718" s="1" t="s">
        <v>25</v>
      </c>
      <c r="O6718" s="1" t="s">
        <v>38</v>
      </c>
      <c r="P6718" s="5" t="s">
        <v>30698</v>
      </c>
    </row>
    <row r="6719" spans="1:16" x14ac:dyDescent="0.2">
      <c r="A6719" s="1" t="s">
        <v>10</v>
      </c>
      <c r="B6719" s="1" t="s">
        <v>10</v>
      </c>
      <c r="C6719" s="1" t="s">
        <v>23637</v>
      </c>
      <c r="D6719" s="1" t="s">
        <v>23638</v>
      </c>
      <c r="E6719" s="1" t="s">
        <v>23639</v>
      </c>
      <c r="F6719" s="1" t="s">
        <v>10</v>
      </c>
      <c r="G6719" s="1" t="s">
        <v>10</v>
      </c>
      <c r="H6719" s="1" t="s">
        <v>10</v>
      </c>
      <c r="I6719" s="1" t="s">
        <v>22777</v>
      </c>
      <c r="J6719" s="1" t="s">
        <v>10</v>
      </c>
      <c r="K6719" s="1" t="s">
        <v>10</v>
      </c>
      <c r="L6719" s="1" t="s">
        <v>23636</v>
      </c>
      <c r="M6719" s="1" t="s">
        <v>5</v>
      </c>
      <c r="N6719" s="1" t="s">
        <v>6</v>
      </c>
      <c r="O6719" s="1" t="s">
        <v>38</v>
      </c>
      <c r="P6719" s="5" t="s">
        <v>30698</v>
      </c>
    </row>
    <row r="6720" spans="1:16" x14ac:dyDescent="0.2">
      <c r="A6720" s="1" t="s">
        <v>10</v>
      </c>
      <c r="B6720" s="1" t="s">
        <v>10</v>
      </c>
      <c r="C6720" s="1" t="s">
        <v>23641</v>
      </c>
      <c r="D6720" s="1" t="s">
        <v>23642</v>
      </c>
      <c r="E6720" s="1"/>
      <c r="F6720" s="1" t="s">
        <v>10</v>
      </c>
      <c r="G6720" s="1" t="s">
        <v>10</v>
      </c>
      <c r="H6720" s="1" t="s">
        <v>10</v>
      </c>
      <c r="I6720" s="1" t="s">
        <v>22777</v>
      </c>
      <c r="J6720" s="1" t="s">
        <v>10</v>
      </c>
      <c r="K6720" s="1" t="s">
        <v>10</v>
      </c>
      <c r="L6720" s="1" t="s">
        <v>23640</v>
      </c>
      <c r="M6720" s="1" t="s">
        <v>5</v>
      </c>
      <c r="N6720" s="1" t="s">
        <v>960</v>
      </c>
      <c r="O6720" s="1" t="s">
        <v>8</v>
      </c>
      <c r="P6720" s="5" t="s">
        <v>30698</v>
      </c>
    </row>
    <row r="6721" spans="1:16" x14ac:dyDescent="0.2">
      <c r="A6721" s="1" t="s">
        <v>10</v>
      </c>
      <c r="B6721" s="1" t="s">
        <v>10</v>
      </c>
      <c r="C6721" s="1" t="s">
        <v>23644</v>
      </c>
      <c r="D6721" s="1" t="s">
        <v>23645</v>
      </c>
      <c r="E6721" s="1" t="s">
        <v>23646</v>
      </c>
      <c r="F6721" s="1" t="s">
        <v>10</v>
      </c>
      <c r="G6721" s="1" t="s">
        <v>10</v>
      </c>
      <c r="H6721" s="1" t="s">
        <v>10</v>
      </c>
      <c r="I6721" s="1" t="s">
        <v>22777</v>
      </c>
      <c r="J6721" s="1" t="s">
        <v>10</v>
      </c>
      <c r="K6721" s="1" t="s">
        <v>10</v>
      </c>
      <c r="L6721" s="1" t="s">
        <v>23643</v>
      </c>
      <c r="M6721" s="1" t="s">
        <v>5</v>
      </c>
      <c r="N6721" s="1" t="s">
        <v>25</v>
      </c>
      <c r="O6721" s="1" t="s">
        <v>38</v>
      </c>
      <c r="P6721" s="5" t="s">
        <v>30698</v>
      </c>
    </row>
    <row r="6722" spans="1:16" x14ac:dyDescent="0.2">
      <c r="A6722" s="1" t="s">
        <v>10</v>
      </c>
      <c r="B6722" s="1" t="s">
        <v>10</v>
      </c>
      <c r="C6722" s="1" t="s">
        <v>23648</v>
      </c>
      <c r="D6722" s="1" t="s">
        <v>23649</v>
      </c>
      <c r="E6722" s="1" t="s">
        <v>23650</v>
      </c>
      <c r="F6722" s="1" t="s">
        <v>10</v>
      </c>
      <c r="G6722" s="1" t="s">
        <v>10</v>
      </c>
      <c r="H6722" s="1" t="s">
        <v>10</v>
      </c>
      <c r="I6722" s="1" t="s">
        <v>22777</v>
      </c>
      <c r="J6722" s="1" t="s">
        <v>10</v>
      </c>
      <c r="K6722" s="1" t="s">
        <v>10</v>
      </c>
      <c r="L6722" s="1" t="s">
        <v>23647</v>
      </c>
      <c r="M6722" s="1" t="s">
        <v>5</v>
      </c>
      <c r="N6722" s="1" t="s">
        <v>25</v>
      </c>
      <c r="O6722" s="1" t="s">
        <v>38</v>
      </c>
      <c r="P6722" s="5" t="s">
        <v>30698</v>
      </c>
    </row>
    <row r="6723" spans="1:16" x14ac:dyDescent="0.2">
      <c r="A6723" s="1" t="s">
        <v>10</v>
      </c>
      <c r="B6723" s="1" t="s">
        <v>10</v>
      </c>
      <c r="C6723" s="1" t="s">
        <v>23652</v>
      </c>
      <c r="D6723" s="1" t="s">
        <v>23653</v>
      </c>
      <c r="E6723" s="1"/>
      <c r="F6723" s="1" t="s">
        <v>10</v>
      </c>
      <c r="G6723" s="1" t="s">
        <v>10</v>
      </c>
      <c r="H6723" s="1" t="s">
        <v>10</v>
      </c>
      <c r="I6723" s="1" t="s">
        <v>22777</v>
      </c>
      <c r="J6723" s="1" t="s">
        <v>10</v>
      </c>
      <c r="K6723" s="1" t="s">
        <v>10</v>
      </c>
      <c r="L6723" s="1" t="s">
        <v>23651</v>
      </c>
      <c r="M6723" s="1" t="s">
        <v>5</v>
      </c>
      <c r="N6723" s="1" t="s">
        <v>25</v>
      </c>
      <c r="O6723" s="1" t="s">
        <v>8</v>
      </c>
      <c r="P6723" s="5" t="s">
        <v>30698</v>
      </c>
    </row>
    <row r="6724" spans="1:16" x14ac:dyDescent="0.2">
      <c r="A6724" s="1" t="s">
        <v>10</v>
      </c>
      <c r="B6724" s="1" t="s">
        <v>10</v>
      </c>
      <c r="C6724" s="1" t="s">
        <v>23655</v>
      </c>
      <c r="D6724" s="1" t="s">
        <v>23656</v>
      </c>
      <c r="E6724" s="1" t="s">
        <v>23657</v>
      </c>
      <c r="F6724" s="1" t="s">
        <v>10</v>
      </c>
      <c r="G6724" s="1" t="s">
        <v>10</v>
      </c>
      <c r="H6724" s="1" t="s">
        <v>10</v>
      </c>
      <c r="I6724" s="1" t="s">
        <v>22777</v>
      </c>
      <c r="J6724" s="1" t="s">
        <v>19</v>
      </c>
      <c r="K6724" s="1" t="s">
        <v>64</v>
      </c>
      <c r="L6724" s="1" t="s">
        <v>23654</v>
      </c>
      <c r="M6724" s="1" t="s">
        <v>5</v>
      </c>
      <c r="N6724" s="1" t="s">
        <v>6</v>
      </c>
      <c r="O6724" s="1" t="s">
        <v>38</v>
      </c>
      <c r="P6724" s="5" t="s">
        <v>22781</v>
      </c>
    </row>
    <row r="6725" spans="1:16" x14ac:dyDescent="0.2">
      <c r="A6725" s="1" t="s">
        <v>10</v>
      </c>
      <c r="B6725" s="1" t="s">
        <v>10</v>
      </c>
      <c r="C6725" s="1" t="s">
        <v>16110</v>
      </c>
      <c r="D6725" s="1" t="s">
        <v>7849</v>
      </c>
      <c r="E6725" s="1"/>
      <c r="F6725" s="1" t="s">
        <v>10</v>
      </c>
      <c r="G6725" s="1" t="s">
        <v>10</v>
      </c>
      <c r="H6725" s="1" t="s">
        <v>23659</v>
      </c>
      <c r="I6725" s="1" t="s">
        <v>22777</v>
      </c>
      <c r="J6725" s="1" t="s">
        <v>22996</v>
      </c>
      <c r="K6725" s="1" t="s">
        <v>27</v>
      </c>
      <c r="L6725" s="1" t="s">
        <v>23658</v>
      </c>
      <c r="M6725" s="1" t="s">
        <v>5</v>
      </c>
      <c r="N6725" s="1" t="s">
        <v>25</v>
      </c>
      <c r="O6725" s="1" t="s">
        <v>8</v>
      </c>
      <c r="P6725" s="5" t="s">
        <v>30699</v>
      </c>
    </row>
    <row r="6726" spans="1:16" x14ac:dyDescent="0.2">
      <c r="A6726" s="1" t="s">
        <v>10</v>
      </c>
      <c r="B6726" s="1" t="s">
        <v>10</v>
      </c>
      <c r="C6726" s="1" t="s">
        <v>23661</v>
      </c>
      <c r="D6726" s="1" t="s">
        <v>23662</v>
      </c>
      <c r="E6726" s="1" t="s">
        <v>23663</v>
      </c>
      <c r="F6726" s="1" t="s">
        <v>10</v>
      </c>
      <c r="G6726" s="1" t="s">
        <v>10</v>
      </c>
      <c r="H6726" s="1" t="s">
        <v>10</v>
      </c>
      <c r="I6726" s="1" t="s">
        <v>22777</v>
      </c>
      <c r="J6726" s="1" t="s">
        <v>10</v>
      </c>
      <c r="K6726" s="1" t="s">
        <v>10</v>
      </c>
      <c r="L6726" s="1" t="s">
        <v>23660</v>
      </c>
      <c r="M6726" s="1" t="s">
        <v>5</v>
      </c>
      <c r="N6726" s="1" t="s">
        <v>1009</v>
      </c>
      <c r="O6726" s="1" t="s">
        <v>8</v>
      </c>
      <c r="P6726" s="5" t="s">
        <v>30698</v>
      </c>
    </row>
    <row r="6727" spans="1:16" x14ac:dyDescent="0.2">
      <c r="A6727" s="1" t="s">
        <v>10</v>
      </c>
      <c r="B6727" s="1" t="s">
        <v>10</v>
      </c>
      <c r="C6727" s="1" t="s">
        <v>23665</v>
      </c>
      <c r="D6727" s="1" t="s">
        <v>23666</v>
      </c>
      <c r="E6727" s="1" t="s">
        <v>23667</v>
      </c>
      <c r="F6727" s="1" t="s">
        <v>10</v>
      </c>
      <c r="G6727" s="1" t="s">
        <v>10</v>
      </c>
      <c r="H6727" s="1" t="s">
        <v>10</v>
      </c>
      <c r="I6727" s="1" t="s">
        <v>22777</v>
      </c>
      <c r="J6727" s="1" t="s">
        <v>10</v>
      </c>
      <c r="K6727" s="1" t="s">
        <v>10</v>
      </c>
      <c r="L6727" s="1" t="s">
        <v>23664</v>
      </c>
      <c r="M6727" s="1" t="s">
        <v>5</v>
      </c>
      <c r="N6727" s="1" t="s">
        <v>25</v>
      </c>
      <c r="O6727" s="1" t="s">
        <v>38</v>
      </c>
      <c r="P6727" s="5" t="s">
        <v>30698</v>
      </c>
    </row>
    <row r="6728" spans="1:16" x14ac:dyDescent="0.2">
      <c r="A6728" s="1" t="s">
        <v>10</v>
      </c>
      <c r="B6728" s="1" t="s">
        <v>10</v>
      </c>
      <c r="C6728" s="1" t="s">
        <v>23669</v>
      </c>
      <c r="D6728" s="1" t="s">
        <v>23669</v>
      </c>
      <c r="E6728" s="1" t="s">
        <v>23670</v>
      </c>
      <c r="F6728" s="1" t="s">
        <v>10</v>
      </c>
      <c r="G6728" s="1" t="s">
        <v>10</v>
      </c>
      <c r="H6728" s="1" t="s">
        <v>10</v>
      </c>
      <c r="I6728" s="1" t="s">
        <v>22777</v>
      </c>
      <c r="J6728" s="1" t="s">
        <v>10</v>
      </c>
      <c r="K6728" s="1" t="s">
        <v>10</v>
      </c>
      <c r="L6728" s="1" t="s">
        <v>23668</v>
      </c>
      <c r="M6728" s="1" t="s">
        <v>5</v>
      </c>
      <c r="N6728" s="1" t="s">
        <v>25</v>
      </c>
      <c r="O6728" s="1" t="s">
        <v>38</v>
      </c>
      <c r="P6728" s="5" t="s">
        <v>30698</v>
      </c>
    </row>
    <row r="6729" spans="1:16" x14ac:dyDescent="0.2">
      <c r="A6729" s="1" t="s">
        <v>10</v>
      </c>
      <c r="B6729" s="1" t="s">
        <v>10</v>
      </c>
      <c r="C6729" s="1" t="s">
        <v>23672</v>
      </c>
      <c r="D6729" s="1" t="s">
        <v>23672</v>
      </c>
      <c r="E6729" s="1" t="s">
        <v>23673</v>
      </c>
      <c r="F6729" s="1" t="s">
        <v>10</v>
      </c>
      <c r="G6729" s="1" t="s">
        <v>10</v>
      </c>
      <c r="H6729" s="1" t="s">
        <v>10</v>
      </c>
      <c r="I6729" s="1" t="s">
        <v>22777</v>
      </c>
      <c r="J6729" s="1" t="s">
        <v>10</v>
      </c>
      <c r="K6729" s="1" t="s">
        <v>10</v>
      </c>
      <c r="L6729" s="1" t="s">
        <v>23671</v>
      </c>
      <c r="M6729" s="1" t="s">
        <v>5</v>
      </c>
      <c r="N6729" s="1" t="s">
        <v>25</v>
      </c>
      <c r="O6729" s="1" t="s">
        <v>38</v>
      </c>
      <c r="P6729" s="5" t="s">
        <v>30698</v>
      </c>
    </row>
    <row r="6730" spans="1:16" x14ac:dyDescent="0.2">
      <c r="A6730" s="1" t="s">
        <v>10</v>
      </c>
      <c r="B6730" s="1" t="s">
        <v>10</v>
      </c>
      <c r="C6730" s="1" t="s">
        <v>23675</v>
      </c>
      <c r="D6730" s="1" t="s">
        <v>23675</v>
      </c>
      <c r="E6730" s="1" t="s">
        <v>23676</v>
      </c>
      <c r="F6730" s="1" t="s">
        <v>10</v>
      </c>
      <c r="G6730" s="1" t="s">
        <v>10</v>
      </c>
      <c r="H6730" s="1" t="s">
        <v>10</v>
      </c>
      <c r="I6730" s="1" t="s">
        <v>22777</v>
      </c>
      <c r="J6730" s="1" t="s">
        <v>10</v>
      </c>
      <c r="K6730" s="1" t="s">
        <v>10</v>
      </c>
      <c r="L6730" s="1" t="s">
        <v>23674</v>
      </c>
      <c r="M6730" s="1" t="s">
        <v>5</v>
      </c>
      <c r="N6730" s="1" t="s">
        <v>25</v>
      </c>
      <c r="O6730" s="1" t="s">
        <v>38</v>
      </c>
      <c r="P6730" s="5" t="s">
        <v>30698</v>
      </c>
    </row>
    <row r="6731" spans="1:16" x14ac:dyDescent="0.2">
      <c r="A6731" s="1" t="s">
        <v>10</v>
      </c>
      <c r="B6731" s="1" t="s">
        <v>10</v>
      </c>
      <c r="C6731" s="1" t="s">
        <v>2330</v>
      </c>
      <c r="D6731" s="1" t="s">
        <v>2330</v>
      </c>
      <c r="E6731" s="1" t="s">
        <v>23676</v>
      </c>
      <c r="F6731" s="1" t="s">
        <v>10</v>
      </c>
      <c r="G6731" s="1" t="s">
        <v>10</v>
      </c>
      <c r="H6731" s="1" t="s">
        <v>10</v>
      </c>
      <c r="I6731" s="1" t="s">
        <v>22777</v>
      </c>
      <c r="J6731" s="1" t="s">
        <v>10</v>
      </c>
      <c r="K6731" s="1" t="s">
        <v>10</v>
      </c>
      <c r="L6731" s="1" t="s">
        <v>23677</v>
      </c>
      <c r="M6731" s="1" t="s">
        <v>5</v>
      </c>
      <c r="N6731" s="1" t="s">
        <v>1009</v>
      </c>
      <c r="O6731" s="1" t="s">
        <v>8</v>
      </c>
      <c r="P6731" s="5" t="s">
        <v>22781</v>
      </c>
    </row>
    <row r="6732" spans="1:16" x14ac:dyDescent="0.2">
      <c r="A6732" s="1" t="s">
        <v>10</v>
      </c>
      <c r="B6732" s="1" t="s">
        <v>10</v>
      </c>
      <c r="C6732" s="1" t="s">
        <v>23679</v>
      </c>
      <c r="D6732" s="1" t="s">
        <v>7878</v>
      </c>
      <c r="E6732" s="1" t="s">
        <v>23680</v>
      </c>
      <c r="F6732" s="1" t="s">
        <v>10</v>
      </c>
      <c r="G6732" s="1" t="s">
        <v>10</v>
      </c>
      <c r="H6732" s="1" t="s">
        <v>10</v>
      </c>
      <c r="I6732" s="1" t="s">
        <v>22777</v>
      </c>
      <c r="J6732" s="1" t="s">
        <v>10</v>
      </c>
      <c r="K6732" s="1" t="s">
        <v>10</v>
      </c>
      <c r="L6732" s="1" t="s">
        <v>23678</v>
      </c>
      <c r="M6732" s="1" t="s">
        <v>5</v>
      </c>
      <c r="N6732" s="1" t="s">
        <v>6</v>
      </c>
      <c r="O6732" s="1" t="s">
        <v>38</v>
      </c>
      <c r="P6732" s="5" t="s">
        <v>10</v>
      </c>
    </row>
    <row r="6733" spans="1:16" x14ac:dyDescent="0.2">
      <c r="A6733" s="1" t="s">
        <v>10</v>
      </c>
      <c r="B6733" s="1" t="s">
        <v>10</v>
      </c>
      <c r="C6733" s="1" t="s">
        <v>23682</v>
      </c>
      <c r="D6733" s="1" t="s">
        <v>23682</v>
      </c>
      <c r="E6733" s="1" t="s">
        <v>23683</v>
      </c>
      <c r="F6733" s="1" t="s">
        <v>10</v>
      </c>
      <c r="G6733" s="1" t="s">
        <v>10</v>
      </c>
      <c r="H6733" s="1" t="s">
        <v>10</v>
      </c>
      <c r="I6733" s="1" t="s">
        <v>22777</v>
      </c>
      <c r="J6733" s="1" t="s">
        <v>10</v>
      </c>
      <c r="K6733" s="1" t="s">
        <v>10</v>
      </c>
      <c r="L6733" s="1" t="s">
        <v>23681</v>
      </c>
      <c r="M6733" s="1" t="s">
        <v>5</v>
      </c>
      <c r="N6733" s="1" t="s">
        <v>6</v>
      </c>
      <c r="O6733" s="1" t="s">
        <v>38</v>
      </c>
      <c r="P6733" s="5" t="s">
        <v>30699</v>
      </c>
    </row>
    <row r="6734" spans="1:16" x14ac:dyDescent="0.2">
      <c r="A6734" s="1" t="s">
        <v>10</v>
      </c>
      <c r="B6734" s="1" t="s">
        <v>10</v>
      </c>
      <c r="C6734" s="1" t="s">
        <v>23685</v>
      </c>
      <c r="D6734" s="1" t="s">
        <v>23686</v>
      </c>
      <c r="E6734" s="1" t="s">
        <v>23687</v>
      </c>
      <c r="F6734" s="1" t="s">
        <v>10</v>
      </c>
      <c r="G6734" s="1" t="s">
        <v>10</v>
      </c>
      <c r="H6734" s="1" t="s">
        <v>10</v>
      </c>
      <c r="I6734" s="1" t="s">
        <v>22777</v>
      </c>
      <c r="J6734" s="1" t="s">
        <v>10</v>
      </c>
      <c r="K6734" s="1" t="s">
        <v>10</v>
      </c>
      <c r="L6734" s="1" t="s">
        <v>23684</v>
      </c>
      <c r="M6734" s="1" t="s">
        <v>5</v>
      </c>
      <c r="N6734" s="1" t="s">
        <v>25</v>
      </c>
      <c r="O6734" s="1" t="s">
        <v>38</v>
      </c>
      <c r="P6734" s="5" t="s">
        <v>30698</v>
      </c>
    </row>
    <row r="6735" spans="1:16" x14ac:dyDescent="0.2">
      <c r="A6735" s="1" t="s">
        <v>10</v>
      </c>
      <c r="B6735" s="1" t="s">
        <v>10</v>
      </c>
      <c r="C6735" s="1" t="s">
        <v>23689</v>
      </c>
      <c r="D6735" s="1" t="s">
        <v>15524</v>
      </c>
      <c r="E6735" s="1" t="s">
        <v>23690</v>
      </c>
      <c r="F6735" s="1" t="s">
        <v>10</v>
      </c>
      <c r="G6735" s="1" t="s">
        <v>10</v>
      </c>
      <c r="H6735" s="1" t="s">
        <v>10</v>
      </c>
      <c r="I6735" s="1" t="s">
        <v>22777</v>
      </c>
      <c r="J6735" s="1" t="s">
        <v>10</v>
      </c>
      <c r="K6735" s="1" t="s">
        <v>10</v>
      </c>
      <c r="L6735" s="1" t="s">
        <v>23688</v>
      </c>
      <c r="M6735" s="1" t="s">
        <v>5</v>
      </c>
      <c r="N6735" s="1" t="s">
        <v>25</v>
      </c>
      <c r="O6735" s="1" t="s">
        <v>38</v>
      </c>
      <c r="P6735" s="5" t="s">
        <v>30698</v>
      </c>
    </row>
    <row r="6736" spans="1:16" x14ac:dyDescent="0.2">
      <c r="A6736" s="1" t="s">
        <v>10</v>
      </c>
      <c r="B6736" s="1" t="s">
        <v>10</v>
      </c>
      <c r="C6736" s="1" t="s">
        <v>23692</v>
      </c>
      <c r="D6736" s="1" t="s">
        <v>23693</v>
      </c>
      <c r="E6736" s="1" t="s">
        <v>23694</v>
      </c>
      <c r="F6736" s="1" t="s">
        <v>10</v>
      </c>
      <c r="G6736" s="1" t="s">
        <v>10</v>
      </c>
      <c r="H6736" s="1" t="s">
        <v>10</v>
      </c>
      <c r="I6736" s="1" t="s">
        <v>22777</v>
      </c>
      <c r="J6736" s="1" t="s">
        <v>10</v>
      </c>
      <c r="K6736" s="1" t="s">
        <v>10</v>
      </c>
      <c r="L6736" s="1" t="s">
        <v>23691</v>
      </c>
      <c r="M6736" s="1" t="s">
        <v>5</v>
      </c>
      <c r="N6736" s="1" t="s">
        <v>25</v>
      </c>
      <c r="O6736" s="1" t="s">
        <v>8</v>
      </c>
      <c r="P6736" s="5" t="s">
        <v>30698</v>
      </c>
    </row>
    <row r="6737" spans="1:16" x14ac:dyDescent="0.2">
      <c r="A6737" s="1" t="s">
        <v>10</v>
      </c>
      <c r="B6737" s="1" t="s">
        <v>10</v>
      </c>
      <c r="C6737" s="1" t="s">
        <v>23696</v>
      </c>
      <c r="D6737" s="1" t="s">
        <v>23697</v>
      </c>
      <c r="E6737" s="1" t="s">
        <v>23698</v>
      </c>
      <c r="F6737" s="1" t="s">
        <v>10</v>
      </c>
      <c r="G6737" s="1" t="s">
        <v>10</v>
      </c>
      <c r="H6737" s="1" t="s">
        <v>10</v>
      </c>
      <c r="I6737" s="1" t="s">
        <v>22777</v>
      </c>
      <c r="J6737" s="1" t="s">
        <v>10</v>
      </c>
      <c r="K6737" s="1" t="s">
        <v>10</v>
      </c>
      <c r="L6737" s="1" t="s">
        <v>23695</v>
      </c>
      <c r="M6737" s="1" t="s">
        <v>5</v>
      </c>
      <c r="N6737" s="1" t="s">
        <v>25</v>
      </c>
      <c r="O6737" s="1" t="s">
        <v>8</v>
      </c>
      <c r="P6737" s="5" t="s">
        <v>30698</v>
      </c>
    </row>
    <row r="6738" spans="1:16" x14ac:dyDescent="0.2">
      <c r="A6738" s="1" t="s">
        <v>10</v>
      </c>
      <c r="B6738" s="1" t="s">
        <v>10</v>
      </c>
      <c r="C6738" s="1" t="s">
        <v>23700</v>
      </c>
      <c r="D6738" s="1" t="s">
        <v>23701</v>
      </c>
      <c r="E6738" s="1" t="s">
        <v>23702</v>
      </c>
      <c r="F6738" s="1" t="s">
        <v>10</v>
      </c>
      <c r="G6738" s="1" t="s">
        <v>10</v>
      </c>
      <c r="H6738" s="1" t="s">
        <v>10</v>
      </c>
      <c r="I6738" s="1" t="s">
        <v>22777</v>
      </c>
      <c r="J6738" s="1" t="s">
        <v>10</v>
      </c>
      <c r="K6738" s="1" t="s">
        <v>10</v>
      </c>
      <c r="L6738" s="1" t="s">
        <v>23699</v>
      </c>
      <c r="M6738" s="1" t="s">
        <v>5</v>
      </c>
      <c r="N6738" s="1" t="s">
        <v>25</v>
      </c>
      <c r="O6738" s="1" t="s">
        <v>8</v>
      </c>
      <c r="P6738" s="5" t="s">
        <v>30698</v>
      </c>
    </row>
    <row r="6739" spans="1:16" x14ac:dyDescent="0.2">
      <c r="A6739" s="1" t="s">
        <v>10</v>
      </c>
      <c r="B6739" s="1" t="s">
        <v>10</v>
      </c>
      <c r="C6739" s="1" t="s">
        <v>23704</v>
      </c>
      <c r="D6739" s="1" t="s">
        <v>19578</v>
      </c>
      <c r="E6739" s="1" t="s">
        <v>23705</v>
      </c>
      <c r="F6739" s="1" t="s">
        <v>10</v>
      </c>
      <c r="G6739" s="1" t="s">
        <v>10</v>
      </c>
      <c r="H6739" s="1" t="s">
        <v>10</v>
      </c>
      <c r="I6739" s="1" t="s">
        <v>22777</v>
      </c>
      <c r="J6739" s="1" t="s">
        <v>10</v>
      </c>
      <c r="K6739" s="1" t="s">
        <v>10</v>
      </c>
      <c r="L6739" s="1" t="s">
        <v>23703</v>
      </c>
      <c r="M6739" s="1" t="s">
        <v>5</v>
      </c>
      <c r="N6739" s="1" t="s">
        <v>25</v>
      </c>
      <c r="O6739" s="1" t="s">
        <v>38</v>
      </c>
      <c r="P6739" s="5" t="s">
        <v>30698</v>
      </c>
    </row>
    <row r="6740" spans="1:16" x14ac:dyDescent="0.2">
      <c r="A6740" s="1" t="s">
        <v>10</v>
      </c>
      <c r="B6740" s="1" t="s">
        <v>10</v>
      </c>
      <c r="C6740" s="1" t="s">
        <v>617</v>
      </c>
      <c r="D6740" s="1" t="s">
        <v>23707</v>
      </c>
      <c r="E6740" s="1" t="s">
        <v>23708</v>
      </c>
      <c r="F6740" s="1" t="s">
        <v>10</v>
      </c>
      <c r="G6740" s="1" t="s">
        <v>10</v>
      </c>
      <c r="H6740" s="1" t="s">
        <v>10</v>
      </c>
      <c r="I6740" s="1" t="s">
        <v>22777</v>
      </c>
      <c r="J6740" s="1" t="s">
        <v>10</v>
      </c>
      <c r="K6740" s="1" t="s">
        <v>10</v>
      </c>
      <c r="L6740" s="1" t="s">
        <v>23706</v>
      </c>
      <c r="M6740" s="1" t="s">
        <v>5</v>
      </c>
      <c r="N6740" s="1" t="s">
        <v>25</v>
      </c>
      <c r="O6740" s="1" t="s">
        <v>8</v>
      </c>
      <c r="P6740" s="5" t="s">
        <v>30700</v>
      </c>
    </row>
    <row r="6741" spans="1:16" x14ac:dyDescent="0.2">
      <c r="A6741" s="1" t="s">
        <v>10</v>
      </c>
      <c r="B6741" s="1" t="s">
        <v>10</v>
      </c>
      <c r="C6741" s="1" t="s">
        <v>23710</v>
      </c>
      <c r="D6741" s="1" t="s">
        <v>2818</v>
      </c>
      <c r="E6741" s="1" t="s">
        <v>23711</v>
      </c>
      <c r="F6741" s="1" t="s">
        <v>10</v>
      </c>
      <c r="G6741" s="1" t="s">
        <v>10</v>
      </c>
      <c r="H6741" s="1" t="s">
        <v>10</v>
      </c>
      <c r="I6741" s="1" t="s">
        <v>22777</v>
      </c>
      <c r="J6741" s="1" t="s">
        <v>10</v>
      </c>
      <c r="K6741" s="1" t="s">
        <v>10</v>
      </c>
      <c r="L6741" s="1" t="s">
        <v>23709</v>
      </c>
      <c r="M6741" s="1" t="s">
        <v>5</v>
      </c>
      <c r="N6741" s="1" t="s">
        <v>25</v>
      </c>
      <c r="O6741" s="1" t="s">
        <v>8</v>
      </c>
      <c r="P6741" s="5" t="s">
        <v>30698</v>
      </c>
    </row>
    <row r="6742" spans="1:16" x14ac:dyDescent="0.2">
      <c r="A6742" s="1" t="s">
        <v>10</v>
      </c>
      <c r="B6742" s="1" t="s">
        <v>10</v>
      </c>
      <c r="C6742" s="1" t="s">
        <v>23713</v>
      </c>
      <c r="D6742" s="1" t="s">
        <v>11494</v>
      </c>
      <c r="E6742" s="1"/>
      <c r="F6742" s="1" t="s">
        <v>10</v>
      </c>
      <c r="G6742" s="1" t="s">
        <v>10</v>
      </c>
      <c r="H6742" s="1" t="s">
        <v>10</v>
      </c>
      <c r="I6742" s="1" t="s">
        <v>22777</v>
      </c>
      <c r="J6742" s="1" t="s">
        <v>10</v>
      </c>
      <c r="K6742" s="1" t="s">
        <v>10</v>
      </c>
      <c r="L6742" s="1" t="s">
        <v>23712</v>
      </c>
      <c r="M6742" s="1" t="s">
        <v>5</v>
      </c>
      <c r="N6742" s="1" t="s">
        <v>25</v>
      </c>
      <c r="O6742" s="1" t="s">
        <v>38</v>
      </c>
      <c r="P6742" s="5" t="s">
        <v>30698</v>
      </c>
    </row>
    <row r="6743" spans="1:16" x14ac:dyDescent="0.2">
      <c r="A6743" s="1" t="s">
        <v>10</v>
      </c>
      <c r="B6743" s="1" t="s">
        <v>10</v>
      </c>
      <c r="C6743" s="1" t="s">
        <v>23715</v>
      </c>
      <c r="D6743" s="1" t="s">
        <v>23716</v>
      </c>
      <c r="E6743" s="1" t="s">
        <v>23717</v>
      </c>
      <c r="F6743" s="1" t="s">
        <v>10</v>
      </c>
      <c r="G6743" s="1" t="s">
        <v>10</v>
      </c>
      <c r="H6743" s="1" t="s">
        <v>10</v>
      </c>
      <c r="I6743" s="1" t="s">
        <v>22777</v>
      </c>
      <c r="J6743" s="1" t="s">
        <v>10</v>
      </c>
      <c r="K6743" s="1" t="s">
        <v>10</v>
      </c>
      <c r="L6743" s="1" t="s">
        <v>23714</v>
      </c>
      <c r="M6743" s="1" t="s">
        <v>5</v>
      </c>
      <c r="N6743" s="1" t="s">
        <v>25</v>
      </c>
      <c r="O6743" s="1" t="s">
        <v>8</v>
      </c>
      <c r="P6743" s="5" t="s">
        <v>30698</v>
      </c>
    </row>
    <row r="6744" spans="1:16" x14ac:dyDescent="0.2">
      <c r="A6744" s="1" t="s">
        <v>10</v>
      </c>
      <c r="B6744" s="1" t="s">
        <v>10</v>
      </c>
      <c r="C6744" s="1" t="s">
        <v>23720</v>
      </c>
      <c r="D6744" s="1" t="s">
        <v>23721</v>
      </c>
      <c r="E6744" s="1"/>
      <c r="F6744" s="1" t="s">
        <v>10</v>
      </c>
      <c r="G6744" s="1" t="s">
        <v>10</v>
      </c>
      <c r="H6744" s="1" t="s">
        <v>10</v>
      </c>
      <c r="I6744" s="1" t="s">
        <v>22777</v>
      </c>
      <c r="J6744" s="1" t="s">
        <v>10</v>
      </c>
      <c r="K6744" s="1" t="s">
        <v>10</v>
      </c>
      <c r="L6744" s="1" t="s">
        <v>23719</v>
      </c>
      <c r="M6744" s="1" t="s">
        <v>5</v>
      </c>
      <c r="N6744" s="1" t="s">
        <v>25</v>
      </c>
      <c r="O6744" s="1" t="s">
        <v>38</v>
      </c>
      <c r="P6744" s="5" t="s">
        <v>22781</v>
      </c>
    </row>
    <row r="6745" spans="1:16" x14ac:dyDescent="0.2">
      <c r="A6745" s="1" t="s">
        <v>10</v>
      </c>
      <c r="B6745" s="1" t="s">
        <v>10</v>
      </c>
      <c r="C6745" s="1" t="s">
        <v>23723</v>
      </c>
      <c r="D6745" s="1" t="s">
        <v>23724</v>
      </c>
      <c r="E6745" s="1"/>
      <c r="F6745" s="1" t="s">
        <v>10</v>
      </c>
      <c r="G6745" s="1" t="s">
        <v>10</v>
      </c>
      <c r="H6745" s="1" t="s">
        <v>10</v>
      </c>
      <c r="I6745" s="1" t="s">
        <v>22777</v>
      </c>
      <c r="J6745" s="1" t="s">
        <v>10</v>
      </c>
      <c r="K6745" s="1" t="s">
        <v>10</v>
      </c>
      <c r="L6745" s="1" t="s">
        <v>23722</v>
      </c>
      <c r="M6745" s="1" t="s">
        <v>5</v>
      </c>
      <c r="N6745" s="1" t="s">
        <v>25</v>
      </c>
      <c r="O6745" s="1" t="s">
        <v>38</v>
      </c>
      <c r="P6745" s="5" t="s">
        <v>10</v>
      </c>
    </row>
    <row r="6746" spans="1:16" x14ac:dyDescent="0.2">
      <c r="A6746" s="1" t="s">
        <v>10</v>
      </c>
      <c r="B6746" s="1" t="s">
        <v>10</v>
      </c>
      <c r="C6746" s="1" t="s">
        <v>23726</v>
      </c>
      <c r="D6746" s="1" t="s">
        <v>23727</v>
      </c>
      <c r="E6746" s="1" t="s">
        <v>23718</v>
      </c>
      <c r="F6746" s="1" t="s">
        <v>10</v>
      </c>
      <c r="G6746" s="1" t="s">
        <v>10</v>
      </c>
      <c r="H6746" s="1" t="s">
        <v>10</v>
      </c>
      <c r="I6746" s="1" t="s">
        <v>22777</v>
      </c>
      <c r="J6746" s="1" t="s">
        <v>10</v>
      </c>
      <c r="K6746" s="1" t="s">
        <v>10</v>
      </c>
      <c r="L6746" s="1" t="s">
        <v>23725</v>
      </c>
      <c r="M6746" s="1" t="s">
        <v>5</v>
      </c>
      <c r="N6746" s="1" t="s">
        <v>25</v>
      </c>
      <c r="O6746" s="1" t="s">
        <v>8</v>
      </c>
      <c r="P6746" s="5" t="s">
        <v>22781</v>
      </c>
    </row>
    <row r="6747" spans="1:16" x14ac:dyDescent="0.2">
      <c r="A6747" s="1" t="s">
        <v>10</v>
      </c>
      <c r="B6747" s="1" t="s">
        <v>10</v>
      </c>
      <c r="C6747" s="1" t="s">
        <v>23729</v>
      </c>
      <c r="D6747" s="1" t="s">
        <v>23730</v>
      </c>
      <c r="E6747" s="1" t="s">
        <v>23731</v>
      </c>
      <c r="F6747" s="1" t="s">
        <v>10</v>
      </c>
      <c r="G6747" s="1" t="s">
        <v>10</v>
      </c>
      <c r="H6747" s="1" t="s">
        <v>10</v>
      </c>
      <c r="I6747" s="1" t="s">
        <v>22777</v>
      </c>
      <c r="J6747" s="1" t="s">
        <v>10</v>
      </c>
      <c r="K6747" s="1" t="s">
        <v>10</v>
      </c>
      <c r="L6747" s="1" t="s">
        <v>23728</v>
      </c>
      <c r="M6747" s="1" t="s">
        <v>5</v>
      </c>
      <c r="N6747" s="1" t="s">
        <v>25</v>
      </c>
      <c r="O6747" s="1" t="s">
        <v>8</v>
      </c>
      <c r="P6747" s="5" t="s">
        <v>22781</v>
      </c>
    </row>
    <row r="6748" spans="1:16" x14ac:dyDescent="0.2">
      <c r="A6748" s="1" t="s">
        <v>10</v>
      </c>
      <c r="B6748" s="1" t="s">
        <v>10</v>
      </c>
      <c r="C6748" s="1" t="s">
        <v>23733</v>
      </c>
      <c r="D6748" s="1" t="s">
        <v>23734</v>
      </c>
      <c r="E6748" s="1" t="s">
        <v>23735</v>
      </c>
      <c r="F6748" s="1" t="s">
        <v>10</v>
      </c>
      <c r="G6748" s="1" t="s">
        <v>10</v>
      </c>
      <c r="H6748" s="1" t="s">
        <v>10</v>
      </c>
      <c r="I6748" s="1" t="s">
        <v>22777</v>
      </c>
      <c r="J6748" s="1" t="s">
        <v>10</v>
      </c>
      <c r="K6748" s="1" t="s">
        <v>10</v>
      </c>
      <c r="L6748" s="1" t="s">
        <v>23732</v>
      </c>
      <c r="M6748" s="1" t="s">
        <v>5</v>
      </c>
      <c r="N6748" s="1" t="s">
        <v>10</v>
      </c>
      <c r="O6748" s="1" t="s">
        <v>8</v>
      </c>
      <c r="P6748" s="5" t="s">
        <v>22791</v>
      </c>
    </row>
    <row r="6749" spans="1:16" x14ac:dyDescent="0.2">
      <c r="A6749" s="1" t="s">
        <v>10</v>
      </c>
      <c r="B6749" s="1" t="s">
        <v>10</v>
      </c>
      <c r="C6749" s="1" t="s">
        <v>23737</v>
      </c>
      <c r="D6749" s="1" t="s">
        <v>23738</v>
      </c>
      <c r="E6749" s="1" t="s">
        <v>23739</v>
      </c>
      <c r="F6749" s="1" t="s">
        <v>10</v>
      </c>
      <c r="G6749" s="1" t="s">
        <v>10</v>
      </c>
      <c r="H6749" s="1" t="s">
        <v>10</v>
      </c>
      <c r="I6749" s="1" t="s">
        <v>22777</v>
      </c>
      <c r="J6749" s="1" t="s">
        <v>10</v>
      </c>
      <c r="K6749" s="1" t="s">
        <v>10</v>
      </c>
      <c r="L6749" s="1" t="s">
        <v>23736</v>
      </c>
      <c r="M6749" s="1" t="s">
        <v>5</v>
      </c>
      <c r="N6749" s="1" t="s">
        <v>1009</v>
      </c>
      <c r="O6749" s="1" t="s">
        <v>8</v>
      </c>
      <c r="P6749" s="5" t="s">
        <v>30701</v>
      </c>
    </row>
    <row r="6750" spans="1:16" x14ac:dyDescent="0.2">
      <c r="A6750" s="1" t="s">
        <v>10</v>
      </c>
      <c r="B6750" s="1" t="s">
        <v>10</v>
      </c>
      <c r="C6750" s="1" t="s">
        <v>23741</v>
      </c>
      <c r="D6750" s="1" t="s">
        <v>23742</v>
      </c>
      <c r="E6750" s="1" t="s">
        <v>23743</v>
      </c>
      <c r="F6750" s="1" t="s">
        <v>10</v>
      </c>
      <c r="G6750" s="1" t="s">
        <v>10</v>
      </c>
      <c r="H6750" s="1" t="s">
        <v>10</v>
      </c>
      <c r="I6750" s="1" t="s">
        <v>22777</v>
      </c>
      <c r="J6750" s="1" t="s">
        <v>10</v>
      </c>
      <c r="K6750" s="1" t="s">
        <v>10</v>
      </c>
      <c r="L6750" s="1" t="s">
        <v>23740</v>
      </c>
      <c r="M6750" s="1" t="s">
        <v>5</v>
      </c>
      <c r="N6750" s="1" t="s">
        <v>25</v>
      </c>
      <c r="O6750" s="1" t="s">
        <v>8</v>
      </c>
      <c r="P6750" s="5" t="s">
        <v>30698</v>
      </c>
    </row>
    <row r="6751" spans="1:16" x14ac:dyDescent="0.2">
      <c r="A6751" s="1" t="s">
        <v>10</v>
      </c>
      <c r="B6751" s="1" t="s">
        <v>10</v>
      </c>
      <c r="C6751" s="1" t="s">
        <v>23745</v>
      </c>
      <c r="D6751" s="1" t="s">
        <v>23746</v>
      </c>
      <c r="E6751" s="1" t="s">
        <v>23747</v>
      </c>
      <c r="F6751" s="1" t="s">
        <v>10</v>
      </c>
      <c r="G6751" s="1" t="s">
        <v>10</v>
      </c>
      <c r="H6751" s="1" t="s">
        <v>10</v>
      </c>
      <c r="I6751" s="1" t="s">
        <v>22777</v>
      </c>
      <c r="J6751" s="1" t="s">
        <v>10</v>
      </c>
      <c r="K6751" s="1" t="s">
        <v>10</v>
      </c>
      <c r="L6751" s="1" t="s">
        <v>23744</v>
      </c>
      <c r="M6751" s="1" t="s">
        <v>5</v>
      </c>
      <c r="N6751" s="1" t="s">
        <v>10</v>
      </c>
      <c r="O6751" s="1" t="s">
        <v>8</v>
      </c>
      <c r="P6751" s="5" t="s">
        <v>30698</v>
      </c>
    </row>
    <row r="6752" spans="1:16" x14ac:dyDescent="0.2">
      <c r="A6752" s="1" t="s">
        <v>10</v>
      </c>
      <c r="B6752" s="1" t="s">
        <v>10</v>
      </c>
      <c r="C6752" s="1" t="s">
        <v>23749</v>
      </c>
      <c r="D6752" s="1" t="s">
        <v>23750</v>
      </c>
      <c r="E6752" s="1" t="s">
        <v>23751</v>
      </c>
      <c r="F6752" s="1" t="s">
        <v>10</v>
      </c>
      <c r="G6752" s="1" t="s">
        <v>10</v>
      </c>
      <c r="H6752" s="1" t="s">
        <v>10</v>
      </c>
      <c r="I6752" s="1" t="s">
        <v>22777</v>
      </c>
      <c r="J6752" s="1" t="s">
        <v>10</v>
      </c>
      <c r="K6752" s="1" t="s">
        <v>10</v>
      </c>
      <c r="L6752" s="1" t="s">
        <v>23748</v>
      </c>
      <c r="M6752" s="1" t="s">
        <v>5</v>
      </c>
      <c r="N6752" s="1" t="s">
        <v>25</v>
      </c>
      <c r="O6752" s="1" t="s">
        <v>38</v>
      </c>
      <c r="P6752" s="5" t="s">
        <v>30698</v>
      </c>
    </row>
    <row r="6753" spans="1:16" x14ac:dyDescent="0.2">
      <c r="A6753" s="1" t="s">
        <v>10</v>
      </c>
      <c r="B6753" s="1" t="s">
        <v>10</v>
      </c>
      <c r="C6753" s="1" t="s">
        <v>23753</v>
      </c>
      <c r="D6753" s="1" t="s">
        <v>23754</v>
      </c>
      <c r="E6753" s="1" t="s">
        <v>23755</v>
      </c>
      <c r="F6753" s="1" t="s">
        <v>10</v>
      </c>
      <c r="G6753" s="1" t="s">
        <v>10</v>
      </c>
      <c r="H6753" s="1" t="s">
        <v>10</v>
      </c>
      <c r="I6753" s="1" t="s">
        <v>22777</v>
      </c>
      <c r="J6753" s="1" t="s">
        <v>10</v>
      </c>
      <c r="K6753" s="1" t="s">
        <v>10</v>
      </c>
      <c r="L6753" s="1" t="s">
        <v>23752</v>
      </c>
      <c r="M6753" s="1" t="s">
        <v>5</v>
      </c>
      <c r="N6753" s="1" t="s">
        <v>1009</v>
      </c>
      <c r="O6753" s="1" t="s">
        <v>8</v>
      </c>
      <c r="P6753" s="5" t="s">
        <v>30698</v>
      </c>
    </row>
    <row r="6754" spans="1:16" x14ac:dyDescent="0.2">
      <c r="A6754" s="1" t="s">
        <v>10</v>
      </c>
      <c r="B6754" s="1" t="s">
        <v>10</v>
      </c>
      <c r="C6754" s="1" t="s">
        <v>23757</v>
      </c>
      <c r="D6754" s="1" t="s">
        <v>23758</v>
      </c>
      <c r="E6754" s="1"/>
      <c r="F6754" s="1" t="s">
        <v>10</v>
      </c>
      <c r="G6754" s="1" t="s">
        <v>10</v>
      </c>
      <c r="H6754" s="1" t="s">
        <v>10</v>
      </c>
      <c r="I6754" s="1" t="s">
        <v>22777</v>
      </c>
      <c r="J6754" s="1" t="s">
        <v>10</v>
      </c>
      <c r="K6754" s="1" t="s">
        <v>10</v>
      </c>
      <c r="L6754" s="1" t="s">
        <v>23756</v>
      </c>
      <c r="M6754" s="1" t="s">
        <v>5</v>
      </c>
      <c r="N6754" s="1" t="s">
        <v>25</v>
      </c>
      <c r="O6754" s="1" t="s">
        <v>8</v>
      </c>
      <c r="P6754" s="5" t="s">
        <v>30698</v>
      </c>
    </row>
    <row r="6755" spans="1:16" x14ac:dyDescent="0.2">
      <c r="A6755" s="1" t="s">
        <v>10</v>
      </c>
      <c r="B6755" s="1" t="s">
        <v>10</v>
      </c>
      <c r="C6755" s="1" t="s">
        <v>23760</v>
      </c>
      <c r="D6755" s="1" t="s">
        <v>23761</v>
      </c>
      <c r="E6755" s="1" t="s">
        <v>23762</v>
      </c>
      <c r="F6755" s="1" t="s">
        <v>10</v>
      </c>
      <c r="G6755" s="1" t="s">
        <v>10</v>
      </c>
      <c r="H6755" s="1" t="s">
        <v>10</v>
      </c>
      <c r="I6755" s="1" t="s">
        <v>22777</v>
      </c>
      <c r="J6755" s="1" t="s">
        <v>10</v>
      </c>
      <c r="K6755" s="1" t="s">
        <v>10</v>
      </c>
      <c r="L6755" s="1" t="s">
        <v>23759</v>
      </c>
      <c r="M6755" s="1" t="s">
        <v>5</v>
      </c>
      <c r="N6755" s="1" t="s">
        <v>25</v>
      </c>
      <c r="O6755" s="1" t="s">
        <v>38</v>
      </c>
      <c r="P6755" s="5" t="s">
        <v>30698</v>
      </c>
    </row>
    <row r="6756" spans="1:16" x14ac:dyDescent="0.2">
      <c r="A6756" s="1" t="s">
        <v>10</v>
      </c>
      <c r="B6756" s="1" t="s">
        <v>10</v>
      </c>
      <c r="C6756" s="1" t="s">
        <v>23764</v>
      </c>
      <c r="D6756" s="1" t="s">
        <v>23765</v>
      </c>
      <c r="E6756" s="1"/>
      <c r="F6756" s="1" t="s">
        <v>10</v>
      </c>
      <c r="G6756" s="1" t="s">
        <v>10</v>
      </c>
      <c r="H6756" s="1" t="s">
        <v>10</v>
      </c>
      <c r="I6756" s="1" t="s">
        <v>22777</v>
      </c>
      <c r="J6756" s="1" t="s">
        <v>10</v>
      </c>
      <c r="K6756" s="1" t="s">
        <v>10</v>
      </c>
      <c r="L6756" s="1" t="s">
        <v>23763</v>
      </c>
      <c r="M6756" s="1" t="s">
        <v>5</v>
      </c>
      <c r="N6756" s="1" t="s">
        <v>25</v>
      </c>
      <c r="O6756" s="1" t="s">
        <v>8</v>
      </c>
      <c r="P6756" s="5" t="s">
        <v>30698</v>
      </c>
    </row>
    <row r="6757" spans="1:16" x14ac:dyDescent="0.2">
      <c r="A6757" s="1" t="s">
        <v>10</v>
      </c>
      <c r="B6757" s="1" t="s">
        <v>10</v>
      </c>
      <c r="C6757" s="1" t="s">
        <v>23767</v>
      </c>
      <c r="D6757" s="1" t="s">
        <v>12193</v>
      </c>
      <c r="E6757" s="1" t="s">
        <v>23768</v>
      </c>
      <c r="F6757" s="1" t="s">
        <v>10</v>
      </c>
      <c r="G6757" s="1" t="s">
        <v>10</v>
      </c>
      <c r="H6757" s="1" t="s">
        <v>10</v>
      </c>
      <c r="I6757" s="1" t="s">
        <v>22777</v>
      </c>
      <c r="J6757" s="1" t="s">
        <v>10</v>
      </c>
      <c r="K6757" s="1" t="s">
        <v>10</v>
      </c>
      <c r="L6757" s="1" t="s">
        <v>23766</v>
      </c>
      <c r="M6757" s="1" t="s">
        <v>5</v>
      </c>
      <c r="N6757" s="1" t="s">
        <v>1009</v>
      </c>
      <c r="O6757" s="1" t="s">
        <v>8</v>
      </c>
      <c r="P6757" s="5" t="s">
        <v>30701</v>
      </c>
    </row>
    <row r="6758" spans="1:16" x14ac:dyDescent="0.2">
      <c r="A6758" s="1" t="s">
        <v>10</v>
      </c>
      <c r="B6758" s="1" t="s">
        <v>10</v>
      </c>
      <c r="C6758" s="1" t="s">
        <v>23770</v>
      </c>
      <c r="D6758" s="1" t="s">
        <v>23771</v>
      </c>
      <c r="E6758" s="1"/>
      <c r="F6758" s="1" t="s">
        <v>10</v>
      </c>
      <c r="G6758" s="1" t="s">
        <v>10</v>
      </c>
      <c r="H6758" s="1" t="s">
        <v>10</v>
      </c>
      <c r="I6758" s="1" t="s">
        <v>22777</v>
      </c>
      <c r="J6758" s="1" t="s">
        <v>10</v>
      </c>
      <c r="K6758" s="1" t="s">
        <v>10</v>
      </c>
      <c r="L6758" s="1" t="s">
        <v>23769</v>
      </c>
      <c r="M6758" s="1" t="s">
        <v>5</v>
      </c>
      <c r="N6758" s="1" t="s">
        <v>10</v>
      </c>
      <c r="O6758" s="1" t="s">
        <v>8</v>
      </c>
      <c r="P6758" s="5" t="s">
        <v>30698</v>
      </c>
    </row>
    <row r="6759" spans="1:16" x14ac:dyDescent="0.2">
      <c r="A6759" s="1" t="s">
        <v>10</v>
      </c>
      <c r="B6759" s="1" t="s">
        <v>10</v>
      </c>
      <c r="C6759" s="1" t="s">
        <v>15836</v>
      </c>
      <c r="D6759" s="1" t="s">
        <v>15836</v>
      </c>
      <c r="E6759" s="1" t="s">
        <v>23773</v>
      </c>
      <c r="F6759" s="1" t="s">
        <v>10</v>
      </c>
      <c r="G6759" s="1" t="s">
        <v>10</v>
      </c>
      <c r="H6759" s="1" t="s">
        <v>10</v>
      </c>
      <c r="I6759" s="1" t="s">
        <v>22777</v>
      </c>
      <c r="J6759" s="1" t="s">
        <v>10</v>
      </c>
      <c r="K6759" s="1" t="s">
        <v>10</v>
      </c>
      <c r="L6759" s="1" t="s">
        <v>23772</v>
      </c>
      <c r="M6759" s="1" t="s">
        <v>5</v>
      </c>
      <c r="N6759" s="1" t="s">
        <v>10</v>
      </c>
      <c r="O6759" s="1" t="s">
        <v>8</v>
      </c>
      <c r="P6759" s="5" t="s">
        <v>30698</v>
      </c>
    </row>
    <row r="6760" spans="1:16" x14ac:dyDescent="0.2">
      <c r="A6760" s="1" t="s">
        <v>10</v>
      </c>
      <c r="B6760" s="1" t="s">
        <v>10</v>
      </c>
      <c r="C6760" s="1" t="s">
        <v>23775</v>
      </c>
      <c r="D6760" s="1" t="s">
        <v>23776</v>
      </c>
      <c r="E6760" s="1" t="s">
        <v>23777</v>
      </c>
      <c r="F6760" s="1" t="s">
        <v>10</v>
      </c>
      <c r="G6760" s="1" t="s">
        <v>10</v>
      </c>
      <c r="H6760" s="1" t="s">
        <v>10</v>
      </c>
      <c r="I6760" s="1" t="s">
        <v>22777</v>
      </c>
      <c r="J6760" s="1" t="s">
        <v>10</v>
      </c>
      <c r="K6760" s="1" t="s">
        <v>10</v>
      </c>
      <c r="L6760" s="1" t="s">
        <v>23774</v>
      </c>
      <c r="M6760" s="1" t="s">
        <v>5</v>
      </c>
      <c r="N6760" s="1" t="s">
        <v>1009</v>
      </c>
      <c r="O6760" s="1" t="s">
        <v>38</v>
      </c>
      <c r="P6760" s="5" t="s">
        <v>30698</v>
      </c>
    </row>
    <row r="6761" spans="1:16" x14ac:dyDescent="0.2">
      <c r="A6761" s="1" t="s">
        <v>10</v>
      </c>
      <c r="B6761" s="1" t="s">
        <v>10</v>
      </c>
      <c r="C6761" s="1" t="s">
        <v>23779</v>
      </c>
      <c r="D6761" s="1" t="s">
        <v>19063</v>
      </c>
      <c r="E6761" s="1" t="s">
        <v>23780</v>
      </c>
      <c r="F6761" s="1" t="s">
        <v>10</v>
      </c>
      <c r="G6761" s="1" t="s">
        <v>10</v>
      </c>
      <c r="H6761" s="1" t="s">
        <v>10</v>
      </c>
      <c r="I6761" s="1" t="s">
        <v>22777</v>
      </c>
      <c r="J6761" s="1" t="s">
        <v>10</v>
      </c>
      <c r="K6761" s="1" t="s">
        <v>10</v>
      </c>
      <c r="L6761" s="1" t="s">
        <v>23778</v>
      </c>
      <c r="M6761" s="1" t="s">
        <v>5</v>
      </c>
      <c r="N6761" s="1" t="s">
        <v>25</v>
      </c>
      <c r="O6761" s="1" t="s">
        <v>38</v>
      </c>
      <c r="P6761" s="5" t="s">
        <v>30698</v>
      </c>
    </row>
    <row r="6762" spans="1:16" x14ac:dyDescent="0.2">
      <c r="A6762" s="1" t="s">
        <v>10</v>
      </c>
      <c r="B6762" s="1" t="s">
        <v>10</v>
      </c>
      <c r="C6762" s="1" t="s">
        <v>23782</v>
      </c>
      <c r="D6762" s="1" t="s">
        <v>23783</v>
      </c>
      <c r="E6762" s="1" t="s">
        <v>23784</v>
      </c>
      <c r="F6762" s="1" t="s">
        <v>10</v>
      </c>
      <c r="G6762" s="1" t="s">
        <v>10</v>
      </c>
      <c r="H6762" s="1" t="s">
        <v>10</v>
      </c>
      <c r="I6762" s="1" t="s">
        <v>22777</v>
      </c>
      <c r="J6762" s="1" t="s">
        <v>10</v>
      </c>
      <c r="K6762" s="1" t="s">
        <v>10</v>
      </c>
      <c r="L6762" s="1" t="s">
        <v>23781</v>
      </c>
      <c r="M6762" s="1" t="s">
        <v>5</v>
      </c>
      <c r="N6762" s="1" t="s">
        <v>25</v>
      </c>
      <c r="O6762" s="1" t="s">
        <v>38</v>
      </c>
      <c r="P6762" s="5" t="s">
        <v>30701</v>
      </c>
    </row>
    <row r="6763" spans="1:16" x14ac:dyDescent="0.2">
      <c r="A6763" s="1" t="s">
        <v>10</v>
      </c>
      <c r="B6763" s="1" t="s">
        <v>10</v>
      </c>
      <c r="C6763" s="1" t="s">
        <v>23786</v>
      </c>
      <c r="D6763" s="1" t="s">
        <v>23787</v>
      </c>
      <c r="E6763" s="1" t="s">
        <v>23788</v>
      </c>
      <c r="F6763" s="1" t="s">
        <v>10</v>
      </c>
      <c r="G6763" s="1" t="s">
        <v>10</v>
      </c>
      <c r="H6763" s="1" t="s">
        <v>10</v>
      </c>
      <c r="I6763" s="1" t="s">
        <v>22777</v>
      </c>
      <c r="J6763" s="1" t="s">
        <v>10</v>
      </c>
      <c r="K6763" s="1" t="s">
        <v>10</v>
      </c>
      <c r="L6763" s="1" t="s">
        <v>23785</v>
      </c>
      <c r="M6763" s="1" t="s">
        <v>5</v>
      </c>
      <c r="N6763" s="1" t="s">
        <v>1597</v>
      </c>
      <c r="O6763" s="1" t="s">
        <v>8</v>
      </c>
      <c r="P6763" s="5" t="s">
        <v>10</v>
      </c>
    </row>
    <row r="6764" spans="1:16" x14ac:dyDescent="0.2">
      <c r="A6764" s="1" t="s">
        <v>10</v>
      </c>
      <c r="B6764" s="1" t="s">
        <v>10</v>
      </c>
      <c r="C6764" s="1" t="s">
        <v>23790</v>
      </c>
      <c r="D6764" s="1" t="s">
        <v>1190</v>
      </c>
      <c r="E6764" s="1" t="s">
        <v>23791</v>
      </c>
      <c r="F6764" s="1" t="s">
        <v>10</v>
      </c>
      <c r="G6764" s="1" t="s">
        <v>10</v>
      </c>
      <c r="H6764" s="1" t="s">
        <v>10</v>
      </c>
      <c r="I6764" s="1" t="s">
        <v>22777</v>
      </c>
      <c r="J6764" s="1" t="s">
        <v>10</v>
      </c>
      <c r="K6764" s="1" t="s">
        <v>10</v>
      </c>
      <c r="L6764" s="1" t="s">
        <v>23789</v>
      </c>
      <c r="M6764" s="1" t="s">
        <v>5</v>
      </c>
      <c r="N6764" s="1" t="s">
        <v>1597</v>
      </c>
      <c r="O6764" s="1" t="s">
        <v>8</v>
      </c>
      <c r="P6764" s="5" t="s">
        <v>30701</v>
      </c>
    </row>
    <row r="6765" spans="1:16" x14ac:dyDescent="0.2">
      <c r="A6765" s="1" t="s">
        <v>10</v>
      </c>
      <c r="B6765" s="1" t="s">
        <v>10</v>
      </c>
      <c r="C6765" s="1" t="s">
        <v>23793</v>
      </c>
      <c r="D6765" s="1" t="s">
        <v>23794</v>
      </c>
      <c r="E6765" s="1" t="s">
        <v>23795</v>
      </c>
      <c r="F6765" s="1" t="s">
        <v>10</v>
      </c>
      <c r="G6765" s="1" t="s">
        <v>10</v>
      </c>
      <c r="H6765" s="1" t="s">
        <v>10</v>
      </c>
      <c r="I6765" s="1" t="s">
        <v>22777</v>
      </c>
      <c r="J6765" s="1" t="s">
        <v>10</v>
      </c>
      <c r="K6765" s="1" t="s">
        <v>10</v>
      </c>
      <c r="L6765" s="1" t="s">
        <v>23792</v>
      </c>
      <c r="M6765" s="1" t="s">
        <v>5</v>
      </c>
      <c r="N6765" s="1" t="s">
        <v>25</v>
      </c>
      <c r="O6765" s="1" t="s">
        <v>8</v>
      </c>
      <c r="P6765" s="5" t="s">
        <v>30698</v>
      </c>
    </row>
    <row r="6766" spans="1:16" x14ac:dyDescent="0.2">
      <c r="A6766" s="1" t="s">
        <v>10</v>
      </c>
      <c r="B6766" s="1" t="s">
        <v>10</v>
      </c>
      <c r="C6766" s="1" t="s">
        <v>23797</v>
      </c>
      <c r="D6766" s="1" t="s">
        <v>23798</v>
      </c>
      <c r="E6766" s="1"/>
      <c r="F6766" s="1" t="s">
        <v>10</v>
      </c>
      <c r="G6766" s="1" t="s">
        <v>10</v>
      </c>
      <c r="H6766" s="1" t="s">
        <v>10</v>
      </c>
      <c r="I6766" s="1" t="s">
        <v>22777</v>
      </c>
      <c r="J6766" s="1" t="s">
        <v>10</v>
      </c>
      <c r="K6766" s="1" t="s">
        <v>10</v>
      </c>
      <c r="L6766" s="1" t="s">
        <v>23796</v>
      </c>
      <c r="M6766" s="1" t="s">
        <v>5</v>
      </c>
      <c r="N6766" s="1" t="s">
        <v>25</v>
      </c>
      <c r="O6766" s="1" t="s">
        <v>38</v>
      </c>
      <c r="P6766" s="5" t="s">
        <v>30698</v>
      </c>
    </row>
    <row r="6767" spans="1:16" x14ac:dyDescent="0.2">
      <c r="A6767" s="1" t="s">
        <v>10</v>
      </c>
      <c r="B6767" s="1" t="s">
        <v>10</v>
      </c>
      <c r="C6767" s="1" t="s">
        <v>23800</v>
      </c>
      <c r="D6767" s="1" t="s">
        <v>23801</v>
      </c>
      <c r="E6767" s="1" t="s">
        <v>23802</v>
      </c>
      <c r="F6767" s="1" t="s">
        <v>10</v>
      </c>
      <c r="G6767" s="1" t="s">
        <v>10</v>
      </c>
      <c r="H6767" s="1" t="s">
        <v>10</v>
      </c>
      <c r="I6767" s="1" t="s">
        <v>22777</v>
      </c>
      <c r="J6767" s="1" t="s">
        <v>10</v>
      </c>
      <c r="K6767" s="1" t="s">
        <v>10</v>
      </c>
      <c r="L6767" s="1" t="s">
        <v>23799</v>
      </c>
      <c r="M6767" s="1" t="s">
        <v>5</v>
      </c>
      <c r="N6767" s="1" t="s">
        <v>1009</v>
      </c>
      <c r="O6767" s="1" t="s">
        <v>8</v>
      </c>
      <c r="P6767" s="5" t="s">
        <v>30698</v>
      </c>
    </row>
    <row r="6768" spans="1:16" x14ac:dyDescent="0.2">
      <c r="A6768" s="1" t="s">
        <v>10</v>
      </c>
      <c r="B6768" s="1" t="s">
        <v>10</v>
      </c>
      <c r="C6768" s="1" t="s">
        <v>23804</v>
      </c>
      <c r="D6768" s="1" t="s">
        <v>23805</v>
      </c>
      <c r="E6768" s="1" t="s">
        <v>23806</v>
      </c>
      <c r="F6768" s="1" t="s">
        <v>10</v>
      </c>
      <c r="G6768" s="1" t="s">
        <v>10</v>
      </c>
      <c r="H6768" s="1" t="s">
        <v>10</v>
      </c>
      <c r="I6768" s="1" t="s">
        <v>22777</v>
      </c>
      <c r="J6768" s="1" t="s">
        <v>10</v>
      </c>
      <c r="K6768" s="1" t="s">
        <v>10</v>
      </c>
      <c r="L6768" s="1" t="s">
        <v>23803</v>
      </c>
      <c r="M6768" s="1" t="s">
        <v>5</v>
      </c>
      <c r="N6768" s="1" t="s">
        <v>25</v>
      </c>
      <c r="O6768" s="1" t="s">
        <v>38</v>
      </c>
      <c r="P6768" s="5" t="s">
        <v>30698</v>
      </c>
    </row>
    <row r="6769" spans="1:16" x14ac:dyDescent="0.2">
      <c r="A6769" s="1" t="s">
        <v>10</v>
      </c>
      <c r="B6769" s="1" t="s">
        <v>10</v>
      </c>
      <c r="C6769" s="1" t="s">
        <v>23808</v>
      </c>
      <c r="D6769" s="1" t="s">
        <v>23809</v>
      </c>
      <c r="E6769" s="1" t="s">
        <v>23810</v>
      </c>
      <c r="F6769" s="1" t="s">
        <v>10</v>
      </c>
      <c r="G6769" s="1" t="s">
        <v>10</v>
      </c>
      <c r="H6769" s="1" t="s">
        <v>10</v>
      </c>
      <c r="I6769" s="1" t="s">
        <v>22777</v>
      </c>
      <c r="J6769" s="1" t="s">
        <v>10</v>
      </c>
      <c r="K6769" s="1" t="s">
        <v>10</v>
      </c>
      <c r="L6769" s="1" t="s">
        <v>23807</v>
      </c>
      <c r="M6769" s="1" t="s">
        <v>5</v>
      </c>
      <c r="N6769" s="1" t="s">
        <v>6</v>
      </c>
      <c r="O6769" s="1" t="s">
        <v>38</v>
      </c>
      <c r="P6769" s="5" t="s">
        <v>30698</v>
      </c>
    </row>
    <row r="6770" spans="1:16" x14ac:dyDescent="0.2">
      <c r="A6770" s="1" t="s">
        <v>10</v>
      </c>
      <c r="B6770" s="1" t="s">
        <v>10</v>
      </c>
      <c r="C6770" s="1" t="s">
        <v>23812</v>
      </c>
      <c r="D6770" s="1" t="s">
        <v>23813</v>
      </c>
      <c r="E6770" s="1" t="s">
        <v>23814</v>
      </c>
      <c r="F6770" s="1" t="s">
        <v>10</v>
      </c>
      <c r="G6770" s="1" t="s">
        <v>10</v>
      </c>
      <c r="H6770" s="1" t="s">
        <v>10</v>
      </c>
      <c r="I6770" s="1" t="s">
        <v>22777</v>
      </c>
      <c r="J6770" s="1" t="s">
        <v>10</v>
      </c>
      <c r="K6770" s="1" t="s">
        <v>10</v>
      </c>
      <c r="L6770" s="1" t="s">
        <v>23811</v>
      </c>
      <c r="M6770" s="1" t="s">
        <v>5</v>
      </c>
      <c r="N6770" s="1" t="s">
        <v>25</v>
      </c>
      <c r="O6770" s="1" t="s">
        <v>38</v>
      </c>
      <c r="P6770" s="5" t="s">
        <v>30700</v>
      </c>
    </row>
    <row r="6771" spans="1:16" x14ac:dyDescent="0.2">
      <c r="A6771" s="1" t="s">
        <v>10</v>
      </c>
      <c r="B6771" s="1" t="s">
        <v>10</v>
      </c>
      <c r="C6771" s="1" t="s">
        <v>23816</v>
      </c>
      <c r="D6771" s="1" t="s">
        <v>23817</v>
      </c>
      <c r="E6771" s="1" t="s">
        <v>23818</v>
      </c>
      <c r="F6771" s="1" t="s">
        <v>10</v>
      </c>
      <c r="G6771" s="1" t="s">
        <v>10</v>
      </c>
      <c r="H6771" s="1" t="s">
        <v>10</v>
      </c>
      <c r="I6771" s="1" t="s">
        <v>22777</v>
      </c>
      <c r="J6771" s="1" t="s">
        <v>10</v>
      </c>
      <c r="K6771" s="1" t="s">
        <v>10</v>
      </c>
      <c r="L6771" s="1" t="s">
        <v>23815</v>
      </c>
      <c r="M6771" s="1" t="s">
        <v>5</v>
      </c>
      <c r="N6771" s="1" t="s">
        <v>25</v>
      </c>
      <c r="O6771" s="1" t="s">
        <v>38</v>
      </c>
      <c r="P6771" s="5" t="s">
        <v>30700</v>
      </c>
    </row>
    <row r="6772" spans="1:16" x14ac:dyDescent="0.2">
      <c r="A6772" s="1" t="s">
        <v>10</v>
      </c>
      <c r="B6772" s="1" t="s">
        <v>10</v>
      </c>
      <c r="C6772" s="1" t="s">
        <v>23820</v>
      </c>
      <c r="D6772" s="1" t="s">
        <v>23821</v>
      </c>
      <c r="E6772" s="1" t="s">
        <v>23822</v>
      </c>
      <c r="F6772" s="1" t="s">
        <v>10</v>
      </c>
      <c r="G6772" s="1" t="s">
        <v>10</v>
      </c>
      <c r="H6772" s="1" t="s">
        <v>10</v>
      </c>
      <c r="I6772" s="1" t="s">
        <v>22777</v>
      </c>
      <c r="J6772" s="1" t="s">
        <v>10</v>
      </c>
      <c r="K6772" s="1" t="s">
        <v>10</v>
      </c>
      <c r="L6772" s="1" t="s">
        <v>23819</v>
      </c>
      <c r="M6772" s="1" t="s">
        <v>5</v>
      </c>
      <c r="N6772" s="1" t="s">
        <v>25</v>
      </c>
      <c r="O6772" s="1" t="s">
        <v>38</v>
      </c>
      <c r="P6772" s="5" t="s">
        <v>30698</v>
      </c>
    </row>
    <row r="6773" spans="1:16" x14ac:dyDescent="0.2">
      <c r="A6773" s="1" t="s">
        <v>10</v>
      </c>
      <c r="B6773" s="1" t="s">
        <v>10</v>
      </c>
      <c r="C6773" s="1" t="s">
        <v>23824</v>
      </c>
      <c r="D6773" s="1" t="s">
        <v>12748</v>
      </c>
      <c r="E6773" s="1" t="s">
        <v>23825</v>
      </c>
      <c r="F6773" s="1" t="s">
        <v>10</v>
      </c>
      <c r="G6773" s="1" t="s">
        <v>10</v>
      </c>
      <c r="H6773" s="1" t="s">
        <v>10</v>
      </c>
      <c r="I6773" s="1" t="s">
        <v>22777</v>
      </c>
      <c r="J6773" s="1" t="s">
        <v>10</v>
      </c>
      <c r="K6773" s="1" t="s">
        <v>10</v>
      </c>
      <c r="L6773" s="1" t="s">
        <v>23823</v>
      </c>
      <c r="M6773" s="1" t="s">
        <v>5</v>
      </c>
      <c r="N6773" s="1" t="s">
        <v>25</v>
      </c>
      <c r="O6773" s="1" t="s">
        <v>8</v>
      </c>
      <c r="P6773" s="5" t="s">
        <v>30698</v>
      </c>
    </row>
    <row r="6774" spans="1:16" x14ac:dyDescent="0.2">
      <c r="A6774" s="1" t="s">
        <v>10</v>
      </c>
      <c r="B6774" s="1" t="s">
        <v>10</v>
      </c>
      <c r="C6774" s="1" t="s">
        <v>23827</v>
      </c>
      <c r="D6774" s="1" t="s">
        <v>23828</v>
      </c>
      <c r="E6774" s="1" t="s">
        <v>23829</v>
      </c>
      <c r="F6774" s="1" t="s">
        <v>10</v>
      </c>
      <c r="G6774" s="1" t="s">
        <v>10</v>
      </c>
      <c r="H6774" s="1" t="s">
        <v>10</v>
      </c>
      <c r="I6774" s="1" t="s">
        <v>22777</v>
      </c>
      <c r="J6774" s="1" t="s">
        <v>10</v>
      </c>
      <c r="K6774" s="1" t="s">
        <v>10</v>
      </c>
      <c r="L6774" s="1" t="s">
        <v>23826</v>
      </c>
      <c r="M6774" s="1" t="s">
        <v>5</v>
      </c>
      <c r="N6774" s="1" t="s">
        <v>1009</v>
      </c>
      <c r="O6774" s="1" t="s">
        <v>38</v>
      </c>
      <c r="P6774" s="5" t="s">
        <v>30698</v>
      </c>
    </row>
    <row r="6775" spans="1:16" x14ac:dyDescent="0.2">
      <c r="A6775" s="1" t="s">
        <v>10</v>
      </c>
      <c r="B6775" s="1" t="s">
        <v>10</v>
      </c>
      <c r="C6775" s="1" t="s">
        <v>23831</v>
      </c>
      <c r="D6775" s="1" t="s">
        <v>23832</v>
      </c>
      <c r="E6775" s="1" t="s">
        <v>23833</v>
      </c>
      <c r="F6775" s="1" t="s">
        <v>10</v>
      </c>
      <c r="G6775" s="1" t="s">
        <v>10</v>
      </c>
      <c r="H6775" s="1" t="s">
        <v>10</v>
      </c>
      <c r="I6775" s="1" t="s">
        <v>22777</v>
      </c>
      <c r="J6775" s="1" t="s">
        <v>10</v>
      </c>
      <c r="K6775" s="1" t="s">
        <v>10</v>
      </c>
      <c r="L6775" s="1" t="s">
        <v>23830</v>
      </c>
      <c r="M6775" s="1" t="s">
        <v>5</v>
      </c>
      <c r="N6775" s="1" t="s">
        <v>1009</v>
      </c>
      <c r="O6775" s="1" t="s">
        <v>8</v>
      </c>
      <c r="P6775" s="5" t="s">
        <v>22781</v>
      </c>
    </row>
    <row r="6776" spans="1:16" x14ac:dyDescent="0.2">
      <c r="A6776" s="1" t="s">
        <v>10</v>
      </c>
      <c r="B6776" s="1" t="s">
        <v>10</v>
      </c>
      <c r="C6776" s="1" t="s">
        <v>23835</v>
      </c>
      <c r="D6776" s="1" t="s">
        <v>23836</v>
      </c>
      <c r="E6776" s="1" t="s">
        <v>23837</v>
      </c>
      <c r="F6776" s="1" t="s">
        <v>10</v>
      </c>
      <c r="G6776" s="1" t="s">
        <v>10</v>
      </c>
      <c r="H6776" s="1" t="s">
        <v>10</v>
      </c>
      <c r="I6776" s="1" t="s">
        <v>22777</v>
      </c>
      <c r="J6776" s="1" t="s">
        <v>10</v>
      </c>
      <c r="K6776" s="1" t="s">
        <v>10</v>
      </c>
      <c r="L6776" s="1" t="s">
        <v>23834</v>
      </c>
      <c r="M6776" s="1" t="s">
        <v>5</v>
      </c>
      <c r="N6776" s="1" t="s">
        <v>25</v>
      </c>
      <c r="O6776" s="1" t="s">
        <v>38</v>
      </c>
      <c r="P6776" s="5" t="s">
        <v>30701</v>
      </c>
    </row>
    <row r="6777" spans="1:16" x14ac:dyDescent="0.2">
      <c r="A6777" s="1" t="s">
        <v>10</v>
      </c>
      <c r="B6777" s="1" t="s">
        <v>10</v>
      </c>
      <c r="C6777" s="1" t="s">
        <v>23839</v>
      </c>
      <c r="D6777" s="1" t="s">
        <v>23839</v>
      </c>
      <c r="E6777" s="1" t="s">
        <v>23840</v>
      </c>
      <c r="F6777" s="1" t="s">
        <v>10</v>
      </c>
      <c r="G6777" s="1" t="s">
        <v>10</v>
      </c>
      <c r="H6777" s="1" t="s">
        <v>10</v>
      </c>
      <c r="I6777" s="1" t="s">
        <v>22777</v>
      </c>
      <c r="J6777" s="1" t="s">
        <v>10</v>
      </c>
      <c r="K6777" s="1" t="s">
        <v>10</v>
      </c>
      <c r="L6777" s="1" t="s">
        <v>23838</v>
      </c>
      <c r="M6777" s="1" t="s">
        <v>5</v>
      </c>
      <c r="N6777" s="1" t="s">
        <v>25</v>
      </c>
      <c r="O6777" s="1" t="s">
        <v>8</v>
      </c>
      <c r="P6777" s="5" t="s">
        <v>22781</v>
      </c>
    </row>
    <row r="6778" spans="1:16" x14ac:dyDescent="0.2">
      <c r="A6778" s="1" t="s">
        <v>10</v>
      </c>
      <c r="B6778" s="1" t="s">
        <v>10</v>
      </c>
      <c r="C6778" s="1" t="s">
        <v>23842</v>
      </c>
      <c r="D6778" s="1" t="s">
        <v>23842</v>
      </c>
      <c r="E6778" s="1" t="s">
        <v>23843</v>
      </c>
      <c r="F6778" s="1" t="s">
        <v>10</v>
      </c>
      <c r="G6778" s="1" t="s">
        <v>10</v>
      </c>
      <c r="H6778" s="1" t="s">
        <v>10</v>
      </c>
      <c r="I6778" s="1" t="s">
        <v>22777</v>
      </c>
      <c r="J6778" s="1" t="s">
        <v>10</v>
      </c>
      <c r="K6778" s="1" t="s">
        <v>10</v>
      </c>
      <c r="L6778" s="1" t="s">
        <v>23841</v>
      </c>
      <c r="M6778" s="1" t="s">
        <v>5</v>
      </c>
      <c r="N6778" s="1" t="s">
        <v>10</v>
      </c>
      <c r="O6778" s="1" t="s">
        <v>8</v>
      </c>
      <c r="P6778" s="5" t="s">
        <v>22781</v>
      </c>
    </row>
    <row r="6779" spans="1:16" x14ac:dyDescent="0.2">
      <c r="A6779" s="1" t="s">
        <v>10</v>
      </c>
      <c r="B6779" s="1" t="s">
        <v>10</v>
      </c>
      <c r="C6779" s="1" t="s">
        <v>23845</v>
      </c>
      <c r="D6779" s="1" t="s">
        <v>23846</v>
      </c>
      <c r="E6779" s="1" t="s">
        <v>23847</v>
      </c>
      <c r="F6779" s="1" t="s">
        <v>10</v>
      </c>
      <c r="G6779" s="1" t="s">
        <v>10</v>
      </c>
      <c r="H6779" s="1" t="s">
        <v>10</v>
      </c>
      <c r="I6779" s="1" t="s">
        <v>22777</v>
      </c>
      <c r="J6779" s="1" t="s">
        <v>10</v>
      </c>
      <c r="K6779" s="1" t="s">
        <v>10</v>
      </c>
      <c r="L6779" s="1" t="s">
        <v>23844</v>
      </c>
      <c r="M6779" s="1" t="s">
        <v>5</v>
      </c>
      <c r="N6779" s="1" t="s">
        <v>10</v>
      </c>
      <c r="O6779" s="1" t="s">
        <v>38</v>
      </c>
      <c r="P6779" s="5" t="s">
        <v>30698</v>
      </c>
    </row>
    <row r="6780" spans="1:16" x14ac:dyDescent="0.2">
      <c r="A6780" s="1" t="s">
        <v>10</v>
      </c>
      <c r="B6780" s="1" t="s">
        <v>10</v>
      </c>
      <c r="C6780" s="1" t="s">
        <v>23849</v>
      </c>
      <c r="D6780" s="1" t="s">
        <v>23850</v>
      </c>
      <c r="E6780" s="1" t="s">
        <v>23851</v>
      </c>
      <c r="F6780" s="1" t="s">
        <v>10</v>
      </c>
      <c r="G6780" s="1" t="s">
        <v>10</v>
      </c>
      <c r="H6780" s="1" t="s">
        <v>10</v>
      </c>
      <c r="I6780" s="1" t="s">
        <v>22777</v>
      </c>
      <c r="J6780" s="1" t="s">
        <v>10</v>
      </c>
      <c r="K6780" s="1" t="s">
        <v>10</v>
      </c>
      <c r="L6780" s="1" t="s">
        <v>23848</v>
      </c>
      <c r="M6780" s="1" t="s">
        <v>5</v>
      </c>
      <c r="N6780" s="1" t="s">
        <v>1597</v>
      </c>
      <c r="O6780" s="1" t="s">
        <v>8</v>
      </c>
      <c r="P6780" s="5" t="s">
        <v>22791</v>
      </c>
    </row>
    <row r="6781" spans="1:16" x14ac:dyDescent="0.2">
      <c r="A6781" s="1" t="s">
        <v>10</v>
      </c>
      <c r="B6781" s="1" t="s">
        <v>10</v>
      </c>
      <c r="C6781" s="1" t="s">
        <v>23853</v>
      </c>
      <c r="D6781" s="1" t="s">
        <v>23854</v>
      </c>
      <c r="E6781" s="1"/>
      <c r="F6781" s="1" t="s">
        <v>10</v>
      </c>
      <c r="G6781" s="1" t="s">
        <v>10</v>
      </c>
      <c r="H6781" s="1" t="s">
        <v>10</v>
      </c>
      <c r="I6781" s="1" t="s">
        <v>22777</v>
      </c>
      <c r="J6781" s="1" t="s">
        <v>10</v>
      </c>
      <c r="K6781" s="1" t="s">
        <v>10</v>
      </c>
      <c r="L6781" s="1" t="s">
        <v>23852</v>
      </c>
      <c r="M6781" s="1" t="s">
        <v>5</v>
      </c>
      <c r="N6781" s="1" t="s">
        <v>25</v>
      </c>
      <c r="O6781" s="1" t="s">
        <v>38</v>
      </c>
      <c r="P6781" s="5" t="s">
        <v>30700</v>
      </c>
    </row>
    <row r="6782" spans="1:16" x14ac:dyDescent="0.2">
      <c r="A6782" s="1" t="s">
        <v>10</v>
      </c>
      <c r="B6782" s="1" t="s">
        <v>10</v>
      </c>
      <c r="C6782" s="1" t="s">
        <v>23856</v>
      </c>
      <c r="D6782" s="1" t="s">
        <v>22098</v>
      </c>
      <c r="E6782" s="1" t="s">
        <v>23857</v>
      </c>
      <c r="F6782" s="1" t="s">
        <v>10</v>
      </c>
      <c r="G6782" s="1" t="s">
        <v>10</v>
      </c>
      <c r="H6782" s="1" t="s">
        <v>10</v>
      </c>
      <c r="I6782" s="1" t="s">
        <v>22777</v>
      </c>
      <c r="J6782" s="1" t="s">
        <v>10</v>
      </c>
      <c r="K6782" s="1" t="s">
        <v>10</v>
      </c>
      <c r="L6782" s="1" t="s">
        <v>23855</v>
      </c>
      <c r="M6782" s="1" t="s">
        <v>5</v>
      </c>
      <c r="N6782" s="1" t="s">
        <v>25</v>
      </c>
      <c r="O6782" s="1" t="s">
        <v>38</v>
      </c>
      <c r="P6782" s="5" t="s">
        <v>30698</v>
      </c>
    </row>
    <row r="6783" spans="1:16" x14ac:dyDescent="0.2">
      <c r="A6783" s="1" t="s">
        <v>10</v>
      </c>
      <c r="B6783" s="1" t="s">
        <v>10</v>
      </c>
      <c r="C6783" s="1" t="s">
        <v>23859</v>
      </c>
      <c r="D6783" s="1" t="s">
        <v>7359</v>
      </c>
      <c r="E6783" s="1" t="s">
        <v>23860</v>
      </c>
      <c r="F6783" s="1" t="s">
        <v>10</v>
      </c>
      <c r="G6783" s="1" t="s">
        <v>10</v>
      </c>
      <c r="H6783" s="1" t="s">
        <v>10</v>
      </c>
      <c r="I6783" s="1" t="s">
        <v>22777</v>
      </c>
      <c r="J6783" s="1" t="s">
        <v>10</v>
      </c>
      <c r="K6783" s="1" t="s">
        <v>10</v>
      </c>
      <c r="L6783" s="1" t="s">
        <v>23858</v>
      </c>
      <c r="M6783" s="1" t="s">
        <v>5</v>
      </c>
      <c r="N6783" s="1" t="s">
        <v>1009</v>
      </c>
      <c r="O6783" s="1" t="s">
        <v>38</v>
      </c>
      <c r="P6783" s="5" t="s">
        <v>30698</v>
      </c>
    </row>
    <row r="6784" spans="1:16" x14ac:dyDescent="0.2">
      <c r="A6784" s="1" t="s">
        <v>10</v>
      </c>
      <c r="B6784" s="1" t="s">
        <v>10</v>
      </c>
      <c r="C6784" s="1" t="s">
        <v>23862</v>
      </c>
      <c r="D6784" s="1" t="s">
        <v>23863</v>
      </c>
      <c r="E6784" s="1" t="s">
        <v>23864</v>
      </c>
      <c r="F6784" s="1" t="s">
        <v>10</v>
      </c>
      <c r="G6784" s="1" t="s">
        <v>10</v>
      </c>
      <c r="H6784" s="1" t="s">
        <v>10</v>
      </c>
      <c r="I6784" s="1" t="s">
        <v>22777</v>
      </c>
      <c r="J6784" s="1" t="s">
        <v>10</v>
      </c>
      <c r="K6784" s="1" t="s">
        <v>10</v>
      </c>
      <c r="L6784" s="1" t="s">
        <v>23861</v>
      </c>
      <c r="M6784" s="1" t="s">
        <v>5</v>
      </c>
      <c r="N6784" s="1" t="s">
        <v>10</v>
      </c>
      <c r="O6784" s="1" t="s">
        <v>8</v>
      </c>
      <c r="P6784" s="5" t="s">
        <v>30698</v>
      </c>
    </row>
    <row r="6785" spans="1:16" x14ac:dyDescent="0.2">
      <c r="A6785" s="1" t="s">
        <v>10</v>
      </c>
      <c r="B6785" s="1" t="s">
        <v>10</v>
      </c>
      <c r="C6785" s="1" t="s">
        <v>23866</v>
      </c>
      <c r="D6785" s="1" t="s">
        <v>515</v>
      </c>
      <c r="E6785" s="1" t="s">
        <v>23867</v>
      </c>
      <c r="F6785" s="1" t="s">
        <v>10</v>
      </c>
      <c r="G6785" s="1" t="s">
        <v>10</v>
      </c>
      <c r="H6785" s="1" t="s">
        <v>10</v>
      </c>
      <c r="I6785" s="1" t="s">
        <v>22777</v>
      </c>
      <c r="J6785" s="1" t="s">
        <v>10</v>
      </c>
      <c r="K6785" s="1" t="s">
        <v>10</v>
      </c>
      <c r="L6785" s="1" t="s">
        <v>23865</v>
      </c>
      <c r="M6785" s="1" t="s">
        <v>5</v>
      </c>
      <c r="N6785" s="1" t="s">
        <v>10</v>
      </c>
      <c r="O6785" s="1" t="s">
        <v>8</v>
      </c>
      <c r="P6785" s="5" t="s">
        <v>22781</v>
      </c>
    </row>
    <row r="6786" spans="1:16" x14ac:dyDescent="0.2">
      <c r="A6786" s="1" t="s">
        <v>10</v>
      </c>
      <c r="B6786" s="1" t="s">
        <v>10</v>
      </c>
      <c r="C6786" s="1" t="s">
        <v>23869</v>
      </c>
      <c r="D6786" s="1" t="s">
        <v>6457</v>
      </c>
      <c r="E6786" s="1" t="s">
        <v>23870</v>
      </c>
      <c r="F6786" s="1" t="s">
        <v>10</v>
      </c>
      <c r="G6786" s="1" t="s">
        <v>10</v>
      </c>
      <c r="H6786" s="1" t="s">
        <v>10</v>
      </c>
      <c r="I6786" s="1" t="s">
        <v>22777</v>
      </c>
      <c r="J6786" s="1" t="s">
        <v>10</v>
      </c>
      <c r="K6786" s="1" t="s">
        <v>10</v>
      </c>
      <c r="L6786" s="1" t="s">
        <v>23868</v>
      </c>
      <c r="M6786" s="1" t="s">
        <v>5</v>
      </c>
      <c r="N6786" s="1" t="s">
        <v>10</v>
      </c>
      <c r="O6786" s="1" t="s">
        <v>8</v>
      </c>
      <c r="P6786" s="5" t="s">
        <v>22781</v>
      </c>
    </row>
    <row r="6787" spans="1:16" x14ac:dyDescent="0.2">
      <c r="A6787" s="1" t="s">
        <v>10</v>
      </c>
      <c r="B6787" s="1" t="s">
        <v>10</v>
      </c>
      <c r="C6787" s="1" t="s">
        <v>23872</v>
      </c>
      <c r="D6787" s="1" t="s">
        <v>252</v>
      </c>
      <c r="E6787" s="1" t="s">
        <v>23873</v>
      </c>
      <c r="F6787" s="1" t="s">
        <v>10</v>
      </c>
      <c r="G6787" s="1" t="s">
        <v>10</v>
      </c>
      <c r="H6787" s="1" t="s">
        <v>10</v>
      </c>
      <c r="I6787" s="1" t="s">
        <v>22777</v>
      </c>
      <c r="J6787" s="1" t="s">
        <v>10</v>
      </c>
      <c r="K6787" s="1" t="s">
        <v>10</v>
      </c>
      <c r="L6787" s="1" t="s">
        <v>23871</v>
      </c>
      <c r="M6787" s="1" t="s">
        <v>5</v>
      </c>
      <c r="N6787" s="1" t="s">
        <v>1009</v>
      </c>
      <c r="O6787" s="1" t="s">
        <v>8</v>
      </c>
      <c r="P6787" s="5" t="s">
        <v>22781</v>
      </c>
    </row>
    <row r="6788" spans="1:16" x14ac:dyDescent="0.2">
      <c r="A6788" s="1" t="s">
        <v>10</v>
      </c>
      <c r="B6788" s="1" t="s">
        <v>10</v>
      </c>
      <c r="C6788" s="1" t="s">
        <v>23875</v>
      </c>
      <c r="D6788" s="1" t="s">
        <v>23876</v>
      </c>
      <c r="E6788" s="1" t="s">
        <v>23877</v>
      </c>
      <c r="F6788" s="1" t="s">
        <v>10</v>
      </c>
      <c r="G6788" s="1" t="s">
        <v>10</v>
      </c>
      <c r="H6788" s="1" t="s">
        <v>10</v>
      </c>
      <c r="I6788" s="1" t="s">
        <v>22777</v>
      </c>
      <c r="J6788" s="1" t="s">
        <v>10</v>
      </c>
      <c r="K6788" s="1" t="s">
        <v>10</v>
      </c>
      <c r="L6788" s="1" t="s">
        <v>23874</v>
      </c>
      <c r="M6788" s="1" t="s">
        <v>5</v>
      </c>
      <c r="N6788" s="1" t="s">
        <v>25</v>
      </c>
      <c r="O6788" s="1" t="s">
        <v>8</v>
      </c>
      <c r="P6788" s="5" t="s">
        <v>30698</v>
      </c>
    </row>
    <row r="6789" spans="1:16" x14ac:dyDescent="0.2">
      <c r="A6789" s="1" t="s">
        <v>10</v>
      </c>
      <c r="B6789" s="1" t="s">
        <v>10</v>
      </c>
      <c r="C6789" s="1" t="s">
        <v>23879</v>
      </c>
      <c r="D6789" s="1" t="s">
        <v>23880</v>
      </c>
      <c r="E6789" s="1" t="s">
        <v>23881</v>
      </c>
      <c r="F6789" s="1" t="s">
        <v>10</v>
      </c>
      <c r="G6789" s="1" t="s">
        <v>10</v>
      </c>
      <c r="H6789" s="1" t="s">
        <v>10</v>
      </c>
      <c r="I6789" s="1" t="s">
        <v>22777</v>
      </c>
      <c r="J6789" s="1" t="s">
        <v>10</v>
      </c>
      <c r="K6789" s="1" t="s">
        <v>10</v>
      </c>
      <c r="L6789" s="1" t="s">
        <v>23878</v>
      </c>
      <c r="M6789" s="1" t="s">
        <v>5</v>
      </c>
      <c r="N6789" s="1" t="s">
        <v>25</v>
      </c>
      <c r="O6789" s="1" t="s">
        <v>8</v>
      </c>
      <c r="P6789" s="5" t="s">
        <v>22781</v>
      </c>
    </row>
    <row r="6790" spans="1:16" x14ac:dyDescent="0.2">
      <c r="A6790" s="1" t="s">
        <v>10</v>
      </c>
      <c r="B6790" s="1" t="s">
        <v>10</v>
      </c>
      <c r="C6790" s="1" t="s">
        <v>23883</v>
      </c>
      <c r="D6790" s="1" t="s">
        <v>23884</v>
      </c>
      <c r="E6790" s="1"/>
      <c r="F6790" s="1" t="s">
        <v>10</v>
      </c>
      <c r="G6790" s="1" t="s">
        <v>10</v>
      </c>
      <c r="H6790" s="1" t="s">
        <v>10</v>
      </c>
      <c r="I6790" s="1" t="s">
        <v>22777</v>
      </c>
      <c r="J6790" s="1" t="s">
        <v>10</v>
      </c>
      <c r="K6790" s="1" t="s">
        <v>10</v>
      </c>
      <c r="L6790" s="1" t="s">
        <v>23882</v>
      </c>
      <c r="M6790" s="1" t="s">
        <v>5</v>
      </c>
      <c r="N6790" s="1" t="s">
        <v>960</v>
      </c>
      <c r="O6790" s="1" t="s">
        <v>38</v>
      </c>
      <c r="P6790" s="5" t="s">
        <v>30698</v>
      </c>
    </row>
    <row r="6791" spans="1:16" x14ac:dyDescent="0.2">
      <c r="A6791" s="1" t="s">
        <v>10</v>
      </c>
      <c r="B6791" s="1" t="s">
        <v>10</v>
      </c>
      <c r="C6791" s="1" t="s">
        <v>23886</v>
      </c>
      <c r="D6791" s="1" t="s">
        <v>23887</v>
      </c>
      <c r="E6791" s="1" t="s">
        <v>23888</v>
      </c>
      <c r="F6791" s="1" t="s">
        <v>10</v>
      </c>
      <c r="G6791" s="1" t="s">
        <v>10</v>
      </c>
      <c r="H6791" s="1" t="s">
        <v>10</v>
      </c>
      <c r="I6791" s="1" t="s">
        <v>22777</v>
      </c>
      <c r="J6791" s="1" t="s">
        <v>10</v>
      </c>
      <c r="K6791" s="1" t="s">
        <v>10</v>
      </c>
      <c r="L6791" s="1" t="s">
        <v>23885</v>
      </c>
      <c r="M6791" s="1" t="s">
        <v>5</v>
      </c>
      <c r="N6791" s="1" t="s">
        <v>25</v>
      </c>
      <c r="O6791" s="1" t="s">
        <v>38</v>
      </c>
      <c r="P6791" s="5" t="s">
        <v>30698</v>
      </c>
    </row>
    <row r="6792" spans="1:16" x14ac:dyDescent="0.2">
      <c r="A6792" s="1" t="s">
        <v>10</v>
      </c>
      <c r="B6792" s="1" t="s">
        <v>10</v>
      </c>
      <c r="C6792" s="1" t="s">
        <v>23890</v>
      </c>
      <c r="D6792" s="1" t="s">
        <v>23891</v>
      </c>
      <c r="E6792" s="1" t="s">
        <v>23892</v>
      </c>
      <c r="F6792" s="1" t="s">
        <v>10</v>
      </c>
      <c r="G6792" s="1" t="s">
        <v>10</v>
      </c>
      <c r="H6792" s="1" t="s">
        <v>10</v>
      </c>
      <c r="I6792" s="1" t="s">
        <v>22777</v>
      </c>
      <c r="J6792" s="1" t="s">
        <v>10</v>
      </c>
      <c r="K6792" s="1" t="s">
        <v>10</v>
      </c>
      <c r="L6792" s="1" t="s">
        <v>23889</v>
      </c>
      <c r="M6792" s="1" t="s">
        <v>5</v>
      </c>
      <c r="N6792" s="1" t="s">
        <v>1009</v>
      </c>
      <c r="O6792" s="1" t="s">
        <v>38</v>
      </c>
      <c r="P6792" s="5" t="s">
        <v>22781</v>
      </c>
    </row>
    <row r="6793" spans="1:16" x14ac:dyDescent="0.2">
      <c r="A6793" s="1" t="s">
        <v>10</v>
      </c>
      <c r="B6793" s="1" t="s">
        <v>10</v>
      </c>
      <c r="C6793" s="1" t="s">
        <v>23894</v>
      </c>
      <c r="D6793" s="1" t="s">
        <v>23895</v>
      </c>
      <c r="E6793" s="1" t="s">
        <v>23896</v>
      </c>
      <c r="F6793" s="1" t="s">
        <v>10</v>
      </c>
      <c r="G6793" s="1" t="s">
        <v>10</v>
      </c>
      <c r="H6793" s="1" t="s">
        <v>10</v>
      </c>
      <c r="I6793" s="1" t="s">
        <v>22777</v>
      </c>
      <c r="J6793" s="1" t="s">
        <v>10</v>
      </c>
      <c r="K6793" s="1" t="s">
        <v>10</v>
      </c>
      <c r="L6793" s="1" t="s">
        <v>23893</v>
      </c>
      <c r="M6793" s="1" t="s">
        <v>5</v>
      </c>
      <c r="N6793" s="1" t="s">
        <v>25</v>
      </c>
      <c r="O6793" s="1" t="s">
        <v>38</v>
      </c>
      <c r="P6793" s="5" t="s">
        <v>30698</v>
      </c>
    </row>
    <row r="6794" spans="1:16" x14ac:dyDescent="0.2">
      <c r="A6794" s="1" t="s">
        <v>10</v>
      </c>
      <c r="B6794" s="1" t="s">
        <v>10</v>
      </c>
      <c r="C6794" s="1" t="s">
        <v>23898</v>
      </c>
      <c r="D6794" s="1" t="s">
        <v>23899</v>
      </c>
      <c r="E6794" s="1" t="s">
        <v>23900</v>
      </c>
      <c r="F6794" s="1" t="s">
        <v>10</v>
      </c>
      <c r="G6794" s="1" t="s">
        <v>10</v>
      </c>
      <c r="H6794" s="1" t="s">
        <v>10</v>
      </c>
      <c r="I6794" s="1" t="s">
        <v>22777</v>
      </c>
      <c r="J6794" s="1" t="s">
        <v>10</v>
      </c>
      <c r="K6794" s="1" t="s">
        <v>10</v>
      </c>
      <c r="L6794" s="1" t="s">
        <v>23897</v>
      </c>
      <c r="M6794" s="1" t="s">
        <v>5</v>
      </c>
      <c r="N6794" s="1" t="s">
        <v>25</v>
      </c>
      <c r="O6794" s="1" t="s">
        <v>38</v>
      </c>
      <c r="P6794" s="5" t="s">
        <v>30698</v>
      </c>
    </row>
    <row r="6795" spans="1:16" x14ac:dyDescent="0.2">
      <c r="A6795" s="1" t="s">
        <v>10</v>
      </c>
      <c r="B6795" s="1" t="s">
        <v>10</v>
      </c>
      <c r="C6795" s="1" t="s">
        <v>23902</v>
      </c>
      <c r="D6795" s="1" t="s">
        <v>23903</v>
      </c>
      <c r="E6795" s="1" t="s">
        <v>23904</v>
      </c>
      <c r="F6795" s="1" t="s">
        <v>10</v>
      </c>
      <c r="G6795" s="1" t="s">
        <v>10</v>
      </c>
      <c r="H6795" s="1" t="s">
        <v>10</v>
      </c>
      <c r="I6795" s="1" t="s">
        <v>22777</v>
      </c>
      <c r="J6795" s="1" t="s">
        <v>10</v>
      </c>
      <c r="K6795" s="1" t="s">
        <v>10</v>
      </c>
      <c r="L6795" s="1" t="s">
        <v>23901</v>
      </c>
      <c r="M6795" s="1" t="s">
        <v>5</v>
      </c>
      <c r="N6795" s="1" t="s">
        <v>25</v>
      </c>
      <c r="O6795" s="1" t="s">
        <v>38</v>
      </c>
      <c r="P6795" s="5" t="s">
        <v>30698</v>
      </c>
    </row>
    <row r="6796" spans="1:16" x14ac:dyDescent="0.2">
      <c r="A6796" s="1" t="s">
        <v>10</v>
      </c>
      <c r="B6796" s="1" t="s">
        <v>10</v>
      </c>
      <c r="C6796" s="1" t="s">
        <v>23906</v>
      </c>
      <c r="D6796" s="1" t="s">
        <v>23907</v>
      </c>
      <c r="E6796" s="1" t="s">
        <v>23908</v>
      </c>
      <c r="F6796" s="1" t="s">
        <v>10</v>
      </c>
      <c r="G6796" s="1" t="s">
        <v>10</v>
      </c>
      <c r="H6796" s="1" t="s">
        <v>10</v>
      </c>
      <c r="I6796" s="1" t="s">
        <v>22777</v>
      </c>
      <c r="J6796" s="1" t="s">
        <v>10</v>
      </c>
      <c r="K6796" s="1" t="s">
        <v>10</v>
      </c>
      <c r="L6796" s="1" t="s">
        <v>23905</v>
      </c>
      <c r="M6796" s="1" t="s">
        <v>5</v>
      </c>
      <c r="N6796" s="1" t="s">
        <v>25</v>
      </c>
      <c r="O6796" s="1" t="s">
        <v>8</v>
      </c>
      <c r="P6796" s="5" t="s">
        <v>30698</v>
      </c>
    </row>
    <row r="6797" spans="1:16" x14ac:dyDescent="0.2">
      <c r="A6797" s="1" t="s">
        <v>10</v>
      </c>
      <c r="B6797" s="1" t="s">
        <v>10</v>
      </c>
      <c r="C6797" s="1" t="s">
        <v>23910</v>
      </c>
      <c r="D6797" s="1" t="s">
        <v>23911</v>
      </c>
      <c r="E6797" s="1" t="s">
        <v>23076</v>
      </c>
      <c r="F6797" s="1" t="s">
        <v>10</v>
      </c>
      <c r="G6797" s="1" t="s">
        <v>10</v>
      </c>
      <c r="H6797" s="1" t="s">
        <v>10</v>
      </c>
      <c r="I6797" s="1" t="s">
        <v>22777</v>
      </c>
      <c r="J6797" s="1" t="s">
        <v>10</v>
      </c>
      <c r="K6797" s="1" t="s">
        <v>10</v>
      </c>
      <c r="L6797" s="1" t="s">
        <v>23909</v>
      </c>
      <c r="M6797" s="1" t="s">
        <v>5</v>
      </c>
      <c r="N6797" s="1" t="s">
        <v>1009</v>
      </c>
      <c r="O6797" s="1" t="s">
        <v>8</v>
      </c>
      <c r="P6797" s="5" t="s">
        <v>30698</v>
      </c>
    </row>
    <row r="6798" spans="1:16" x14ac:dyDescent="0.2">
      <c r="A6798" s="1" t="s">
        <v>10</v>
      </c>
      <c r="B6798" s="1" t="s">
        <v>10</v>
      </c>
      <c r="C6798" s="1" t="s">
        <v>23913</v>
      </c>
      <c r="D6798" s="1" t="s">
        <v>23914</v>
      </c>
      <c r="E6798" s="1" t="s">
        <v>23915</v>
      </c>
      <c r="F6798" s="1" t="s">
        <v>10</v>
      </c>
      <c r="G6798" s="1" t="s">
        <v>10</v>
      </c>
      <c r="H6798" s="1" t="s">
        <v>10</v>
      </c>
      <c r="I6798" s="1" t="s">
        <v>22777</v>
      </c>
      <c r="J6798" s="1" t="s">
        <v>10</v>
      </c>
      <c r="K6798" s="1" t="s">
        <v>10</v>
      </c>
      <c r="L6798" s="1" t="s">
        <v>23912</v>
      </c>
      <c r="M6798" s="1" t="s">
        <v>5</v>
      </c>
      <c r="N6798" s="1" t="s">
        <v>25</v>
      </c>
      <c r="O6798" s="1" t="s">
        <v>8</v>
      </c>
      <c r="P6798" s="5" t="s">
        <v>30698</v>
      </c>
    </row>
    <row r="6799" spans="1:16" x14ac:dyDescent="0.2">
      <c r="A6799" s="1" t="s">
        <v>10</v>
      </c>
      <c r="B6799" s="1" t="s">
        <v>10</v>
      </c>
      <c r="C6799" s="1" t="s">
        <v>23917</v>
      </c>
      <c r="D6799" s="1" t="s">
        <v>10149</v>
      </c>
      <c r="E6799" s="1" t="s">
        <v>23918</v>
      </c>
      <c r="F6799" s="1" t="s">
        <v>10</v>
      </c>
      <c r="G6799" s="1" t="s">
        <v>10</v>
      </c>
      <c r="H6799" s="1" t="s">
        <v>10</v>
      </c>
      <c r="I6799" s="1" t="s">
        <v>22777</v>
      </c>
      <c r="J6799" s="1" t="s">
        <v>10</v>
      </c>
      <c r="K6799" s="1" t="s">
        <v>10</v>
      </c>
      <c r="L6799" s="1" t="s">
        <v>23916</v>
      </c>
      <c r="M6799" s="1" t="s">
        <v>5</v>
      </c>
      <c r="N6799" s="1" t="s">
        <v>10</v>
      </c>
      <c r="O6799" s="1" t="s">
        <v>8</v>
      </c>
      <c r="P6799" s="5" t="s">
        <v>30698</v>
      </c>
    </row>
    <row r="6800" spans="1:16" x14ac:dyDescent="0.2">
      <c r="A6800" s="1" t="s">
        <v>10</v>
      </c>
      <c r="B6800" s="1" t="s">
        <v>10</v>
      </c>
      <c r="C6800" s="1" t="s">
        <v>23920</v>
      </c>
      <c r="D6800" s="1" t="s">
        <v>23921</v>
      </c>
      <c r="E6800" s="1" t="s">
        <v>23922</v>
      </c>
      <c r="F6800" s="1" t="s">
        <v>10</v>
      </c>
      <c r="G6800" s="1" t="s">
        <v>10</v>
      </c>
      <c r="H6800" s="1" t="s">
        <v>10</v>
      </c>
      <c r="I6800" s="1" t="s">
        <v>22777</v>
      </c>
      <c r="J6800" s="1" t="s">
        <v>10</v>
      </c>
      <c r="K6800" s="1" t="s">
        <v>10</v>
      </c>
      <c r="L6800" s="1" t="s">
        <v>23919</v>
      </c>
      <c r="M6800" s="1" t="s">
        <v>5</v>
      </c>
      <c r="N6800" s="1" t="s">
        <v>25</v>
      </c>
      <c r="O6800" s="1" t="s">
        <v>8</v>
      </c>
      <c r="P6800" s="5" t="s">
        <v>30698</v>
      </c>
    </row>
    <row r="6801" spans="1:16" x14ac:dyDescent="0.2">
      <c r="A6801" s="1" t="s">
        <v>10</v>
      </c>
      <c r="B6801" s="1" t="s">
        <v>10</v>
      </c>
      <c r="C6801" s="1" t="s">
        <v>23924</v>
      </c>
      <c r="D6801" s="1" t="s">
        <v>23925</v>
      </c>
      <c r="E6801" s="1" t="s">
        <v>23926</v>
      </c>
      <c r="F6801" s="1" t="s">
        <v>10</v>
      </c>
      <c r="G6801" s="1" t="s">
        <v>10</v>
      </c>
      <c r="H6801" s="1" t="s">
        <v>10</v>
      </c>
      <c r="I6801" s="1" t="s">
        <v>22777</v>
      </c>
      <c r="J6801" s="1" t="s">
        <v>10</v>
      </c>
      <c r="K6801" s="1" t="s">
        <v>10</v>
      </c>
      <c r="L6801" s="1" t="s">
        <v>23923</v>
      </c>
      <c r="M6801" s="1" t="s">
        <v>5</v>
      </c>
      <c r="N6801" s="1" t="s">
        <v>6</v>
      </c>
      <c r="O6801" s="1" t="s">
        <v>38</v>
      </c>
      <c r="P6801" s="5" t="s">
        <v>22781</v>
      </c>
    </row>
    <row r="6802" spans="1:16" x14ac:dyDescent="0.2">
      <c r="A6802" s="1" t="s">
        <v>10</v>
      </c>
      <c r="B6802" s="1" t="s">
        <v>10</v>
      </c>
      <c r="C6802" s="1" t="s">
        <v>23928</v>
      </c>
      <c r="D6802" s="1" t="s">
        <v>23929</v>
      </c>
      <c r="E6802" s="1" t="s">
        <v>23930</v>
      </c>
      <c r="F6802" s="1" t="s">
        <v>10</v>
      </c>
      <c r="G6802" s="1" t="s">
        <v>10</v>
      </c>
      <c r="H6802" s="1" t="s">
        <v>10</v>
      </c>
      <c r="I6802" s="1" t="s">
        <v>22777</v>
      </c>
      <c r="J6802" s="1" t="s">
        <v>10</v>
      </c>
      <c r="K6802" s="1" t="s">
        <v>10</v>
      </c>
      <c r="L6802" s="1" t="s">
        <v>23927</v>
      </c>
      <c r="M6802" s="1" t="s">
        <v>5</v>
      </c>
      <c r="N6802" s="1" t="s">
        <v>6</v>
      </c>
      <c r="O6802" s="1" t="s">
        <v>38</v>
      </c>
      <c r="P6802" s="5" t="s">
        <v>22791</v>
      </c>
    </row>
    <row r="6803" spans="1:16" x14ac:dyDescent="0.2">
      <c r="A6803" s="1" t="s">
        <v>10</v>
      </c>
      <c r="B6803" s="1" t="s">
        <v>10</v>
      </c>
      <c r="C6803" s="1" t="s">
        <v>23932</v>
      </c>
      <c r="D6803" s="1" t="s">
        <v>23933</v>
      </c>
      <c r="E6803" s="1" t="s">
        <v>23934</v>
      </c>
      <c r="F6803" s="1" t="s">
        <v>10</v>
      </c>
      <c r="G6803" s="1" t="s">
        <v>10</v>
      </c>
      <c r="H6803" s="1" t="s">
        <v>10</v>
      </c>
      <c r="I6803" s="1" t="s">
        <v>22777</v>
      </c>
      <c r="J6803" s="1" t="s">
        <v>10</v>
      </c>
      <c r="K6803" s="1" t="s">
        <v>10</v>
      </c>
      <c r="L6803" s="1" t="s">
        <v>23931</v>
      </c>
      <c r="M6803" s="1" t="s">
        <v>5</v>
      </c>
      <c r="N6803" s="1" t="s">
        <v>25</v>
      </c>
      <c r="O6803" s="1" t="s">
        <v>38</v>
      </c>
      <c r="P6803" s="5" t="s">
        <v>22781</v>
      </c>
    </row>
    <row r="6804" spans="1:16" x14ac:dyDescent="0.2">
      <c r="A6804" s="1" t="s">
        <v>10</v>
      </c>
      <c r="B6804" s="1" t="s">
        <v>10</v>
      </c>
      <c r="C6804" s="1" t="s">
        <v>23936</v>
      </c>
      <c r="D6804" s="1" t="s">
        <v>23937</v>
      </c>
      <c r="E6804" s="1" t="s">
        <v>23938</v>
      </c>
      <c r="F6804" s="1" t="s">
        <v>10</v>
      </c>
      <c r="G6804" s="1" t="s">
        <v>10</v>
      </c>
      <c r="H6804" s="1" t="s">
        <v>10</v>
      </c>
      <c r="I6804" s="1" t="s">
        <v>22777</v>
      </c>
      <c r="J6804" s="1" t="s">
        <v>10</v>
      </c>
      <c r="K6804" s="1" t="s">
        <v>10</v>
      </c>
      <c r="L6804" s="1" t="s">
        <v>23935</v>
      </c>
      <c r="M6804" s="1" t="s">
        <v>5</v>
      </c>
      <c r="N6804" s="1" t="s">
        <v>25</v>
      </c>
      <c r="O6804" s="1" t="s">
        <v>8</v>
      </c>
      <c r="P6804" s="5" t="s">
        <v>10</v>
      </c>
    </row>
    <row r="6805" spans="1:16" x14ac:dyDescent="0.2">
      <c r="A6805" s="1" t="s">
        <v>10</v>
      </c>
      <c r="B6805" s="1" t="s">
        <v>10</v>
      </c>
      <c r="C6805" s="1" t="s">
        <v>23940</v>
      </c>
      <c r="D6805" s="1" t="s">
        <v>23941</v>
      </c>
      <c r="E6805" s="1" t="s">
        <v>23942</v>
      </c>
      <c r="F6805" s="1" t="s">
        <v>10</v>
      </c>
      <c r="G6805" s="1" t="s">
        <v>10</v>
      </c>
      <c r="H6805" s="1" t="s">
        <v>10</v>
      </c>
      <c r="I6805" s="1" t="s">
        <v>22777</v>
      </c>
      <c r="J6805" s="1" t="s">
        <v>10</v>
      </c>
      <c r="K6805" s="1" t="s">
        <v>10</v>
      </c>
      <c r="L6805" s="1" t="s">
        <v>23939</v>
      </c>
      <c r="M6805" s="1" t="s">
        <v>5</v>
      </c>
      <c r="N6805" s="1" t="s">
        <v>25</v>
      </c>
      <c r="O6805" s="1" t="s">
        <v>38</v>
      </c>
      <c r="P6805" s="5" t="s">
        <v>30698</v>
      </c>
    </row>
    <row r="6806" spans="1:16" x14ac:dyDescent="0.2">
      <c r="A6806" s="1" t="s">
        <v>10</v>
      </c>
      <c r="B6806" s="1" t="s">
        <v>10</v>
      </c>
      <c r="C6806" s="1" t="s">
        <v>23944</v>
      </c>
      <c r="D6806" s="1" t="s">
        <v>23945</v>
      </c>
      <c r="E6806" s="1" t="s">
        <v>23946</v>
      </c>
      <c r="F6806" s="1" t="s">
        <v>10</v>
      </c>
      <c r="G6806" s="1" t="s">
        <v>10</v>
      </c>
      <c r="H6806" s="1" t="s">
        <v>10</v>
      </c>
      <c r="I6806" s="1" t="s">
        <v>22777</v>
      </c>
      <c r="J6806" s="1" t="s">
        <v>10</v>
      </c>
      <c r="K6806" s="1" t="s">
        <v>10</v>
      </c>
      <c r="L6806" s="1" t="s">
        <v>23943</v>
      </c>
      <c r="M6806" s="1" t="s">
        <v>5</v>
      </c>
      <c r="N6806" s="1" t="s">
        <v>1009</v>
      </c>
      <c r="O6806" s="1" t="s">
        <v>38</v>
      </c>
      <c r="P6806" s="5" t="s">
        <v>30698</v>
      </c>
    </row>
    <row r="6807" spans="1:16" x14ac:dyDescent="0.2">
      <c r="A6807" s="1" t="s">
        <v>10</v>
      </c>
      <c r="B6807" s="1" t="s">
        <v>10</v>
      </c>
      <c r="C6807" s="1" t="s">
        <v>7140</v>
      </c>
      <c r="D6807" s="1" t="s">
        <v>374</v>
      </c>
      <c r="E6807" s="1" t="s">
        <v>23948</v>
      </c>
      <c r="F6807" s="1" t="s">
        <v>10</v>
      </c>
      <c r="G6807" s="1" t="s">
        <v>10</v>
      </c>
      <c r="H6807" s="1" t="s">
        <v>10</v>
      </c>
      <c r="I6807" s="1" t="s">
        <v>22777</v>
      </c>
      <c r="J6807" s="1" t="s">
        <v>10</v>
      </c>
      <c r="K6807" s="1" t="s">
        <v>10</v>
      </c>
      <c r="L6807" s="1" t="s">
        <v>23947</v>
      </c>
      <c r="M6807" s="1" t="s">
        <v>5</v>
      </c>
      <c r="N6807" s="1" t="s">
        <v>10</v>
      </c>
      <c r="O6807" s="1" t="s">
        <v>8</v>
      </c>
      <c r="P6807" s="5" t="s">
        <v>30701</v>
      </c>
    </row>
    <row r="6808" spans="1:16" x14ac:dyDescent="0.2">
      <c r="A6808" s="1" t="s">
        <v>10</v>
      </c>
      <c r="B6808" s="1" t="s">
        <v>10</v>
      </c>
      <c r="C6808" s="1" t="s">
        <v>23950</v>
      </c>
      <c r="D6808" s="1" t="s">
        <v>23951</v>
      </c>
      <c r="E6808" s="1"/>
      <c r="F6808" s="1" t="s">
        <v>10</v>
      </c>
      <c r="G6808" s="1" t="s">
        <v>10</v>
      </c>
      <c r="H6808" s="1" t="s">
        <v>10</v>
      </c>
      <c r="I6808" s="1" t="s">
        <v>22777</v>
      </c>
      <c r="J6808" s="1" t="s">
        <v>10</v>
      </c>
      <c r="K6808" s="1" t="s">
        <v>10</v>
      </c>
      <c r="L6808" s="1" t="s">
        <v>23949</v>
      </c>
      <c r="M6808" s="1" t="s">
        <v>5</v>
      </c>
      <c r="N6808" s="1" t="s">
        <v>10</v>
      </c>
      <c r="O6808" s="1" t="s">
        <v>38</v>
      </c>
      <c r="P6808" s="5" t="s">
        <v>30698</v>
      </c>
    </row>
    <row r="6809" spans="1:16" x14ac:dyDescent="0.2">
      <c r="A6809" s="1" t="s">
        <v>10</v>
      </c>
      <c r="B6809" s="1" t="s">
        <v>10</v>
      </c>
      <c r="C6809" s="1" t="s">
        <v>23953</v>
      </c>
      <c r="D6809" s="1" t="s">
        <v>23954</v>
      </c>
      <c r="E6809" s="1" t="s">
        <v>4511</v>
      </c>
      <c r="F6809" s="1" t="s">
        <v>10</v>
      </c>
      <c r="G6809" s="1" t="s">
        <v>10</v>
      </c>
      <c r="H6809" s="1" t="s">
        <v>10</v>
      </c>
      <c r="I6809" s="1" t="s">
        <v>22777</v>
      </c>
      <c r="J6809" s="1" t="s">
        <v>10</v>
      </c>
      <c r="K6809" s="1" t="s">
        <v>10</v>
      </c>
      <c r="L6809" s="1" t="s">
        <v>23952</v>
      </c>
      <c r="M6809" s="1" t="s">
        <v>5</v>
      </c>
      <c r="N6809" s="1" t="s">
        <v>10</v>
      </c>
      <c r="O6809" s="1" t="s">
        <v>8</v>
      </c>
      <c r="P6809" s="5" t="s">
        <v>30698</v>
      </c>
    </row>
    <row r="6810" spans="1:16" x14ac:dyDescent="0.2">
      <c r="A6810" s="1" t="s">
        <v>10</v>
      </c>
      <c r="B6810" s="1" t="s">
        <v>10</v>
      </c>
      <c r="C6810" s="1" t="s">
        <v>23956</v>
      </c>
      <c r="D6810" s="1" t="s">
        <v>23957</v>
      </c>
      <c r="E6810" s="1" t="s">
        <v>4511</v>
      </c>
      <c r="F6810" s="1" t="s">
        <v>10</v>
      </c>
      <c r="G6810" s="1" t="s">
        <v>10</v>
      </c>
      <c r="H6810" s="1" t="s">
        <v>10</v>
      </c>
      <c r="I6810" s="1" t="s">
        <v>22777</v>
      </c>
      <c r="J6810" s="1" t="s">
        <v>10</v>
      </c>
      <c r="K6810" s="1" t="s">
        <v>10</v>
      </c>
      <c r="L6810" s="1" t="s">
        <v>23955</v>
      </c>
      <c r="M6810" s="1" t="s">
        <v>5</v>
      </c>
      <c r="N6810" s="1" t="s">
        <v>1009</v>
      </c>
      <c r="O6810" s="1" t="s">
        <v>38</v>
      </c>
      <c r="P6810" s="5" t="s">
        <v>30698</v>
      </c>
    </row>
    <row r="6811" spans="1:16" x14ac:dyDescent="0.2">
      <c r="A6811" s="1" t="s">
        <v>10</v>
      </c>
      <c r="B6811" s="1" t="s">
        <v>10</v>
      </c>
      <c r="C6811" s="1" t="s">
        <v>23959</v>
      </c>
      <c r="D6811" s="1" t="s">
        <v>23960</v>
      </c>
      <c r="E6811" s="1" t="s">
        <v>4511</v>
      </c>
      <c r="F6811" s="1" t="s">
        <v>10</v>
      </c>
      <c r="G6811" s="1" t="s">
        <v>10</v>
      </c>
      <c r="H6811" s="1" t="s">
        <v>10</v>
      </c>
      <c r="I6811" s="1" t="s">
        <v>22777</v>
      </c>
      <c r="J6811" s="1" t="s">
        <v>10</v>
      </c>
      <c r="K6811" s="1" t="s">
        <v>10</v>
      </c>
      <c r="L6811" s="1" t="s">
        <v>23958</v>
      </c>
      <c r="M6811" s="1" t="s">
        <v>5</v>
      </c>
      <c r="N6811" s="1" t="s">
        <v>25</v>
      </c>
      <c r="O6811" s="1" t="s">
        <v>8</v>
      </c>
      <c r="P6811" s="5" t="s">
        <v>30698</v>
      </c>
    </row>
    <row r="6812" spans="1:16" x14ac:dyDescent="0.2">
      <c r="A6812" s="1" t="s">
        <v>10</v>
      </c>
      <c r="B6812" s="1" t="s">
        <v>10</v>
      </c>
      <c r="C6812" s="1" t="s">
        <v>7765</v>
      </c>
      <c r="D6812" s="1" t="s">
        <v>23962</v>
      </c>
      <c r="E6812" s="1" t="s">
        <v>23963</v>
      </c>
      <c r="F6812" s="1" t="s">
        <v>10</v>
      </c>
      <c r="G6812" s="1" t="s">
        <v>10</v>
      </c>
      <c r="H6812" s="1" t="s">
        <v>10</v>
      </c>
      <c r="I6812" s="1" t="s">
        <v>22777</v>
      </c>
      <c r="J6812" s="1" t="s">
        <v>10</v>
      </c>
      <c r="K6812" s="1" t="s">
        <v>10</v>
      </c>
      <c r="L6812" s="1" t="s">
        <v>23961</v>
      </c>
      <c r="M6812" s="1" t="s">
        <v>5</v>
      </c>
      <c r="N6812" s="1" t="s">
        <v>10</v>
      </c>
      <c r="O6812" s="1" t="s">
        <v>8</v>
      </c>
      <c r="P6812" s="5" t="s">
        <v>30701</v>
      </c>
    </row>
    <row r="6813" spans="1:16" x14ac:dyDescent="0.2">
      <c r="A6813" s="1" t="s">
        <v>10</v>
      </c>
      <c r="B6813" s="1" t="s">
        <v>10</v>
      </c>
      <c r="C6813" s="1" t="s">
        <v>23965</v>
      </c>
      <c r="D6813" s="1" t="s">
        <v>11843</v>
      </c>
      <c r="E6813" s="1" t="s">
        <v>23966</v>
      </c>
      <c r="F6813" s="1" t="s">
        <v>10</v>
      </c>
      <c r="G6813" s="1" t="s">
        <v>10</v>
      </c>
      <c r="H6813" s="1" t="s">
        <v>10</v>
      </c>
      <c r="I6813" s="1" t="s">
        <v>22777</v>
      </c>
      <c r="J6813" s="1" t="s">
        <v>10</v>
      </c>
      <c r="K6813" s="1" t="s">
        <v>10</v>
      </c>
      <c r="L6813" s="1" t="s">
        <v>23964</v>
      </c>
      <c r="M6813" s="1" t="s">
        <v>5</v>
      </c>
      <c r="N6813" s="1" t="s">
        <v>10</v>
      </c>
      <c r="O6813" s="1" t="s">
        <v>8</v>
      </c>
      <c r="P6813" s="5" t="s">
        <v>30699</v>
      </c>
    </row>
    <row r="6814" spans="1:16" x14ac:dyDescent="0.2">
      <c r="A6814" s="1" t="s">
        <v>10</v>
      </c>
      <c r="B6814" s="1" t="s">
        <v>10</v>
      </c>
      <c r="C6814" s="1" t="s">
        <v>23968</v>
      </c>
      <c r="D6814" s="1" t="s">
        <v>23969</v>
      </c>
      <c r="E6814" s="1"/>
      <c r="F6814" s="1" t="s">
        <v>10</v>
      </c>
      <c r="G6814" s="1" t="s">
        <v>10</v>
      </c>
      <c r="H6814" s="1" t="s">
        <v>10</v>
      </c>
      <c r="I6814" s="1" t="s">
        <v>22777</v>
      </c>
      <c r="J6814" s="1" t="s">
        <v>10</v>
      </c>
      <c r="K6814" s="1" t="s">
        <v>10</v>
      </c>
      <c r="L6814" s="1" t="s">
        <v>23967</v>
      </c>
      <c r="M6814" s="1" t="s">
        <v>5</v>
      </c>
      <c r="N6814" s="1" t="s">
        <v>10</v>
      </c>
      <c r="O6814" s="1" t="s">
        <v>38</v>
      </c>
      <c r="P6814" s="5" t="s">
        <v>30698</v>
      </c>
    </row>
    <row r="6815" spans="1:16" x14ac:dyDescent="0.2">
      <c r="A6815" s="1" t="s">
        <v>10</v>
      </c>
      <c r="B6815" s="1" t="s">
        <v>10</v>
      </c>
      <c r="C6815" s="1" t="s">
        <v>23971</v>
      </c>
      <c r="D6815" s="1" t="s">
        <v>23972</v>
      </c>
      <c r="E6815" s="1" t="s">
        <v>23973</v>
      </c>
      <c r="F6815" s="1" t="s">
        <v>10</v>
      </c>
      <c r="G6815" s="1" t="s">
        <v>10</v>
      </c>
      <c r="H6815" s="1" t="s">
        <v>10</v>
      </c>
      <c r="I6815" s="1" t="s">
        <v>22777</v>
      </c>
      <c r="J6815" s="1" t="s">
        <v>10</v>
      </c>
      <c r="K6815" s="1" t="s">
        <v>10</v>
      </c>
      <c r="L6815" s="1" t="s">
        <v>23970</v>
      </c>
      <c r="M6815" s="1" t="s">
        <v>5</v>
      </c>
      <c r="N6815" s="1" t="s">
        <v>1597</v>
      </c>
      <c r="O6815" s="1" t="s">
        <v>8</v>
      </c>
      <c r="P6815" s="5"/>
    </row>
    <row r="6816" spans="1:16" x14ac:dyDescent="0.2">
      <c r="A6816" s="1" t="s">
        <v>10</v>
      </c>
      <c r="B6816" s="1" t="s">
        <v>10</v>
      </c>
      <c r="C6816" s="1" t="s">
        <v>23975</v>
      </c>
      <c r="D6816" s="1" t="s">
        <v>23976</v>
      </c>
      <c r="E6816" s="1" t="s">
        <v>23977</v>
      </c>
      <c r="F6816" s="1" t="s">
        <v>10</v>
      </c>
      <c r="G6816" s="1" t="s">
        <v>10</v>
      </c>
      <c r="H6816" s="1" t="s">
        <v>10</v>
      </c>
      <c r="I6816" s="1" t="s">
        <v>22777</v>
      </c>
      <c r="J6816" s="1" t="s">
        <v>10</v>
      </c>
      <c r="K6816" s="1" t="s">
        <v>10</v>
      </c>
      <c r="L6816" s="1" t="s">
        <v>23974</v>
      </c>
      <c r="M6816" s="1" t="s">
        <v>5</v>
      </c>
      <c r="N6816" s="1" t="s">
        <v>25</v>
      </c>
      <c r="O6816" s="1" t="s">
        <v>38</v>
      </c>
      <c r="P6816" s="5" t="s">
        <v>30698</v>
      </c>
    </row>
    <row r="6817" spans="1:16" x14ac:dyDescent="0.2">
      <c r="A6817" s="1" t="s">
        <v>10</v>
      </c>
      <c r="B6817" s="1" t="s">
        <v>10</v>
      </c>
      <c r="C6817" s="1" t="s">
        <v>23979</v>
      </c>
      <c r="D6817" s="1" t="s">
        <v>23980</v>
      </c>
      <c r="E6817" s="1"/>
      <c r="F6817" s="1" t="s">
        <v>10</v>
      </c>
      <c r="G6817" s="1" t="s">
        <v>10</v>
      </c>
      <c r="H6817" s="1" t="s">
        <v>10</v>
      </c>
      <c r="I6817" s="1" t="s">
        <v>22777</v>
      </c>
      <c r="J6817" s="1" t="s">
        <v>10</v>
      </c>
      <c r="K6817" s="1" t="s">
        <v>10</v>
      </c>
      <c r="L6817" s="1" t="s">
        <v>23978</v>
      </c>
      <c r="M6817" s="1" t="s">
        <v>5</v>
      </c>
      <c r="N6817" s="1" t="s">
        <v>25</v>
      </c>
      <c r="O6817" s="1" t="s">
        <v>8</v>
      </c>
      <c r="P6817" s="5" t="s">
        <v>30698</v>
      </c>
    </row>
    <row r="6818" spans="1:16" x14ac:dyDescent="0.2">
      <c r="A6818" s="1" t="s">
        <v>10</v>
      </c>
      <c r="B6818" s="1" t="s">
        <v>10</v>
      </c>
      <c r="C6818" s="1" t="s">
        <v>23982</v>
      </c>
      <c r="D6818" s="1" t="s">
        <v>15921</v>
      </c>
      <c r="E6818" s="1" t="s">
        <v>23983</v>
      </c>
      <c r="F6818" s="1" t="s">
        <v>10</v>
      </c>
      <c r="G6818" s="1" t="s">
        <v>10</v>
      </c>
      <c r="H6818" s="1" t="s">
        <v>10</v>
      </c>
      <c r="I6818" s="1" t="s">
        <v>22777</v>
      </c>
      <c r="J6818" s="1" t="s">
        <v>10</v>
      </c>
      <c r="K6818" s="1" t="s">
        <v>10</v>
      </c>
      <c r="L6818" s="1" t="s">
        <v>23981</v>
      </c>
      <c r="M6818" s="1" t="s">
        <v>5</v>
      </c>
      <c r="N6818" s="1" t="s">
        <v>25</v>
      </c>
      <c r="O6818" s="1" t="s">
        <v>8</v>
      </c>
      <c r="P6818" s="5" t="s">
        <v>30698</v>
      </c>
    </row>
    <row r="6819" spans="1:16" x14ac:dyDescent="0.2">
      <c r="A6819" s="1" t="s">
        <v>10</v>
      </c>
      <c r="B6819" s="1" t="s">
        <v>10</v>
      </c>
      <c r="C6819" s="1" t="s">
        <v>23985</v>
      </c>
      <c r="D6819" s="1" t="s">
        <v>23986</v>
      </c>
      <c r="E6819" s="1" t="s">
        <v>23987</v>
      </c>
      <c r="F6819" s="1" t="s">
        <v>10</v>
      </c>
      <c r="G6819" s="1" t="s">
        <v>10</v>
      </c>
      <c r="H6819" s="1" t="s">
        <v>10</v>
      </c>
      <c r="I6819" s="1" t="s">
        <v>22777</v>
      </c>
      <c r="J6819" s="1" t="s">
        <v>10</v>
      </c>
      <c r="K6819" s="1" t="s">
        <v>10</v>
      </c>
      <c r="L6819" s="1" t="s">
        <v>23984</v>
      </c>
      <c r="M6819" s="1" t="s">
        <v>5</v>
      </c>
      <c r="N6819" s="1" t="s">
        <v>25</v>
      </c>
      <c r="O6819" s="1" t="s">
        <v>38</v>
      </c>
      <c r="P6819" s="5"/>
    </row>
    <row r="6820" spans="1:16" x14ac:dyDescent="0.2">
      <c r="A6820" s="1" t="s">
        <v>10</v>
      </c>
      <c r="B6820" s="1" t="s">
        <v>10</v>
      </c>
      <c r="C6820" s="1" t="s">
        <v>23989</v>
      </c>
      <c r="D6820" s="1" t="s">
        <v>23990</v>
      </c>
      <c r="E6820" s="1" t="s">
        <v>23991</v>
      </c>
      <c r="F6820" s="1" t="s">
        <v>10</v>
      </c>
      <c r="G6820" s="1" t="s">
        <v>10</v>
      </c>
      <c r="H6820" s="1" t="s">
        <v>10</v>
      </c>
      <c r="I6820" s="1" t="s">
        <v>22777</v>
      </c>
      <c r="J6820" s="1" t="s">
        <v>10</v>
      </c>
      <c r="K6820" s="1" t="s">
        <v>10</v>
      </c>
      <c r="L6820" s="1" t="s">
        <v>23988</v>
      </c>
      <c r="M6820" s="1" t="s">
        <v>5</v>
      </c>
      <c r="N6820" s="1" t="s">
        <v>25</v>
      </c>
      <c r="O6820" s="1" t="s">
        <v>38</v>
      </c>
      <c r="P6820" s="5" t="s">
        <v>22781</v>
      </c>
    </row>
    <row r="6821" spans="1:16" x14ac:dyDescent="0.2">
      <c r="A6821" s="1" t="s">
        <v>10</v>
      </c>
      <c r="B6821" s="1" t="s">
        <v>10</v>
      </c>
      <c r="C6821" s="1" t="s">
        <v>23993</v>
      </c>
      <c r="D6821" s="1" t="s">
        <v>23994</v>
      </c>
      <c r="E6821" s="1" t="s">
        <v>23995</v>
      </c>
      <c r="F6821" s="1" t="s">
        <v>10</v>
      </c>
      <c r="G6821" s="1" t="s">
        <v>10</v>
      </c>
      <c r="H6821" s="1" t="s">
        <v>10</v>
      </c>
      <c r="I6821" s="1" t="s">
        <v>22777</v>
      </c>
      <c r="J6821" s="1" t="s">
        <v>10</v>
      </c>
      <c r="K6821" s="1" t="s">
        <v>10</v>
      </c>
      <c r="L6821" s="1" t="s">
        <v>23992</v>
      </c>
      <c r="M6821" s="1" t="s">
        <v>5</v>
      </c>
      <c r="N6821" s="1" t="s">
        <v>1009</v>
      </c>
      <c r="O6821" s="1" t="s">
        <v>8</v>
      </c>
      <c r="P6821" s="5" t="s">
        <v>30698</v>
      </c>
    </row>
    <row r="6822" spans="1:16" x14ac:dyDescent="0.2">
      <c r="A6822" s="1" t="s">
        <v>10</v>
      </c>
      <c r="B6822" s="1" t="s">
        <v>10</v>
      </c>
      <c r="C6822" s="1" t="s">
        <v>23997</v>
      </c>
      <c r="D6822" s="1" t="s">
        <v>23998</v>
      </c>
      <c r="E6822" s="1" t="s">
        <v>23999</v>
      </c>
      <c r="F6822" s="1" t="s">
        <v>10</v>
      </c>
      <c r="G6822" s="1" t="s">
        <v>10</v>
      </c>
      <c r="H6822" s="1" t="s">
        <v>10</v>
      </c>
      <c r="I6822" s="1" t="s">
        <v>22777</v>
      </c>
      <c r="J6822" s="1" t="s">
        <v>10</v>
      </c>
      <c r="K6822" s="1" t="s">
        <v>10</v>
      </c>
      <c r="L6822" s="1" t="s">
        <v>23996</v>
      </c>
      <c r="M6822" s="1" t="s">
        <v>5</v>
      </c>
      <c r="N6822" s="1" t="s">
        <v>25</v>
      </c>
      <c r="O6822" s="1" t="s">
        <v>8</v>
      </c>
      <c r="P6822" s="5" t="s">
        <v>30701</v>
      </c>
    </row>
    <row r="6823" spans="1:16" x14ac:dyDescent="0.2">
      <c r="A6823" s="1" t="s">
        <v>10</v>
      </c>
      <c r="B6823" s="1" t="s">
        <v>10</v>
      </c>
      <c r="C6823" s="1" t="s">
        <v>24001</v>
      </c>
      <c r="D6823" s="1" t="s">
        <v>24001</v>
      </c>
      <c r="E6823" s="1"/>
      <c r="F6823" s="1" t="s">
        <v>10</v>
      </c>
      <c r="G6823" s="1" t="s">
        <v>10</v>
      </c>
      <c r="H6823" s="1" t="s">
        <v>10</v>
      </c>
      <c r="I6823" s="1" t="s">
        <v>22777</v>
      </c>
      <c r="J6823" s="1" t="s">
        <v>10</v>
      </c>
      <c r="K6823" s="1" t="s">
        <v>10</v>
      </c>
      <c r="L6823" s="1" t="s">
        <v>24000</v>
      </c>
      <c r="M6823" s="1" t="s">
        <v>5</v>
      </c>
      <c r="N6823" s="1" t="s">
        <v>25</v>
      </c>
      <c r="O6823" s="1" t="s">
        <v>8</v>
      </c>
      <c r="P6823" s="5" t="s">
        <v>30698</v>
      </c>
    </row>
    <row r="6824" spans="1:16" x14ac:dyDescent="0.2">
      <c r="A6824" s="1" t="s">
        <v>10</v>
      </c>
      <c r="B6824" s="1" t="s">
        <v>10</v>
      </c>
      <c r="C6824" s="1" t="s">
        <v>24003</v>
      </c>
      <c r="D6824" s="1" t="s">
        <v>24004</v>
      </c>
      <c r="E6824" s="1" t="s">
        <v>24005</v>
      </c>
      <c r="F6824" s="1" t="s">
        <v>10</v>
      </c>
      <c r="G6824" s="1" t="s">
        <v>10</v>
      </c>
      <c r="H6824" s="1" t="s">
        <v>10</v>
      </c>
      <c r="I6824" s="1" t="s">
        <v>22777</v>
      </c>
      <c r="J6824" s="1" t="s">
        <v>10</v>
      </c>
      <c r="K6824" s="1" t="s">
        <v>10</v>
      </c>
      <c r="L6824" s="1" t="s">
        <v>24002</v>
      </c>
      <c r="M6824" s="1" t="s">
        <v>5</v>
      </c>
      <c r="N6824" s="1" t="s">
        <v>25</v>
      </c>
      <c r="O6824" s="1" t="s">
        <v>8</v>
      </c>
      <c r="P6824" s="5" t="s">
        <v>30698</v>
      </c>
    </row>
    <row r="6825" spans="1:16" x14ac:dyDescent="0.2">
      <c r="A6825" s="1" t="s">
        <v>10</v>
      </c>
      <c r="B6825" s="1" t="s">
        <v>10</v>
      </c>
      <c r="C6825" s="1" t="s">
        <v>24007</v>
      </c>
      <c r="D6825" s="1" t="s">
        <v>24008</v>
      </c>
      <c r="E6825" s="1" t="s">
        <v>24009</v>
      </c>
      <c r="F6825" s="1" t="s">
        <v>10</v>
      </c>
      <c r="G6825" s="1" t="s">
        <v>10</v>
      </c>
      <c r="H6825" s="1" t="s">
        <v>10</v>
      </c>
      <c r="I6825" s="1" t="s">
        <v>22777</v>
      </c>
      <c r="J6825" s="1" t="s">
        <v>10</v>
      </c>
      <c r="K6825" s="1" t="s">
        <v>10</v>
      </c>
      <c r="L6825" s="1" t="s">
        <v>24006</v>
      </c>
      <c r="M6825" s="1" t="s">
        <v>5</v>
      </c>
      <c r="N6825" s="1" t="s">
        <v>1009</v>
      </c>
      <c r="O6825" s="1" t="s">
        <v>8</v>
      </c>
      <c r="P6825" s="5" t="s">
        <v>30699</v>
      </c>
    </row>
    <row r="6826" spans="1:16" x14ac:dyDescent="0.2">
      <c r="A6826" s="1" t="s">
        <v>10</v>
      </c>
      <c r="B6826" s="1" t="s">
        <v>10</v>
      </c>
      <c r="C6826" s="1" t="s">
        <v>24011</v>
      </c>
      <c r="D6826" s="1" t="s">
        <v>24012</v>
      </c>
      <c r="E6826" s="1" t="s">
        <v>24013</v>
      </c>
      <c r="F6826" s="1" t="s">
        <v>10</v>
      </c>
      <c r="G6826" s="1" t="s">
        <v>10</v>
      </c>
      <c r="H6826" s="1" t="s">
        <v>10</v>
      </c>
      <c r="I6826" s="1" t="s">
        <v>22777</v>
      </c>
      <c r="J6826" s="1" t="s">
        <v>10</v>
      </c>
      <c r="K6826" s="1" t="s">
        <v>10</v>
      </c>
      <c r="L6826" s="1" t="s">
        <v>24010</v>
      </c>
      <c r="M6826" s="1" t="s">
        <v>5</v>
      </c>
      <c r="N6826" s="1" t="s">
        <v>25</v>
      </c>
      <c r="O6826" s="1" t="s">
        <v>8</v>
      </c>
      <c r="P6826" s="5" t="s">
        <v>30698</v>
      </c>
    </row>
    <row r="6827" spans="1:16" x14ac:dyDescent="0.2">
      <c r="A6827" s="1" t="s">
        <v>10</v>
      </c>
      <c r="B6827" s="1" t="s">
        <v>10</v>
      </c>
      <c r="C6827" s="1" t="s">
        <v>24015</v>
      </c>
      <c r="D6827" s="1" t="s">
        <v>24015</v>
      </c>
      <c r="E6827" s="1" t="s">
        <v>24016</v>
      </c>
      <c r="F6827" s="1" t="s">
        <v>10</v>
      </c>
      <c r="G6827" s="1" t="s">
        <v>10</v>
      </c>
      <c r="H6827" s="1" t="s">
        <v>10</v>
      </c>
      <c r="I6827" s="1" t="s">
        <v>22777</v>
      </c>
      <c r="J6827" s="1" t="s">
        <v>10</v>
      </c>
      <c r="K6827" s="1" t="s">
        <v>10</v>
      </c>
      <c r="L6827" s="1" t="s">
        <v>24014</v>
      </c>
      <c r="M6827" s="1" t="s">
        <v>5</v>
      </c>
      <c r="N6827" s="1" t="s">
        <v>6</v>
      </c>
      <c r="O6827" s="1" t="s">
        <v>38</v>
      </c>
      <c r="P6827" s="5" t="s">
        <v>30699</v>
      </c>
    </row>
    <row r="6828" spans="1:16" x14ac:dyDescent="0.2">
      <c r="A6828" s="1" t="s">
        <v>10</v>
      </c>
      <c r="B6828" s="1" t="s">
        <v>10</v>
      </c>
      <c r="C6828" s="1" t="s">
        <v>24018</v>
      </c>
      <c r="D6828" s="1" t="s">
        <v>24019</v>
      </c>
      <c r="E6828" s="1" t="s">
        <v>24020</v>
      </c>
      <c r="F6828" s="1" t="s">
        <v>10</v>
      </c>
      <c r="G6828" s="1" t="s">
        <v>10</v>
      </c>
      <c r="H6828" s="1" t="s">
        <v>10</v>
      </c>
      <c r="I6828" s="1" t="s">
        <v>22777</v>
      </c>
      <c r="J6828" s="1" t="s">
        <v>10</v>
      </c>
      <c r="K6828" s="1" t="s">
        <v>10</v>
      </c>
      <c r="L6828" s="1" t="s">
        <v>24017</v>
      </c>
      <c r="M6828" s="1" t="s">
        <v>5</v>
      </c>
      <c r="N6828" s="1" t="s">
        <v>25</v>
      </c>
      <c r="O6828" s="1" t="s">
        <v>38</v>
      </c>
      <c r="P6828" s="5" t="s">
        <v>30698</v>
      </c>
    </row>
    <row r="6829" spans="1:16" x14ac:dyDescent="0.2">
      <c r="A6829" s="1" t="s">
        <v>10</v>
      </c>
      <c r="B6829" s="1" t="s">
        <v>10</v>
      </c>
      <c r="C6829" s="1" t="s">
        <v>24022</v>
      </c>
      <c r="D6829" s="1" t="s">
        <v>24023</v>
      </c>
      <c r="E6829" s="1" t="s">
        <v>24024</v>
      </c>
      <c r="F6829" s="1" t="s">
        <v>10</v>
      </c>
      <c r="G6829" s="1" t="s">
        <v>10</v>
      </c>
      <c r="H6829" s="1" t="s">
        <v>10</v>
      </c>
      <c r="I6829" s="1" t="s">
        <v>22777</v>
      </c>
      <c r="J6829" s="1" t="s">
        <v>10</v>
      </c>
      <c r="K6829" s="1" t="s">
        <v>10</v>
      </c>
      <c r="L6829" s="1" t="s">
        <v>24021</v>
      </c>
      <c r="M6829" s="1" t="s">
        <v>5</v>
      </c>
      <c r="N6829" s="1" t="s">
        <v>25</v>
      </c>
      <c r="O6829" s="1" t="s">
        <v>8</v>
      </c>
      <c r="P6829" s="5" t="s">
        <v>30701</v>
      </c>
    </row>
    <row r="6830" spans="1:16" x14ac:dyDescent="0.2">
      <c r="A6830" s="1" t="s">
        <v>20</v>
      </c>
      <c r="B6830" s="1" t="s">
        <v>172</v>
      </c>
      <c r="C6830" s="1" t="s">
        <v>24027</v>
      </c>
      <c r="D6830" s="1" t="s">
        <v>2608</v>
      </c>
      <c r="E6830" s="1"/>
      <c r="F6830" s="1" t="s">
        <v>10</v>
      </c>
      <c r="G6830" s="1" t="s">
        <v>10</v>
      </c>
      <c r="H6830" s="1" t="s">
        <v>10</v>
      </c>
      <c r="I6830" s="1" t="s">
        <v>24025</v>
      </c>
      <c r="J6830" s="1" t="s">
        <v>24028</v>
      </c>
      <c r="K6830" s="1" t="s">
        <v>1548</v>
      </c>
      <c r="L6830" s="1" t="s">
        <v>24026</v>
      </c>
      <c r="M6830" s="1" t="s">
        <v>5</v>
      </c>
      <c r="N6830" s="1" t="s">
        <v>25</v>
      </c>
      <c r="O6830" s="1" t="s">
        <v>38</v>
      </c>
      <c r="P6830" s="5" t="s">
        <v>30702</v>
      </c>
    </row>
    <row r="6831" spans="1:16" x14ac:dyDescent="0.2">
      <c r="A6831" s="1" t="s">
        <v>20</v>
      </c>
      <c r="B6831" s="1" t="s">
        <v>172</v>
      </c>
      <c r="C6831" s="1" t="s">
        <v>24030</v>
      </c>
      <c r="D6831" s="1" t="s">
        <v>24031</v>
      </c>
      <c r="E6831" s="1" t="s">
        <v>24032</v>
      </c>
      <c r="F6831" s="1" t="s">
        <v>10</v>
      </c>
      <c r="G6831" s="1" t="s">
        <v>10</v>
      </c>
      <c r="H6831" s="1" t="s">
        <v>10</v>
      </c>
      <c r="I6831" s="1" t="s">
        <v>24025</v>
      </c>
      <c r="J6831" s="1" t="s">
        <v>24028</v>
      </c>
      <c r="K6831" s="1" t="s">
        <v>1548</v>
      </c>
      <c r="L6831" s="1" t="s">
        <v>24029</v>
      </c>
      <c r="M6831" s="1" t="s">
        <v>5</v>
      </c>
      <c r="N6831" s="1" t="s">
        <v>1009</v>
      </c>
      <c r="O6831" s="1" t="s">
        <v>38</v>
      </c>
      <c r="P6831" s="5" t="s">
        <v>32226</v>
      </c>
    </row>
    <row r="6832" spans="1:16" x14ac:dyDescent="0.2">
      <c r="A6832" s="1" t="s">
        <v>66</v>
      </c>
      <c r="B6832" s="1" t="s">
        <v>498</v>
      </c>
      <c r="C6832" s="1" t="s">
        <v>24034</v>
      </c>
      <c r="D6832" s="1" t="s">
        <v>13354</v>
      </c>
      <c r="E6832" s="1" t="s">
        <v>24036</v>
      </c>
      <c r="F6832" s="1" t="s">
        <v>10</v>
      </c>
      <c r="G6832" s="1" t="s">
        <v>10</v>
      </c>
      <c r="H6832" s="1" t="s">
        <v>10</v>
      </c>
      <c r="I6832" s="1" t="s">
        <v>24025</v>
      </c>
      <c r="J6832" s="1" t="s">
        <v>24035</v>
      </c>
      <c r="K6832" s="1" t="s">
        <v>7</v>
      </c>
      <c r="L6832" s="1" t="s">
        <v>24033</v>
      </c>
      <c r="M6832" s="1" t="s">
        <v>5</v>
      </c>
      <c r="N6832" s="1" t="s">
        <v>25</v>
      </c>
      <c r="O6832" s="1" t="s">
        <v>38</v>
      </c>
      <c r="P6832" s="5" t="s">
        <v>30703</v>
      </c>
    </row>
    <row r="6833" spans="1:16" x14ac:dyDescent="0.2">
      <c r="A6833" s="1" t="s">
        <v>20</v>
      </c>
      <c r="B6833" s="1" t="s">
        <v>172</v>
      </c>
      <c r="C6833" s="1" t="s">
        <v>24038</v>
      </c>
      <c r="D6833" s="1" t="s">
        <v>24039</v>
      </c>
      <c r="E6833" s="1" t="s">
        <v>24041</v>
      </c>
      <c r="F6833" s="1" t="s">
        <v>24040</v>
      </c>
      <c r="G6833" s="1" t="s">
        <v>1042</v>
      </c>
      <c r="H6833" s="1" t="s">
        <v>24042</v>
      </c>
      <c r="I6833" s="1" t="s">
        <v>24025</v>
      </c>
      <c r="J6833" s="1" t="s">
        <v>24028</v>
      </c>
      <c r="K6833" s="1" t="s">
        <v>1548</v>
      </c>
      <c r="L6833" s="1" t="s">
        <v>24037</v>
      </c>
      <c r="M6833" s="1" t="s">
        <v>5</v>
      </c>
      <c r="N6833" s="1" t="s">
        <v>1009</v>
      </c>
      <c r="O6833" s="1" t="s">
        <v>8</v>
      </c>
      <c r="P6833" s="5" t="s">
        <v>32227</v>
      </c>
    </row>
    <row r="6834" spans="1:16" x14ac:dyDescent="0.2">
      <c r="A6834" s="1" t="s">
        <v>20</v>
      </c>
      <c r="B6834" s="1" t="s">
        <v>21</v>
      </c>
      <c r="C6834" s="1" t="s">
        <v>24044</v>
      </c>
      <c r="D6834" s="1" t="s">
        <v>24045</v>
      </c>
      <c r="E6834" s="1" t="s">
        <v>24046</v>
      </c>
      <c r="F6834" s="1" t="s">
        <v>10</v>
      </c>
      <c r="G6834" s="1" t="s">
        <v>10</v>
      </c>
      <c r="H6834" s="1" t="s">
        <v>10</v>
      </c>
      <c r="I6834" s="1" t="s">
        <v>24025</v>
      </c>
      <c r="J6834" s="1" t="s">
        <v>24028</v>
      </c>
      <c r="K6834" s="1" t="s">
        <v>1548</v>
      </c>
      <c r="L6834" s="1" t="s">
        <v>24043</v>
      </c>
      <c r="M6834" s="1" t="s">
        <v>5</v>
      </c>
      <c r="N6834" s="1" t="s">
        <v>25</v>
      </c>
      <c r="O6834" s="1" t="s">
        <v>38</v>
      </c>
      <c r="P6834" s="5" t="s">
        <v>30704</v>
      </c>
    </row>
    <row r="6835" spans="1:16" x14ac:dyDescent="0.2">
      <c r="A6835" s="1" t="s">
        <v>66</v>
      </c>
      <c r="B6835" s="1" t="s">
        <v>574</v>
      </c>
      <c r="C6835" s="1" t="s">
        <v>24048</v>
      </c>
      <c r="D6835" s="1" t="s">
        <v>24049</v>
      </c>
      <c r="E6835" s="1"/>
      <c r="F6835" s="1" t="s">
        <v>1813</v>
      </c>
      <c r="G6835" s="1" t="s">
        <v>1042</v>
      </c>
      <c r="H6835" s="1" t="s">
        <v>16457</v>
      </c>
      <c r="I6835" s="1" t="s">
        <v>24025</v>
      </c>
      <c r="J6835" s="1" t="s">
        <v>24050</v>
      </c>
      <c r="K6835" s="1" t="s">
        <v>1548</v>
      </c>
      <c r="L6835" s="1" t="s">
        <v>24047</v>
      </c>
      <c r="M6835" s="1" t="s">
        <v>5</v>
      </c>
      <c r="N6835" s="1" t="s">
        <v>25</v>
      </c>
      <c r="O6835" s="1" t="s">
        <v>8</v>
      </c>
      <c r="P6835" s="5" t="s">
        <v>32228</v>
      </c>
    </row>
    <row r="6836" spans="1:16" x14ac:dyDescent="0.2">
      <c r="A6836" s="1" t="s">
        <v>66</v>
      </c>
      <c r="B6836" s="1" t="s">
        <v>574</v>
      </c>
      <c r="C6836" s="1" t="s">
        <v>24052</v>
      </c>
      <c r="D6836" s="1" t="s">
        <v>24053</v>
      </c>
      <c r="E6836" s="1"/>
      <c r="F6836" s="1" t="s">
        <v>1813</v>
      </c>
      <c r="G6836" s="1" t="s">
        <v>1042</v>
      </c>
      <c r="H6836" s="1" t="s">
        <v>16457</v>
      </c>
      <c r="I6836" s="1" t="s">
        <v>24025</v>
      </c>
      <c r="J6836" s="1" t="s">
        <v>24054</v>
      </c>
      <c r="K6836" s="1" t="s">
        <v>1548</v>
      </c>
      <c r="L6836" s="1" t="s">
        <v>24051</v>
      </c>
      <c r="M6836" s="1" t="s">
        <v>5</v>
      </c>
      <c r="N6836" s="1" t="s">
        <v>25</v>
      </c>
      <c r="O6836" s="1" t="s">
        <v>8</v>
      </c>
      <c r="P6836" s="5" t="s">
        <v>32229</v>
      </c>
    </row>
    <row r="6837" spans="1:16" x14ac:dyDescent="0.2">
      <c r="A6837" s="1" t="s">
        <v>1385</v>
      </c>
      <c r="B6837" s="1" t="s">
        <v>2930</v>
      </c>
      <c r="C6837" s="1" t="s">
        <v>24056</v>
      </c>
      <c r="D6837" s="1" t="s">
        <v>24057</v>
      </c>
      <c r="E6837" s="1"/>
      <c r="F6837" s="1" t="s">
        <v>10</v>
      </c>
      <c r="G6837" s="1" t="s">
        <v>10</v>
      </c>
      <c r="H6837" s="1" t="s">
        <v>10</v>
      </c>
      <c r="I6837" s="1" t="s">
        <v>24025</v>
      </c>
      <c r="J6837" s="1" t="s">
        <v>24058</v>
      </c>
      <c r="K6837" s="1" t="s">
        <v>7</v>
      </c>
      <c r="L6837" s="1" t="s">
        <v>24055</v>
      </c>
      <c r="M6837" s="1" t="s">
        <v>5</v>
      </c>
      <c r="N6837" s="1" t="s">
        <v>960</v>
      </c>
      <c r="O6837" s="1" t="s">
        <v>38</v>
      </c>
      <c r="P6837" s="5" t="s">
        <v>32230</v>
      </c>
    </row>
    <row r="6838" spans="1:16" x14ac:dyDescent="0.2">
      <c r="A6838" s="1" t="s">
        <v>1385</v>
      </c>
      <c r="B6838" s="1" t="s">
        <v>2930</v>
      </c>
      <c r="C6838" s="1" t="s">
        <v>24060</v>
      </c>
      <c r="D6838" s="1" t="s">
        <v>1438</v>
      </c>
      <c r="E6838" s="1"/>
      <c r="F6838" s="1" t="s">
        <v>10</v>
      </c>
      <c r="G6838" s="1" t="s">
        <v>10</v>
      </c>
      <c r="H6838" s="1" t="s">
        <v>10</v>
      </c>
      <c r="I6838" s="1" t="s">
        <v>24025</v>
      </c>
      <c r="J6838" s="1" t="s">
        <v>24058</v>
      </c>
      <c r="K6838" s="1" t="s">
        <v>7</v>
      </c>
      <c r="L6838" s="1" t="s">
        <v>24059</v>
      </c>
      <c r="M6838" s="1" t="s">
        <v>5</v>
      </c>
      <c r="N6838" s="1" t="s">
        <v>960</v>
      </c>
      <c r="O6838" s="1" t="s">
        <v>38</v>
      </c>
      <c r="P6838" s="5" t="s">
        <v>32231</v>
      </c>
    </row>
    <row r="6839" spans="1:16" x14ac:dyDescent="0.2">
      <c r="A6839" s="1" t="s">
        <v>66</v>
      </c>
      <c r="B6839" s="1" t="s">
        <v>1127</v>
      </c>
      <c r="C6839" s="1" t="s">
        <v>24062</v>
      </c>
      <c r="D6839" s="1" t="s">
        <v>24063</v>
      </c>
      <c r="E6839" s="1"/>
      <c r="F6839" s="1" t="s">
        <v>10</v>
      </c>
      <c r="G6839" s="1" t="s">
        <v>10</v>
      </c>
      <c r="H6839" s="1" t="s">
        <v>10</v>
      </c>
      <c r="I6839" s="1" t="s">
        <v>24025</v>
      </c>
      <c r="J6839" s="1" t="s">
        <v>24058</v>
      </c>
      <c r="K6839" s="1" t="s">
        <v>7</v>
      </c>
      <c r="L6839" s="1" t="s">
        <v>24061</v>
      </c>
      <c r="M6839" s="1" t="s">
        <v>5</v>
      </c>
      <c r="N6839" s="1" t="s">
        <v>960</v>
      </c>
      <c r="O6839" s="1" t="s">
        <v>38</v>
      </c>
      <c r="P6839" s="5" t="s">
        <v>32232</v>
      </c>
    </row>
    <row r="6840" spans="1:16" x14ac:dyDescent="0.2">
      <c r="A6840" s="1" t="s">
        <v>66</v>
      </c>
      <c r="B6840" s="1" t="s">
        <v>498</v>
      </c>
      <c r="C6840" s="1" t="s">
        <v>24065</v>
      </c>
      <c r="D6840" s="1" t="s">
        <v>24066</v>
      </c>
      <c r="E6840" s="1"/>
      <c r="F6840" s="1" t="s">
        <v>10</v>
      </c>
      <c r="G6840" s="1" t="s">
        <v>10</v>
      </c>
      <c r="H6840" s="1" t="s">
        <v>10</v>
      </c>
      <c r="I6840" s="1" t="s">
        <v>24025</v>
      </c>
      <c r="J6840" s="1" t="s">
        <v>24058</v>
      </c>
      <c r="K6840" s="1" t="s">
        <v>7</v>
      </c>
      <c r="L6840" s="1" t="s">
        <v>24064</v>
      </c>
      <c r="M6840" s="1" t="s">
        <v>5</v>
      </c>
      <c r="N6840" s="1" t="s">
        <v>25</v>
      </c>
      <c r="O6840" s="1" t="s">
        <v>38</v>
      </c>
      <c r="P6840" s="5" t="s">
        <v>30705</v>
      </c>
    </row>
    <row r="6841" spans="1:16" x14ac:dyDescent="0.2">
      <c r="A6841" s="1" t="s">
        <v>66</v>
      </c>
      <c r="B6841" s="1" t="s">
        <v>498</v>
      </c>
      <c r="C6841" s="1" t="s">
        <v>24068</v>
      </c>
      <c r="D6841" s="1" t="s">
        <v>24069</v>
      </c>
      <c r="E6841" s="1"/>
      <c r="F6841" s="1" t="s">
        <v>10</v>
      </c>
      <c r="G6841" s="1" t="s">
        <v>10</v>
      </c>
      <c r="H6841" s="1" t="s">
        <v>10</v>
      </c>
      <c r="I6841" s="1" t="s">
        <v>24025</v>
      </c>
      <c r="J6841" s="1" t="s">
        <v>24058</v>
      </c>
      <c r="K6841" s="1" t="s">
        <v>7</v>
      </c>
      <c r="L6841" s="1" t="s">
        <v>24067</v>
      </c>
      <c r="M6841" s="1" t="s">
        <v>5</v>
      </c>
      <c r="N6841" s="1" t="s">
        <v>25</v>
      </c>
      <c r="O6841" s="1" t="s">
        <v>38</v>
      </c>
      <c r="P6841" s="5" t="s">
        <v>30706</v>
      </c>
    </row>
    <row r="6842" spans="1:16" x14ac:dyDescent="0.2">
      <c r="A6842" s="1" t="s">
        <v>66</v>
      </c>
      <c r="B6842" s="1" t="s">
        <v>498</v>
      </c>
      <c r="C6842" s="1" t="s">
        <v>24071</v>
      </c>
      <c r="D6842" s="1" t="s">
        <v>24072</v>
      </c>
      <c r="E6842" s="1"/>
      <c r="F6842" s="1" t="s">
        <v>10</v>
      </c>
      <c r="G6842" s="1" t="s">
        <v>10</v>
      </c>
      <c r="H6842" s="1" t="s">
        <v>10</v>
      </c>
      <c r="I6842" s="1" t="s">
        <v>24025</v>
      </c>
      <c r="J6842" s="1" t="s">
        <v>24058</v>
      </c>
      <c r="K6842" s="1" t="s">
        <v>7</v>
      </c>
      <c r="L6842" s="1" t="s">
        <v>24070</v>
      </c>
      <c r="M6842" s="1" t="s">
        <v>5</v>
      </c>
      <c r="N6842" s="1" t="s">
        <v>25</v>
      </c>
      <c r="O6842" s="1" t="s">
        <v>38</v>
      </c>
      <c r="P6842" s="5" t="s">
        <v>30707</v>
      </c>
    </row>
    <row r="6843" spans="1:16" x14ac:dyDescent="0.2">
      <c r="A6843" s="1" t="s">
        <v>1385</v>
      </c>
      <c r="B6843" s="1" t="s">
        <v>2930</v>
      </c>
      <c r="C6843" s="1" t="s">
        <v>24074</v>
      </c>
      <c r="D6843" s="1" t="s">
        <v>24075</v>
      </c>
      <c r="E6843" s="1"/>
      <c r="F6843" s="1" t="s">
        <v>10</v>
      </c>
      <c r="G6843" s="1" t="s">
        <v>10</v>
      </c>
      <c r="H6843" s="1" t="s">
        <v>10</v>
      </c>
      <c r="I6843" s="1" t="s">
        <v>24025</v>
      </c>
      <c r="J6843" s="1" t="s">
        <v>24058</v>
      </c>
      <c r="K6843" s="1" t="s">
        <v>7</v>
      </c>
      <c r="L6843" s="1" t="s">
        <v>24073</v>
      </c>
      <c r="M6843" s="1" t="s">
        <v>5</v>
      </c>
      <c r="N6843" s="1" t="s">
        <v>432</v>
      </c>
      <c r="O6843" s="1" t="s">
        <v>38</v>
      </c>
      <c r="P6843" s="5" t="s">
        <v>32233</v>
      </c>
    </row>
    <row r="6844" spans="1:16" x14ac:dyDescent="0.2">
      <c r="A6844" s="1" t="s">
        <v>66</v>
      </c>
      <c r="B6844" s="1" t="s">
        <v>498</v>
      </c>
      <c r="C6844" s="1" t="s">
        <v>24077</v>
      </c>
      <c r="D6844" s="1" t="s">
        <v>24078</v>
      </c>
      <c r="E6844" s="1"/>
      <c r="F6844" s="1" t="s">
        <v>10</v>
      </c>
      <c r="G6844" s="1" t="s">
        <v>10</v>
      </c>
      <c r="H6844" s="1" t="s">
        <v>10</v>
      </c>
      <c r="I6844" s="1" t="s">
        <v>24025</v>
      </c>
      <c r="J6844" s="1" t="s">
        <v>24079</v>
      </c>
      <c r="K6844" s="1" t="s">
        <v>7</v>
      </c>
      <c r="L6844" s="1" t="s">
        <v>24076</v>
      </c>
      <c r="M6844" s="1" t="s">
        <v>5</v>
      </c>
      <c r="N6844" s="1" t="s">
        <v>6</v>
      </c>
      <c r="O6844" s="1" t="s">
        <v>38</v>
      </c>
      <c r="P6844" s="5" t="s">
        <v>30708</v>
      </c>
    </row>
    <row r="6845" spans="1:16" x14ac:dyDescent="0.2">
      <c r="A6845" s="1" t="s">
        <v>66</v>
      </c>
      <c r="B6845" s="1" t="s">
        <v>498</v>
      </c>
      <c r="C6845" s="1" t="s">
        <v>24081</v>
      </c>
      <c r="D6845" s="1" t="s">
        <v>24082</v>
      </c>
      <c r="E6845" s="1" t="s">
        <v>24084</v>
      </c>
      <c r="F6845" s="1" t="s">
        <v>19669</v>
      </c>
      <c r="G6845" s="1" t="s">
        <v>18</v>
      </c>
      <c r="H6845" s="1" t="s">
        <v>18</v>
      </c>
      <c r="I6845" s="1" t="s">
        <v>24025</v>
      </c>
      <c r="J6845" s="1" t="s">
        <v>24083</v>
      </c>
      <c r="K6845" s="1" t="s">
        <v>7</v>
      </c>
      <c r="L6845" s="1" t="s">
        <v>24080</v>
      </c>
      <c r="M6845" s="1" t="s">
        <v>5</v>
      </c>
      <c r="N6845" s="1" t="s">
        <v>6</v>
      </c>
      <c r="O6845" s="1" t="s">
        <v>8</v>
      </c>
      <c r="P6845" s="5" t="s">
        <v>32234</v>
      </c>
    </row>
    <row r="6846" spans="1:16" x14ac:dyDescent="0.2">
      <c r="A6846" s="1" t="s">
        <v>66</v>
      </c>
      <c r="B6846" s="1" t="s">
        <v>498</v>
      </c>
      <c r="C6846" s="1" t="s">
        <v>24086</v>
      </c>
      <c r="D6846" s="1" t="s">
        <v>24087</v>
      </c>
      <c r="E6846" s="1"/>
      <c r="F6846" s="1" t="s">
        <v>10</v>
      </c>
      <c r="G6846" s="1" t="s">
        <v>10</v>
      </c>
      <c r="H6846" s="1" t="s">
        <v>10</v>
      </c>
      <c r="I6846" s="1" t="s">
        <v>24025</v>
      </c>
      <c r="J6846" s="1" t="s">
        <v>24088</v>
      </c>
      <c r="K6846" s="1" t="s">
        <v>7</v>
      </c>
      <c r="L6846" s="1" t="s">
        <v>24085</v>
      </c>
      <c r="M6846" s="1" t="s">
        <v>5</v>
      </c>
      <c r="N6846" s="1" t="s">
        <v>25</v>
      </c>
      <c r="O6846" s="1" t="s">
        <v>38</v>
      </c>
      <c r="P6846" s="5" t="s">
        <v>30709</v>
      </c>
    </row>
    <row r="6847" spans="1:16" x14ac:dyDescent="0.2">
      <c r="A6847" s="1" t="s">
        <v>66</v>
      </c>
      <c r="B6847" s="1" t="s">
        <v>498</v>
      </c>
      <c r="C6847" s="1" t="s">
        <v>24090</v>
      </c>
      <c r="D6847" s="1" t="s">
        <v>24091</v>
      </c>
      <c r="E6847" s="1"/>
      <c r="F6847" s="1" t="s">
        <v>10</v>
      </c>
      <c r="G6847" s="1" t="s">
        <v>10</v>
      </c>
      <c r="H6847" s="1" t="s">
        <v>10</v>
      </c>
      <c r="I6847" s="1" t="s">
        <v>24025</v>
      </c>
      <c r="J6847" s="1" t="s">
        <v>10</v>
      </c>
      <c r="K6847" s="1" t="s">
        <v>7</v>
      </c>
      <c r="L6847" s="1" t="s">
        <v>24089</v>
      </c>
      <c r="M6847" s="1" t="s">
        <v>5</v>
      </c>
      <c r="N6847" s="1" t="s">
        <v>25</v>
      </c>
      <c r="O6847" s="1" t="s">
        <v>38</v>
      </c>
      <c r="P6847" s="5" t="s">
        <v>30709</v>
      </c>
    </row>
    <row r="6848" spans="1:16" x14ac:dyDescent="0.2">
      <c r="A6848" s="1" t="s">
        <v>1385</v>
      </c>
      <c r="B6848" s="1" t="s">
        <v>2930</v>
      </c>
      <c r="C6848" s="1" t="s">
        <v>24093</v>
      </c>
      <c r="D6848" s="1" t="s">
        <v>24094</v>
      </c>
      <c r="E6848" s="1"/>
      <c r="F6848" s="1" t="s">
        <v>10</v>
      </c>
      <c r="G6848" s="1" t="s">
        <v>10</v>
      </c>
      <c r="H6848" s="1" t="s">
        <v>10</v>
      </c>
      <c r="I6848" s="1" t="s">
        <v>24025</v>
      </c>
      <c r="J6848" s="1" t="s">
        <v>24058</v>
      </c>
      <c r="K6848" s="1" t="s">
        <v>7</v>
      </c>
      <c r="L6848" s="1" t="s">
        <v>24092</v>
      </c>
      <c r="M6848" s="1" t="s">
        <v>5</v>
      </c>
      <c r="N6848" s="1" t="s">
        <v>432</v>
      </c>
      <c r="O6848" s="1" t="s">
        <v>38</v>
      </c>
      <c r="P6848" s="5" t="s">
        <v>32235</v>
      </c>
    </row>
    <row r="6849" spans="1:16" x14ac:dyDescent="0.2">
      <c r="A6849" s="1" t="s">
        <v>66</v>
      </c>
      <c r="B6849" s="1" t="s">
        <v>498</v>
      </c>
      <c r="C6849" s="1" t="s">
        <v>24096</v>
      </c>
      <c r="D6849" s="1" t="s">
        <v>24097</v>
      </c>
      <c r="E6849" s="1"/>
      <c r="F6849" s="1" t="s">
        <v>10</v>
      </c>
      <c r="G6849" s="1" t="s">
        <v>10</v>
      </c>
      <c r="H6849" s="1" t="s">
        <v>10</v>
      </c>
      <c r="I6849" s="1" t="s">
        <v>24025</v>
      </c>
      <c r="J6849" s="1" t="s">
        <v>24058</v>
      </c>
      <c r="K6849" s="1" t="s">
        <v>7</v>
      </c>
      <c r="L6849" s="1" t="s">
        <v>24095</v>
      </c>
      <c r="M6849" s="1" t="s">
        <v>5</v>
      </c>
      <c r="N6849" s="1" t="s">
        <v>25</v>
      </c>
      <c r="O6849" s="1" t="s">
        <v>38</v>
      </c>
      <c r="P6849" s="5" t="s">
        <v>30710</v>
      </c>
    </row>
    <row r="6850" spans="1:16" x14ac:dyDescent="0.2">
      <c r="A6850" s="1" t="s">
        <v>1385</v>
      </c>
      <c r="B6850" s="1" t="s">
        <v>2930</v>
      </c>
      <c r="C6850" s="1" t="s">
        <v>24099</v>
      </c>
      <c r="D6850" s="1" t="s">
        <v>24100</v>
      </c>
      <c r="E6850" s="1"/>
      <c r="F6850" s="1" t="s">
        <v>10</v>
      </c>
      <c r="G6850" s="1" t="s">
        <v>10</v>
      </c>
      <c r="H6850" s="1" t="s">
        <v>10</v>
      </c>
      <c r="I6850" s="1" t="s">
        <v>24025</v>
      </c>
      <c r="J6850" s="1" t="s">
        <v>24058</v>
      </c>
      <c r="K6850" s="1" t="s">
        <v>7</v>
      </c>
      <c r="L6850" s="1" t="s">
        <v>24098</v>
      </c>
      <c r="M6850" s="1" t="s">
        <v>5</v>
      </c>
      <c r="N6850" s="1" t="s">
        <v>960</v>
      </c>
      <c r="O6850" s="1" t="s">
        <v>38</v>
      </c>
      <c r="P6850" s="5" t="s">
        <v>32236</v>
      </c>
    </row>
    <row r="6851" spans="1:16" x14ac:dyDescent="0.2">
      <c r="A6851" s="1" t="s">
        <v>66</v>
      </c>
      <c r="B6851" s="1" t="s">
        <v>574</v>
      </c>
      <c r="C6851" s="1" t="s">
        <v>24102</v>
      </c>
      <c r="D6851" s="1" t="s">
        <v>24103</v>
      </c>
      <c r="E6851" s="1"/>
      <c r="F6851" s="1" t="s">
        <v>10</v>
      </c>
      <c r="G6851" s="1" t="s">
        <v>10</v>
      </c>
      <c r="H6851" s="1" t="s">
        <v>10</v>
      </c>
      <c r="I6851" s="1" t="s">
        <v>24025</v>
      </c>
      <c r="J6851" s="1" t="s">
        <v>24079</v>
      </c>
      <c r="K6851" s="1" t="s">
        <v>7</v>
      </c>
      <c r="L6851" s="1" t="s">
        <v>24101</v>
      </c>
      <c r="M6851" s="1" t="s">
        <v>5</v>
      </c>
      <c r="N6851" s="1" t="s">
        <v>25</v>
      </c>
      <c r="O6851" s="1" t="s">
        <v>38</v>
      </c>
      <c r="P6851" s="5" t="s">
        <v>30711</v>
      </c>
    </row>
    <row r="6852" spans="1:16" x14ac:dyDescent="0.2">
      <c r="A6852" s="1" t="s">
        <v>66</v>
      </c>
      <c r="B6852" s="1" t="s">
        <v>574</v>
      </c>
      <c r="C6852" s="1" t="s">
        <v>24105</v>
      </c>
      <c r="D6852" s="1" t="s">
        <v>24106</v>
      </c>
      <c r="E6852" s="1"/>
      <c r="F6852" s="1" t="s">
        <v>10</v>
      </c>
      <c r="G6852" s="1" t="s">
        <v>10</v>
      </c>
      <c r="H6852" s="1" t="s">
        <v>10</v>
      </c>
      <c r="I6852" s="1" t="s">
        <v>24025</v>
      </c>
      <c r="J6852" s="1" t="s">
        <v>24079</v>
      </c>
      <c r="K6852" s="1" t="s">
        <v>7</v>
      </c>
      <c r="L6852" s="1" t="s">
        <v>24104</v>
      </c>
      <c r="M6852" s="1" t="s">
        <v>5</v>
      </c>
      <c r="N6852" s="1" t="s">
        <v>25</v>
      </c>
      <c r="O6852" s="1" t="s">
        <v>38</v>
      </c>
      <c r="P6852" s="5" t="s">
        <v>30712</v>
      </c>
    </row>
    <row r="6853" spans="1:16" x14ac:dyDescent="0.2">
      <c r="A6853" s="1" t="s">
        <v>66</v>
      </c>
      <c r="B6853" s="1" t="s">
        <v>498</v>
      </c>
      <c r="C6853" s="1" t="s">
        <v>24108</v>
      </c>
      <c r="D6853" s="1" t="s">
        <v>24109</v>
      </c>
      <c r="E6853" s="1"/>
      <c r="F6853" s="1" t="s">
        <v>10</v>
      </c>
      <c r="G6853" s="1" t="s">
        <v>10</v>
      </c>
      <c r="H6853" s="1" t="s">
        <v>10</v>
      </c>
      <c r="I6853" s="1" t="s">
        <v>24025</v>
      </c>
      <c r="J6853" s="1" t="s">
        <v>10</v>
      </c>
      <c r="K6853" s="1" t="s">
        <v>7</v>
      </c>
      <c r="L6853" s="1" t="s">
        <v>24107</v>
      </c>
      <c r="M6853" s="1" t="s">
        <v>5</v>
      </c>
      <c r="N6853" s="1" t="s">
        <v>25</v>
      </c>
      <c r="O6853" s="1" t="s">
        <v>38</v>
      </c>
      <c r="P6853" s="5" t="s">
        <v>30713</v>
      </c>
    </row>
    <row r="6854" spans="1:16" x14ac:dyDescent="0.2">
      <c r="A6854" s="1" t="s">
        <v>20</v>
      </c>
      <c r="B6854" s="1" t="s">
        <v>445</v>
      </c>
      <c r="C6854" s="1" t="s">
        <v>24111</v>
      </c>
      <c r="D6854" s="1" t="s">
        <v>1290</v>
      </c>
      <c r="E6854" s="1"/>
      <c r="F6854" s="1" t="s">
        <v>10</v>
      </c>
      <c r="G6854" s="1" t="s">
        <v>10</v>
      </c>
      <c r="H6854" s="1" t="s">
        <v>10</v>
      </c>
      <c r="I6854" s="1" t="s">
        <v>24025</v>
      </c>
      <c r="J6854" s="1" t="s">
        <v>24112</v>
      </c>
      <c r="K6854" s="1" t="s">
        <v>1548</v>
      </c>
      <c r="L6854" s="1" t="s">
        <v>24110</v>
      </c>
      <c r="M6854" s="1" t="s">
        <v>5</v>
      </c>
      <c r="N6854" s="1" t="s">
        <v>25</v>
      </c>
      <c r="O6854" s="1" t="s">
        <v>38</v>
      </c>
      <c r="P6854" s="5" t="s">
        <v>30714</v>
      </c>
    </row>
    <row r="6855" spans="1:16" x14ac:dyDescent="0.2">
      <c r="A6855" s="1" t="s">
        <v>42</v>
      </c>
      <c r="B6855" s="1" t="s">
        <v>50</v>
      </c>
      <c r="C6855" s="1" t="s">
        <v>24114</v>
      </c>
      <c r="D6855" s="1" t="s">
        <v>13980</v>
      </c>
      <c r="E6855" s="1"/>
      <c r="F6855" s="1" t="s">
        <v>3870</v>
      </c>
      <c r="G6855" s="1" t="s">
        <v>1042</v>
      </c>
      <c r="H6855" s="1" t="s">
        <v>3870</v>
      </c>
      <c r="I6855" s="1" t="s">
        <v>24025</v>
      </c>
      <c r="J6855" s="1" t="s">
        <v>24115</v>
      </c>
      <c r="K6855" s="1" t="s">
        <v>47</v>
      </c>
      <c r="L6855" s="1" t="s">
        <v>24113</v>
      </c>
      <c r="M6855" s="1" t="s">
        <v>5</v>
      </c>
      <c r="N6855" s="1" t="s">
        <v>25</v>
      </c>
      <c r="O6855" s="1" t="s">
        <v>8</v>
      </c>
      <c r="P6855" s="5" t="s">
        <v>30916</v>
      </c>
    </row>
    <row r="6856" spans="1:16" x14ac:dyDescent="0.2">
      <c r="A6856" s="1" t="s">
        <v>42</v>
      </c>
      <c r="B6856" s="1" t="s">
        <v>50</v>
      </c>
      <c r="C6856" s="1" t="s">
        <v>24117</v>
      </c>
      <c r="D6856" s="1" t="s">
        <v>24118</v>
      </c>
      <c r="E6856" s="1"/>
      <c r="F6856" s="1" t="s">
        <v>24119</v>
      </c>
      <c r="G6856" s="1" t="s">
        <v>991</v>
      </c>
      <c r="H6856" s="1" t="s">
        <v>24120</v>
      </c>
      <c r="I6856" s="1" t="s">
        <v>24025</v>
      </c>
      <c r="J6856" s="1" t="s">
        <v>24115</v>
      </c>
      <c r="K6856" s="1" t="s">
        <v>47</v>
      </c>
      <c r="L6856" s="1" t="s">
        <v>24116</v>
      </c>
      <c r="M6856" s="1" t="s">
        <v>5</v>
      </c>
      <c r="N6856" s="1" t="s">
        <v>25</v>
      </c>
      <c r="O6856" s="1" t="s">
        <v>8</v>
      </c>
      <c r="P6856" s="5" t="s">
        <v>30715</v>
      </c>
    </row>
    <row r="6857" spans="1:16" x14ac:dyDescent="0.2">
      <c r="A6857" s="1" t="s">
        <v>66</v>
      </c>
      <c r="B6857" s="1" t="s">
        <v>212</v>
      </c>
      <c r="C6857" s="1" t="s">
        <v>24122</v>
      </c>
      <c r="D6857" s="1" t="s">
        <v>24123</v>
      </c>
      <c r="E6857" s="1"/>
      <c r="F6857" s="1" t="s">
        <v>10</v>
      </c>
      <c r="G6857" s="1" t="s">
        <v>10</v>
      </c>
      <c r="H6857" s="1" t="s">
        <v>10</v>
      </c>
      <c r="I6857" s="1" t="s">
        <v>24025</v>
      </c>
      <c r="J6857" s="1" t="s">
        <v>10</v>
      </c>
      <c r="K6857" s="1" t="s">
        <v>37</v>
      </c>
      <c r="L6857" s="1" t="s">
        <v>24121</v>
      </c>
      <c r="M6857" s="1" t="s">
        <v>5</v>
      </c>
      <c r="N6857" s="1" t="s">
        <v>25</v>
      </c>
      <c r="O6857" s="1" t="s">
        <v>38</v>
      </c>
      <c r="P6857" s="5" t="s">
        <v>32237</v>
      </c>
    </row>
    <row r="6858" spans="1:16" x14ac:dyDescent="0.2">
      <c r="A6858" s="1" t="s">
        <v>20</v>
      </c>
      <c r="B6858" s="1" t="s">
        <v>99</v>
      </c>
      <c r="C6858" s="1" t="s">
        <v>1904</v>
      </c>
      <c r="D6858" s="1" t="s">
        <v>1904</v>
      </c>
      <c r="E6858" s="1"/>
      <c r="F6858" s="1" t="s">
        <v>7164</v>
      </c>
      <c r="G6858" s="1" t="s">
        <v>1042</v>
      </c>
      <c r="H6858" s="1" t="s">
        <v>24126</v>
      </c>
      <c r="I6858" s="1" t="s">
        <v>24025</v>
      </c>
      <c r="J6858" s="1" t="s">
        <v>24125</v>
      </c>
      <c r="K6858" s="1" t="s">
        <v>10</v>
      </c>
      <c r="L6858" s="1" t="s">
        <v>24124</v>
      </c>
      <c r="M6858" s="1" t="s">
        <v>5</v>
      </c>
      <c r="N6858" s="1" t="s">
        <v>6</v>
      </c>
      <c r="O6858" s="1" t="s">
        <v>8</v>
      </c>
      <c r="P6858" s="5" t="s">
        <v>32828</v>
      </c>
    </row>
    <row r="6859" spans="1:16" x14ac:dyDescent="0.2">
      <c r="A6859" s="1" t="s">
        <v>20</v>
      </c>
      <c r="B6859" s="1" t="s">
        <v>445</v>
      </c>
      <c r="C6859" s="1" t="s">
        <v>24128</v>
      </c>
      <c r="D6859" s="1" t="s">
        <v>1261</v>
      </c>
      <c r="E6859" s="1"/>
      <c r="F6859" s="1" t="s">
        <v>24129</v>
      </c>
      <c r="G6859" s="1" t="s">
        <v>1042</v>
      </c>
      <c r="H6859" s="1" t="s">
        <v>1040</v>
      </c>
      <c r="I6859" s="1" t="s">
        <v>24025</v>
      </c>
      <c r="J6859" s="1" t="s">
        <v>24125</v>
      </c>
      <c r="K6859" s="1" t="s">
        <v>7</v>
      </c>
      <c r="L6859" s="1" t="s">
        <v>24127</v>
      </c>
      <c r="M6859" s="1" t="s">
        <v>5</v>
      </c>
      <c r="N6859" s="1" t="s">
        <v>6</v>
      </c>
      <c r="O6859" s="1" t="s">
        <v>8</v>
      </c>
      <c r="P6859" s="5" t="s">
        <v>32238</v>
      </c>
    </row>
    <row r="6860" spans="1:16" x14ac:dyDescent="0.2">
      <c r="A6860" s="1" t="s">
        <v>20</v>
      </c>
      <c r="B6860" s="1" t="s">
        <v>132</v>
      </c>
      <c r="C6860" s="1" t="s">
        <v>24133</v>
      </c>
      <c r="D6860" s="1" t="s">
        <v>4946</v>
      </c>
      <c r="E6860" s="1"/>
      <c r="F6860" s="1" t="s">
        <v>24134</v>
      </c>
      <c r="G6860" s="1" t="s">
        <v>1042</v>
      </c>
      <c r="H6860" s="1" t="s">
        <v>24133</v>
      </c>
      <c r="I6860" s="1" t="s">
        <v>24025</v>
      </c>
      <c r="J6860" s="1" t="s">
        <v>24058</v>
      </c>
      <c r="K6860" s="1" t="s">
        <v>64</v>
      </c>
      <c r="L6860" s="1" t="s">
        <v>24132</v>
      </c>
      <c r="M6860" s="1" t="s">
        <v>5</v>
      </c>
      <c r="N6860" s="1" t="s">
        <v>25</v>
      </c>
      <c r="O6860" s="1" t="s">
        <v>8</v>
      </c>
      <c r="P6860" s="5" t="s">
        <v>32239</v>
      </c>
    </row>
    <row r="6861" spans="1:16" x14ac:dyDescent="0.2">
      <c r="A6861" s="1" t="s">
        <v>20</v>
      </c>
      <c r="B6861" s="1" t="s">
        <v>172</v>
      </c>
      <c r="C6861" s="1" t="s">
        <v>24136</v>
      </c>
      <c r="D6861" s="1" t="s">
        <v>24137</v>
      </c>
      <c r="E6861" s="1"/>
      <c r="F6861" s="1" t="s">
        <v>10</v>
      </c>
      <c r="G6861" s="1" t="s">
        <v>10</v>
      </c>
      <c r="H6861" s="1" t="s">
        <v>10</v>
      </c>
      <c r="I6861" s="1" t="s">
        <v>24025</v>
      </c>
      <c r="J6861" s="1" t="s">
        <v>24058</v>
      </c>
      <c r="K6861" s="1" t="s">
        <v>1548</v>
      </c>
      <c r="L6861" s="1" t="s">
        <v>24135</v>
      </c>
      <c r="M6861" s="1" t="s">
        <v>5</v>
      </c>
      <c r="N6861" s="1" t="s">
        <v>960</v>
      </c>
      <c r="O6861" s="1" t="s">
        <v>38</v>
      </c>
      <c r="P6861" s="5" t="s">
        <v>32240</v>
      </c>
    </row>
    <row r="6862" spans="1:16" x14ac:dyDescent="0.2">
      <c r="A6862" s="1" t="s">
        <v>66</v>
      </c>
      <c r="B6862" s="1" t="s">
        <v>1127</v>
      </c>
      <c r="C6862" s="1" t="s">
        <v>24139</v>
      </c>
      <c r="D6862" s="1" t="s">
        <v>24140</v>
      </c>
      <c r="E6862" s="1"/>
      <c r="F6862" s="1" t="s">
        <v>10</v>
      </c>
      <c r="G6862" s="1" t="s">
        <v>10</v>
      </c>
      <c r="H6862" s="1" t="s">
        <v>10</v>
      </c>
      <c r="I6862" s="1" t="s">
        <v>24025</v>
      </c>
      <c r="J6862" s="1" t="s">
        <v>24058</v>
      </c>
      <c r="K6862" s="1" t="s">
        <v>1548</v>
      </c>
      <c r="L6862" s="1" t="s">
        <v>24138</v>
      </c>
      <c r="M6862" s="1" t="s">
        <v>5</v>
      </c>
      <c r="N6862" s="1" t="s">
        <v>960</v>
      </c>
      <c r="O6862" s="1" t="s">
        <v>38</v>
      </c>
      <c r="P6862" s="5" t="s">
        <v>32241</v>
      </c>
    </row>
    <row r="6863" spans="1:16" x14ac:dyDescent="0.2">
      <c r="A6863" s="1" t="s">
        <v>66</v>
      </c>
      <c r="B6863" s="1" t="s">
        <v>1127</v>
      </c>
      <c r="C6863" s="1" t="s">
        <v>24142</v>
      </c>
      <c r="D6863" s="1" t="s">
        <v>24143</v>
      </c>
      <c r="E6863" s="1"/>
      <c r="F6863" s="1" t="s">
        <v>10</v>
      </c>
      <c r="G6863" s="1" t="s">
        <v>10</v>
      </c>
      <c r="H6863" s="1" t="s">
        <v>10</v>
      </c>
      <c r="I6863" s="1" t="s">
        <v>24025</v>
      </c>
      <c r="J6863" s="1" t="s">
        <v>24058</v>
      </c>
      <c r="K6863" s="1" t="s">
        <v>1548</v>
      </c>
      <c r="L6863" s="1" t="s">
        <v>24141</v>
      </c>
      <c r="M6863" s="1" t="s">
        <v>5</v>
      </c>
      <c r="N6863" s="1" t="s">
        <v>960</v>
      </c>
      <c r="O6863" s="1" t="s">
        <v>38</v>
      </c>
      <c r="P6863" s="5" t="s">
        <v>32242</v>
      </c>
    </row>
    <row r="6864" spans="1:16" x14ac:dyDescent="0.2">
      <c r="A6864" s="1" t="s">
        <v>329</v>
      </c>
      <c r="B6864" s="1" t="s">
        <v>1976</v>
      </c>
      <c r="C6864" s="1" t="s">
        <v>24145</v>
      </c>
      <c r="D6864" s="1" t="s">
        <v>24146</v>
      </c>
      <c r="E6864" s="1"/>
      <c r="F6864" s="1" t="s">
        <v>21632</v>
      </c>
      <c r="G6864" s="1" t="s">
        <v>1042</v>
      </c>
      <c r="H6864" s="1" t="s">
        <v>24147</v>
      </c>
      <c r="I6864" s="1" t="s">
        <v>24025</v>
      </c>
      <c r="J6864" s="1" t="s">
        <v>10</v>
      </c>
      <c r="K6864" s="1" t="s">
        <v>27</v>
      </c>
      <c r="L6864" s="1" t="s">
        <v>24144</v>
      </c>
      <c r="M6864" s="1" t="s">
        <v>5</v>
      </c>
      <c r="N6864" s="1" t="s">
        <v>432</v>
      </c>
      <c r="O6864" s="1" t="s">
        <v>8</v>
      </c>
      <c r="P6864" s="5" t="s">
        <v>32829</v>
      </c>
    </row>
    <row r="6865" spans="1:16" x14ac:dyDescent="0.2">
      <c r="A6865" s="1" t="s">
        <v>20</v>
      </c>
      <c r="B6865" s="1" t="s">
        <v>21</v>
      </c>
      <c r="C6865" s="1" t="s">
        <v>24149</v>
      </c>
      <c r="D6865" s="1" t="s">
        <v>24131</v>
      </c>
      <c r="E6865" s="1"/>
      <c r="F6865" s="1" t="s">
        <v>24150</v>
      </c>
      <c r="G6865" s="1" t="s">
        <v>1042</v>
      </c>
      <c r="H6865" s="1" t="s">
        <v>24151</v>
      </c>
      <c r="I6865" s="1" t="s">
        <v>24025</v>
      </c>
      <c r="J6865" s="1" t="s">
        <v>24130</v>
      </c>
      <c r="K6865" s="1" t="s">
        <v>27</v>
      </c>
      <c r="L6865" s="1" t="s">
        <v>24148</v>
      </c>
      <c r="M6865" s="1" t="s">
        <v>5</v>
      </c>
      <c r="N6865" s="1" t="s">
        <v>6</v>
      </c>
      <c r="O6865" s="1" t="s">
        <v>8</v>
      </c>
      <c r="P6865" s="5" t="s">
        <v>30716</v>
      </c>
    </row>
    <row r="6866" spans="1:16" x14ac:dyDescent="0.2">
      <c r="A6866" s="1" t="s">
        <v>20</v>
      </c>
      <c r="B6866" s="1" t="s">
        <v>21</v>
      </c>
      <c r="C6866" s="1" t="s">
        <v>24153</v>
      </c>
      <c r="D6866" s="1" t="s">
        <v>21949</v>
      </c>
      <c r="E6866" s="1"/>
      <c r="F6866" s="1" t="s">
        <v>1108</v>
      </c>
      <c r="G6866" s="1" t="s">
        <v>1042</v>
      </c>
      <c r="H6866" s="1" t="s">
        <v>2151</v>
      </c>
      <c r="I6866" s="1" t="s">
        <v>24025</v>
      </c>
      <c r="J6866" s="1" t="s">
        <v>24079</v>
      </c>
      <c r="K6866" s="1" t="s">
        <v>27</v>
      </c>
      <c r="L6866" s="1" t="s">
        <v>24152</v>
      </c>
      <c r="M6866" s="1" t="s">
        <v>5</v>
      </c>
      <c r="N6866" s="1" t="s">
        <v>25</v>
      </c>
      <c r="O6866" s="1" t="s">
        <v>8</v>
      </c>
      <c r="P6866" s="5" t="s">
        <v>29943</v>
      </c>
    </row>
    <row r="6867" spans="1:16" x14ac:dyDescent="0.2">
      <c r="A6867" s="1" t="s">
        <v>42</v>
      </c>
      <c r="B6867" s="1" t="s">
        <v>1890</v>
      </c>
      <c r="C6867" s="1" t="s">
        <v>24155</v>
      </c>
      <c r="D6867" s="1" t="s">
        <v>9272</v>
      </c>
      <c r="E6867" s="1"/>
      <c r="F6867" s="1" t="s">
        <v>10</v>
      </c>
      <c r="G6867" s="1" t="s">
        <v>10</v>
      </c>
      <c r="H6867" s="1" t="s">
        <v>10</v>
      </c>
      <c r="I6867" s="1" t="s">
        <v>24025</v>
      </c>
      <c r="J6867" s="1" t="s">
        <v>24115</v>
      </c>
      <c r="K6867" s="1" t="s">
        <v>3004</v>
      </c>
      <c r="L6867" s="1" t="s">
        <v>24154</v>
      </c>
      <c r="M6867" s="1" t="s">
        <v>5</v>
      </c>
      <c r="N6867" s="1" t="s">
        <v>960</v>
      </c>
      <c r="O6867" s="1" t="s">
        <v>38</v>
      </c>
      <c r="P6867" s="5" t="s">
        <v>32243</v>
      </c>
    </row>
    <row r="6868" spans="1:16" x14ac:dyDescent="0.2">
      <c r="A6868" s="1" t="s">
        <v>20</v>
      </c>
      <c r="B6868" s="1" t="s">
        <v>21</v>
      </c>
      <c r="C6868" s="1" t="s">
        <v>24157</v>
      </c>
      <c r="D6868" s="1" t="s">
        <v>14997</v>
      </c>
      <c r="E6868" s="1"/>
      <c r="F6868" s="1" t="s">
        <v>10</v>
      </c>
      <c r="G6868" s="1" t="s">
        <v>10</v>
      </c>
      <c r="H6868" s="1" t="s">
        <v>10</v>
      </c>
      <c r="I6868" s="1" t="s">
        <v>24025</v>
      </c>
      <c r="J6868" s="1" t="s">
        <v>24130</v>
      </c>
      <c r="K6868" s="1" t="s">
        <v>27</v>
      </c>
      <c r="L6868" s="1" t="s">
        <v>24156</v>
      </c>
      <c r="M6868" s="1" t="s">
        <v>5</v>
      </c>
      <c r="N6868" s="1" t="s">
        <v>6</v>
      </c>
      <c r="O6868" s="1" t="s">
        <v>38</v>
      </c>
      <c r="P6868" s="5" t="s">
        <v>32244</v>
      </c>
    </row>
    <row r="6869" spans="1:16" x14ac:dyDescent="0.2">
      <c r="A6869" s="1" t="s">
        <v>42</v>
      </c>
      <c r="B6869" s="1" t="s">
        <v>43</v>
      </c>
      <c r="C6869" s="1" t="s">
        <v>24159</v>
      </c>
      <c r="D6869" s="1" t="s">
        <v>24159</v>
      </c>
      <c r="E6869" s="1"/>
      <c r="F6869" s="1" t="s">
        <v>968</v>
      </c>
      <c r="G6869" s="1" t="s">
        <v>1042</v>
      </c>
      <c r="H6869" s="1" t="s">
        <v>968</v>
      </c>
      <c r="I6869" s="1" t="s">
        <v>24025</v>
      </c>
      <c r="J6869" s="1" t="s">
        <v>10</v>
      </c>
      <c r="K6869" s="1" t="s">
        <v>24160</v>
      </c>
      <c r="L6869" s="1" t="s">
        <v>24158</v>
      </c>
      <c r="M6869" s="1" t="s">
        <v>5</v>
      </c>
      <c r="N6869" s="1" t="s">
        <v>1009</v>
      </c>
      <c r="O6869" s="1" t="s">
        <v>8</v>
      </c>
      <c r="P6869" s="5" t="s">
        <v>32245</v>
      </c>
    </row>
    <row r="6870" spans="1:16" x14ac:dyDescent="0.2">
      <c r="A6870" s="1" t="s">
        <v>20</v>
      </c>
      <c r="B6870" s="1" t="s">
        <v>21</v>
      </c>
      <c r="C6870" s="1" t="s">
        <v>24162</v>
      </c>
      <c r="D6870" s="1" t="s">
        <v>24163</v>
      </c>
      <c r="E6870" s="1"/>
      <c r="F6870" s="1" t="s">
        <v>24165</v>
      </c>
      <c r="G6870" s="1" t="s">
        <v>1042</v>
      </c>
      <c r="H6870" s="1" t="s">
        <v>24166</v>
      </c>
      <c r="I6870" s="1" t="s">
        <v>24025</v>
      </c>
      <c r="J6870" s="1" t="s">
        <v>10</v>
      </c>
      <c r="K6870" s="1" t="s">
        <v>24164</v>
      </c>
      <c r="L6870" s="1" t="s">
        <v>24161</v>
      </c>
      <c r="M6870" s="1" t="s">
        <v>5</v>
      </c>
      <c r="N6870" s="1" t="s">
        <v>6</v>
      </c>
      <c r="O6870" s="1" t="s">
        <v>8</v>
      </c>
      <c r="P6870" s="5" t="s">
        <v>30717</v>
      </c>
    </row>
    <row r="6871" spans="1:16" x14ac:dyDescent="0.2">
      <c r="A6871" s="1" t="s">
        <v>20</v>
      </c>
      <c r="B6871" s="1" t="s">
        <v>1804</v>
      </c>
      <c r="C6871" s="1" t="s">
        <v>24168</v>
      </c>
      <c r="D6871" s="1" t="s">
        <v>24169</v>
      </c>
      <c r="E6871" s="1" t="s">
        <v>24171</v>
      </c>
      <c r="F6871" s="1" t="s">
        <v>21632</v>
      </c>
      <c r="G6871" s="1" t="s">
        <v>1042</v>
      </c>
      <c r="H6871" s="1" t="s">
        <v>24172</v>
      </c>
      <c r="I6871" s="1" t="s">
        <v>24025</v>
      </c>
      <c r="J6871" s="1" t="s">
        <v>24170</v>
      </c>
      <c r="K6871" s="1" t="s">
        <v>10</v>
      </c>
      <c r="L6871" s="1" t="s">
        <v>24167</v>
      </c>
      <c r="M6871" s="1" t="s">
        <v>5</v>
      </c>
      <c r="N6871" s="1" t="s">
        <v>6</v>
      </c>
      <c r="O6871" s="1" t="s">
        <v>8</v>
      </c>
      <c r="P6871" s="5"/>
    </row>
    <row r="6872" spans="1:16" x14ac:dyDescent="0.2">
      <c r="A6872" s="1" t="s">
        <v>20</v>
      </c>
      <c r="B6872" s="1" t="s">
        <v>253</v>
      </c>
      <c r="C6872" s="1" t="s">
        <v>24174</v>
      </c>
      <c r="D6872" s="1" t="s">
        <v>24175</v>
      </c>
      <c r="E6872" s="1"/>
      <c r="F6872" s="1" t="s">
        <v>10</v>
      </c>
      <c r="G6872" s="1" t="s">
        <v>10</v>
      </c>
      <c r="H6872" s="1" t="s">
        <v>10</v>
      </c>
      <c r="I6872" s="1" t="s">
        <v>24025</v>
      </c>
      <c r="J6872" s="1" t="s">
        <v>24083</v>
      </c>
      <c r="K6872" s="1" t="s">
        <v>130</v>
      </c>
      <c r="L6872" s="1" t="s">
        <v>24173</v>
      </c>
      <c r="M6872" s="1" t="s">
        <v>5</v>
      </c>
      <c r="N6872" s="1" t="s">
        <v>25</v>
      </c>
      <c r="O6872" s="1" t="s">
        <v>38</v>
      </c>
      <c r="P6872" s="5" t="s">
        <v>30718</v>
      </c>
    </row>
    <row r="6873" spans="1:16" x14ac:dyDescent="0.2">
      <c r="A6873" s="1" t="s">
        <v>20</v>
      </c>
      <c r="B6873" s="1" t="s">
        <v>172</v>
      </c>
      <c r="C6873" s="1" t="s">
        <v>24177</v>
      </c>
      <c r="D6873" s="1" t="s">
        <v>24178</v>
      </c>
      <c r="E6873" s="1"/>
      <c r="F6873" s="1" t="s">
        <v>10</v>
      </c>
      <c r="G6873" s="1" t="s">
        <v>10</v>
      </c>
      <c r="H6873" s="1" t="s">
        <v>10</v>
      </c>
      <c r="I6873" s="1" t="s">
        <v>24025</v>
      </c>
      <c r="J6873" s="1" t="s">
        <v>24130</v>
      </c>
      <c r="K6873" s="1" t="s">
        <v>27</v>
      </c>
      <c r="L6873" s="1" t="s">
        <v>24176</v>
      </c>
      <c r="M6873" s="1" t="s">
        <v>5</v>
      </c>
      <c r="N6873" s="1" t="s">
        <v>6</v>
      </c>
      <c r="O6873" s="1" t="s">
        <v>38</v>
      </c>
      <c r="P6873" s="5" t="s">
        <v>32246</v>
      </c>
    </row>
    <row r="6874" spans="1:16" x14ac:dyDescent="0.2">
      <c r="A6874" s="1" t="s">
        <v>20</v>
      </c>
      <c r="B6874" s="1" t="s">
        <v>1047</v>
      </c>
      <c r="C6874" s="1" t="s">
        <v>24180</v>
      </c>
      <c r="D6874" s="1" t="s">
        <v>15301</v>
      </c>
      <c r="E6874" s="1" t="s">
        <v>24182</v>
      </c>
      <c r="F6874" s="1" t="s">
        <v>10</v>
      </c>
      <c r="G6874" s="1" t="s">
        <v>10</v>
      </c>
      <c r="H6874" s="1" t="s">
        <v>10</v>
      </c>
      <c r="I6874" s="1" t="s">
        <v>24025</v>
      </c>
      <c r="J6874" s="1" t="s">
        <v>24181</v>
      </c>
      <c r="K6874" s="1" t="s">
        <v>100</v>
      </c>
      <c r="L6874" s="1" t="s">
        <v>24179</v>
      </c>
      <c r="M6874" s="1" t="s">
        <v>5</v>
      </c>
      <c r="N6874" s="1" t="s">
        <v>25</v>
      </c>
      <c r="O6874" s="1" t="s">
        <v>38</v>
      </c>
      <c r="P6874" s="5" t="s">
        <v>30719</v>
      </c>
    </row>
    <row r="6875" spans="1:16" x14ac:dyDescent="0.2">
      <c r="A6875" s="1" t="s">
        <v>20</v>
      </c>
      <c r="B6875" s="1" t="s">
        <v>253</v>
      </c>
      <c r="C6875" s="1" t="s">
        <v>24184</v>
      </c>
      <c r="D6875" s="1" t="s">
        <v>24184</v>
      </c>
      <c r="E6875" s="1"/>
      <c r="F6875" s="1" t="s">
        <v>10</v>
      </c>
      <c r="G6875" s="1" t="s">
        <v>10</v>
      </c>
      <c r="H6875" s="1" t="s">
        <v>10</v>
      </c>
      <c r="I6875" s="1" t="s">
        <v>24025</v>
      </c>
      <c r="J6875" s="1" t="s">
        <v>24083</v>
      </c>
      <c r="K6875" s="1" t="s">
        <v>130</v>
      </c>
      <c r="L6875" s="1" t="s">
        <v>24183</v>
      </c>
      <c r="M6875" s="1" t="s">
        <v>5</v>
      </c>
      <c r="N6875" s="1" t="s">
        <v>25</v>
      </c>
      <c r="O6875" s="1" t="s">
        <v>38</v>
      </c>
      <c r="P6875" s="5" t="s">
        <v>30720</v>
      </c>
    </row>
    <row r="6876" spans="1:16" x14ac:dyDescent="0.2">
      <c r="A6876" s="1" t="s">
        <v>20</v>
      </c>
      <c r="B6876" s="1" t="s">
        <v>21</v>
      </c>
      <c r="C6876" s="1" t="s">
        <v>24186</v>
      </c>
      <c r="D6876" s="1" t="s">
        <v>24187</v>
      </c>
      <c r="E6876" s="1"/>
      <c r="F6876" s="1" t="s">
        <v>15574</v>
      </c>
      <c r="G6876" s="1" t="s">
        <v>1042</v>
      </c>
      <c r="H6876" s="1" t="s">
        <v>24186</v>
      </c>
      <c r="I6876" s="1" t="s">
        <v>24025</v>
      </c>
      <c r="J6876" s="1" t="s">
        <v>24188</v>
      </c>
      <c r="K6876" s="1" t="s">
        <v>64</v>
      </c>
      <c r="L6876" s="1" t="s">
        <v>24185</v>
      </c>
      <c r="M6876" s="1" t="s">
        <v>5</v>
      </c>
      <c r="N6876" s="1" t="s">
        <v>25</v>
      </c>
      <c r="O6876" s="1" t="s">
        <v>8</v>
      </c>
      <c r="P6876" s="5" t="s">
        <v>32830</v>
      </c>
    </row>
    <row r="6877" spans="1:16" x14ac:dyDescent="0.2">
      <c r="A6877" s="1" t="s">
        <v>20</v>
      </c>
      <c r="B6877" s="1" t="s">
        <v>253</v>
      </c>
      <c r="C6877" s="1" t="s">
        <v>24190</v>
      </c>
      <c r="D6877" s="1" t="s">
        <v>4968</v>
      </c>
      <c r="E6877" s="1"/>
      <c r="F6877" s="1" t="s">
        <v>10</v>
      </c>
      <c r="G6877" s="1" t="s">
        <v>10</v>
      </c>
      <c r="H6877" s="1" t="s">
        <v>10</v>
      </c>
      <c r="I6877" s="1" t="s">
        <v>24025</v>
      </c>
      <c r="J6877" s="1" t="s">
        <v>24112</v>
      </c>
      <c r="K6877" s="1" t="s">
        <v>1548</v>
      </c>
      <c r="L6877" s="1" t="s">
        <v>24189</v>
      </c>
      <c r="M6877" s="1" t="s">
        <v>5</v>
      </c>
      <c r="N6877" s="1" t="s">
        <v>25</v>
      </c>
      <c r="O6877" s="1" t="s">
        <v>38</v>
      </c>
      <c r="P6877" s="5" t="s">
        <v>30721</v>
      </c>
    </row>
    <row r="6878" spans="1:16" x14ac:dyDescent="0.2">
      <c r="A6878" s="1" t="s">
        <v>20</v>
      </c>
      <c r="B6878" s="1" t="s">
        <v>172</v>
      </c>
      <c r="C6878" s="1" t="s">
        <v>24192</v>
      </c>
      <c r="D6878" s="1" t="s">
        <v>24193</v>
      </c>
      <c r="E6878" s="1"/>
      <c r="F6878" s="1" t="s">
        <v>10</v>
      </c>
      <c r="G6878" s="1" t="s">
        <v>10</v>
      </c>
      <c r="H6878" s="1" t="s">
        <v>10</v>
      </c>
      <c r="I6878" s="1" t="s">
        <v>24025</v>
      </c>
      <c r="J6878" s="1" t="s">
        <v>24194</v>
      </c>
      <c r="K6878" s="1" t="s">
        <v>1548</v>
      </c>
      <c r="L6878" s="1" t="s">
        <v>24191</v>
      </c>
      <c r="M6878" s="1" t="s">
        <v>5</v>
      </c>
      <c r="N6878" s="1" t="s">
        <v>25</v>
      </c>
      <c r="O6878" s="1" t="s">
        <v>38</v>
      </c>
      <c r="P6878" s="5" t="s">
        <v>30722</v>
      </c>
    </row>
    <row r="6879" spans="1:16" x14ac:dyDescent="0.2">
      <c r="A6879" s="1" t="s">
        <v>20</v>
      </c>
      <c r="B6879" s="1" t="s">
        <v>21</v>
      </c>
      <c r="C6879" s="1" t="s">
        <v>24196</v>
      </c>
      <c r="D6879" s="1" t="s">
        <v>24196</v>
      </c>
      <c r="E6879" s="1"/>
      <c r="F6879" s="1" t="s">
        <v>24197</v>
      </c>
      <c r="G6879" s="1" t="s">
        <v>1042</v>
      </c>
      <c r="H6879" s="1" t="s">
        <v>24196</v>
      </c>
      <c r="I6879" s="1" t="s">
        <v>24025</v>
      </c>
      <c r="J6879" s="1" t="s">
        <v>24028</v>
      </c>
      <c r="K6879" s="1" t="s">
        <v>1548</v>
      </c>
      <c r="L6879" s="1" t="s">
        <v>24195</v>
      </c>
      <c r="M6879" s="1" t="s">
        <v>5</v>
      </c>
      <c r="N6879" s="1" t="s">
        <v>6</v>
      </c>
      <c r="O6879" s="1" t="s">
        <v>8</v>
      </c>
      <c r="P6879" s="5" t="s">
        <v>32247</v>
      </c>
    </row>
    <row r="6880" spans="1:16" x14ac:dyDescent="0.2">
      <c r="A6880" s="1" t="s">
        <v>20</v>
      </c>
      <c r="B6880" s="1" t="s">
        <v>1804</v>
      </c>
      <c r="C6880" s="1" t="s">
        <v>24199</v>
      </c>
      <c r="D6880" s="1" t="s">
        <v>10113</v>
      </c>
      <c r="E6880" s="1"/>
      <c r="F6880" s="1" t="s">
        <v>10</v>
      </c>
      <c r="G6880" s="1" t="s">
        <v>10</v>
      </c>
      <c r="H6880" s="1" t="s">
        <v>10</v>
      </c>
      <c r="I6880" s="1" t="s">
        <v>24025</v>
      </c>
      <c r="J6880" s="1" t="s">
        <v>24079</v>
      </c>
      <c r="K6880" s="1" t="s">
        <v>1548</v>
      </c>
      <c r="L6880" s="1" t="s">
        <v>24198</v>
      </c>
      <c r="M6880" s="1" t="s">
        <v>5</v>
      </c>
      <c r="N6880" s="1" t="s">
        <v>25</v>
      </c>
      <c r="O6880" s="1" t="s">
        <v>38</v>
      </c>
      <c r="P6880" s="5" t="s">
        <v>30723</v>
      </c>
    </row>
    <row r="6881" spans="1:16" x14ac:dyDescent="0.2">
      <c r="A6881" s="1" t="s">
        <v>20</v>
      </c>
      <c r="B6881" s="1" t="s">
        <v>253</v>
      </c>
      <c r="C6881" s="1" t="s">
        <v>24201</v>
      </c>
      <c r="D6881" s="1" t="s">
        <v>16125</v>
      </c>
      <c r="E6881" s="1"/>
      <c r="F6881" s="1" t="s">
        <v>10</v>
      </c>
      <c r="G6881" s="1" t="s">
        <v>10</v>
      </c>
      <c r="H6881" s="1" t="s">
        <v>10</v>
      </c>
      <c r="I6881" s="1" t="s">
        <v>24025</v>
      </c>
      <c r="J6881" s="1" t="s">
        <v>24079</v>
      </c>
      <c r="K6881" s="1" t="s">
        <v>1548</v>
      </c>
      <c r="L6881" s="1" t="s">
        <v>24200</v>
      </c>
      <c r="M6881" s="1" t="s">
        <v>5</v>
      </c>
      <c r="N6881" s="1" t="s">
        <v>25</v>
      </c>
      <c r="O6881" s="1" t="s">
        <v>38</v>
      </c>
      <c r="P6881" s="5" t="s">
        <v>30724</v>
      </c>
    </row>
    <row r="6882" spans="1:16" x14ac:dyDescent="0.2">
      <c r="A6882" s="1" t="s">
        <v>66</v>
      </c>
      <c r="B6882" s="1" t="s">
        <v>574</v>
      </c>
      <c r="C6882" s="1" t="s">
        <v>24203</v>
      </c>
      <c r="D6882" s="1" t="s">
        <v>24204</v>
      </c>
      <c r="E6882" s="1"/>
      <c r="F6882" s="1" t="s">
        <v>10</v>
      </c>
      <c r="G6882" s="1" t="s">
        <v>10</v>
      </c>
      <c r="H6882" s="1" t="s">
        <v>10</v>
      </c>
      <c r="I6882" s="1" t="s">
        <v>24025</v>
      </c>
      <c r="J6882" s="1" t="s">
        <v>24130</v>
      </c>
      <c r="K6882" s="1" t="s">
        <v>1548</v>
      </c>
      <c r="L6882" s="1" t="s">
        <v>24202</v>
      </c>
      <c r="M6882" s="1" t="s">
        <v>5</v>
      </c>
      <c r="N6882" s="1" t="s">
        <v>25</v>
      </c>
      <c r="O6882" s="1" t="s">
        <v>38</v>
      </c>
      <c r="P6882" s="5" t="s">
        <v>30725</v>
      </c>
    </row>
    <row r="6883" spans="1:16" x14ac:dyDescent="0.2">
      <c r="A6883" s="1" t="s">
        <v>20</v>
      </c>
      <c r="B6883" s="1" t="s">
        <v>172</v>
      </c>
      <c r="C6883" s="1" t="s">
        <v>24206</v>
      </c>
      <c r="D6883" s="1" t="s">
        <v>24207</v>
      </c>
      <c r="E6883" s="1"/>
      <c r="F6883" s="1" t="s">
        <v>24208</v>
      </c>
      <c r="G6883" s="1" t="s">
        <v>1042</v>
      </c>
      <c r="H6883" s="1" t="s">
        <v>24209</v>
      </c>
      <c r="I6883" s="1" t="s">
        <v>24025</v>
      </c>
      <c r="J6883" s="1" t="s">
        <v>24125</v>
      </c>
      <c r="K6883" s="1" t="s">
        <v>7</v>
      </c>
      <c r="L6883" s="1" t="s">
        <v>24205</v>
      </c>
      <c r="M6883" s="1" t="s">
        <v>5</v>
      </c>
      <c r="N6883" s="1" t="s">
        <v>6</v>
      </c>
      <c r="O6883" s="1" t="s">
        <v>8</v>
      </c>
      <c r="P6883" s="5" t="s">
        <v>32248</v>
      </c>
    </row>
    <row r="6884" spans="1:16" x14ac:dyDescent="0.2">
      <c r="A6884" s="1" t="s">
        <v>20</v>
      </c>
      <c r="B6884" s="1" t="s">
        <v>172</v>
      </c>
      <c r="C6884" s="1" t="s">
        <v>24211</v>
      </c>
      <c r="D6884" s="1" t="s">
        <v>24212</v>
      </c>
      <c r="E6884" s="1"/>
      <c r="F6884" s="1" t="s">
        <v>10</v>
      </c>
      <c r="G6884" s="1" t="s">
        <v>10</v>
      </c>
      <c r="H6884" s="1" t="s">
        <v>10</v>
      </c>
      <c r="I6884" s="1" t="s">
        <v>24025</v>
      </c>
      <c r="J6884" s="1" t="s">
        <v>24130</v>
      </c>
      <c r="K6884" s="1" t="s">
        <v>1548</v>
      </c>
      <c r="L6884" s="1" t="s">
        <v>24210</v>
      </c>
      <c r="M6884" s="1" t="s">
        <v>5</v>
      </c>
      <c r="N6884" s="1" t="s">
        <v>25</v>
      </c>
      <c r="O6884" s="1" t="s">
        <v>38</v>
      </c>
      <c r="P6884" s="5" t="s">
        <v>30726</v>
      </c>
    </row>
    <row r="6885" spans="1:16" x14ac:dyDescent="0.2">
      <c r="A6885" s="1" t="s">
        <v>20</v>
      </c>
      <c r="B6885" s="1" t="s">
        <v>172</v>
      </c>
      <c r="C6885" s="1" t="s">
        <v>24214</v>
      </c>
      <c r="D6885" s="1" t="s">
        <v>24215</v>
      </c>
      <c r="E6885" s="1"/>
      <c r="F6885" s="1" t="s">
        <v>24208</v>
      </c>
      <c r="G6885" s="1" t="s">
        <v>1042</v>
      </c>
      <c r="H6885" s="1" t="s">
        <v>24209</v>
      </c>
      <c r="I6885" s="1" t="s">
        <v>24025</v>
      </c>
      <c r="J6885" s="1" t="s">
        <v>24130</v>
      </c>
      <c r="K6885" s="1" t="s">
        <v>1548</v>
      </c>
      <c r="L6885" s="1" t="s">
        <v>24213</v>
      </c>
      <c r="M6885" s="1" t="s">
        <v>5</v>
      </c>
      <c r="N6885" s="1" t="s">
        <v>6</v>
      </c>
      <c r="O6885" s="1" t="s">
        <v>8</v>
      </c>
      <c r="P6885" s="5" t="s">
        <v>32248</v>
      </c>
    </row>
    <row r="6886" spans="1:16" x14ac:dyDescent="0.2">
      <c r="A6886" s="1" t="s">
        <v>20</v>
      </c>
      <c r="B6886" s="1" t="s">
        <v>172</v>
      </c>
      <c r="C6886" s="1" t="s">
        <v>24217</v>
      </c>
      <c r="D6886" s="1" t="s">
        <v>24218</v>
      </c>
      <c r="E6886" s="1"/>
      <c r="F6886" s="1" t="s">
        <v>10</v>
      </c>
      <c r="G6886" s="1" t="s">
        <v>10</v>
      </c>
      <c r="H6886" s="1" t="s">
        <v>10</v>
      </c>
      <c r="I6886" s="1" t="s">
        <v>24025</v>
      </c>
      <c r="J6886" s="1" t="s">
        <v>24130</v>
      </c>
      <c r="K6886" s="1" t="s">
        <v>7367</v>
      </c>
      <c r="L6886" s="1" t="s">
        <v>24216</v>
      </c>
      <c r="M6886" s="1" t="s">
        <v>5</v>
      </c>
      <c r="N6886" s="1" t="s">
        <v>960</v>
      </c>
      <c r="O6886" s="1" t="s">
        <v>38</v>
      </c>
      <c r="P6886" s="5" t="s">
        <v>32249</v>
      </c>
    </row>
    <row r="6887" spans="1:16" x14ac:dyDescent="0.2">
      <c r="A6887" s="1" t="s">
        <v>20</v>
      </c>
      <c r="B6887" s="1" t="s">
        <v>172</v>
      </c>
      <c r="C6887" s="1" t="s">
        <v>24220</v>
      </c>
      <c r="D6887" s="1" t="s">
        <v>24221</v>
      </c>
      <c r="E6887" s="1"/>
      <c r="F6887" s="1" t="s">
        <v>24208</v>
      </c>
      <c r="G6887" s="1" t="s">
        <v>10</v>
      </c>
      <c r="H6887" s="1" t="s">
        <v>24209</v>
      </c>
      <c r="I6887" s="1" t="s">
        <v>24025</v>
      </c>
      <c r="J6887" s="1" t="s">
        <v>24130</v>
      </c>
      <c r="K6887" s="1" t="s">
        <v>1548</v>
      </c>
      <c r="L6887" s="1" t="s">
        <v>24219</v>
      </c>
      <c r="M6887" s="1" t="s">
        <v>5</v>
      </c>
      <c r="N6887" s="1" t="s">
        <v>6</v>
      </c>
      <c r="O6887" s="1" t="s">
        <v>8</v>
      </c>
      <c r="P6887" s="5" t="s">
        <v>32250</v>
      </c>
    </row>
    <row r="6888" spans="1:16" x14ac:dyDescent="0.2">
      <c r="A6888" s="1" t="s">
        <v>20</v>
      </c>
      <c r="B6888" s="1" t="s">
        <v>172</v>
      </c>
      <c r="C6888" s="1" t="s">
        <v>24223</v>
      </c>
      <c r="D6888" s="1" t="s">
        <v>24224</v>
      </c>
      <c r="E6888" s="1"/>
      <c r="F6888" s="1" t="s">
        <v>10</v>
      </c>
      <c r="G6888" s="1" t="s">
        <v>10</v>
      </c>
      <c r="H6888" s="1" t="s">
        <v>10</v>
      </c>
      <c r="I6888" s="1" t="s">
        <v>24025</v>
      </c>
      <c r="J6888" s="1" t="s">
        <v>24130</v>
      </c>
      <c r="K6888" s="1" t="s">
        <v>1548</v>
      </c>
      <c r="L6888" s="1" t="s">
        <v>24222</v>
      </c>
      <c r="M6888" s="1" t="s">
        <v>5</v>
      </c>
      <c r="N6888" s="1" t="s">
        <v>25</v>
      </c>
      <c r="O6888" s="1" t="s">
        <v>38</v>
      </c>
      <c r="P6888" s="5" t="s">
        <v>32251</v>
      </c>
    </row>
    <row r="6889" spans="1:16" x14ac:dyDescent="0.2">
      <c r="A6889" s="1" t="s">
        <v>20</v>
      </c>
      <c r="B6889" s="1" t="s">
        <v>172</v>
      </c>
      <c r="C6889" s="1" t="s">
        <v>24226</v>
      </c>
      <c r="D6889" s="1" t="s">
        <v>24227</v>
      </c>
      <c r="E6889" s="1"/>
      <c r="F6889" s="1" t="s">
        <v>24208</v>
      </c>
      <c r="G6889" s="1" t="s">
        <v>1042</v>
      </c>
      <c r="H6889" s="1" t="s">
        <v>24228</v>
      </c>
      <c r="I6889" s="1" t="s">
        <v>24025</v>
      </c>
      <c r="J6889" s="1" t="s">
        <v>24130</v>
      </c>
      <c r="K6889" s="1" t="s">
        <v>1548</v>
      </c>
      <c r="L6889" s="1" t="s">
        <v>24225</v>
      </c>
      <c r="M6889" s="1" t="s">
        <v>5</v>
      </c>
      <c r="N6889" s="1" t="s">
        <v>960</v>
      </c>
      <c r="O6889" s="1" t="s">
        <v>8</v>
      </c>
      <c r="P6889" s="5" t="s">
        <v>32252</v>
      </c>
    </row>
    <row r="6890" spans="1:16" x14ac:dyDescent="0.2">
      <c r="A6890" s="1" t="s">
        <v>20</v>
      </c>
      <c r="B6890" s="1" t="s">
        <v>172</v>
      </c>
      <c r="C6890" s="1" t="s">
        <v>24230</v>
      </c>
      <c r="D6890" s="1" t="s">
        <v>24231</v>
      </c>
      <c r="E6890" s="1"/>
      <c r="F6890" s="1" t="s">
        <v>10</v>
      </c>
      <c r="G6890" s="1" t="s">
        <v>10</v>
      </c>
      <c r="H6890" s="1" t="s">
        <v>10</v>
      </c>
      <c r="I6890" s="1" t="s">
        <v>24025</v>
      </c>
      <c r="J6890" s="1" t="s">
        <v>24130</v>
      </c>
      <c r="K6890" s="1" t="s">
        <v>1548</v>
      </c>
      <c r="L6890" s="1" t="s">
        <v>24229</v>
      </c>
      <c r="M6890" s="1" t="s">
        <v>5</v>
      </c>
      <c r="N6890" s="1" t="s">
        <v>960</v>
      </c>
      <c r="O6890" s="1" t="s">
        <v>38</v>
      </c>
      <c r="P6890" s="5" t="s">
        <v>32253</v>
      </c>
    </row>
    <row r="6891" spans="1:16" x14ac:dyDescent="0.2">
      <c r="A6891" s="1" t="s">
        <v>20</v>
      </c>
      <c r="B6891" s="1" t="s">
        <v>172</v>
      </c>
      <c r="C6891" s="1" t="s">
        <v>24233</v>
      </c>
      <c r="D6891" s="1" t="s">
        <v>24234</v>
      </c>
      <c r="E6891" s="1"/>
      <c r="F6891" s="1" t="s">
        <v>10</v>
      </c>
      <c r="G6891" s="1" t="s">
        <v>10</v>
      </c>
      <c r="H6891" s="1" t="s">
        <v>10</v>
      </c>
      <c r="I6891" s="1" t="s">
        <v>24025</v>
      </c>
      <c r="J6891" s="1" t="s">
        <v>24130</v>
      </c>
      <c r="K6891" s="1" t="s">
        <v>1548</v>
      </c>
      <c r="L6891" s="1" t="s">
        <v>24232</v>
      </c>
      <c r="M6891" s="1" t="s">
        <v>5</v>
      </c>
      <c r="N6891" s="1" t="s">
        <v>25</v>
      </c>
      <c r="O6891" s="1" t="s">
        <v>38</v>
      </c>
      <c r="P6891" s="5" t="s">
        <v>32254</v>
      </c>
    </row>
    <row r="6892" spans="1:16" x14ac:dyDescent="0.2">
      <c r="A6892" s="1" t="s">
        <v>20</v>
      </c>
      <c r="B6892" s="1" t="s">
        <v>172</v>
      </c>
      <c r="C6892" s="1" t="s">
        <v>24236</v>
      </c>
      <c r="D6892" s="1" t="s">
        <v>24237</v>
      </c>
      <c r="E6892" s="1"/>
      <c r="F6892" s="1" t="s">
        <v>24208</v>
      </c>
      <c r="G6892" s="1" t="s">
        <v>1042</v>
      </c>
      <c r="H6892" s="1" t="s">
        <v>24209</v>
      </c>
      <c r="I6892" s="1" t="s">
        <v>24025</v>
      </c>
      <c r="J6892" s="1" t="s">
        <v>24130</v>
      </c>
      <c r="K6892" s="1" t="s">
        <v>1548</v>
      </c>
      <c r="L6892" s="1" t="s">
        <v>24235</v>
      </c>
      <c r="M6892" s="1" t="s">
        <v>5</v>
      </c>
      <c r="N6892" s="1" t="s">
        <v>6</v>
      </c>
      <c r="O6892" s="1" t="s">
        <v>8</v>
      </c>
      <c r="P6892" s="5" t="s">
        <v>32248</v>
      </c>
    </row>
    <row r="6893" spans="1:16" x14ac:dyDescent="0.2">
      <c r="A6893" s="1" t="s">
        <v>20</v>
      </c>
      <c r="B6893" s="1" t="s">
        <v>172</v>
      </c>
      <c r="C6893" s="1" t="s">
        <v>24239</v>
      </c>
      <c r="D6893" s="1" t="s">
        <v>24240</v>
      </c>
      <c r="E6893" s="1"/>
      <c r="F6893" s="1" t="s">
        <v>10</v>
      </c>
      <c r="G6893" s="1" t="s">
        <v>10</v>
      </c>
      <c r="H6893" s="1" t="s">
        <v>10</v>
      </c>
      <c r="I6893" s="1" t="s">
        <v>24025</v>
      </c>
      <c r="J6893" s="1" t="s">
        <v>24125</v>
      </c>
      <c r="K6893" s="1" t="s">
        <v>7</v>
      </c>
      <c r="L6893" s="1" t="s">
        <v>24238</v>
      </c>
      <c r="M6893" s="1" t="s">
        <v>5</v>
      </c>
      <c r="N6893" s="1" t="s">
        <v>25</v>
      </c>
      <c r="O6893" s="1" t="s">
        <v>38</v>
      </c>
      <c r="P6893" s="5" t="s">
        <v>30727</v>
      </c>
    </row>
    <row r="6894" spans="1:16" x14ac:dyDescent="0.2">
      <c r="A6894" s="1" t="s">
        <v>20</v>
      </c>
      <c r="B6894" s="1" t="s">
        <v>172</v>
      </c>
      <c r="C6894" s="1" t="s">
        <v>24242</v>
      </c>
      <c r="D6894" s="1" t="s">
        <v>24243</v>
      </c>
      <c r="E6894" s="1"/>
      <c r="F6894" s="1" t="s">
        <v>10</v>
      </c>
      <c r="G6894" s="1" t="s">
        <v>10</v>
      </c>
      <c r="H6894" s="1" t="s">
        <v>10</v>
      </c>
      <c r="I6894" s="1" t="s">
        <v>24025</v>
      </c>
      <c r="J6894" s="1" t="s">
        <v>24125</v>
      </c>
      <c r="K6894" s="1" t="s">
        <v>7</v>
      </c>
      <c r="L6894" s="1" t="s">
        <v>24241</v>
      </c>
      <c r="M6894" s="1" t="s">
        <v>5</v>
      </c>
      <c r="N6894" s="1" t="s">
        <v>25</v>
      </c>
      <c r="O6894" s="1" t="s">
        <v>38</v>
      </c>
      <c r="P6894" s="5" t="s">
        <v>30727</v>
      </c>
    </row>
    <row r="6895" spans="1:16" x14ac:dyDescent="0.2">
      <c r="A6895" s="1" t="s">
        <v>20</v>
      </c>
      <c r="B6895" s="1" t="s">
        <v>253</v>
      </c>
      <c r="C6895" s="1" t="s">
        <v>24245</v>
      </c>
      <c r="D6895" s="1" t="s">
        <v>24246</v>
      </c>
      <c r="E6895" s="1"/>
      <c r="F6895" s="1" t="s">
        <v>10</v>
      </c>
      <c r="G6895" s="1" t="s">
        <v>10</v>
      </c>
      <c r="H6895" s="1" t="s">
        <v>10</v>
      </c>
      <c r="I6895" s="1" t="s">
        <v>24025</v>
      </c>
      <c r="J6895" s="1" t="s">
        <v>24050</v>
      </c>
      <c r="K6895" s="1" t="s">
        <v>1548</v>
      </c>
      <c r="L6895" s="1" t="s">
        <v>24244</v>
      </c>
      <c r="M6895" s="1" t="s">
        <v>5</v>
      </c>
      <c r="N6895" s="1" t="s">
        <v>6</v>
      </c>
      <c r="O6895" s="1" t="s">
        <v>38</v>
      </c>
      <c r="P6895" s="5" t="s">
        <v>32255</v>
      </c>
    </row>
    <row r="6896" spans="1:16" x14ac:dyDescent="0.2">
      <c r="A6896" s="1" t="s">
        <v>20</v>
      </c>
      <c r="B6896" s="1" t="s">
        <v>172</v>
      </c>
      <c r="C6896" s="1" t="s">
        <v>24248</v>
      </c>
      <c r="D6896" s="1" t="s">
        <v>24249</v>
      </c>
      <c r="E6896" s="1"/>
      <c r="F6896" s="1" t="s">
        <v>10</v>
      </c>
      <c r="G6896" s="1" t="s">
        <v>10</v>
      </c>
      <c r="H6896" s="1" t="s">
        <v>10</v>
      </c>
      <c r="I6896" s="1" t="s">
        <v>24025</v>
      </c>
      <c r="J6896" s="1" t="s">
        <v>24050</v>
      </c>
      <c r="K6896" s="1" t="s">
        <v>1548</v>
      </c>
      <c r="L6896" s="1" t="s">
        <v>24247</v>
      </c>
      <c r="M6896" s="1" t="s">
        <v>5</v>
      </c>
      <c r="N6896" s="1" t="s">
        <v>25</v>
      </c>
      <c r="O6896" s="1" t="s">
        <v>38</v>
      </c>
      <c r="P6896" s="5" t="s">
        <v>32256</v>
      </c>
    </row>
    <row r="6897" spans="1:16" x14ac:dyDescent="0.2">
      <c r="A6897" s="1" t="s">
        <v>20</v>
      </c>
      <c r="B6897" s="1" t="s">
        <v>172</v>
      </c>
      <c r="C6897" s="1" t="s">
        <v>24251</v>
      </c>
      <c r="D6897" s="1" t="s">
        <v>24252</v>
      </c>
      <c r="E6897" s="1"/>
      <c r="F6897" s="1" t="s">
        <v>10</v>
      </c>
      <c r="G6897" s="1" t="s">
        <v>10</v>
      </c>
      <c r="H6897" s="1" t="s">
        <v>10</v>
      </c>
      <c r="I6897" s="1" t="s">
        <v>24025</v>
      </c>
      <c r="J6897" s="1" t="s">
        <v>24050</v>
      </c>
      <c r="K6897" s="1" t="s">
        <v>1548</v>
      </c>
      <c r="L6897" s="1" t="s">
        <v>24250</v>
      </c>
      <c r="M6897" s="1" t="s">
        <v>5</v>
      </c>
      <c r="N6897" s="1" t="s">
        <v>25</v>
      </c>
      <c r="O6897" s="1" t="s">
        <v>38</v>
      </c>
      <c r="P6897" s="5" t="s">
        <v>32257</v>
      </c>
    </row>
    <row r="6898" spans="1:16" x14ac:dyDescent="0.2">
      <c r="A6898" s="1" t="s">
        <v>20</v>
      </c>
      <c r="B6898" s="1" t="s">
        <v>172</v>
      </c>
      <c r="C6898" s="1" t="s">
        <v>24254</v>
      </c>
      <c r="D6898" s="1" t="s">
        <v>24255</v>
      </c>
      <c r="E6898" s="1" t="s">
        <v>24256</v>
      </c>
      <c r="F6898" s="1" t="s">
        <v>10</v>
      </c>
      <c r="G6898" s="1" t="s">
        <v>10</v>
      </c>
      <c r="H6898" s="1" t="s">
        <v>10</v>
      </c>
      <c r="I6898" s="1" t="s">
        <v>24025</v>
      </c>
      <c r="J6898" s="1" t="s">
        <v>24050</v>
      </c>
      <c r="K6898" s="1" t="s">
        <v>1548</v>
      </c>
      <c r="L6898" s="1" t="s">
        <v>24253</v>
      </c>
      <c r="M6898" s="1" t="s">
        <v>5</v>
      </c>
      <c r="N6898" s="1" t="s">
        <v>6</v>
      </c>
      <c r="O6898" s="1" t="s">
        <v>38</v>
      </c>
      <c r="P6898" s="5" t="s">
        <v>32258</v>
      </c>
    </row>
    <row r="6899" spans="1:16" x14ac:dyDescent="0.2">
      <c r="A6899" s="1" t="s">
        <v>1086</v>
      </c>
      <c r="B6899" s="1" t="s">
        <v>2276</v>
      </c>
      <c r="C6899" s="1" t="s">
        <v>24258</v>
      </c>
      <c r="D6899" s="1" t="s">
        <v>24259</v>
      </c>
      <c r="E6899" s="1"/>
      <c r="F6899" s="1" t="s">
        <v>10</v>
      </c>
      <c r="G6899" s="1" t="s">
        <v>10</v>
      </c>
      <c r="H6899" s="1" t="s">
        <v>10</v>
      </c>
      <c r="I6899" s="1" t="s">
        <v>24025</v>
      </c>
      <c r="J6899" s="1" t="s">
        <v>24188</v>
      </c>
      <c r="K6899" s="1" t="s">
        <v>1548</v>
      </c>
      <c r="L6899" s="1" t="s">
        <v>24257</v>
      </c>
      <c r="M6899" s="1" t="s">
        <v>5</v>
      </c>
      <c r="N6899" s="1" t="s">
        <v>25</v>
      </c>
      <c r="O6899" s="1" t="s">
        <v>38</v>
      </c>
      <c r="P6899" s="5" t="s">
        <v>30728</v>
      </c>
    </row>
    <row r="6900" spans="1:16" x14ac:dyDescent="0.2">
      <c r="A6900" s="1" t="s">
        <v>20</v>
      </c>
      <c r="B6900" s="1" t="s">
        <v>172</v>
      </c>
      <c r="C6900" s="1" t="s">
        <v>24261</v>
      </c>
      <c r="D6900" s="1" t="s">
        <v>24262</v>
      </c>
      <c r="E6900" s="1"/>
      <c r="F6900" s="1" t="s">
        <v>10</v>
      </c>
      <c r="G6900" s="1" t="s">
        <v>10</v>
      </c>
      <c r="H6900" s="1" t="s">
        <v>10</v>
      </c>
      <c r="I6900" s="1" t="s">
        <v>24025</v>
      </c>
      <c r="J6900" s="1" t="s">
        <v>24050</v>
      </c>
      <c r="K6900" s="1" t="s">
        <v>1548</v>
      </c>
      <c r="L6900" s="1" t="s">
        <v>24260</v>
      </c>
      <c r="M6900" s="1" t="s">
        <v>5</v>
      </c>
      <c r="N6900" s="1" t="s">
        <v>960</v>
      </c>
      <c r="O6900" s="1" t="s">
        <v>38</v>
      </c>
      <c r="P6900" s="5" t="s">
        <v>32259</v>
      </c>
    </row>
    <row r="6901" spans="1:16" x14ac:dyDescent="0.2">
      <c r="A6901" s="1" t="s">
        <v>20</v>
      </c>
      <c r="B6901" s="1" t="s">
        <v>172</v>
      </c>
      <c r="C6901" s="1" t="s">
        <v>24264</v>
      </c>
      <c r="D6901" s="1" t="s">
        <v>24265</v>
      </c>
      <c r="E6901" s="1"/>
      <c r="F6901" s="1" t="s">
        <v>10</v>
      </c>
      <c r="G6901" s="1" t="s">
        <v>10</v>
      </c>
      <c r="H6901" s="1" t="s">
        <v>10</v>
      </c>
      <c r="I6901" s="1" t="s">
        <v>24025</v>
      </c>
      <c r="J6901" s="1" t="s">
        <v>24050</v>
      </c>
      <c r="K6901" s="1" t="s">
        <v>1548</v>
      </c>
      <c r="L6901" s="1" t="s">
        <v>24263</v>
      </c>
      <c r="M6901" s="1" t="s">
        <v>5</v>
      </c>
      <c r="N6901" s="1" t="s">
        <v>960</v>
      </c>
      <c r="O6901" s="1" t="s">
        <v>38</v>
      </c>
      <c r="P6901" s="5" t="s">
        <v>32260</v>
      </c>
    </row>
    <row r="6902" spans="1:16" x14ac:dyDescent="0.2">
      <c r="A6902" s="1" t="s">
        <v>20</v>
      </c>
      <c r="B6902" s="1" t="s">
        <v>172</v>
      </c>
      <c r="C6902" s="1" t="s">
        <v>24267</v>
      </c>
      <c r="D6902" s="1" t="s">
        <v>24267</v>
      </c>
      <c r="E6902" s="1"/>
      <c r="F6902" s="1" t="s">
        <v>10</v>
      </c>
      <c r="G6902" s="1" t="s">
        <v>10</v>
      </c>
      <c r="H6902" s="1" t="s">
        <v>10</v>
      </c>
      <c r="I6902" s="1" t="s">
        <v>24025</v>
      </c>
      <c r="J6902" s="1" t="s">
        <v>24050</v>
      </c>
      <c r="K6902" s="1" t="s">
        <v>1548</v>
      </c>
      <c r="L6902" s="1" t="s">
        <v>24266</v>
      </c>
      <c r="M6902" s="1" t="s">
        <v>5</v>
      </c>
      <c r="N6902" s="1" t="s">
        <v>25</v>
      </c>
      <c r="O6902" s="1" t="s">
        <v>38</v>
      </c>
      <c r="P6902" s="5" t="s">
        <v>32261</v>
      </c>
    </row>
    <row r="6903" spans="1:16" x14ac:dyDescent="0.2">
      <c r="A6903" s="1" t="s">
        <v>20</v>
      </c>
      <c r="B6903" s="1" t="s">
        <v>172</v>
      </c>
      <c r="C6903" s="1" t="s">
        <v>24269</v>
      </c>
      <c r="D6903" s="1" t="s">
        <v>24270</v>
      </c>
      <c r="E6903" s="1"/>
      <c r="F6903" s="1" t="s">
        <v>10</v>
      </c>
      <c r="G6903" s="1" t="s">
        <v>10</v>
      </c>
      <c r="H6903" s="1" t="s">
        <v>10</v>
      </c>
      <c r="I6903" s="1" t="s">
        <v>24025</v>
      </c>
      <c r="J6903" s="1" t="s">
        <v>24050</v>
      </c>
      <c r="K6903" s="1" t="s">
        <v>1548</v>
      </c>
      <c r="L6903" s="1" t="s">
        <v>24268</v>
      </c>
      <c r="M6903" s="1" t="s">
        <v>5</v>
      </c>
      <c r="N6903" s="1" t="s">
        <v>25</v>
      </c>
      <c r="O6903" s="1" t="s">
        <v>38</v>
      </c>
      <c r="P6903" s="5" t="s">
        <v>32262</v>
      </c>
    </row>
    <row r="6904" spans="1:16" x14ac:dyDescent="0.2">
      <c r="A6904" s="1" t="s">
        <v>20</v>
      </c>
      <c r="B6904" s="1" t="s">
        <v>1047</v>
      </c>
      <c r="C6904" s="1" t="s">
        <v>24272</v>
      </c>
      <c r="D6904" s="1" t="s">
        <v>24273</v>
      </c>
      <c r="E6904" s="1" t="s">
        <v>24275</v>
      </c>
      <c r="F6904" s="1" t="s">
        <v>10</v>
      </c>
      <c r="G6904" s="1" t="s">
        <v>10</v>
      </c>
      <c r="H6904" s="1" t="s">
        <v>10</v>
      </c>
      <c r="I6904" s="1" t="s">
        <v>24025</v>
      </c>
      <c r="J6904" s="1" t="s">
        <v>24274</v>
      </c>
      <c r="K6904" s="1" t="s">
        <v>2555</v>
      </c>
      <c r="L6904" s="1" t="s">
        <v>24271</v>
      </c>
      <c r="M6904" s="1" t="s">
        <v>5</v>
      </c>
      <c r="N6904" s="1" t="s">
        <v>25</v>
      </c>
      <c r="O6904" s="1" t="s">
        <v>38</v>
      </c>
      <c r="P6904" s="5" t="s">
        <v>30729</v>
      </c>
    </row>
    <row r="6905" spans="1:16" x14ac:dyDescent="0.2">
      <c r="A6905" s="1" t="s">
        <v>20</v>
      </c>
      <c r="B6905" s="1" t="s">
        <v>93</v>
      </c>
      <c r="C6905" s="1" t="s">
        <v>24277</v>
      </c>
      <c r="D6905" s="1" t="s">
        <v>24278</v>
      </c>
      <c r="E6905" s="1"/>
      <c r="F6905" s="1" t="s">
        <v>10</v>
      </c>
      <c r="G6905" s="1" t="s">
        <v>10</v>
      </c>
      <c r="H6905" s="1" t="s">
        <v>10</v>
      </c>
      <c r="I6905" s="1" t="s">
        <v>24025</v>
      </c>
      <c r="J6905" s="1" t="s">
        <v>24112</v>
      </c>
      <c r="K6905" s="1" t="s">
        <v>1548</v>
      </c>
      <c r="L6905" s="1" t="s">
        <v>24276</v>
      </c>
      <c r="M6905" s="1" t="s">
        <v>5</v>
      </c>
      <c r="N6905" s="1" t="s">
        <v>25</v>
      </c>
      <c r="O6905" s="1" t="s">
        <v>38</v>
      </c>
      <c r="P6905" s="5" t="s">
        <v>30730</v>
      </c>
    </row>
    <row r="6906" spans="1:16" x14ac:dyDescent="0.2">
      <c r="A6906" s="1" t="s">
        <v>20</v>
      </c>
      <c r="B6906" s="1" t="s">
        <v>172</v>
      </c>
      <c r="C6906" s="1" t="s">
        <v>24280</v>
      </c>
      <c r="D6906" s="1" t="s">
        <v>24281</v>
      </c>
      <c r="E6906" s="1"/>
      <c r="F6906" s="1" t="s">
        <v>10</v>
      </c>
      <c r="G6906" s="1" t="s">
        <v>10</v>
      </c>
      <c r="H6906" s="1" t="s">
        <v>10</v>
      </c>
      <c r="I6906" s="1" t="s">
        <v>24025</v>
      </c>
      <c r="J6906" s="1" t="s">
        <v>24035</v>
      </c>
      <c r="K6906" s="1" t="s">
        <v>1548</v>
      </c>
      <c r="L6906" s="1" t="s">
        <v>24279</v>
      </c>
      <c r="M6906" s="1" t="s">
        <v>5</v>
      </c>
      <c r="N6906" s="1" t="s">
        <v>25</v>
      </c>
      <c r="O6906" s="1" t="s">
        <v>38</v>
      </c>
      <c r="P6906" s="5" t="s">
        <v>30731</v>
      </c>
    </row>
    <row r="6907" spans="1:16" x14ac:dyDescent="0.2">
      <c r="A6907" s="1" t="s">
        <v>20</v>
      </c>
      <c r="B6907" s="1" t="s">
        <v>99</v>
      </c>
      <c r="C6907" s="1" t="s">
        <v>24283</v>
      </c>
      <c r="D6907" s="1" t="s">
        <v>24284</v>
      </c>
      <c r="E6907" s="1"/>
      <c r="F6907" s="1" t="s">
        <v>10</v>
      </c>
      <c r="G6907" s="1" t="s">
        <v>10</v>
      </c>
      <c r="H6907" s="1" t="s">
        <v>10</v>
      </c>
      <c r="I6907" s="1" t="s">
        <v>24025</v>
      </c>
      <c r="J6907" s="1" t="s">
        <v>24079</v>
      </c>
      <c r="K6907" s="1" t="s">
        <v>9115</v>
      </c>
      <c r="L6907" s="1" t="s">
        <v>24282</v>
      </c>
      <c r="M6907" s="1" t="s">
        <v>5</v>
      </c>
      <c r="N6907" s="1" t="s">
        <v>25</v>
      </c>
      <c r="O6907" s="1" t="s">
        <v>38</v>
      </c>
      <c r="P6907" s="5" t="s">
        <v>30732</v>
      </c>
    </row>
    <row r="6908" spans="1:16" x14ac:dyDescent="0.2">
      <c r="A6908" s="1" t="s">
        <v>20</v>
      </c>
      <c r="B6908" s="1" t="s">
        <v>445</v>
      </c>
      <c r="C6908" s="1" t="s">
        <v>24286</v>
      </c>
      <c r="D6908" s="1" t="s">
        <v>24287</v>
      </c>
      <c r="E6908" s="1"/>
      <c r="F6908" s="1" t="s">
        <v>10</v>
      </c>
      <c r="G6908" s="1" t="s">
        <v>10</v>
      </c>
      <c r="H6908" s="1" t="s">
        <v>10</v>
      </c>
      <c r="I6908" s="1" t="s">
        <v>24025</v>
      </c>
      <c r="J6908" s="1" t="s">
        <v>24058</v>
      </c>
      <c r="K6908" s="1" t="s">
        <v>1548</v>
      </c>
      <c r="L6908" s="1" t="s">
        <v>24285</v>
      </c>
      <c r="M6908" s="1" t="s">
        <v>5</v>
      </c>
      <c r="N6908" s="1" t="s">
        <v>25</v>
      </c>
      <c r="O6908" s="1" t="s">
        <v>38</v>
      </c>
      <c r="P6908" s="5" t="s">
        <v>30733</v>
      </c>
    </row>
    <row r="6909" spans="1:16" x14ac:dyDescent="0.2">
      <c r="A6909" s="1" t="s">
        <v>66</v>
      </c>
      <c r="B6909" s="1" t="s">
        <v>498</v>
      </c>
      <c r="C6909" s="1" t="s">
        <v>24289</v>
      </c>
      <c r="D6909" s="1" t="s">
        <v>24290</v>
      </c>
      <c r="E6909" s="1"/>
      <c r="F6909" s="1" t="s">
        <v>10</v>
      </c>
      <c r="G6909" s="1" t="s">
        <v>10</v>
      </c>
      <c r="H6909" s="1" t="s">
        <v>10</v>
      </c>
      <c r="I6909" s="1" t="s">
        <v>24025</v>
      </c>
      <c r="J6909" s="1" t="s">
        <v>24035</v>
      </c>
      <c r="K6909" s="1" t="s">
        <v>1548</v>
      </c>
      <c r="L6909" s="1" t="s">
        <v>24288</v>
      </c>
      <c r="M6909" s="1" t="s">
        <v>5</v>
      </c>
      <c r="N6909" s="1" t="s">
        <v>25</v>
      </c>
      <c r="O6909" s="1" t="s">
        <v>38</v>
      </c>
      <c r="P6909" s="5" t="s">
        <v>32263</v>
      </c>
    </row>
    <row r="6910" spans="1:16" x14ac:dyDescent="0.2">
      <c r="A6910" s="1" t="s">
        <v>66</v>
      </c>
      <c r="B6910" s="1" t="s">
        <v>4741</v>
      </c>
      <c r="C6910" s="1" t="s">
        <v>24292</v>
      </c>
      <c r="D6910" s="1" t="s">
        <v>24293</v>
      </c>
      <c r="E6910" s="1"/>
      <c r="F6910" s="1" t="s">
        <v>24294</v>
      </c>
      <c r="G6910" s="1" t="s">
        <v>1042</v>
      </c>
      <c r="H6910" s="1" t="s">
        <v>24296</v>
      </c>
      <c r="I6910" s="1" t="s">
        <v>24025</v>
      </c>
      <c r="J6910" s="1" t="s">
        <v>24295</v>
      </c>
      <c r="K6910" s="1" t="s">
        <v>2555</v>
      </c>
      <c r="L6910" s="1" t="s">
        <v>24291</v>
      </c>
      <c r="M6910" s="1" t="s">
        <v>5</v>
      </c>
      <c r="N6910" s="1" t="s">
        <v>1009</v>
      </c>
      <c r="O6910" s="1" t="s">
        <v>8</v>
      </c>
      <c r="P6910" s="5" t="s">
        <v>32264</v>
      </c>
    </row>
    <row r="6911" spans="1:16" x14ac:dyDescent="0.2">
      <c r="A6911" s="1" t="s">
        <v>20</v>
      </c>
      <c r="B6911" s="1" t="s">
        <v>445</v>
      </c>
      <c r="C6911" s="1" t="s">
        <v>24298</v>
      </c>
      <c r="D6911" s="1" t="s">
        <v>22644</v>
      </c>
      <c r="E6911" s="1"/>
      <c r="F6911" s="1" t="s">
        <v>24299</v>
      </c>
      <c r="G6911" s="1" t="s">
        <v>1042</v>
      </c>
      <c r="H6911" s="1" t="s">
        <v>22644</v>
      </c>
      <c r="I6911" s="1" t="s">
        <v>24025</v>
      </c>
      <c r="J6911" s="1" t="s">
        <v>24112</v>
      </c>
      <c r="K6911" s="1" t="s">
        <v>1548</v>
      </c>
      <c r="L6911" s="1" t="s">
        <v>24297</v>
      </c>
      <c r="M6911" s="1" t="s">
        <v>5</v>
      </c>
      <c r="N6911" s="1" t="s">
        <v>1009</v>
      </c>
      <c r="O6911" s="1" t="s">
        <v>8</v>
      </c>
      <c r="P6911" s="5" t="s">
        <v>32265</v>
      </c>
    </row>
    <row r="6912" spans="1:16" x14ac:dyDescent="0.2">
      <c r="A6912" s="1" t="s">
        <v>329</v>
      </c>
      <c r="B6912" s="1" t="s">
        <v>691</v>
      </c>
      <c r="C6912" s="1" t="s">
        <v>24301</v>
      </c>
      <c r="D6912" s="1" t="s">
        <v>24302</v>
      </c>
      <c r="E6912" s="1" t="s">
        <v>24303</v>
      </c>
      <c r="F6912" s="1" t="s">
        <v>10</v>
      </c>
      <c r="G6912" s="1" t="s">
        <v>10</v>
      </c>
      <c r="H6912" s="1" t="s">
        <v>10</v>
      </c>
      <c r="I6912" s="1" t="s">
        <v>24025</v>
      </c>
      <c r="J6912" s="1" t="s">
        <v>24181</v>
      </c>
      <c r="K6912" s="1" t="s">
        <v>100</v>
      </c>
      <c r="L6912" s="1" t="s">
        <v>24300</v>
      </c>
      <c r="M6912" s="1" t="s">
        <v>5</v>
      </c>
      <c r="N6912" s="1" t="s">
        <v>25</v>
      </c>
      <c r="O6912" s="1" t="s">
        <v>38</v>
      </c>
      <c r="P6912" s="5" t="s">
        <v>30734</v>
      </c>
    </row>
    <row r="6913" spans="1:16" x14ac:dyDescent="0.2">
      <c r="A6913" s="1" t="s">
        <v>66</v>
      </c>
      <c r="B6913" s="1" t="s">
        <v>276</v>
      </c>
      <c r="C6913" s="1" t="s">
        <v>24305</v>
      </c>
      <c r="D6913" s="1" t="s">
        <v>24306</v>
      </c>
      <c r="E6913" s="1"/>
      <c r="F6913" s="1" t="s">
        <v>24307</v>
      </c>
      <c r="G6913" s="1" t="s">
        <v>1042</v>
      </c>
      <c r="H6913" s="1" t="s">
        <v>24307</v>
      </c>
      <c r="I6913" s="1" t="s">
        <v>24025</v>
      </c>
      <c r="J6913" s="1" t="s">
        <v>24274</v>
      </c>
      <c r="K6913" s="1" t="s">
        <v>2555</v>
      </c>
      <c r="L6913" s="1" t="s">
        <v>24304</v>
      </c>
      <c r="M6913" s="1" t="s">
        <v>5</v>
      </c>
      <c r="N6913" s="1" t="s">
        <v>1597</v>
      </c>
      <c r="O6913" s="1" t="s">
        <v>8</v>
      </c>
      <c r="P6913" s="5" t="s">
        <v>32266</v>
      </c>
    </row>
    <row r="6914" spans="1:16" x14ac:dyDescent="0.2">
      <c r="A6914" s="1" t="s">
        <v>20</v>
      </c>
      <c r="B6914" s="1" t="s">
        <v>99</v>
      </c>
      <c r="C6914" s="1" t="s">
        <v>24309</v>
      </c>
      <c r="D6914" s="1" t="s">
        <v>24310</v>
      </c>
      <c r="E6914" s="1"/>
      <c r="F6914" s="1" t="s">
        <v>24311</v>
      </c>
      <c r="G6914" s="1" t="s">
        <v>1042</v>
      </c>
      <c r="H6914" s="1" t="s">
        <v>24313</v>
      </c>
      <c r="I6914" s="1" t="s">
        <v>24025</v>
      </c>
      <c r="J6914" s="1" t="s">
        <v>24312</v>
      </c>
      <c r="K6914" s="1" t="s">
        <v>2555</v>
      </c>
      <c r="L6914" s="1" t="s">
        <v>24308</v>
      </c>
      <c r="M6914" s="1" t="s">
        <v>5</v>
      </c>
      <c r="N6914" s="1" t="s">
        <v>1597</v>
      </c>
      <c r="O6914" s="1" t="s">
        <v>8</v>
      </c>
      <c r="P6914" s="5" t="s">
        <v>32267</v>
      </c>
    </row>
    <row r="6915" spans="1:16" x14ac:dyDescent="0.2">
      <c r="A6915" s="1" t="s">
        <v>194</v>
      </c>
      <c r="B6915" s="1" t="s">
        <v>195</v>
      </c>
      <c r="C6915" s="1" t="s">
        <v>24315</v>
      </c>
      <c r="D6915" s="1" t="s">
        <v>20630</v>
      </c>
      <c r="E6915" s="1" t="s">
        <v>24317</v>
      </c>
      <c r="F6915" s="1" t="s">
        <v>10</v>
      </c>
      <c r="G6915" s="1" t="s">
        <v>10</v>
      </c>
      <c r="H6915" s="1" t="s">
        <v>10</v>
      </c>
      <c r="I6915" s="1" t="s">
        <v>24025</v>
      </c>
      <c r="J6915" s="1" t="s">
        <v>24316</v>
      </c>
      <c r="K6915" s="1" t="s">
        <v>1548</v>
      </c>
      <c r="L6915" s="1" t="s">
        <v>24314</v>
      </c>
      <c r="M6915" s="1" t="s">
        <v>5</v>
      </c>
      <c r="N6915" s="1" t="s">
        <v>25</v>
      </c>
      <c r="O6915" s="1" t="s">
        <v>38</v>
      </c>
      <c r="P6915" s="5" t="s">
        <v>30735</v>
      </c>
    </row>
    <row r="6916" spans="1:16" x14ac:dyDescent="0.2">
      <c r="A6916" s="1" t="s">
        <v>20</v>
      </c>
      <c r="B6916" s="1" t="s">
        <v>445</v>
      </c>
      <c r="C6916" s="1" t="s">
        <v>24319</v>
      </c>
      <c r="D6916" s="1" t="s">
        <v>24320</v>
      </c>
      <c r="E6916" s="1" t="s">
        <v>24321</v>
      </c>
      <c r="F6916" s="1" t="s">
        <v>10</v>
      </c>
      <c r="G6916" s="1" t="s">
        <v>10</v>
      </c>
      <c r="H6916" s="1" t="s">
        <v>10</v>
      </c>
      <c r="I6916" s="1" t="s">
        <v>24025</v>
      </c>
      <c r="J6916" s="1" t="s">
        <v>24194</v>
      </c>
      <c r="K6916" s="1" t="s">
        <v>1548</v>
      </c>
      <c r="L6916" s="1" t="s">
        <v>24318</v>
      </c>
      <c r="M6916" s="1" t="s">
        <v>5</v>
      </c>
      <c r="N6916" s="1" t="s">
        <v>25</v>
      </c>
      <c r="O6916" s="1" t="s">
        <v>38</v>
      </c>
      <c r="P6916" s="5" t="s">
        <v>32268</v>
      </c>
    </row>
    <row r="6917" spans="1:16" x14ac:dyDescent="0.2">
      <c r="A6917" s="1" t="s">
        <v>66</v>
      </c>
      <c r="B6917" s="1" t="s">
        <v>498</v>
      </c>
      <c r="C6917" s="1" t="s">
        <v>24323</v>
      </c>
      <c r="D6917" s="1" t="s">
        <v>24324</v>
      </c>
      <c r="E6917" s="1"/>
      <c r="F6917" s="1" t="s">
        <v>10</v>
      </c>
      <c r="G6917" s="1" t="s">
        <v>10</v>
      </c>
      <c r="H6917" s="1" t="s">
        <v>10</v>
      </c>
      <c r="I6917" s="1" t="s">
        <v>24025</v>
      </c>
      <c r="J6917" s="1" t="s">
        <v>24274</v>
      </c>
      <c r="K6917" s="1" t="s">
        <v>2555</v>
      </c>
      <c r="L6917" s="1" t="s">
        <v>24322</v>
      </c>
      <c r="M6917" s="1" t="s">
        <v>5</v>
      </c>
      <c r="N6917" s="1" t="s">
        <v>25</v>
      </c>
      <c r="O6917" s="1" t="s">
        <v>38</v>
      </c>
      <c r="P6917" s="5" t="s">
        <v>30736</v>
      </c>
    </row>
    <row r="6918" spans="1:16" x14ac:dyDescent="0.2">
      <c r="A6918" s="1" t="s">
        <v>20</v>
      </c>
      <c r="B6918" s="1" t="s">
        <v>445</v>
      </c>
      <c r="C6918" s="1" t="s">
        <v>617</v>
      </c>
      <c r="D6918" s="1" t="s">
        <v>617</v>
      </c>
      <c r="E6918" s="1"/>
      <c r="F6918" s="1" t="s">
        <v>1544</v>
      </c>
      <c r="G6918" s="1" t="s">
        <v>1042</v>
      </c>
      <c r="H6918" s="1" t="s">
        <v>617</v>
      </c>
      <c r="I6918" s="1" t="s">
        <v>24025</v>
      </c>
      <c r="J6918" s="1" t="s">
        <v>24083</v>
      </c>
      <c r="K6918" s="1" t="s">
        <v>2555</v>
      </c>
      <c r="L6918" s="1" t="s">
        <v>24325</v>
      </c>
      <c r="M6918" s="1" t="s">
        <v>5</v>
      </c>
      <c r="N6918" s="1" t="s">
        <v>25</v>
      </c>
      <c r="O6918" s="1" t="s">
        <v>8</v>
      </c>
      <c r="P6918" s="5" t="s">
        <v>32269</v>
      </c>
    </row>
    <row r="6919" spans="1:16" x14ac:dyDescent="0.2">
      <c r="A6919" s="1" t="s">
        <v>20</v>
      </c>
      <c r="B6919" s="1" t="s">
        <v>445</v>
      </c>
      <c r="C6919" s="1" t="s">
        <v>24327</v>
      </c>
      <c r="D6919" s="1" t="s">
        <v>24327</v>
      </c>
      <c r="E6919" s="1"/>
      <c r="F6919" s="1" t="s">
        <v>24328</v>
      </c>
      <c r="G6919" s="1" t="s">
        <v>1042</v>
      </c>
      <c r="H6919" s="1" t="s">
        <v>24327</v>
      </c>
      <c r="I6919" s="1" t="s">
        <v>24025</v>
      </c>
      <c r="J6919" s="1" t="s">
        <v>24329</v>
      </c>
      <c r="K6919" s="1" t="s">
        <v>1027</v>
      </c>
      <c r="L6919" s="1" t="s">
        <v>24326</v>
      </c>
      <c r="M6919" s="1" t="s">
        <v>5</v>
      </c>
      <c r="N6919" s="1" t="s">
        <v>25</v>
      </c>
      <c r="O6919" s="1" t="s">
        <v>8</v>
      </c>
      <c r="P6919" s="5" t="s">
        <v>10</v>
      </c>
    </row>
    <row r="6920" spans="1:16" x14ac:dyDescent="0.2">
      <c r="A6920" s="1" t="s">
        <v>66</v>
      </c>
      <c r="B6920" s="1" t="s">
        <v>498</v>
      </c>
      <c r="C6920" s="1" t="s">
        <v>24331</v>
      </c>
      <c r="D6920" s="1" t="s">
        <v>24332</v>
      </c>
      <c r="E6920" s="1"/>
      <c r="F6920" s="1" t="s">
        <v>19669</v>
      </c>
      <c r="G6920" s="1" t="s">
        <v>3886</v>
      </c>
      <c r="H6920" s="1" t="s">
        <v>10</v>
      </c>
      <c r="I6920" s="1" t="s">
        <v>24025</v>
      </c>
      <c r="J6920" s="1" t="s">
        <v>24083</v>
      </c>
      <c r="K6920" s="1" t="s">
        <v>7</v>
      </c>
      <c r="L6920" s="1" t="s">
        <v>24330</v>
      </c>
      <c r="M6920" s="1" t="s">
        <v>5</v>
      </c>
      <c r="N6920" s="1" t="s">
        <v>25</v>
      </c>
      <c r="O6920" s="1" t="s">
        <v>8</v>
      </c>
      <c r="P6920" s="5" t="s">
        <v>30737</v>
      </c>
    </row>
    <row r="6921" spans="1:16" x14ac:dyDescent="0.2">
      <c r="A6921" s="1" t="s">
        <v>66</v>
      </c>
      <c r="B6921" s="1" t="s">
        <v>498</v>
      </c>
      <c r="C6921" s="1" t="s">
        <v>24334</v>
      </c>
      <c r="D6921" s="1" t="s">
        <v>24335</v>
      </c>
      <c r="E6921" s="1"/>
      <c r="F6921" s="1" t="s">
        <v>10</v>
      </c>
      <c r="G6921" s="1" t="s">
        <v>10</v>
      </c>
      <c r="H6921" s="1" t="s">
        <v>10</v>
      </c>
      <c r="I6921" s="1" t="s">
        <v>24025</v>
      </c>
      <c r="J6921" s="1" t="s">
        <v>24130</v>
      </c>
      <c r="K6921" s="1" t="s">
        <v>1548</v>
      </c>
      <c r="L6921" s="1" t="s">
        <v>24333</v>
      </c>
      <c r="M6921" s="1" t="s">
        <v>5</v>
      </c>
      <c r="N6921" s="1" t="s">
        <v>25</v>
      </c>
      <c r="O6921" s="1" t="s">
        <v>38</v>
      </c>
      <c r="P6921" s="5" t="s">
        <v>30738</v>
      </c>
    </row>
    <row r="6922" spans="1:16" x14ac:dyDescent="0.2">
      <c r="A6922" s="1" t="s">
        <v>66</v>
      </c>
      <c r="B6922" s="1" t="s">
        <v>498</v>
      </c>
      <c r="C6922" s="1" t="s">
        <v>24337</v>
      </c>
      <c r="D6922" s="1" t="s">
        <v>24338</v>
      </c>
      <c r="E6922" s="1" t="s">
        <v>24340</v>
      </c>
      <c r="F6922" s="1" t="s">
        <v>24339</v>
      </c>
      <c r="G6922" s="1" t="s">
        <v>1042</v>
      </c>
      <c r="H6922" s="1" t="s">
        <v>24338</v>
      </c>
      <c r="I6922" s="1" t="s">
        <v>24025</v>
      </c>
      <c r="J6922" s="1" t="s">
        <v>10</v>
      </c>
      <c r="K6922" s="1" t="s">
        <v>10</v>
      </c>
      <c r="L6922" s="1" t="s">
        <v>24336</v>
      </c>
      <c r="M6922" s="1" t="s">
        <v>5</v>
      </c>
      <c r="N6922" s="1" t="s">
        <v>25</v>
      </c>
      <c r="O6922" s="1" t="s">
        <v>8</v>
      </c>
      <c r="P6922" s="5" t="s">
        <v>30398</v>
      </c>
    </row>
    <row r="6923" spans="1:16" x14ac:dyDescent="0.2">
      <c r="A6923" s="1" t="s">
        <v>20</v>
      </c>
      <c r="B6923" s="1" t="s">
        <v>445</v>
      </c>
      <c r="C6923" s="1" t="s">
        <v>24342</v>
      </c>
      <c r="D6923" s="1" t="s">
        <v>24343</v>
      </c>
      <c r="E6923" s="1"/>
      <c r="F6923" s="1" t="s">
        <v>24344</v>
      </c>
      <c r="G6923" s="1" t="s">
        <v>1042</v>
      </c>
      <c r="H6923" s="1" t="s">
        <v>24343</v>
      </c>
      <c r="I6923" s="1" t="s">
        <v>24025</v>
      </c>
      <c r="J6923" s="1" t="s">
        <v>24035</v>
      </c>
      <c r="K6923" s="1" t="s">
        <v>1548</v>
      </c>
      <c r="L6923" s="1" t="s">
        <v>24341</v>
      </c>
      <c r="M6923" s="1" t="s">
        <v>5</v>
      </c>
      <c r="N6923" s="1" t="s">
        <v>6</v>
      </c>
      <c r="O6923" s="1" t="s">
        <v>8</v>
      </c>
      <c r="P6923" s="5" t="s">
        <v>32270</v>
      </c>
    </row>
    <row r="6924" spans="1:16" x14ac:dyDescent="0.2">
      <c r="A6924" s="1" t="s">
        <v>194</v>
      </c>
      <c r="B6924" s="1" t="s">
        <v>7175</v>
      </c>
      <c r="C6924" s="1" t="s">
        <v>24346</v>
      </c>
      <c r="D6924" s="1" t="s">
        <v>24347</v>
      </c>
      <c r="E6924" s="1" t="s">
        <v>24349</v>
      </c>
      <c r="F6924" s="1" t="s">
        <v>24348</v>
      </c>
      <c r="G6924" s="1" t="s">
        <v>1042</v>
      </c>
      <c r="H6924" s="1" t="s">
        <v>24347</v>
      </c>
      <c r="I6924" s="1" t="s">
        <v>24025</v>
      </c>
      <c r="J6924" s="1" t="s">
        <v>24035</v>
      </c>
      <c r="K6924" s="1" t="s">
        <v>1548</v>
      </c>
      <c r="L6924" s="1" t="s">
        <v>24345</v>
      </c>
      <c r="M6924" s="1" t="s">
        <v>5</v>
      </c>
      <c r="N6924" s="1" t="s">
        <v>6</v>
      </c>
      <c r="O6924" s="1" t="s">
        <v>8</v>
      </c>
      <c r="P6924" s="5" t="s">
        <v>32271</v>
      </c>
    </row>
    <row r="6925" spans="1:16" x14ac:dyDescent="0.2">
      <c r="A6925" s="1" t="s">
        <v>10</v>
      </c>
      <c r="B6925" s="1" t="s">
        <v>10</v>
      </c>
      <c r="C6925" s="1" t="s">
        <v>24352</v>
      </c>
      <c r="D6925" s="1" t="s">
        <v>16395</v>
      </c>
      <c r="E6925" s="1" t="s">
        <v>24353</v>
      </c>
      <c r="F6925" s="1" t="s">
        <v>1813</v>
      </c>
      <c r="G6925" s="1" t="s">
        <v>1042</v>
      </c>
      <c r="H6925" s="1" t="s">
        <v>24354</v>
      </c>
      <c r="I6925" s="1" t="s">
        <v>24025</v>
      </c>
      <c r="J6925" s="1" t="s">
        <v>24079</v>
      </c>
      <c r="K6925" s="1" t="s">
        <v>27</v>
      </c>
      <c r="L6925" s="1" t="s">
        <v>24351</v>
      </c>
      <c r="M6925" s="1" t="s">
        <v>5</v>
      </c>
      <c r="N6925" s="1" t="s">
        <v>6</v>
      </c>
      <c r="O6925" s="1" t="s">
        <v>8</v>
      </c>
      <c r="P6925" s="5" t="s">
        <v>32272</v>
      </c>
    </row>
    <row r="6926" spans="1:16" x14ac:dyDescent="0.2">
      <c r="A6926" s="1" t="s">
        <v>20</v>
      </c>
      <c r="B6926" s="1" t="s">
        <v>445</v>
      </c>
      <c r="C6926" s="1" t="s">
        <v>24356</v>
      </c>
      <c r="D6926" s="1" t="s">
        <v>24357</v>
      </c>
      <c r="E6926" s="1"/>
      <c r="F6926" s="1" t="s">
        <v>1813</v>
      </c>
      <c r="G6926" s="1" t="s">
        <v>1042</v>
      </c>
      <c r="H6926" s="1" t="s">
        <v>24358</v>
      </c>
      <c r="I6926" s="1" t="s">
        <v>24025</v>
      </c>
      <c r="J6926" s="1" t="s">
        <v>24112</v>
      </c>
      <c r="K6926" s="1" t="s">
        <v>27</v>
      </c>
      <c r="L6926" s="1" t="s">
        <v>24355</v>
      </c>
      <c r="M6926" s="1" t="s">
        <v>5</v>
      </c>
      <c r="N6926" s="1" t="s">
        <v>1009</v>
      </c>
      <c r="O6926" s="1" t="s">
        <v>8</v>
      </c>
      <c r="P6926" s="5" t="s">
        <v>32273</v>
      </c>
    </row>
    <row r="6927" spans="1:16" x14ac:dyDescent="0.2">
      <c r="A6927" s="1" t="s">
        <v>42</v>
      </c>
      <c r="B6927" s="1" t="s">
        <v>1377</v>
      </c>
      <c r="C6927" s="1" t="s">
        <v>24360</v>
      </c>
      <c r="D6927" s="1" t="s">
        <v>24361</v>
      </c>
      <c r="E6927" s="1" t="s">
        <v>24363</v>
      </c>
      <c r="F6927" s="1" t="s">
        <v>10</v>
      </c>
      <c r="G6927" s="1" t="s">
        <v>10</v>
      </c>
      <c r="H6927" s="1" t="s">
        <v>10</v>
      </c>
      <c r="I6927" s="1" t="s">
        <v>22275</v>
      </c>
      <c r="J6927" s="1" t="s">
        <v>24362</v>
      </c>
      <c r="K6927" s="1" t="s">
        <v>64</v>
      </c>
      <c r="L6927" s="1" t="s">
        <v>24359</v>
      </c>
      <c r="M6927" s="1" t="s">
        <v>5</v>
      </c>
      <c r="N6927" s="1" t="s">
        <v>1009</v>
      </c>
      <c r="O6927" s="1" t="s">
        <v>38</v>
      </c>
      <c r="P6927" s="5" t="s">
        <v>10</v>
      </c>
    </row>
    <row r="6928" spans="1:16" x14ac:dyDescent="0.2">
      <c r="A6928" s="1" t="s">
        <v>20</v>
      </c>
      <c r="B6928" s="1" t="s">
        <v>253</v>
      </c>
      <c r="C6928" s="1" t="s">
        <v>15976</v>
      </c>
      <c r="D6928" s="1" t="s">
        <v>427</v>
      </c>
      <c r="E6928" s="1"/>
      <c r="F6928" s="1" t="s">
        <v>27</v>
      </c>
      <c r="G6928" s="1" t="s">
        <v>10</v>
      </c>
      <c r="H6928" s="1" t="s">
        <v>24365</v>
      </c>
      <c r="I6928" s="1" t="s">
        <v>22275</v>
      </c>
      <c r="J6928" s="1" t="s">
        <v>130</v>
      </c>
      <c r="K6928" s="1" t="s">
        <v>14695</v>
      </c>
      <c r="L6928" s="1" t="s">
        <v>24364</v>
      </c>
      <c r="M6928" s="1" t="s">
        <v>5</v>
      </c>
      <c r="N6928" s="1" t="s">
        <v>25</v>
      </c>
      <c r="O6928" s="1" t="s">
        <v>8</v>
      </c>
      <c r="P6928" s="5" t="s">
        <v>10</v>
      </c>
    </row>
    <row r="6929" spans="1:16" x14ac:dyDescent="0.2">
      <c r="A6929" s="1" t="s">
        <v>20</v>
      </c>
      <c r="B6929" s="1" t="s">
        <v>93</v>
      </c>
      <c r="C6929" s="1" t="s">
        <v>23486</v>
      </c>
      <c r="D6929" s="1" t="s">
        <v>431</v>
      </c>
      <c r="E6929" s="1"/>
      <c r="F6929" s="1" t="s">
        <v>27</v>
      </c>
      <c r="G6929" s="1" t="s">
        <v>10</v>
      </c>
      <c r="H6929" s="1" t="s">
        <v>24365</v>
      </c>
      <c r="I6929" s="1" t="s">
        <v>22275</v>
      </c>
      <c r="J6929" s="1" t="s">
        <v>130</v>
      </c>
      <c r="K6929" s="1" t="s">
        <v>14695</v>
      </c>
      <c r="L6929" s="1" t="s">
        <v>24366</v>
      </c>
      <c r="M6929" s="1" t="s">
        <v>5</v>
      </c>
      <c r="N6929" s="1" t="s">
        <v>1009</v>
      </c>
      <c r="O6929" s="1" t="s">
        <v>8</v>
      </c>
      <c r="P6929" s="5" t="s">
        <v>10</v>
      </c>
    </row>
    <row r="6930" spans="1:16" x14ac:dyDescent="0.2">
      <c r="A6930" s="1" t="s">
        <v>20</v>
      </c>
      <c r="B6930" s="1" t="s">
        <v>10</v>
      </c>
      <c r="C6930" s="1" t="s">
        <v>24368</v>
      </c>
      <c r="D6930" s="1" t="s">
        <v>19461</v>
      </c>
      <c r="E6930" s="1"/>
      <c r="F6930" s="1" t="s">
        <v>10</v>
      </c>
      <c r="G6930" s="1" t="s">
        <v>10</v>
      </c>
      <c r="H6930" s="1" t="s">
        <v>10</v>
      </c>
      <c r="I6930" s="1" t="s">
        <v>22275</v>
      </c>
      <c r="J6930" s="1" t="s">
        <v>24362</v>
      </c>
      <c r="K6930" s="1" t="s">
        <v>64</v>
      </c>
      <c r="L6930" s="1" t="s">
        <v>24367</v>
      </c>
      <c r="M6930" s="1" t="s">
        <v>5</v>
      </c>
      <c r="N6930" s="1" t="s">
        <v>1009</v>
      </c>
      <c r="O6930" s="1" t="s">
        <v>38</v>
      </c>
      <c r="P6930" s="5" t="s">
        <v>10</v>
      </c>
    </row>
    <row r="6931" spans="1:16" x14ac:dyDescent="0.2">
      <c r="A6931" s="1" t="s">
        <v>423</v>
      </c>
      <c r="B6931" s="1" t="s">
        <v>9015</v>
      </c>
      <c r="C6931" s="1" t="s">
        <v>24370</v>
      </c>
      <c r="D6931" s="1" t="s">
        <v>24371</v>
      </c>
      <c r="E6931" s="1" t="s">
        <v>24372</v>
      </c>
      <c r="F6931" s="1" t="s">
        <v>10</v>
      </c>
      <c r="G6931" s="1" t="s">
        <v>10</v>
      </c>
      <c r="H6931" s="1" t="s">
        <v>10</v>
      </c>
      <c r="I6931" s="1" t="s">
        <v>22275</v>
      </c>
      <c r="J6931" s="1" t="s">
        <v>3899</v>
      </c>
      <c r="K6931" s="1" t="s">
        <v>64</v>
      </c>
      <c r="L6931" s="1" t="s">
        <v>24369</v>
      </c>
      <c r="M6931" s="1" t="s">
        <v>5</v>
      </c>
      <c r="N6931" s="1" t="s">
        <v>25</v>
      </c>
      <c r="O6931" s="1" t="s">
        <v>38</v>
      </c>
      <c r="P6931" s="5" t="s">
        <v>10</v>
      </c>
    </row>
    <row r="6932" spans="1:16" x14ac:dyDescent="0.2">
      <c r="A6932" s="1" t="s">
        <v>20</v>
      </c>
      <c r="B6932" s="1" t="s">
        <v>172</v>
      </c>
      <c r="C6932" s="1" t="s">
        <v>24374</v>
      </c>
      <c r="D6932" s="1" t="s">
        <v>24375</v>
      </c>
      <c r="E6932" s="1" t="s">
        <v>24376</v>
      </c>
      <c r="F6932" s="1" t="s">
        <v>10</v>
      </c>
      <c r="G6932" s="1" t="s">
        <v>10</v>
      </c>
      <c r="H6932" s="1" t="s">
        <v>10</v>
      </c>
      <c r="I6932" s="1" t="s">
        <v>22275</v>
      </c>
      <c r="J6932" s="1" t="s">
        <v>1561</v>
      </c>
      <c r="K6932" s="1" t="s">
        <v>7</v>
      </c>
      <c r="L6932" s="1" t="s">
        <v>24373</v>
      </c>
      <c r="M6932" s="1" t="s">
        <v>5</v>
      </c>
      <c r="N6932" s="1" t="s">
        <v>25</v>
      </c>
      <c r="O6932" s="1" t="s">
        <v>38</v>
      </c>
      <c r="P6932" s="5" t="s">
        <v>10</v>
      </c>
    </row>
    <row r="6933" spans="1:16" x14ac:dyDescent="0.2">
      <c r="A6933" s="1" t="s">
        <v>423</v>
      </c>
      <c r="B6933" s="1" t="s">
        <v>2587</v>
      </c>
      <c r="C6933" s="1" t="s">
        <v>24378</v>
      </c>
      <c r="D6933" s="1" t="s">
        <v>24379</v>
      </c>
      <c r="E6933" s="1"/>
      <c r="F6933" s="1" t="s">
        <v>10</v>
      </c>
      <c r="G6933" s="1" t="s">
        <v>10</v>
      </c>
      <c r="H6933" s="1" t="s">
        <v>10</v>
      </c>
      <c r="I6933" s="1" t="s">
        <v>22275</v>
      </c>
      <c r="J6933" s="1" t="s">
        <v>3899</v>
      </c>
      <c r="K6933" s="1" t="s">
        <v>7</v>
      </c>
      <c r="L6933" s="1" t="s">
        <v>24377</v>
      </c>
      <c r="M6933" s="1" t="s">
        <v>5</v>
      </c>
      <c r="N6933" s="1" t="s">
        <v>960</v>
      </c>
      <c r="O6933" s="1" t="s">
        <v>38</v>
      </c>
      <c r="P6933" s="5" t="s">
        <v>10</v>
      </c>
    </row>
    <row r="6934" spans="1:16" x14ac:dyDescent="0.2">
      <c r="A6934" s="1" t="s">
        <v>32</v>
      </c>
      <c r="B6934" s="1" t="s">
        <v>1163</v>
      </c>
      <c r="C6934" s="1" t="s">
        <v>9092</v>
      </c>
      <c r="D6934" s="1" t="s">
        <v>9092</v>
      </c>
      <c r="E6934" s="1" t="s">
        <v>24383</v>
      </c>
      <c r="F6934" s="1" t="s">
        <v>9092</v>
      </c>
      <c r="G6934" s="1" t="s">
        <v>24384</v>
      </c>
      <c r="H6934" s="1" t="s">
        <v>10</v>
      </c>
      <c r="I6934" s="1" t="s">
        <v>22275</v>
      </c>
      <c r="J6934" s="1" t="s">
        <v>24382</v>
      </c>
      <c r="K6934" s="1" t="s">
        <v>24381</v>
      </c>
      <c r="L6934" s="1" t="s">
        <v>24380</v>
      </c>
      <c r="M6934" s="1" t="s">
        <v>5</v>
      </c>
      <c r="N6934" s="1" t="s">
        <v>25</v>
      </c>
      <c r="O6934" s="1" t="s">
        <v>8</v>
      </c>
      <c r="P6934" s="5" t="s">
        <v>10</v>
      </c>
    </row>
    <row r="6935" spans="1:16" x14ac:dyDescent="0.2">
      <c r="A6935" s="1" t="s">
        <v>42</v>
      </c>
      <c r="B6935" s="1" t="s">
        <v>118</v>
      </c>
      <c r="C6935" s="1" t="s">
        <v>24386</v>
      </c>
      <c r="D6935" s="1" t="s">
        <v>24387</v>
      </c>
      <c r="E6935" s="1" t="s">
        <v>24388</v>
      </c>
      <c r="F6935" s="1" t="s">
        <v>1640</v>
      </c>
      <c r="G6935" s="1" t="s">
        <v>24389</v>
      </c>
      <c r="H6935" s="1" t="s">
        <v>10</v>
      </c>
      <c r="I6935" s="1" t="s">
        <v>22275</v>
      </c>
      <c r="J6935" s="1" t="s">
        <v>1561</v>
      </c>
      <c r="K6935" s="1" t="s">
        <v>6469</v>
      </c>
      <c r="L6935" s="1" t="s">
        <v>24385</v>
      </c>
      <c r="M6935" s="1" t="s">
        <v>5</v>
      </c>
      <c r="N6935" s="1" t="s">
        <v>1009</v>
      </c>
      <c r="O6935" s="1" t="s">
        <v>8</v>
      </c>
      <c r="P6935" s="5" t="s">
        <v>10</v>
      </c>
    </row>
    <row r="6936" spans="1:16" x14ac:dyDescent="0.2">
      <c r="A6936" s="1" t="s">
        <v>10</v>
      </c>
      <c r="B6936" s="1" t="s">
        <v>10</v>
      </c>
      <c r="C6936" s="1" t="s">
        <v>11329</v>
      </c>
      <c r="D6936" s="1" t="s">
        <v>11330</v>
      </c>
      <c r="E6936" s="1" t="s">
        <v>24391</v>
      </c>
      <c r="F6936" s="1" t="s">
        <v>27</v>
      </c>
      <c r="G6936" s="1" t="s">
        <v>10</v>
      </c>
      <c r="H6936" s="1" t="s">
        <v>24392</v>
      </c>
      <c r="I6936" s="1" t="s">
        <v>22275</v>
      </c>
      <c r="J6936" s="1" t="s">
        <v>24362</v>
      </c>
      <c r="K6936" s="1" t="s">
        <v>64</v>
      </c>
      <c r="L6936" s="1" t="s">
        <v>24390</v>
      </c>
      <c r="M6936" s="1" t="s">
        <v>5</v>
      </c>
      <c r="N6936" s="1" t="s">
        <v>1009</v>
      </c>
      <c r="O6936" s="1" t="s">
        <v>8</v>
      </c>
      <c r="P6936" s="5" t="s">
        <v>10</v>
      </c>
    </row>
    <row r="6937" spans="1:16" x14ac:dyDescent="0.2">
      <c r="A6937" s="1" t="s">
        <v>10</v>
      </c>
      <c r="B6937" s="1" t="s">
        <v>10</v>
      </c>
      <c r="C6937" s="1" t="s">
        <v>24394</v>
      </c>
      <c r="D6937" s="1" t="s">
        <v>3478</v>
      </c>
      <c r="E6937" s="1" t="s">
        <v>24395</v>
      </c>
      <c r="F6937" s="1" t="s">
        <v>27</v>
      </c>
      <c r="G6937" s="1" t="s">
        <v>10</v>
      </c>
      <c r="H6937" s="1" t="s">
        <v>24396</v>
      </c>
      <c r="I6937" s="1" t="s">
        <v>22275</v>
      </c>
      <c r="J6937" s="1" t="s">
        <v>24362</v>
      </c>
      <c r="K6937" s="1" t="s">
        <v>64</v>
      </c>
      <c r="L6937" s="1" t="s">
        <v>24393</v>
      </c>
      <c r="M6937" s="1" t="s">
        <v>5</v>
      </c>
      <c r="N6937" s="1" t="s">
        <v>25</v>
      </c>
      <c r="O6937" s="1" t="s">
        <v>8</v>
      </c>
      <c r="P6937" s="5" t="s">
        <v>10</v>
      </c>
    </row>
    <row r="6938" spans="1:16" x14ac:dyDescent="0.2">
      <c r="A6938" s="1" t="s">
        <v>2187</v>
      </c>
      <c r="B6938" s="1" t="s">
        <v>10</v>
      </c>
      <c r="C6938" s="1" t="s">
        <v>24398</v>
      </c>
      <c r="D6938" s="1" t="s">
        <v>24399</v>
      </c>
      <c r="E6938" s="1"/>
      <c r="F6938" s="1" t="s">
        <v>10</v>
      </c>
      <c r="G6938" s="1" t="s">
        <v>10</v>
      </c>
      <c r="H6938" s="1" t="s">
        <v>10</v>
      </c>
      <c r="I6938" s="1" t="s">
        <v>22275</v>
      </c>
      <c r="J6938" s="1" t="s">
        <v>3899</v>
      </c>
      <c r="K6938" s="1" t="s">
        <v>64</v>
      </c>
      <c r="L6938" s="1" t="s">
        <v>24397</v>
      </c>
      <c r="M6938" s="1" t="s">
        <v>5</v>
      </c>
      <c r="N6938" s="1" t="s">
        <v>6</v>
      </c>
      <c r="O6938" s="1" t="s">
        <v>38</v>
      </c>
      <c r="P6938" s="5" t="s">
        <v>10</v>
      </c>
    </row>
    <row r="6939" spans="1:16" x14ac:dyDescent="0.2">
      <c r="A6939" s="1" t="s">
        <v>32</v>
      </c>
      <c r="B6939" s="1" t="s">
        <v>140</v>
      </c>
      <c r="C6939" s="1" t="s">
        <v>24401</v>
      </c>
      <c r="D6939" s="1" t="s">
        <v>24402</v>
      </c>
      <c r="E6939" s="1" t="s">
        <v>24403</v>
      </c>
      <c r="F6939" s="1" t="s">
        <v>27</v>
      </c>
      <c r="G6939" s="1" t="s">
        <v>10</v>
      </c>
      <c r="H6939" s="1" t="s">
        <v>24404</v>
      </c>
      <c r="I6939" s="1" t="s">
        <v>22275</v>
      </c>
      <c r="J6939" s="1" t="s">
        <v>24362</v>
      </c>
      <c r="K6939" s="1" t="s">
        <v>10</v>
      </c>
      <c r="L6939" s="1" t="s">
        <v>24400</v>
      </c>
      <c r="M6939" s="1" t="s">
        <v>5</v>
      </c>
      <c r="N6939" s="1" t="s">
        <v>1009</v>
      </c>
      <c r="O6939" s="1" t="s">
        <v>8</v>
      </c>
      <c r="P6939" s="5" t="s">
        <v>10</v>
      </c>
    </row>
    <row r="6940" spans="1:16" x14ac:dyDescent="0.2">
      <c r="A6940" s="1" t="s">
        <v>10</v>
      </c>
      <c r="B6940" s="1" t="s">
        <v>10</v>
      </c>
      <c r="C6940" s="1" t="s">
        <v>24406</v>
      </c>
      <c r="D6940" s="1" t="s">
        <v>24406</v>
      </c>
      <c r="E6940" s="1"/>
      <c r="F6940" s="1" t="s">
        <v>1306</v>
      </c>
      <c r="G6940" s="1" t="s">
        <v>10</v>
      </c>
      <c r="H6940" s="1" t="s">
        <v>24406</v>
      </c>
      <c r="I6940" s="1" t="s">
        <v>22275</v>
      </c>
      <c r="J6940" s="1" t="s">
        <v>3899</v>
      </c>
      <c r="K6940" s="1" t="s">
        <v>7381</v>
      </c>
      <c r="L6940" s="1" t="s">
        <v>24405</v>
      </c>
      <c r="M6940" s="1" t="s">
        <v>5</v>
      </c>
      <c r="N6940" s="1" t="s">
        <v>25</v>
      </c>
      <c r="O6940" s="1" t="s">
        <v>8</v>
      </c>
      <c r="P6940" s="5" t="s">
        <v>10</v>
      </c>
    </row>
    <row r="6941" spans="1:16" x14ac:dyDescent="0.2">
      <c r="A6941" s="1" t="s">
        <v>423</v>
      </c>
      <c r="B6941" s="1" t="s">
        <v>424</v>
      </c>
      <c r="C6941" s="1" t="s">
        <v>24408</v>
      </c>
      <c r="D6941" s="1" t="s">
        <v>997</v>
      </c>
      <c r="E6941" s="1" t="s">
        <v>24409</v>
      </c>
      <c r="F6941" s="1" t="s">
        <v>27</v>
      </c>
      <c r="G6941" s="1" t="s">
        <v>10</v>
      </c>
      <c r="H6941" s="1" t="s">
        <v>24410</v>
      </c>
      <c r="I6941" s="1" t="s">
        <v>22275</v>
      </c>
      <c r="J6941" s="1" t="s">
        <v>100</v>
      </c>
      <c r="K6941" s="1" t="s">
        <v>10</v>
      </c>
      <c r="L6941" s="1" t="s">
        <v>24407</v>
      </c>
      <c r="M6941" s="1" t="s">
        <v>5</v>
      </c>
      <c r="N6941" s="1" t="s">
        <v>6</v>
      </c>
      <c r="O6941" s="1" t="s">
        <v>8</v>
      </c>
      <c r="P6941" s="5" t="s">
        <v>10</v>
      </c>
    </row>
    <row r="6942" spans="1:16" x14ac:dyDescent="0.2">
      <c r="A6942" s="1" t="s">
        <v>10</v>
      </c>
      <c r="B6942" s="1" t="s">
        <v>10</v>
      </c>
      <c r="C6942" s="1" t="s">
        <v>24412</v>
      </c>
      <c r="D6942" s="1" t="s">
        <v>24413</v>
      </c>
      <c r="E6942" s="1" t="s">
        <v>24414</v>
      </c>
      <c r="F6942" s="1" t="s">
        <v>27</v>
      </c>
      <c r="G6942" s="1" t="s">
        <v>10</v>
      </c>
      <c r="H6942" s="1" t="s">
        <v>24415</v>
      </c>
      <c r="I6942" s="1" t="s">
        <v>22275</v>
      </c>
      <c r="J6942" s="1" t="s">
        <v>24362</v>
      </c>
      <c r="K6942" s="1" t="s">
        <v>64</v>
      </c>
      <c r="L6942" s="1" t="s">
        <v>24411</v>
      </c>
      <c r="M6942" s="1" t="s">
        <v>5</v>
      </c>
      <c r="N6942" s="1" t="s">
        <v>6</v>
      </c>
      <c r="O6942" s="1" t="s">
        <v>8</v>
      </c>
      <c r="P6942" s="5" t="s">
        <v>10</v>
      </c>
    </row>
    <row r="6943" spans="1:16" x14ac:dyDescent="0.2">
      <c r="A6943" s="1" t="s">
        <v>10</v>
      </c>
      <c r="B6943" s="1" t="s">
        <v>10</v>
      </c>
      <c r="C6943" s="1" t="s">
        <v>24417</v>
      </c>
      <c r="D6943" s="1" t="s">
        <v>10</v>
      </c>
      <c r="E6943" s="1"/>
      <c r="F6943" s="1" t="s">
        <v>10</v>
      </c>
      <c r="G6943" s="1" t="s">
        <v>10</v>
      </c>
      <c r="H6943" s="1" t="s">
        <v>10</v>
      </c>
      <c r="I6943" s="1" t="s">
        <v>22275</v>
      </c>
      <c r="J6943" s="1" t="s">
        <v>24362</v>
      </c>
      <c r="K6943" s="1" t="s">
        <v>130</v>
      </c>
      <c r="L6943" s="1" t="s">
        <v>24416</v>
      </c>
      <c r="M6943" s="1" t="s">
        <v>5</v>
      </c>
      <c r="N6943" s="1" t="s">
        <v>25</v>
      </c>
      <c r="O6943" s="1" t="s">
        <v>38</v>
      </c>
      <c r="P6943" s="5" t="s">
        <v>10</v>
      </c>
    </row>
    <row r="6944" spans="1:16" x14ac:dyDescent="0.2">
      <c r="A6944" s="1" t="s">
        <v>10</v>
      </c>
      <c r="B6944" s="1" t="s">
        <v>10</v>
      </c>
      <c r="C6944" s="1" t="s">
        <v>24419</v>
      </c>
      <c r="D6944" s="1" t="s">
        <v>10</v>
      </c>
      <c r="E6944" s="1" t="s">
        <v>24420</v>
      </c>
      <c r="F6944" s="1" t="s">
        <v>27</v>
      </c>
      <c r="G6944" s="1" t="s">
        <v>10</v>
      </c>
      <c r="H6944" s="1" t="s">
        <v>24421</v>
      </c>
      <c r="I6944" s="1" t="s">
        <v>22275</v>
      </c>
      <c r="J6944" s="1" t="s">
        <v>24362</v>
      </c>
      <c r="K6944" s="1" t="s">
        <v>64</v>
      </c>
      <c r="L6944" s="1" t="s">
        <v>24418</v>
      </c>
      <c r="M6944" s="1" t="s">
        <v>5</v>
      </c>
      <c r="N6944" s="1" t="s">
        <v>1009</v>
      </c>
      <c r="O6944" s="1" t="s">
        <v>8</v>
      </c>
      <c r="P6944" s="5" t="s">
        <v>10</v>
      </c>
    </row>
    <row r="6945" spans="1:16" x14ac:dyDescent="0.2">
      <c r="A6945" s="1" t="s">
        <v>10</v>
      </c>
      <c r="B6945" s="1" t="s">
        <v>10</v>
      </c>
      <c r="C6945" s="1" t="s">
        <v>24423</v>
      </c>
      <c r="D6945" s="1" t="s">
        <v>24424</v>
      </c>
      <c r="E6945" s="1" t="s">
        <v>24425</v>
      </c>
      <c r="F6945" s="1" t="s">
        <v>1306</v>
      </c>
      <c r="G6945" s="1" t="s">
        <v>10</v>
      </c>
      <c r="H6945" s="1" t="s">
        <v>24426</v>
      </c>
      <c r="I6945" s="1" t="s">
        <v>22275</v>
      </c>
      <c r="J6945" s="1" t="s">
        <v>24362</v>
      </c>
      <c r="K6945" s="1" t="s">
        <v>130</v>
      </c>
      <c r="L6945" s="1" t="s">
        <v>24422</v>
      </c>
      <c r="M6945" s="1" t="s">
        <v>5</v>
      </c>
      <c r="N6945" s="1" t="s">
        <v>25</v>
      </c>
      <c r="O6945" s="1" t="s">
        <v>8</v>
      </c>
      <c r="P6945" s="5" t="s">
        <v>10</v>
      </c>
    </row>
    <row r="6946" spans="1:16" x14ac:dyDescent="0.2">
      <c r="A6946" s="1" t="s">
        <v>10</v>
      </c>
      <c r="B6946" s="1" t="s">
        <v>10</v>
      </c>
      <c r="C6946" s="1" t="s">
        <v>24428</v>
      </c>
      <c r="D6946" s="1" t="s">
        <v>24429</v>
      </c>
      <c r="E6946" s="1" t="s">
        <v>24430</v>
      </c>
      <c r="F6946" s="1" t="s">
        <v>1306</v>
      </c>
      <c r="G6946" s="1" t="s">
        <v>10</v>
      </c>
      <c r="H6946" s="1" t="s">
        <v>24426</v>
      </c>
      <c r="I6946" s="1" t="s">
        <v>22275</v>
      </c>
      <c r="J6946" s="1" t="s">
        <v>24362</v>
      </c>
      <c r="K6946" s="1" t="s">
        <v>130</v>
      </c>
      <c r="L6946" s="1" t="s">
        <v>24427</v>
      </c>
      <c r="M6946" s="1" t="s">
        <v>5</v>
      </c>
      <c r="N6946" s="1" t="s">
        <v>25</v>
      </c>
      <c r="O6946" s="1" t="s">
        <v>8</v>
      </c>
      <c r="P6946" s="5" t="s">
        <v>10</v>
      </c>
    </row>
    <row r="6947" spans="1:16" x14ac:dyDescent="0.2">
      <c r="A6947" s="1" t="s">
        <v>10</v>
      </c>
      <c r="B6947" s="1" t="s">
        <v>10</v>
      </c>
      <c r="C6947" s="1" t="s">
        <v>24432</v>
      </c>
      <c r="D6947" s="1" t="s">
        <v>24433</v>
      </c>
      <c r="E6947" s="1" t="s">
        <v>24434</v>
      </c>
      <c r="F6947" s="1" t="s">
        <v>10</v>
      </c>
      <c r="G6947" s="1" t="s">
        <v>10</v>
      </c>
      <c r="H6947" s="1" t="s">
        <v>10</v>
      </c>
      <c r="I6947" s="1" t="s">
        <v>22275</v>
      </c>
      <c r="J6947" s="1" t="s">
        <v>24362</v>
      </c>
      <c r="K6947" s="1" t="s">
        <v>64</v>
      </c>
      <c r="L6947" s="1" t="s">
        <v>24431</v>
      </c>
      <c r="M6947" s="1" t="s">
        <v>5</v>
      </c>
      <c r="N6947" s="1" t="s">
        <v>25</v>
      </c>
      <c r="O6947" s="1" t="s">
        <v>38</v>
      </c>
      <c r="P6947" s="5" t="s">
        <v>10</v>
      </c>
    </row>
    <row r="6948" spans="1:16" x14ac:dyDescent="0.2">
      <c r="A6948" s="1" t="s">
        <v>20</v>
      </c>
      <c r="B6948" s="1" t="s">
        <v>21</v>
      </c>
      <c r="C6948" s="1" t="s">
        <v>24436</v>
      </c>
      <c r="D6948" s="1" t="s">
        <v>24436</v>
      </c>
      <c r="E6948" s="1" t="s">
        <v>24437</v>
      </c>
      <c r="F6948" s="1" t="s">
        <v>27</v>
      </c>
      <c r="G6948" s="1" t="s">
        <v>10</v>
      </c>
      <c r="H6948" s="1" t="s">
        <v>24438</v>
      </c>
      <c r="I6948" s="1" t="s">
        <v>22275</v>
      </c>
      <c r="J6948" s="1" t="s">
        <v>3899</v>
      </c>
      <c r="K6948" s="1" t="s">
        <v>443</v>
      </c>
      <c r="L6948" s="1" t="s">
        <v>24435</v>
      </c>
      <c r="M6948" s="1" t="s">
        <v>5</v>
      </c>
      <c r="N6948" s="1" t="s">
        <v>25</v>
      </c>
      <c r="O6948" s="1" t="s">
        <v>8</v>
      </c>
      <c r="P6948" s="5" t="s">
        <v>10</v>
      </c>
    </row>
    <row r="6949" spans="1:16" x14ac:dyDescent="0.2">
      <c r="A6949" s="1" t="s">
        <v>66</v>
      </c>
      <c r="B6949" s="1" t="s">
        <v>1127</v>
      </c>
      <c r="C6949" s="1" t="s">
        <v>24440</v>
      </c>
      <c r="D6949" s="1" t="s">
        <v>24441</v>
      </c>
      <c r="E6949" s="1" t="s">
        <v>24442</v>
      </c>
      <c r="F6949" s="1" t="s">
        <v>1640</v>
      </c>
      <c r="G6949" s="1" t="s">
        <v>10</v>
      </c>
      <c r="H6949" s="1" t="s">
        <v>10</v>
      </c>
      <c r="I6949" s="1" t="s">
        <v>22275</v>
      </c>
      <c r="J6949" s="1" t="s">
        <v>3899</v>
      </c>
      <c r="K6949" s="1" t="s">
        <v>64</v>
      </c>
      <c r="L6949" s="1" t="s">
        <v>24439</v>
      </c>
      <c r="M6949" s="1" t="s">
        <v>5</v>
      </c>
      <c r="N6949" s="1" t="s">
        <v>1009</v>
      </c>
      <c r="O6949" s="1" t="s">
        <v>8</v>
      </c>
      <c r="P6949" s="5" t="s">
        <v>10</v>
      </c>
    </row>
    <row r="6950" spans="1:16" x14ac:dyDescent="0.2">
      <c r="A6950" s="1" t="s">
        <v>10</v>
      </c>
      <c r="B6950" s="1" t="s">
        <v>10</v>
      </c>
      <c r="C6950" s="1" t="s">
        <v>24444</v>
      </c>
      <c r="D6950" s="1" t="s">
        <v>24445</v>
      </c>
      <c r="E6950" s="1" t="s">
        <v>24446</v>
      </c>
      <c r="F6950" s="1" t="s">
        <v>10</v>
      </c>
      <c r="G6950" s="1" t="s">
        <v>10</v>
      </c>
      <c r="H6950" s="1" t="s">
        <v>10</v>
      </c>
      <c r="I6950" s="1" t="s">
        <v>22275</v>
      </c>
      <c r="J6950" s="1" t="s">
        <v>24362</v>
      </c>
      <c r="K6950" s="1" t="s">
        <v>1027</v>
      </c>
      <c r="L6950" s="1" t="s">
        <v>24443</v>
      </c>
      <c r="M6950" s="1" t="s">
        <v>5</v>
      </c>
      <c r="N6950" s="1" t="s">
        <v>1009</v>
      </c>
      <c r="O6950" s="1" t="s">
        <v>38</v>
      </c>
      <c r="P6950" s="5" t="s">
        <v>10</v>
      </c>
    </row>
    <row r="6951" spans="1:16" x14ac:dyDescent="0.2">
      <c r="A6951" s="1" t="s">
        <v>32</v>
      </c>
      <c r="B6951" s="1" t="s">
        <v>2216</v>
      </c>
      <c r="C6951" s="1" t="s">
        <v>24448</v>
      </c>
      <c r="D6951" s="1" t="s">
        <v>24449</v>
      </c>
      <c r="E6951" s="1"/>
      <c r="F6951" s="1" t="s">
        <v>10</v>
      </c>
      <c r="G6951" s="1" t="s">
        <v>10</v>
      </c>
      <c r="H6951" s="1" t="s">
        <v>10</v>
      </c>
      <c r="I6951" s="1" t="s">
        <v>22275</v>
      </c>
      <c r="J6951" s="1" t="s">
        <v>3899</v>
      </c>
      <c r="K6951" s="1" t="s">
        <v>24450</v>
      </c>
      <c r="L6951" s="1" t="s">
        <v>24447</v>
      </c>
      <c r="M6951" s="1" t="s">
        <v>5</v>
      </c>
      <c r="N6951" s="1" t="s">
        <v>6</v>
      </c>
      <c r="O6951" s="1" t="s">
        <v>38</v>
      </c>
      <c r="P6951" s="5" t="s">
        <v>10</v>
      </c>
    </row>
    <row r="6952" spans="1:16" x14ac:dyDescent="0.2">
      <c r="A6952" s="1" t="s">
        <v>10</v>
      </c>
      <c r="B6952" s="1" t="s">
        <v>10</v>
      </c>
      <c r="C6952" s="1" t="s">
        <v>24452</v>
      </c>
      <c r="D6952" s="1" t="s">
        <v>24453</v>
      </c>
      <c r="E6952" s="1"/>
      <c r="F6952" s="1" t="s">
        <v>10</v>
      </c>
      <c r="G6952" s="1" t="s">
        <v>10</v>
      </c>
      <c r="H6952" s="1" t="s">
        <v>10</v>
      </c>
      <c r="I6952" s="1" t="s">
        <v>22275</v>
      </c>
      <c r="J6952" s="1" t="s">
        <v>24362</v>
      </c>
      <c r="K6952" s="1" t="s">
        <v>37</v>
      </c>
      <c r="L6952" s="1" t="s">
        <v>24451</v>
      </c>
      <c r="M6952" s="1" t="s">
        <v>5</v>
      </c>
      <c r="N6952" s="1" t="s">
        <v>25</v>
      </c>
      <c r="O6952" s="1" t="s">
        <v>38</v>
      </c>
      <c r="P6952" s="5" t="s">
        <v>10</v>
      </c>
    </row>
    <row r="6953" spans="1:16" x14ac:dyDescent="0.2">
      <c r="A6953" s="1" t="s">
        <v>10</v>
      </c>
      <c r="B6953" s="1" t="s">
        <v>10</v>
      </c>
      <c r="C6953" s="1" t="s">
        <v>24455</v>
      </c>
      <c r="D6953" s="1" t="s">
        <v>24455</v>
      </c>
      <c r="E6953" s="1" t="s">
        <v>24456</v>
      </c>
      <c r="F6953" s="1" t="s">
        <v>27</v>
      </c>
      <c r="G6953" s="1" t="s">
        <v>10</v>
      </c>
      <c r="H6953" s="1" t="s">
        <v>24455</v>
      </c>
      <c r="I6953" s="1" t="s">
        <v>22275</v>
      </c>
      <c r="J6953" s="1" t="s">
        <v>24362</v>
      </c>
      <c r="K6953" s="1" t="s">
        <v>37</v>
      </c>
      <c r="L6953" s="1" t="s">
        <v>24454</v>
      </c>
      <c r="M6953" s="1" t="s">
        <v>5</v>
      </c>
      <c r="N6953" s="1" t="s">
        <v>1009</v>
      </c>
      <c r="O6953" s="1" t="s">
        <v>8</v>
      </c>
      <c r="P6953" s="5" t="s">
        <v>10</v>
      </c>
    </row>
    <row r="6954" spans="1:16" x14ac:dyDescent="0.2">
      <c r="A6954" s="1" t="s">
        <v>42</v>
      </c>
      <c r="B6954" s="1" t="s">
        <v>43</v>
      </c>
      <c r="C6954" s="1" t="s">
        <v>24458</v>
      </c>
      <c r="D6954" s="1" t="s">
        <v>24459</v>
      </c>
      <c r="E6954" s="1" t="s">
        <v>24460</v>
      </c>
      <c r="F6954" s="1" t="s">
        <v>10</v>
      </c>
      <c r="G6954" s="1" t="s">
        <v>10</v>
      </c>
      <c r="H6954" s="1" t="s">
        <v>10</v>
      </c>
      <c r="I6954" s="1" t="s">
        <v>22275</v>
      </c>
      <c r="J6954" s="1" t="s">
        <v>24362</v>
      </c>
      <c r="K6954" s="1" t="s">
        <v>37</v>
      </c>
      <c r="L6954" s="1" t="s">
        <v>24457</v>
      </c>
      <c r="M6954" s="1" t="s">
        <v>5</v>
      </c>
      <c r="N6954" s="1" t="s">
        <v>25</v>
      </c>
      <c r="O6954" s="1" t="s">
        <v>38</v>
      </c>
      <c r="P6954" s="5" t="s">
        <v>10</v>
      </c>
    </row>
    <row r="6955" spans="1:16" x14ac:dyDescent="0.2">
      <c r="A6955" s="1" t="s">
        <v>10</v>
      </c>
      <c r="B6955" s="1" t="s">
        <v>10</v>
      </c>
      <c r="C6955" s="1" t="s">
        <v>24462</v>
      </c>
      <c r="D6955" s="1" t="s">
        <v>24463</v>
      </c>
      <c r="E6955" s="1" t="s">
        <v>24464</v>
      </c>
      <c r="F6955" s="1" t="s">
        <v>1640</v>
      </c>
      <c r="G6955" s="1" t="s">
        <v>24465</v>
      </c>
      <c r="H6955" s="1" t="s">
        <v>10</v>
      </c>
      <c r="I6955" s="1" t="s">
        <v>22275</v>
      </c>
      <c r="J6955" s="1" t="s">
        <v>24362</v>
      </c>
      <c r="K6955" s="1" t="s">
        <v>64</v>
      </c>
      <c r="L6955" s="1" t="s">
        <v>24461</v>
      </c>
      <c r="M6955" s="1" t="s">
        <v>5</v>
      </c>
      <c r="N6955" s="1" t="s">
        <v>1009</v>
      </c>
      <c r="O6955" s="1" t="s">
        <v>8</v>
      </c>
      <c r="P6955" s="5" t="s">
        <v>10</v>
      </c>
    </row>
    <row r="6956" spans="1:16" x14ac:dyDescent="0.2">
      <c r="A6956" s="1" t="s">
        <v>32</v>
      </c>
      <c r="B6956" s="1" t="s">
        <v>140</v>
      </c>
      <c r="C6956" s="1" t="s">
        <v>24467</v>
      </c>
      <c r="D6956" s="1" t="s">
        <v>24468</v>
      </c>
      <c r="E6956" s="1" t="s">
        <v>24470</v>
      </c>
      <c r="F6956" s="1" t="s">
        <v>27</v>
      </c>
      <c r="G6956" s="1" t="s">
        <v>10</v>
      </c>
      <c r="H6956" s="1" t="s">
        <v>24471</v>
      </c>
      <c r="I6956" s="1" t="s">
        <v>22275</v>
      </c>
      <c r="J6956" s="1" t="s">
        <v>24362</v>
      </c>
      <c r="K6956" s="1" t="s">
        <v>10</v>
      </c>
      <c r="L6956" s="1" t="s">
        <v>24466</v>
      </c>
      <c r="M6956" s="1" t="s">
        <v>5</v>
      </c>
      <c r="N6956" s="1" t="s">
        <v>1009</v>
      </c>
      <c r="O6956" s="1" t="s">
        <v>8</v>
      </c>
      <c r="P6956" s="5" t="s">
        <v>24469</v>
      </c>
    </row>
    <row r="6957" spans="1:16" x14ac:dyDescent="0.2">
      <c r="A6957" s="1" t="s">
        <v>10</v>
      </c>
      <c r="B6957" s="1" t="s">
        <v>10</v>
      </c>
      <c r="C6957" s="1" t="s">
        <v>24473</v>
      </c>
      <c r="D6957" s="1" t="s">
        <v>24474</v>
      </c>
      <c r="E6957" s="1"/>
      <c r="F6957" s="1" t="s">
        <v>10</v>
      </c>
      <c r="G6957" s="1" t="s">
        <v>10</v>
      </c>
      <c r="H6957" s="1" t="s">
        <v>10</v>
      </c>
      <c r="I6957" s="1" t="s">
        <v>22275</v>
      </c>
      <c r="J6957" s="1" t="s">
        <v>24362</v>
      </c>
      <c r="K6957" s="1" t="s">
        <v>7</v>
      </c>
      <c r="L6957" s="1" t="s">
        <v>24472</v>
      </c>
      <c r="M6957" s="1" t="s">
        <v>5</v>
      </c>
      <c r="N6957" s="1" t="s">
        <v>25</v>
      </c>
      <c r="O6957" s="1" t="s">
        <v>38</v>
      </c>
      <c r="P6957" s="5" t="s">
        <v>10</v>
      </c>
    </row>
    <row r="6958" spans="1:16" x14ac:dyDescent="0.2">
      <c r="A6958" s="1" t="s">
        <v>329</v>
      </c>
      <c r="B6958" s="1" t="s">
        <v>10</v>
      </c>
      <c r="C6958" s="1" t="s">
        <v>24476</v>
      </c>
      <c r="D6958" s="1" t="s">
        <v>14757</v>
      </c>
      <c r="E6958" s="1" t="s">
        <v>24477</v>
      </c>
      <c r="F6958" s="1" t="s">
        <v>27</v>
      </c>
      <c r="G6958" s="1" t="s">
        <v>10</v>
      </c>
      <c r="H6958" s="1" t="s">
        <v>24478</v>
      </c>
      <c r="I6958" s="1" t="s">
        <v>22275</v>
      </c>
      <c r="J6958" s="1" t="s">
        <v>24362</v>
      </c>
      <c r="K6958" s="1" t="s">
        <v>7</v>
      </c>
      <c r="L6958" s="1" t="s">
        <v>24475</v>
      </c>
      <c r="M6958" s="1" t="s">
        <v>5</v>
      </c>
      <c r="N6958" s="1" t="s">
        <v>960</v>
      </c>
      <c r="O6958" s="1" t="s">
        <v>8</v>
      </c>
      <c r="P6958" s="5" t="s">
        <v>10</v>
      </c>
    </row>
    <row r="6959" spans="1:16" x14ac:dyDescent="0.2">
      <c r="A6959" s="1" t="s">
        <v>10</v>
      </c>
      <c r="B6959" s="1" t="s">
        <v>10</v>
      </c>
      <c r="C6959" s="1" t="s">
        <v>24480</v>
      </c>
      <c r="D6959" s="1" t="s">
        <v>671</v>
      </c>
      <c r="E6959" s="1" t="s">
        <v>24481</v>
      </c>
      <c r="F6959" s="1" t="s">
        <v>27</v>
      </c>
      <c r="G6959" s="1" t="s">
        <v>10</v>
      </c>
      <c r="H6959" s="1" t="s">
        <v>24482</v>
      </c>
      <c r="I6959" s="1" t="s">
        <v>22275</v>
      </c>
      <c r="J6959" s="1" t="s">
        <v>24362</v>
      </c>
      <c r="K6959" s="1" t="s">
        <v>64</v>
      </c>
      <c r="L6959" s="1" t="s">
        <v>24479</v>
      </c>
      <c r="M6959" s="1" t="s">
        <v>5</v>
      </c>
      <c r="N6959" s="1" t="s">
        <v>25</v>
      </c>
      <c r="O6959" s="1" t="s">
        <v>8</v>
      </c>
      <c r="P6959" s="5" t="s">
        <v>10</v>
      </c>
    </row>
    <row r="6960" spans="1:16" x14ac:dyDescent="0.2">
      <c r="A6960" s="1" t="s">
        <v>66</v>
      </c>
      <c r="B6960" s="1" t="s">
        <v>574</v>
      </c>
      <c r="C6960" s="1" t="s">
        <v>24484</v>
      </c>
      <c r="D6960" s="1" t="s">
        <v>23945</v>
      </c>
      <c r="E6960" s="1"/>
      <c r="F6960" s="1" t="s">
        <v>27</v>
      </c>
      <c r="G6960" s="1" t="s">
        <v>10</v>
      </c>
      <c r="H6960" s="1" t="s">
        <v>24426</v>
      </c>
      <c r="I6960" s="1" t="s">
        <v>22275</v>
      </c>
      <c r="J6960" s="1" t="s">
        <v>130</v>
      </c>
      <c r="K6960" s="1" t="s">
        <v>14695</v>
      </c>
      <c r="L6960" s="1" t="s">
        <v>24483</v>
      </c>
      <c r="M6960" s="1" t="s">
        <v>5</v>
      </c>
      <c r="N6960" s="1" t="s">
        <v>25</v>
      </c>
      <c r="O6960" s="1" t="s">
        <v>8</v>
      </c>
      <c r="P6960" s="5" t="s">
        <v>10</v>
      </c>
    </row>
    <row r="6961" spans="1:16" x14ac:dyDescent="0.2">
      <c r="A6961" s="1" t="s">
        <v>10</v>
      </c>
      <c r="B6961" s="1" t="s">
        <v>10</v>
      </c>
      <c r="C6961" s="1" t="s">
        <v>24486</v>
      </c>
      <c r="D6961" s="1" t="s">
        <v>10</v>
      </c>
      <c r="E6961" s="1" t="s">
        <v>24487</v>
      </c>
      <c r="F6961" s="1" t="s">
        <v>27</v>
      </c>
      <c r="G6961" s="1" t="s">
        <v>10</v>
      </c>
      <c r="H6961" s="1" t="s">
        <v>6801</v>
      </c>
      <c r="I6961" s="1" t="s">
        <v>22275</v>
      </c>
      <c r="J6961" s="1" t="s">
        <v>24362</v>
      </c>
      <c r="K6961" s="1" t="s">
        <v>7</v>
      </c>
      <c r="L6961" s="1" t="s">
        <v>24485</v>
      </c>
      <c r="M6961" s="1" t="s">
        <v>5</v>
      </c>
      <c r="N6961" s="1" t="s">
        <v>1597</v>
      </c>
      <c r="O6961" s="1" t="s">
        <v>8</v>
      </c>
      <c r="P6961" s="5" t="s">
        <v>10</v>
      </c>
    </row>
    <row r="6962" spans="1:16" x14ac:dyDescent="0.2">
      <c r="A6962" s="1" t="s">
        <v>10</v>
      </c>
      <c r="B6962" s="1" t="s">
        <v>10</v>
      </c>
      <c r="C6962" s="1" t="s">
        <v>1904</v>
      </c>
      <c r="D6962" s="1" t="s">
        <v>1904</v>
      </c>
      <c r="E6962" s="1" t="s">
        <v>24489</v>
      </c>
      <c r="F6962" s="1" t="s">
        <v>27</v>
      </c>
      <c r="G6962" s="1" t="s">
        <v>10</v>
      </c>
      <c r="H6962" s="1" t="s">
        <v>24490</v>
      </c>
      <c r="I6962" s="1" t="s">
        <v>22275</v>
      </c>
      <c r="J6962" s="1" t="s">
        <v>24362</v>
      </c>
      <c r="K6962" s="1" t="s">
        <v>7</v>
      </c>
      <c r="L6962" s="1" t="s">
        <v>24488</v>
      </c>
      <c r="M6962" s="1" t="s">
        <v>5</v>
      </c>
      <c r="N6962" s="1" t="s">
        <v>25</v>
      </c>
      <c r="O6962" s="1" t="s">
        <v>8</v>
      </c>
      <c r="P6962" s="5" t="s">
        <v>10</v>
      </c>
    </row>
    <row r="6963" spans="1:16" x14ac:dyDescent="0.2">
      <c r="A6963" s="1" t="s">
        <v>10</v>
      </c>
      <c r="B6963" s="1" t="s">
        <v>10</v>
      </c>
      <c r="C6963" s="1" t="s">
        <v>24492</v>
      </c>
      <c r="D6963" s="1" t="s">
        <v>10</v>
      </c>
      <c r="E6963" s="1" t="s">
        <v>24493</v>
      </c>
      <c r="F6963" s="1" t="s">
        <v>10</v>
      </c>
      <c r="G6963" s="1" t="s">
        <v>10</v>
      </c>
      <c r="H6963" s="1" t="s">
        <v>10</v>
      </c>
      <c r="I6963" s="1" t="s">
        <v>22275</v>
      </c>
      <c r="J6963" s="1" t="s">
        <v>24362</v>
      </c>
      <c r="K6963" s="1" t="s">
        <v>64</v>
      </c>
      <c r="L6963" s="1" t="s">
        <v>24491</v>
      </c>
      <c r="M6963" s="1" t="s">
        <v>5</v>
      </c>
      <c r="N6963" s="1" t="s">
        <v>1009</v>
      </c>
      <c r="O6963" s="1" t="s">
        <v>38</v>
      </c>
      <c r="P6963" s="5" t="s">
        <v>10</v>
      </c>
    </row>
    <row r="6964" spans="1:16" x14ac:dyDescent="0.2">
      <c r="A6964" s="1" t="s">
        <v>20</v>
      </c>
      <c r="B6964" s="1" t="s">
        <v>172</v>
      </c>
      <c r="C6964" s="1" t="s">
        <v>24495</v>
      </c>
      <c r="D6964" s="1" t="s">
        <v>24496</v>
      </c>
      <c r="E6964" s="1" t="s">
        <v>24497</v>
      </c>
      <c r="F6964" s="1" t="s">
        <v>10</v>
      </c>
      <c r="G6964" s="1" t="s">
        <v>10</v>
      </c>
      <c r="H6964" s="1" t="s">
        <v>10</v>
      </c>
      <c r="I6964" s="1" t="s">
        <v>22275</v>
      </c>
      <c r="J6964" s="1" t="s">
        <v>1561</v>
      </c>
      <c r="K6964" s="1" t="s">
        <v>443</v>
      </c>
      <c r="L6964" s="1" t="s">
        <v>24494</v>
      </c>
      <c r="M6964" s="1" t="s">
        <v>5</v>
      </c>
      <c r="N6964" s="1" t="s">
        <v>25</v>
      </c>
      <c r="O6964" s="1" t="s">
        <v>38</v>
      </c>
      <c r="P6964" s="5" t="s">
        <v>10</v>
      </c>
    </row>
    <row r="6965" spans="1:16" x14ac:dyDescent="0.2">
      <c r="A6965" s="1" t="s">
        <v>20</v>
      </c>
      <c r="B6965" s="1" t="s">
        <v>445</v>
      </c>
      <c r="C6965" s="1" t="s">
        <v>24499</v>
      </c>
      <c r="D6965" s="1" t="s">
        <v>13758</v>
      </c>
      <c r="E6965" s="1" t="s">
        <v>24500</v>
      </c>
      <c r="F6965" s="1" t="s">
        <v>10</v>
      </c>
      <c r="G6965" s="1" t="s">
        <v>10</v>
      </c>
      <c r="H6965" s="1" t="s">
        <v>10</v>
      </c>
      <c r="I6965" s="1" t="s">
        <v>22275</v>
      </c>
      <c r="J6965" s="1" t="s">
        <v>1561</v>
      </c>
      <c r="K6965" s="1" t="s">
        <v>443</v>
      </c>
      <c r="L6965" s="1" t="s">
        <v>24498</v>
      </c>
      <c r="M6965" s="1" t="s">
        <v>5</v>
      </c>
      <c r="N6965" s="1" t="s">
        <v>25</v>
      </c>
      <c r="O6965" s="1" t="s">
        <v>38</v>
      </c>
      <c r="P6965" s="5" t="s">
        <v>10</v>
      </c>
    </row>
    <row r="6966" spans="1:16" x14ac:dyDescent="0.2">
      <c r="A6966" s="1" t="s">
        <v>20</v>
      </c>
      <c r="B6966" s="1" t="s">
        <v>445</v>
      </c>
      <c r="C6966" s="1" t="s">
        <v>24502</v>
      </c>
      <c r="D6966" s="1" t="s">
        <v>24502</v>
      </c>
      <c r="E6966" s="1" t="s">
        <v>24503</v>
      </c>
      <c r="F6966" s="1" t="s">
        <v>10</v>
      </c>
      <c r="G6966" s="1" t="s">
        <v>10</v>
      </c>
      <c r="H6966" s="1" t="s">
        <v>10</v>
      </c>
      <c r="I6966" s="1" t="s">
        <v>22275</v>
      </c>
      <c r="J6966" s="1" t="s">
        <v>1561</v>
      </c>
      <c r="K6966" s="1" t="s">
        <v>443</v>
      </c>
      <c r="L6966" s="1" t="s">
        <v>24501</v>
      </c>
      <c r="M6966" s="1" t="s">
        <v>5</v>
      </c>
      <c r="N6966" s="1" t="s">
        <v>1695</v>
      </c>
      <c r="O6966" s="1" t="s">
        <v>38</v>
      </c>
      <c r="P6966" s="5" t="s">
        <v>10</v>
      </c>
    </row>
    <row r="6967" spans="1:16" x14ac:dyDescent="0.2">
      <c r="A6967" s="1" t="s">
        <v>42</v>
      </c>
      <c r="B6967" s="1" t="s">
        <v>356</v>
      </c>
      <c r="C6967" s="1" t="s">
        <v>24505</v>
      </c>
      <c r="D6967" s="1" t="s">
        <v>24506</v>
      </c>
      <c r="E6967" s="1" t="s">
        <v>24507</v>
      </c>
      <c r="F6967" s="1" t="s">
        <v>10</v>
      </c>
      <c r="G6967" s="1" t="s">
        <v>10</v>
      </c>
      <c r="H6967" s="1" t="s">
        <v>10</v>
      </c>
      <c r="I6967" s="1" t="s">
        <v>22275</v>
      </c>
      <c r="J6967" s="1" t="s">
        <v>3899</v>
      </c>
      <c r="K6967" s="1" t="s">
        <v>8896</v>
      </c>
      <c r="L6967" s="1" t="s">
        <v>24504</v>
      </c>
      <c r="M6967" s="1" t="s">
        <v>5</v>
      </c>
      <c r="N6967" s="1" t="s">
        <v>25</v>
      </c>
      <c r="O6967" s="1" t="s">
        <v>38</v>
      </c>
      <c r="P6967" s="5" t="s">
        <v>10</v>
      </c>
    </row>
    <row r="6968" spans="1:16" x14ac:dyDescent="0.2">
      <c r="A6968" s="1" t="s">
        <v>42</v>
      </c>
      <c r="B6968" s="1" t="s">
        <v>356</v>
      </c>
      <c r="C6968" s="1" t="s">
        <v>24509</v>
      </c>
      <c r="D6968" s="1" t="s">
        <v>24510</v>
      </c>
      <c r="E6968" s="1" t="s">
        <v>24511</v>
      </c>
      <c r="F6968" s="1" t="s">
        <v>10</v>
      </c>
      <c r="G6968" s="1" t="s">
        <v>10</v>
      </c>
      <c r="H6968" s="1" t="s">
        <v>10</v>
      </c>
      <c r="I6968" s="1" t="s">
        <v>22275</v>
      </c>
      <c r="J6968" s="1" t="s">
        <v>24362</v>
      </c>
      <c r="K6968" s="1" t="s">
        <v>64</v>
      </c>
      <c r="L6968" s="1" t="s">
        <v>24508</v>
      </c>
      <c r="M6968" s="1" t="s">
        <v>5</v>
      </c>
      <c r="N6968" s="1" t="s">
        <v>25</v>
      </c>
      <c r="O6968" s="1" t="s">
        <v>38</v>
      </c>
      <c r="P6968" s="5" t="s">
        <v>10</v>
      </c>
    </row>
    <row r="6969" spans="1:16" x14ac:dyDescent="0.2">
      <c r="A6969" s="1" t="s">
        <v>10</v>
      </c>
      <c r="B6969" s="1" t="s">
        <v>10</v>
      </c>
      <c r="C6969" s="1" t="s">
        <v>24513</v>
      </c>
      <c r="D6969" s="1" t="s">
        <v>24514</v>
      </c>
      <c r="E6969" s="1" t="s">
        <v>24515</v>
      </c>
      <c r="F6969" s="1" t="s">
        <v>10</v>
      </c>
      <c r="G6969" s="1" t="s">
        <v>10</v>
      </c>
      <c r="H6969" s="1" t="s">
        <v>10</v>
      </c>
      <c r="I6969" s="1" t="s">
        <v>22275</v>
      </c>
      <c r="J6969" s="1" t="s">
        <v>24362</v>
      </c>
      <c r="K6969" s="1" t="s">
        <v>64</v>
      </c>
      <c r="L6969" s="1" t="s">
        <v>24512</v>
      </c>
      <c r="M6969" s="1" t="s">
        <v>5</v>
      </c>
      <c r="N6969" s="1" t="s">
        <v>25</v>
      </c>
      <c r="O6969" s="1" t="s">
        <v>38</v>
      </c>
      <c r="P6969" s="5" t="s">
        <v>10</v>
      </c>
    </row>
    <row r="6970" spans="1:16" x14ac:dyDescent="0.2">
      <c r="A6970" s="1" t="s">
        <v>20</v>
      </c>
      <c r="B6970" s="1" t="s">
        <v>172</v>
      </c>
      <c r="C6970" s="1" t="s">
        <v>24517</v>
      </c>
      <c r="D6970" s="1" t="s">
        <v>10</v>
      </c>
      <c r="E6970" s="1"/>
      <c r="F6970" s="1" t="s">
        <v>10</v>
      </c>
      <c r="G6970" s="1" t="s">
        <v>10</v>
      </c>
      <c r="H6970" s="1" t="s">
        <v>10</v>
      </c>
      <c r="I6970" s="1" t="s">
        <v>22275</v>
      </c>
      <c r="J6970" s="1" t="s">
        <v>1561</v>
      </c>
      <c r="K6970" s="1" t="s">
        <v>64</v>
      </c>
      <c r="L6970" s="1" t="s">
        <v>24516</v>
      </c>
      <c r="M6970" s="1" t="s">
        <v>5</v>
      </c>
      <c r="N6970" s="1" t="s">
        <v>6</v>
      </c>
      <c r="O6970" s="1" t="s">
        <v>38</v>
      </c>
      <c r="P6970" s="5" t="s">
        <v>10</v>
      </c>
    </row>
    <row r="6971" spans="1:16" x14ac:dyDescent="0.2">
      <c r="A6971" s="1" t="s">
        <v>10</v>
      </c>
      <c r="B6971" s="1" t="s">
        <v>10</v>
      </c>
      <c r="C6971" s="1" t="s">
        <v>24519</v>
      </c>
      <c r="D6971" s="1" t="s">
        <v>10</v>
      </c>
      <c r="E6971" s="1" t="s">
        <v>24520</v>
      </c>
      <c r="F6971" s="1" t="s">
        <v>10</v>
      </c>
      <c r="G6971" s="1" t="s">
        <v>10</v>
      </c>
      <c r="H6971" s="1" t="s">
        <v>10</v>
      </c>
      <c r="I6971" s="1" t="s">
        <v>22275</v>
      </c>
      <c r="J6971" s="1" t="s">
        <v>24362</v>
      </c>
      <c r="K6971" s="1" t="s">
        <v>64</v>
      </c>
      <c r="L6971" s="1" t="s">
        <v>24518</v>
      </c>
      <c r="M6971" s="1" t="s">
        <v>5</v>
      </c>
      <c r="N6971" s="1" t="s">
        <v>25</v>
      </c>
      <c r="O6971" s="1" t="s">
        <v>38</v>
      </c>
      <c r="P6971" s="5" t="s">
        <v>10</v>
      </c>
    </row>
    <row r="6972" spans="1:16" x14ac:dyDescent="0.2">
      <c r="A6972" s="1" t="s">
        <v>42</v>
      </c>
      <c r="B6972" s="1" t="s">
        <v>118</v>
      </c>
      <c r="C6972" s="1" t="s">
        <v>24522</v>
      </c>
      <c r="D6972" s="1" t="s">
        <v>323</v>
      </c>
      <c r="E6972" s="1" t="s">
        <v>24523</v>
      </c>
      <c r="F6972" s="1" t="s">
        <v>1640</v>
      </c>
      <c r="G6972" s="1" t="s">
        <v>10</v>
      </c>
      <c r="H6972" s="1" t="s">
        <v>24524</v>
      </c>
      <c r="I6972" s="1" t="s">
        <v>22275</v>
      </c>
      <c r="J6972" s="1" t="s">
        <v>1561</v>
      </c>
      <c r="K6972" s="1" t="s">
        <v>6469</v>
      </c>
      <c r="L6972" s="1" t="s">
        <v>24521</v>
      </c>
      <c r="M6972" s="1" t="s">
        <v>5</v>
      </c>
      <c r="N6972" s="1" t="s">
        <v>1009</v>
      </c>
      <c r="O6972" s="1" t="s">
        <v>8</v>
      </c>
      <c r="P6972" s="5" t="s">
        <v>10</v>
      </c>
    </row>
    <row r="6973" spans="1:16" x14ac:dyDescent="0.2">
      <c r="A6973" s="1" t="s">
        <v>32</v>
      </c>
      <c r="B6973" s="1" t="s">
        <v>140</v>
      </c>
      <c r="C6973" s="1" t="s">
        <v>24526</v>
      </c>
      <c r="D6973" s="1" t="s">
        <v>24527</v>
      </c>
      <c r="E6973" s="1" t="s">
        <v>24528</v>
      </c>
      <c r="F6973" s="1" t="s">
        <v>1640</v>
      </c>
      <c r="G6973" s="1" t="s">
        <v>10</v>
      </c>
      <c r="H6973" s="1" t="s">
        <v>24529</v>
      </c>
      <c r="I6973" s="1" t="s">
        <v>22275</v>
      </c>
      <c r="J6973" s="1" t="s">
        <v>3899</v>
      </c>
      <c r="K6973" s="1" t="s">
        <v>64</v>
      </c>
      <c r="L6973" s="1" t="s">
        <v>24525</v>
      </c>
      <c r="M6973" s="1" t="s">
        <v>5</v>
      </c>
      <c r="N6973" s="1" t="s">
        <v>25</v>
      </c>
      <c r="O6973" s="1" t="s">
        <v>8</v>
      </c>
      <c r="P6973" s="5" t="s">
        <v>10</v>
      </c>
    </row>
    <row r="6974" spans="1:16" x14ac:dyDescent="0.2">
      <c r="A6974" s="1" t="s">
        <v>32</v>
      </c>
      <c r="B6974" s="1" t="s">
        <v>140</v>
      </c>
      <c r="C6974" s="1" t="s">
        <v>24531</v>
      </c>
      <c r="D6974" s="1" t="s">
        <v>9541</v>
      </c>
      <c r="E6974" s="1" t="s">
        <v>24532</v>
      </c>
      <c r="F6974" s="1" t="s">
        <v>27</v>
      </c>
      <c r="G6974" s="1" t="s">
        <v>10</v>
      </c>
      <c r="H6974" s="1" t="s">
        <v>24533</v>
      </c>
      <c r="I6974" s="1" t="s">
        <v>22275</v>
      </c>
      <c r="J6974" s="1" t="s">
        <v>3899</v>
      </c>
      <c r="K6974" s="1" t="s">
        <v>64</v>
      </c>
      <c r="L6974" s="1" t="s">
        <v>24530</v>
      </c>
      <c r="M6974" s="1" t="s">
        <v>5</v>
      </c>
      <c r="N6974" s="1" t="s">
        <v>1009</v>
      </c>
      <c r="O6974" s="1" t="s">
        <v>8</v>
      </c>
      <c r="P6974" s="5" t="s">
        <v>10</v>
      </c>
    </row>
    <row r="6975" spans="1:16" x14ac:dyDescent="0.2">
      <c r="A6975" s="1" t="s">
        <v>10</v>
      </c>
      <c r="B6975" s="1" t="s">
        <v>10</v>
      </c>
      <c r="C6975" s="1" t="s">
        <v>24535</v>
      </c>
      <c r="D6975" s="1" t="s">
        <v>9216</v>
      </c>
      <c r="E6975" s="1" t="s">
        <v>24536</v>
      </c>
      <c r="F6975" s="1" t="s">
        <v>27</v>
      </c>
      <c r="G6975" s="1" t="s">
        <v>10</v>
      </c>
      <c r="H6975" s="1" t="s">
        <v>24537</v>
      </c>
      <c r="I6975" s="1" t="s">
        <v>22275</v>
      </c>
      <c r="J6975" s="1" t="s">
        <v>24362</v>
      </c>
      <c r="K6975" s="1" t="s">
        <v>64</v>
      </c>
      <c r="L6975" s="1" t="s">
        <v>24534</v>
      </c>
      <c r="M6975" s="1" t="s">
        <v>5</v>
      </c>
      <c r="N6975" s="1" t="s">
        <v>1009</v>
      </c>
      <c r="O6975" s="1" t="s">
        <v>8</v>
      </c>
      <c r="P6975" s="5" t="s">
        <v>10</v>
      </c>
    </row>
    <row r="6976" spans="1:16" x14ac:dyDescent="0.2">
      <c r="A6976" s="1" t="s">
        <v>10</v>
      </c>
      <c r="B6976" s="1" t="s">
        <v>10</v>
      </c>
      <c r="C6976" s="1" t="s">
        <v>24539</v>
      </c>
      <c r="D6976" s="1" t="s">
        <v>24540</v>
      </c>
      <c r="E6976" s="1" t="s">
        <v>24541</v>
      </c>
      <c r="F6976" s="1" t="s">
        <v>10</v>
      </c>
      <c r="G6976" s="1" t="s">
        <v>10</v>
      </c>
      <c r="H6976" s="1" t="s">
        <v>10</v>
      </c>
      <c r="I6976" s="1" t="s">
        <v>22275</v>
      </c>
      <c r="J6976" s="1" t="s">
        <v>3899</v>
      </c>
      <c r="K6976" s="1" t="s">
        <v>64</v>
      </c>
      <c r="L6976" s="1" t="s">
        <v>24538</v>
      </c>
      <c r="M6976" s="1" t="s">
        <v>5</v>
      </c>
      <c r="N6976" s="1" t="s">
        <v>25</v>
      </c>
      <c r="O6976" s="1" t="s">
        <v>8</v>
      </c>
      <c r="P6976" s="5" t="s">
        <v>10</v>
      </c>
    </row>
    <row r="6977" spans="1:16" x14ac:dyDescent="0.2">
      <c r="A6977" s="1" t="s">
        <v>423</v>
      </c>
      <c r="B6977" s="1" t="s">
        <v>424</v>
      </c>
      <c r="C6977" s="1" t="s">
        <v>24543</v>
      </c>
      <c r="D6977" s="1" t="s">
        <v>13167</v>
      </c>
      <c r="E6977" s="1" t="s">
        <v>24544</v>
      </c>
      <c r="F6977" s="1" t="s">
        <v>10</v>
      </c>
      <c r="G6977" s="1" t="s">
        <v>10</v>
      </c>
      <c r="H6977" s="1" t="s">
        <v>10</v>
      </c>
      <c r="I6977" s="1" t="s">
        <v>22275</v>
      </c>
      <c r="J6977" s="1" t="s">
        <v>100</v>
      </c>
      <c r="K6977" s="1" t="s">
        <v>10</v>
      </c>
      <c r="L6977" s="1" t="s">
        <v>24542</v>
      </c>
      <c r="M6977" s="1" t="s">
        <v>5</v>
      </c>
      <c r="N6977" s="1" t="s">
        <v>960</v>
      </c>
      <c r="O6977" s="1" t="s">
        <v>38</v>
      </c>
      <c r="P6977" s="5" t="s">
        <v>10</v>
      </c>
    </row>
    <row r="6978" spans="1:16" x14ac:dyDescent="0.2">
      <c r="A6978" s="1" t="s">
        <v>42</v>
      </c>
      <c r="B6978" s="1" t="s">
        <v>43</v>
      </c>
      <c r="C6978" s="1" t="s">
        <v>24546</v>
      </c>
      <c r="D6978" s="1" t="s">
        <v>1826</v>
      </c>
      <c r="E6978" s="1" t="s">
        <v>24547</v>
      </c>
      <c r="F6978" s="1" t="s">
        <v>10</v>
      </c>
      <c r="G6978" s="1" t="s">
        <v>10</v>
      </c>
      <c r="H6978" s="1" t="s">
        <v>10</v>
      </c>
      <c r="I6978" s="1" t="s">
        <v>22275</v>
      </c>
      <c r="J6978" s="1" t="s">
        <v>3899</v>
      </c>
      <c r="K6978" s="1" t="s">
        <v>37</v>
      </c>
      <c r="L6978" s="1" t="s">
        <v>24545</v>
      </c>
      <c r="M6978" s="1" t="s">
        <v>5</v>
      </c>
      <c r="N6978" s="1" t="s">
        <v>6</v>
      </c>
      <c r="O6978" s="1" t="s">
        <v>38</v>
      </c>
      <c r="P6978" s="5" t="s">
        <v>10</v>
      </c>
    </row>
    <row r="6979" spans="1:16" x14ac:dyDescent="0.2">
      <c r="A6979" s="1" t="s">
        <v>20</v>
      </c>
      <c r="B6979" s="1" t="s">
        <v>132</v>
      </c>
      <c r="C6979" s="1" t="s">
        <v>24549</v>
      </c>
      <c r="D6979" s="1" t="s">
        <v>24550</v>
      </c>
      <c r="E6979" s="1" t="s">
        <v>24551</v>
      </c>
      <c r="F6979" s="1" t="s">
        <v>10</v>
      </c>
      <c r="G6979" s="1" t="s">
        <v>10</v>
      </c>
      <c r="H6979" s="1" t="s">
        <v>10</v>
      </c>
      <c r="I6979" s="1" t="s">
        <v>22275</v>
      </c>
      <c r="J6979" s="1" t="s">
        <v>3899</v>
      </c>
      <c r="K6979" s="1" t="s">
        <v>64</v>
      </c>
      <c r="L6979" s="1" t="s">
        <v>24548</v>
      </c>
      <c r="M6979" s="1" t="s">
        <v>5</v>
      </c>
      <c r="N6979" s="1" t="s">
        <v>25</v>
      </c>
      <c r="O6979" s="1" t="s">
        <v>38</v>
      </c>
      <c r="P6979" s="5" t="s">
        <v>10</v>
      </c>
    </row>
    <row r="6980" spans="1:16" x14ac:dyDescent="0.2">
      <c r="A6980" s="1" t="s">
        <v>20</v>
      </c>
      <c r="B6980" s="1" t="s">
        <v>21</v>
      </c>
      <c r="C6980" s="1" t="s">
        <v>762</v>
      </c>
      <c r="D6980" s="1" t="s">
        <v>762</v>
      </c>
      <c r="E6980" s="1" t="s">
        <v>24553</v>
      </c>
      <c r="F6980" s="1" t="s">
        <v>27</v>
      </c>
      <c r="G6980" s="1" t="s">
        <v>10</v>
      </c>
      <c r="H6980" s="1" t="s">
        <v>18383</v>
      </c>
      <c r="I6980" s="1" t="s">
        <v>22275</v>
      </c>
      <c r="J6980" s="1" t="s">
        <v>3899</v>
      </c>
      <c r="K6980" s="1" t="s">
        <v>443</v>
      </c>
      <c r="L6980" s="1" t="s">
        <v>24552</v>
      </c>
      <c r="M6980" s="1" t="s">
        <v>5</v>
      </c>
      <c r="N6980" s="1" t="s">
        <v>25</v>
      </c>
      <c r="O6980" s="1" t="s">
        <v>8</v>
      </c>
      <c r="P6980" s="5" t="s">
        <v>10</v>
      </c>
    </row>
    <row r="6981" spans="1:16" x14ac:dyDescent="0.2">
      <c r="A6981" s="1" t="s">
        <v>42</v>
      </c>
      <c r="B6981" s="1" t="s">
        <v>356</v>
      </c>
      <c r="C6981" s="1" t="s">
        <v>24555</v>
      </c>
      <c r="D6981" s="1" t="s">
        <v>24556</v>
      </c>
      <c r="E6981" s="1" t="s">
        <v>24557</v>
      </c>
      <c r="F6981" s="1" t="s">
        <v>10</v>
      </c>
      <c r="G6981" s="1" t="s">
        <v>10</v>
      </c>
      <c r="H6981" s="1" t="s">
        <v>10</v>
      </c>
      <c r="I6981" s="1" t="s">
        <v>22275</v>
      </c>
      <c r="J6981" s="1" t="s">
        <v>24362</v>
      </c>
      <c r="K6981" s="1" t="s">
        <v>64</v>
      </c>
      <c r="L6981" s="1" t="s">
        <v>24554</v>
      </c>
      <c r="M6981" s="1" t="s">
        <v>5</v>
      </c>
      <c r="N6981" s="1" t="s">
        <v>25</v>
      </c>
      <c r="O6981" s="1" t="s">
        <v>38</v>
      </c>
      <c r="P6981" s="5" t="s">
        <v>10</v>
      </c>
    </row>
    <row r="6982" spans="1:16" x14ac:dyDescent="0.2">
      <c r="A6982" s="1" t="s">
        <v>10</v>
      </c>
      <c r="B6982" s="1" t="s">
        <v>10</v>
      </c>
      <c r="C6982" s="1" t="s">
        <v>24559</v>
      </c>
      <c r="D6982" s="1" t="s">
        <v>24560</v>
      </c>
      <c r="E6982" s="1" t="s">
        <v>24562</v>
      </c>
      <c r="F6982" s="1" t="s">
        <v>10</v>
      </c>
      <c r="G6982" s="1" t="s">
        <v>10</v>
      </c>
      <c r="H6982" s="1" t="s">
        <v>10</v>
      </c>
      <c r="I6982" s="1" t="s">
        <v>22275</v>
      </c>
      <c r="J6982" s="1" t="s">
        <v>24561</v>
      </c>
      <c r="K6982" s="1" t="s">
        <v>7</v>
      </c>
      <c r="L6982" s="1" t="s">
        <v>24558</v>
      </c>
      <c r="M6982" s="1" t="s">
        <v>5</v>
      </c>
      <c r="N6982" s="1" t="s">
        <v>25</v>
      </c>
      <c r="O6982" s="1" t="s">
        <v>38</v>
      </c>
      <c r="P6982" s="5" t="s">
        <v>10</v>
      </c>
    </row>
    <row r="6983" spans="1:16" x14ac:dyDescent="0.2">
      <c r="A6983" s="1" t="s">
        <v>32</v>
      </c>
      <c r="B6983" s="1" t="s">
        <v>140</v>
      </c>
      <c r="C6983" s="1" t="s">
        <v>24564</v>
      </c>
      <c r="D6983" s="1" t="s">
        <v>24565</v>
      </c>
      <c r="E6983" s="1" t="s">
        <v>24566</v>
      </c>
      <c r="F6983" s="1" t="s">
        <v>27</v>
      </c>
      <c r="G6983" s="1" t="s">
        <v>10</v>
      </c>
      <c r="H6983" s="1" t="s">
        <v>24567</v>
      </c>
      <c r="I6983" s="1" t="s">
        <v>22275</v>
      </c>
      <c r="J6983" s="1" t="s">
        <v>24362</v>
      </c>
      <c r="K6983" s="1" t="s">
        <v>10</v>
      </c>
      <c r="L6983" s="1" t="s">
        <v>24563</v>
      </c>
      <c r="M6983" s="1" t="s">
        <v>5</v>
      </c>
      <c r="N6983" s="1" t="s">
        <v>1009</v>
      </c>
      <c r="O6983" s="1" t="s">
        <v>8</v>
      </c>
      <c r="P6983" s="5" t="s">
        <v>24469</v>
      </c>
    </row>
    <row r="6984" spans="1:16" x14ac:dyDescent="0.2">
      <c r="A6984" s="1" t="s">
        <v>10</v>
      </c>
      <c r="B6984" s="1" t="s">
        <v>10</v>
      </c>
      <c r="C6984" s="1" t="s">
        <v>24569</v>
      </c>
      <c r="D6984" s="1" t="s">
        <v>24570</v>
      </c>
      <c r="E6984" s="1" t="s">
        <v>24571</v>
      </c>
      <c r="F6984" s="1" t="s">
        <v>10</v>
      </c>
      <c r="G6984" s="1" t="s">
        <v>10</v>
      </c>
      <c r="H6984" s="1" t="s">
        <v>10</v>
      </c>
      <c r="I6984" s="1" t="s">
        <v>22275</v>
      </c>
      <c r="J6984" s="1" t="s">
        <v>24362</v>
      </c>
      <c r="K6984" s="1" t="s">
        <v>64</v>
      </c>
      <c r="L6984" s="1" t="s">
        <v>24568</v>
      </c>
      <c r="M6984" s="1" t="s">
        <v>5</v>
      </c>
      <c r="N6984" s="1" t="s">
        <v>25</v>
      </c>
      <c r="O6984" s="1" t="s">
        <v>38</v>
      </c>
      <c r="P6984" s="5" t="s">
        <v>10</v>
      </c>
    </row>
    <row r="6985" spans="1:16" x14ac:dyDescent="0.2">
      <c r="A6985" s="1" t="s">
        <v>10</v>
      </c>
      <c r="B6985" s="1" t="s">
        <v>10</v>
      </c>
      <c r="C6985" s="1" t="s">
        <v>24573</v>
      </c>
      <c r="D6985" s="1" t="s">
        <v>10</v>
      </c>
      <c r="E6985" s="1" t="s">
        <v>24574</v>
      </c>
      <c r="F6985" s="1" t="s">
        <v>10</v>
      </c>
      <c r="G6985" s="1" t="s">
        <v>10</v>
      </c>
      <c r="H6985" s="1" t="s">
        <v>10</v>
      </c>
      <c r="I6985" s="1" t="s">
        <v>22275</v>
      </c>
      <c r="J6985" s="1" t="s">
        <v>24362</v>
      </c>
      <c r="K6985" s="1" t="s">
        <v>64</v>
      </c>
      <c r="L6985" s="1" t="s">
        <v>24572</v>
      </c>
      <c r="M6985" s="1" t="s">
        <v>5</v>
      </c>
      <c r="N6985" s="1" t="s">
        <v>25</v>
      </c>
      <c r="O6985" s="1" t="s">
        <v>38</v>
      </c>
      <c r="P6985" s="5" t="s">
        <v>10</v>
      </c>
    </row>
    <row r="6986" spans="1:16" x14ac:dyDescent="0.2">
      <c r="A6986" s="1" t="s">
        <v>2187</v>
      </c>
      <c r="B6986" s="1" t="s">
        <v>10</v>
      </c>
      <c r="C6986" s="1" t="s">
        <v>24576</v>
      </c>
      <c r="D6986" s="1" t="s">
        <v>24577</v>
      </c>
      <c r="E6986" s="1"/>
      <c r="F6986" s="1" t="s">
        <v>10</v>
      </c>
      <c r="G6986" s="1" t="s">
        <v>10</v>
      </c>
      <c r="H6986" s="1" t="s">
        <v>10</v>
      </c>
      <c r="I6986" s="1" t="s">
        <v>22275</v>
      </c>
      <c r="J6986" s="1" t="s">
        <v>3899</v>
      </c>
      <c r="K6986" s="1" t="s">
        <v>64</v>
      </c>
      <c r="L6986" s="1" t="s">
        <v>24575</v>
      </c>
      <c r="M6986" s="1" t="s">
        <v>5</v>
      </c>
      <c r="N6986" s="1" t="s">
        <v>25</v>
      </c>
      <c r="O6986" s="1" t="s">
        <v>38</v>
      </c>
      <c r="P6986" s="5" t="s">
        <v>10</v>
      </c>
    </row>
    <row r="6987" spans="1:16" x14ac:dyDescent="0.2">
      <c r="A6987" s="1" t="s">
        <v>10</v>
      </c>
      <c r="B6987" s="1" t="s">
        <v>10</v>
      </c>
      <c r="C6987" s="1" t="s">
        <v>24579</v>
      </c>
      <c r="D6987" s="1" t="s">
        <v>10</v>
      </c>
      <c r="E6987" s="1" t="s">
        <v>24580</v>
      </c>
      <c r="F6987" s="1" t="s">
        <v>414</v>
      </c>
      <c r="G6987" s="1" t="s">
        <v>24581</v>
      </c>
      <c r="H6987" s="1" t="s">
        <v>10</v>
      </c>
      <c r="I6987" s="1" t="s">
        <v>22275</v>
      </c>
      <c r="J6987" s="1" t="s">
        <v>24362</v>
      </c>
      <c r="K6987" s="1" t="s">
        <v>47</v>
      </c>
      <c r="L6987" s="1" t="s">
        <v>24578</v>
      </c>
      <c r="M6987" s="1" t="s">
        <v>5</v>
      </c>
      <c r="N6987" s="1" t="s">
        <v>25</v>
      </c>
      <c r="O6987" s="1" t="s">
        <v>8</v>
      </c>
      <c r="P6987" s="5" t="s">
        <v>10</v>
      </c>
    </row>
    <row r="6988" spans="1:16" x14ac:dyDescent="0.2">
      <c r="A6988" s="1" t="s">
        <v>329</v>
      </c>
      <c r="B6988" s="1" t="s">
        <v>1738</v>
      </c>
      <c r="C6988" s="1" t="s">
        <v>24583</v>
      </c>
      <c r="D6988" s="1" t="s">
        <v>10</v>
      </c>
      <c r="E6988" s="1"/>
      <c r="F6988" s="1" t="s">
        <v>27</v>
      </c>
      <c r="G6988" s="1" t="s">
        <v>10</v>
      </c>
      <c r="H6988" s="1" t="s">
        <v>24584</v>
      </c>
      <c r="I6988" s="1" t="s">
        <v>22275</v>
      </c>
      <c r="J6988" s="1" t="s">
        <v>1759</v>
      </c>
      <c r="K6988" s="1" t="s">
        <v>13314</v>
      </c>
      <c r="L6988" s="1" t="s">
        <v>24582</v>
      </c>
      <c r="M6988" s="1" t="s">
        <v>5</v>
      </c>
      <c r="N6988" s="1" t="s">
        <v>25</v>
      </c>
      <c r="O6988" s="1" t="s">
        <v>8</v>
      </c>
      <c r="P6988" s="5" t="s">
        <v>10</v>
      </c>
    </row>
    <row r="6989" spans="1:16" x14ac:dyDescent="0.2">
      <c r="A6989" s="1" t="s">
        <v>20</v>
      </c>
      <c r="B6989" s="1" t="s">
        <v>172</v>
      </c>
      <c r="C6989" s="1" t="s">
        <v>24586</v>
      </c>
      <c r="D6989" s="1" t="s">
        <v>24587</v>
      </c>
      <c r="E6989" s="1" t="s">
        <v>24588</v>
      </c>
      <c r="F6989" s="1" t="s">
        <v>10</v>
      </c>
      <c r="G6989" s="1" t="s">
        <v>10</v>
      </c>
      <c r="H6989" s="1" t="s">
        <v>10</v>
      </c>
      <c r="I6989" s="1" t="s">
        <v>22275</v>
      </c>
      <c r="J6989" s="1" t="s">
        <v>3899</v>
      </c>
      <c r="K6989" s="1" t="s">
        <v>64</v>
      </c>
      <c r="L6989" s="1" t="s">
        <v>24585</v>
      </c>
      <c r="M6989" s="1" t="s">
        <v>5</v>
      </c>
      <c r="N6989" s="1" t="s">
        <v>25</v>
      </c>
      <c r="O6989" s="1" t="s">
        <v>38</v>
      </c>
      <c r="P6989" s="5" t="s">
        <v>10</v>
      </c>
    </row>
    <row r="6990" spans="1:16" x14ac:dyDescent="0.2">
      <c r="A6990" s="1" t="s">
        <v>423</v>
      </c>
      <c r="B6990" s="1" t="s">
        <v>424</v>
      </c>
      <c r="C6990" s="1" t="s">
        <v>24590</v>
      </c>
      <c r="D6990" s="1" t="s">
        <v>24591</v>
      </c>
      <c r="E6990" s="1" t="s">
        <v>24592</v>
      </c>
      <c r="F6990" s="1" t="s">
        <v>27</v>
      </c>
      <c r="G6990" s="1" t="s">
        <v>10</v>
      </c>
      <c r="H6990" s="1" t="s">
        <v>24593</v>
      </c>
      <c r="I6990" s="1" t="s">
        <v>22275</v>
      </c>
      <c r="J6990" s="1" t="s">
        <v>100</v>
      </c>
      <c r="K6990" s="1" t="s">
        <v>10</v>
      </c>
      <c r="L6990" s="1" t="s">
        <v>24589</v>
      </c>
      <c r="M6990" s="1" t="s">
        <v>5</v>
      </c>
      <c r="N6990" s="1" t="s">
        <v>6</v>
      </c>
      <c r="O6990" s="1" t="s">
        <v>8</v>
      </c>
      <c r="P6990" s="5" t="s">
        <v>10</v>
      </c>
    </row>
    <row r="6991" spans="1:16" x14ac:dyDescent="0.2">
      <c r="A6991" s="1" t="s">
        <v>10</v>
      </c>
      <c r="B6991" s="1" t="s">
        <v>10</v>
      </c>
      <c r="C6991" s="1" t="s">
        <v>24595</v>
      </c>
      <c r="D6991" s="1" t="s">
        <v>24595</v>
      </c>
      <c r="E6991" s="1" t="s">
        <v>24596</v>
      </c>
      <c r="F6991" s="1" t="s">
        <v>10</v>
      </c>
      <c r="G6991" s="1" t="s">
        <v>10</v>
      </c>
      <c r="H6991" s="1" t="s">
        <v>10</v>
      </c>
      <c r="I6991" s="1" t="s">
        <v>22275</v>
      </c>
      <c r="J6991" s="1" t="s">
        <v>24362</v>
      </c>
      <c r="K6991" s="1" t="s">
        <v>64</v>
      </c>
      <c r="L6991" s="1" t="s">
        <v>24594</v>
      </c>
      <c r="M6991" s="1" t="s">
        <v>5</v>
      </c>
      <c r="N6991" s="1" t="s">
        <v>25</v>
      </c>
      <c r="O6991" s="1" t="s">
        <v>8</v>
      </c>
      <c r="P6991" s="5" t="s">
        <v>10</v>
      </c>
    </row>
    <row r="6992" spans="1:16" x14ac:dyDescent="0.2">
      <c r="A6992" s="1" t="s">
        <v>10</v>
      </c>
      <c r="B6992" s="1" t="s">
        <v>10</v>
      </c>
      <c r="C6992" s="1" t="s">
        <v>17056</v>
      </c>
      <c r="D6992" s="1" t="s">
        <v>4187</v>
      </c>
      <c r="E6992" s="1" t="s">
        <v>24598</v>
      </c>
      <c r="F6992" s="1" t="s">
        <v>27</v>
      </c>
      <c r="G6992" s="1" t="s">
        <v>10</v>
      </c>
      <c r="H6992" s="1" t="s">
        <v>24599</v>
      </c>
      <c r="I6992" s="1" t="s">
        <v>22275</v>
      </c>
      <c r="J6992" s="1" t="s">
        <v>24362</v>
      </c>
      <c r="K6992" s="1" t="s">
        <v>7</v>
      </c>
      <c r="L6992" s="1" t="s">
        <v>24597</v>
      </c>
      <c r="M6992" s="1" t="s">
        <v>5</v>
      </c>
      <c r="N6992" s="1" t="s">
        <v>1009</v>
      </c>
      <c r="O6992" s="1" t="s">
        <v>8</v>
      </c>
      <c r="P6992" s="5" t="s">
        <v>10</v>
      </c>
    </row>
    <row r="6993" spans="1:16" x14ac:dyDescent="0.2">
      <c r="A6993" s="1" t="s">
        <v>10</v>
      </c>
      <c r="B6993" s="1" t="s">
        <v>10</v>
      </c>
      <c r="C6993" s="1" t="s">
        <v>24601</v>
      </c>
      <c r="D6993" s="1" t="s">
        <v>24601</v>
      </c>
      <c r="E6993" s="1" t="s">
        <v>24603</v>
      </c>
      <c r="F6993" s="1" t="s">
        <v>522</v>
      </c>
      <c r="G6993" s="1" t="s">
        <v>2299</v>
      </c>
      <c r="H6993" s="1" t="s">
        <v>10</v>
      </c>
      <c r="I6993" s="1" t="s">
        <v>22275</v>
      </c>
      <c r="J6993" s="1" t="s">
        <v>24602</v>
      </c>
      <c r="K6993" s="1" t="s">
        <v>7</v>
      </c>
      <c r="L6993" s="1" t="s">
        <v>24600</v>
      </c>
      <c r="M6993" s="1" t="s">
        <v>5</v>
      </c>
      <c r="N6993" s="1" t="s">
        <v>6</v>
      </c>
      <c r="O6993" s="1" t="s">
        <v>8</v>
      </c>
      <c r="P6993" s="5" t="s">
        <v>10</v>
      </c>
    </row>
    <row r="6994" spans="1:16" x14ac:dyDescent="0.2">
      <c r="A6994" s="1" t="s">
        <v>10</v>
      </c>
      <c r="B6994" s="1" t="s">
        <v>10</v>
      </c>
      <c r="C6994" s="1" t="s">
        <v>1160</v>
      </c>
      <c r="D6994" s="1" t="s">
        <v>1160</v>
      </c>
      <c r="E6994" s="1" t="s">
        <v>24605</v>
      </c>
      <c r="F6994" s="1" t="s">
        <v>522</v>
      </c>
      <c r="G6994" s="1" t="s">
        <v>24606</v>
      </c>
      <c r="H6994" s="1" t="s">
        <v>10</v>
      </c>
      <c r="I6994" s="1" t="s">
        <v>22275</v>
      </c>
      <c r="J6994" s="1" t="s">
        <v>24362</v>
      </c>
      <c r="K6994" s="1" t="s">
        <v>64</v>
      </c>
      <c r="L6994" s="1" t="s">
        <v>24604</v>
      </c>
      <c r="M6994" s="1" t="s">
        <v>5</v>
      </c>
      <c r="N6994" s="1" t="s">
        <v>1009</v>
      </c>
      <c r="O6994" s="1" t="s">
        <v>8</v>
      </c>
      <c r="P6994" s="5" t="s">
        <v>10</v>
      </c>
    </row>
    <row r="6995" spans="1:16" x14ac:dyDescent="0.2">
      <c r="A6995" s="1" t="s">
        <v>10</v>
      </c>
      <c r="B6995" s="1" t="s">
        <v>10</v>
      </c>
      <c r="C6995" s="1" t="s">
        <v>24608</v>
      </c>
      <c r="D6995" s="1" t="s">
        <v>24609</v>
      </c>
      <c r="E6995" s="1" t="s">
        <v>24610</v>
      </c>
      <c r="F6995" s="1" t="s">
        <v>10</v>
      </c>
      <c r="G6995" s="1" t="s">
        <v>10</v>
      </c>
      <c r="H6995" s="1" t="s">
        <v>10</v>
      </c>
      <c r="I6995" s="1" t="s">
        <v>22275</v>
      </c>
      <c r="J6995" s="1" t="s">
        <v>3899</v>
      </c>
      <c r="K6995" s="1" t="s">
        <v>10218</v>
      </c>
      <c r="L6995" s="1" t="s">
        <v>24607</v>
      </c>
      <c r="M6995" s="1" t="s">
        <v>5</v>
      </c>
      <c r="N6995" s="1" t="s">
        <v>25</v>
      </c>
      <c r="O6995" s="1" t="s">
        <v>38</v>
      </c>
      <c r="P6995" s="5" t="s">
        <v>10</v>
      </c>
    </row>
    <row r="6996" spans="1:16" x14ac:dyDescent="0.2">
      <c r="A6996" s="1" t="s">
        <v>10</v>
      </c>
      <c r="B6996" s="1" t="s">
        <v>10</v>
      </c>
      <c r="C6996" s="1" t="s">
        <v>24612</v>
      </c>
      <c r="D6996" s="1" t="s">
        <v>16119</v>
      </c>
      <c r="E6996" s="1" t="s">
        <v>24613</v>
      </c>
      <c r="F6996" s="1" t="s">
        <v>10</v>
      </c>
      <c r="G6996" s="1" t="s">
        <v>10</v>
      </c>
      <c r="H6996" s="1" t="s">
        <v>10</v>
      </c>
      <c r="I6996" s="1" t="s">
        <v>22275</v>
      </c>
      <c r="J6996" s="1" t="s">
        <v>24362</v>
      </c>
      <c r="K6996" s="1" t="s">
        <v>64</v>
      </c>
      <c r="L6996" s="1" t="s">
        <v>24611</v>
      </c>
      <c r="M6996" s="1" t="s">
        <v>5</v>
      </c>
      <c r="N6996" s="1" t="s">
        <v>25</v>
      </c>
      <c r="O6996" s="1" t="s">
        <v>38</v>
      </c>
      <c r="P6996" s="5" t="s">
        <v>10</v>
      </c>
    </row>
    <row r="6997" spans="1:16" x14ac:dyDescent="0.2">
      <c r="A6997" s="1" t="s">
        <v>20</v>
      </c>
      <c r="B6997" s="1" t="s">
        <v>10</v>
      </c>
      <c r="C6997" s="1" t="s">
        <v>24615</v>
      </c>
      <c r="D6997" s="1" t="s">
        <v>10</v>
      </c>
      <c r="E6997" s="1" t="s">
        <v>24616</v>
      </c>
      <c r="F6997" s="1" t="s">
        <v>10</v>
      </c>
      <c r="G6997" s="1" t="s">
        <v>10</v>
      </c>
      <c r="H6997" s="1" t="s">
        <v>10</v>
      </c>
      <c r="I6997" s="1" t="s">
        <v>22275</v>
      </c>
      <c r="J6997" s="1" t="s">
        <v>1561</v>
      </c>
      <c r="K6997" s="1" t="s">
        <v>64</v>
      </c>
      <c r="L6997" s="1" t="s">
        <v>24614</v>
      </c>
      <c r="M6997" s="1" t="s">
        <v>5</v>
      </c>
      <c r="N6997" s="1" t="s">
        <v>25</v>
      </c>
      <c r="O6997" s="1" t="s">
        <v>38</v>
      </c>
      <c r="P6997" s="5" t="s">
        <v>10</v>
      </c>
    </row>
    <row r="6998" spans="1:16" x14ac:dyDescent="0.2">
      <c r="A6998" s="1" t="s">
        <v>42</v>
      </c>
      <c r="B6998" s="1" t="s">
        <v>43</v>
      </c>
      <c r="C6998" s="1" t="s">
        <v>24618</v>
      </c>
      <c r="D6998" s="1" t="s">
        <v>24619</v>
      </c>
      <c r="E6998" s="1" t="s">
        <v>24620</v>
      </c>
      <c r="F6998" s="1" t="s">
        <v>10</v>
      </c>
      <c r="G6998" s="1" t="s">
        <v>10</v>
      </c>
      <c r="H6998" s="1" t="s">
        <v>10</v>
      </c>
      <c r="I6998" s="1" t="s">
        <v>22275</v>
      </c>
      <c r="J6998" s="1" t="s">
        <v>15496</v>
      </c>
      <c r="K6998" s="1" t="s">
        <v>37</v>
      </c>
      <c r="L6998" s="1" t="s">
        <v>24617</v>
      </c>
      <c r="M6998" s="1" t="s">
        <v>5</v>
      </c>
      <c r="N6998" s="1" t="s">
        <v>25</v>
      </c>
      <c r="O6998" s="1" t="s">
        <v>38</v>
      </c>
      <c r="P6998" s="5" t="s">
        <v>10</v>
      </c>
    </row>
    <row r="6999" spans="1:16" x14ac:dyDescent="0.2">
      <c r="A6999" s="1" t="s">
        <v>329</v>
      </c>
      <c r="B6999" s="1" t="s">
        <v>1168</v>
      </c>
      <c r="C6999" s="1" t="s">
        <v>24622</v>
      </c>
      <c r="D6999" s="1" t="s">
        <v>24622</v>
      </c>
      <c r="E6999" s="1"/>
      <c r="F6999" s="1" t="s">
        <v>522</v>
      </c>
      <c r="G6999" s="1" t="s">
        <v>1049</v>
      </c>
      <c r="H6999" s="1" t="s">
        <v>10</v>
      </c>
      <c r="I6999" s="1" t="s">
        <v>22275</v>
      </c>
      <c r="J6999" s="1" t="s">
        <v>1561</v>
      </c>
      <c r="K6999" s="1" t="s">
        <v>7</v>
      </c>
      <c r="L6999" s="1" t="s">
        <v>24621</v>
      </c>
      <c r="M6999" s="1" t="s">
        <v>5</v>
      </c>
      <c r="N6999" s="1" t="s">
        <v>25</v>
      </c>
      <c r="O6999" s="1" t="s">
        <v>8</v>
      </c>
      <c r="P6999" s="5" t="s">
        <v>10</v>
      </c>
    </row>
    <row r="7000" spans="1:16" x14ac:dyDescent="0.2">
      <c r="A7000" s="1" t="s">
        <v>10</v>
      </c>
      <c r="B7000" s="1" t="s">
        <v>10</v>
      </c>
      <c r="C7000" s="1" t="s">
        <v>24624</v>
      </c>
      <c r="D7000" s="1" t="s">
        <v>24625</v>
      </c>
      <c r="E7000" s="1" t="s">
        <v>24626</v>
      </c>
      <c r="F7000" s="1" t="s">
        <v>27</v>
      </c>
      <c r="G7000" s="1" t="s">
        <v>10</v>
      </c>
      <c r="H7000" s="1" t="s">
        <v>24627</v>
      </c>
      <c r="I7000" s="1" t="s">
        <v>22275</v>
      </c>
      <c r="J7000" s="1" t="s">
        <v>24362</v>
      </c>
      <c r="K7000" s="1" t="s">
        <v>64</v>
      </c>
      <c r="L7000" s="1" t="s">
        <v>24623</v>
      </c>
      <c r="M7000" s="1" t="s">
        <v>5</v>
      </c>
      <c r="N7000" s="1" t="s">
        <v>1009</v>
      </c>
      <c r="O7000" s="1" t="s">
        <v>8</v>
      </c>
      <c r="P7000" s="5" t="s">
        <v>10</v>
      </c>
    </row>
    <row r="7001" spans="1:16" x14ac:dyDescent="0.2">
      <c r="A7001" s="1" t="s">
        <v>10</v>
      </c>
      <c r="B7001" s="1" t="s">
        <v>10</v>
      </c>
      <c r="C7001" s="1" t="s">
        <v>24629</v>
      </c>
      <c r="D7001" s="1" t="s">
        <v>24630</v>
      </c>
      <c r="E7001" s="1" t="s">
        <v>24631</v>
      </c>
      <c r="F7001" s="1" t="s">
        <v>10</v>
      </c>
      <c r="G7001" s="1" t="s">
        <v>10</v>
      </c>
      <c r="H7001" s="1" t="s">
        <v>10</v>
      </c>
      <c r="I7001" s="1" t="s">
        <v>22275</v>
      </c>
      <c r="J7001" s="1" t="s">
        <v>24362</v>
      </c>
      <c r="K7001" s="1" t="s">
        <v>64</v>
      </c>
      <c r="L7001" s="1" t="s">
        <v>24628</v>
      </c>
      <c r="M7001" s="1" t="s">
        <v>5</v>
      </c>
      <c r="N7001" s="1" t="s">
        <v>25</v>
      </c>
      <c r="O7001" s="1" t="s">
        <v>38</v>
      </c>
      <c r="P7001" s="5" t="s">
        <v>10</v>
      </c>
    </row>
    <row r="7002" spans="1:16" x14ac:dyDescent="0.2">
      <c r="A7002" s="1" t="s">
        <v>32</v>
      </c>
      <c r="B7002" s="1" t="s">
        <v>1163</v>
      </c>
      <c r="C7002" s="1" t="s">
        <v>617</v>
      </c>
      <c r="D7002" s="1" t="s">
        <v>10481</v>
      </c>
      <c r="E7002" s="1"/>
      <c r="F7002" s="1" t="s">
        <v>27</v>
      </c>
      <c r="G7002" s="1" t="s">
        <v>10</v>
      </c>
      <c r="H7002" s="1" t="s">
        <v>9004</v>
      </c>
      <c r="I7002" s="1" t="s">
        <v>22275</v>
      </c>
      <c r="J7002" s="1" t="s">
        <v>15496</v>
      </c>
      <c r="K7002" s="1" t="s">
        <v>2591</v>
      </c>
      <c r="L7002" s="1" t="s">
        <v>24632</v>
      </c>
      <c r="M7002" s="1" t="s">
        <v>5</v>
      </c>
      <c r="N7002" s="1" t="s">
        <v>25</v>
      </c>
      <c r="O7002" s="1" t="s">
        <v>8</v>
      </c>
      <c r="P7002" s="5" t="s">
        <v>10</v>
      </c>
    </row>
    <row r="7003" spans="1:16" x14ac:dyDescent="0.2">
      <c r="A7003" s="1" t="s">
        <v>10</v>
      </c>
      <c r="B7003" s="1" t="s">
        <v>10</v>
      </c>
      <c r="C7003" s="1" t="s">
        <v>24634</v>
      </c>
      <c r="D7003" s="1" t="s">
        <v>24635</v>
      </c>
      <c r="E7003" s="1"/>
      <c r="F7003" s="1" t="s">
        <v>10</v>
      </c>
      <c r="G7003" s="1" t="s">
        <v>10</v>
      </c>
      <c r="H7003" s="1" t="s">
        <v>10</v>
      </c>
      <c r="I7003" s="1" t="s">
        <v>22275</v>
      </c>
      <c r="J7003" s="1" t="s">
        <v>24362</v>
      </c>
      <c r="K7003" s="1" t="s">
        <v>7</v>
      </c>
      <c r="L7003" s="1" t="s">
        <v>24633</v>
      </c>
      <c r="M7003" s="1" t="s">
        <v>5</v>
      </c>
      <c r="N7003" s="1" t="s">
        <v>960</v>
      </c>
      <c r="O7003" s="1" t="s">
        <v>38</v>
      </c>
      <c r="P7003" s="5" t="s">
        <v>10</v>
      </c>
    </row>
    <row r="7004" spans="1:16" x14ac:dyDescent="0.2">
      <c r="A7004" s="1" t="s">
        <v>10</v>
      </c>
      <c r="B7004" s="1" t="s">
        <v>10</v>
      </c>
      <c r="C7004" s="1" t="s">
        <v>24637</v>
      </c>
      <c r="D7004" s="1" t="s">
        <v>24638</v>
      </c>
      <c r="E7004" s="1" t="s">
        <v>24639</v>
      </c>
      <c r="F7004" s="1" t="s">
        <v>10</v>
      </c>
      <c r="G7004" s="1" t="s">
        <v>10</v>
      </c>
      <c r="H7004" s="1" t="s">
        <v>10</v>
      </c>
      <c r="I7004" s="1" t="s">
        <v>22275</v>
      </c>
      <c r="J7004" s="1" t="s">
        <v>24362</v>
      </c>
      <c r="K7004" s="1" t="s">
        <v>64</v>
      </c>
      <c r="L7004" s="1" t="s">
        <v>24636</v>
      </c>
      <c r="M7004" s="1" t="s">
        <v>5</v>
      </c>
      <c r="N7004" s="1" t="s">
        <v>1009</v>
      </c>
      <c r="O7004" s="1" t="s">
        <v>38</v>
      </c>
      <c r="P7004" s="5" t="s">
        <v>10</v>
      </c>
    </row>
    <row r="7005" spans="1:16" x14ac:dyDescent="0.2">
      <c r="A7005" s="1" t="s">
        <v>423</v>
      </c>
      <c r="B7005" s="1" t="s">
        <v>424</v>
      </c>
      <c r="C7005" s="1" t="s">
        <v>24641</v>
      </c>
      <c r="D7005" s="1" t="s">
        <v>24641</v>
      </c>
      <c r="E7005" s="1"/>
      <c r="F7005" s="1" t="s">
        <v>10</v>
      </c>
      <c r="G7005" s="1" t="s">
        <v>10</v>
      </c>
      <c r="H7005" s="1" t="s">
        <v>10</v>
      </c>
      <c r="I7005" s="1" t="s">
        <v>22275</v>
      </c>
      <c r="J7005" s="1" t="s">
        <v>100</v>
      </c>
      <c r="K7005" s="1" t="s">
        <v>10</v>
      </c>
      <c r="L7005" s="1" t="s">
        <v>24640</v>
      </c>
      <c r="M7005" s="1" t="s">
        <v>5</v>
      </c>
      <c r="N7005" s="1" t="s">
        <v>960</v>
      </c>
      <c r="O7005" s="1" t="s">
        <v>38</v>
      </c>
      <c r="P7005" s="5" t="s">
        <v>10</v>
      </c>
    </row>
    <row r="7006" spans="1:16" x14ac:dyDescent="0.2">
      <c r="A7006" s="1" t="s">
        <v>423</v>
      </c>
      <c r="B7006" s="1" t="s">
        <v>424</v>
      </c>
      <c r="C7006" s="1" t="s">
        <v>24643</v>
      </c>
      <c r="D7006" s="1" t="s">
        <v>997</v>
      </c>
      <c r="E7006" s="1" t="s">
        <v>24644</v>
      </c>
      <c r="F7006" s="1" t="s">
        <v>27</v>
      </c>
      <c r="G7006" s="1" t="s">
        <v>10</v>
      </c>
      <c r="H7006" s="1" t="s">
        <v>24645</v>
      </c>
      <c r="I7006" s="1" t="s">
        <v>22275</v>
      </c>
      <c r="J7006" s="1" t="s">
        <v>100</v>
      </c>
      <c r="K7006" s="1" t="s">
        <v>10</v>
      </c>
      <c r="L7006" s="1" t="s">
        <v>24642</v>
      </c>
      <c r="M7006" s="1" t="s">
        <v>5</v>
      </c>
      <c r="N7006" s="1" t="s">
        <v>6</v>
      </c>
      <c r="O7006" s="1" t="s">
        <v>8</v>
      </c>
      <c r="P7006" s="5" t="s">
        <v>10</v>
      </c>
    </row>
    <row r="7007" spans="1:16" x14ac:dyDescent="0.2">
      <c r="A7007" s="1" t="s">
        <v>10</v>
      </c>
      <c r="B7007" s="1" t="s">
        <v>10</v>
      </c>
      <c r="C7007" s="1" t="s">
        <v>24647</v>
      </c>
      <c r="D7007" s="1" t="s">
        <v>24648</v>
      </c>
      <c r="E7007" s="1"/>
      <c r="F7007" s="1" t="s">
        <v>10</v>
      </c>
      <c r="G7007" s="1" t="s">
        <v>10</v>
      </c>
      <c r="H7007" s="1" t="s">
        <v>10</v>
      </c>
      <c r="I7007" s="1" t="s">
        <v>22275</v>
      </c>
      <c r="J7007" s="1" t="s">
        <v>24362</v>
      </c>
      <c r="K7007" s="1" t="s">
        <v>64</v>
      </c>
      <c r="L7007" s="1" t="s">
        <v>24646</v>
      </c>
      <c r="M7007" s="1" t="s">
        <v>5</v>
      </c>
      <c r="N7007" s="1" t="s">
        <v>25</v>
      </c>
      <c r="O7007" s="1" t="s">
        <v>38</v>
      </c>
      <c r="P7007" s="5" t="s">
        <v>10</v>
      </c>
    </row>
    <row r="7008" spans="1:16" x14ac:dyDescent="0.2">
      <c r="A7008" s="1" t="s">
        <v>10</v>
      </c>
      <c r="B7008" s="1" t="s">
        <v>10</v>
      </c>
      <c r="C7008" s="1" t="s">
        <v>24650</v>
      </c>
      <c r="D7008" s="1" t="s">
        <v>2702</v>
      </c>
      <c r="E7008" s="1"/>
      <c r="F7008" s="1" t="s">
        <v>10</v>
      </c>
      <c r="G7008" s="1" t="s">
        <v>10</v>
      </c>
      <c r="H7008" s="1" t="s">
        <v>10</v>
      </c>
      <c r="I7008" s="1" t="s">
        <v>22275</v>
      </c>
      <c r="J7008" s="1" t="s">
        <v>24362</v>
      </c>
      <c r="K7008" s="1" t="s">
        <v>64</v>
      </c>
      <c r="L7008" s="1" t="s">
        <v>24649</v>
      </c>
      <c r="M7008" s="1" t="s">
        <v>5</v>
      </c>
      <c r="N7008" s="1" t="s">
        <v>25</v>
      </c>
      <c r="O7008" s="1" t="s">
        <v>38</v>
      </c>
      <c r="P7008" s="5" t="s">
        <v>10</v>
      </c>
    </row>
    <row r="7009" spans="1:16" x14ac:dyDescent="0.2">
      <c r="A7009" s="1" t="s">
        <v>20</v>
      </c>
      <c r="B7009" s="1" t="s">
        <v>21</v>
      </c>
      <c r="C7009" s="1" t="s">
        <v>24652</v>
      </c>
      <c r="D7009" s="1" t="s">
        <v>24653</v>
      </c>
      <c r="E7009" s="1" t="s">
        <v>24655</v>
      </c>
      <c r="F7009" s="1" t="s">
        <v>10</v>
      </c>
      <c r="G7009" s="1" t="s">
        <v>10</v>
      </c>
      <c r="H7009" s="1" t="s">
        <v>10</v>
      </c>
      <c r="I7009" s="1" t="s">
        <v>22275</v>
      </c>
      <c r="J7009" s="1" t="s">
        <v>130</v>
      </c>
      <c r="K7009" s="1" t="s">
        <v>24654</v>
      </c>
      <c r="L7009" s="1" t="s">
        <v>24651</v>
      </c>
      <c r="M7009" s="1" t="s">
        <v>5</v>
      </c>
      <c r="N7009" s="1" t="s">
        <v>25</v>
      </c>
      <c r="O7009" s="1" t="s">
        <v>38</v>
      </c>
      <c r="P7009" s="5" t="s">
        <v>10</v>
      </c>
    </row>
    <row r="7010" spans="1:16" x14ac:dyDescent="0.2">
      <c r="A7010" s="1" t="s">
        <v>10</v>
      </c>
      <c r="B7010" s="1" t="s">
        <v>10</v>
      </c>
      <c r="C7010" s="1" t="s">
        <v>24657</v>
      </c>
      <c r="D7010" s="1" t="s">
        <v>24658</v>
      </c>
      <c r="E7010" s="1" t="s">
        <v>24659</v>
      </c>
      <c r="F7010" s="1" t="s">
        <v>522</v>
      </c>
      <c r="G7010" s="1" t="s">
        <v>2299</v>
      </c>
      <c r="H7010" s="1" t="s">
        <v>10</v>
      </c>
      <c r="I7010" s="1" t="s">
        <v>22275</v>
      </c>
      <c r="J7010" s="1" t="s">
        <v>24602</v>
      </c>
      <c r="K7010" s="1" t="s">
        <v>7</v>
      </c>
      <c r="L7010" s="1" t="s">
        <v>24656</v>
      </c>
      <c r="M7010" s="1" t="s">
        <v>5</v>
      </c>
      <c r="N7010" s="1" t="s">
        <v>6</v>
      </c>
      <c r="O7010" s="1" t="s">
        <v>8</v>
      </c>
      <c r="P7010" s="5" t="s">
        <v>10</v>
      </c>
    </row>
    <row r="7011" spans="1:16" x14ac:dyDescent="0.2">
      <c r="A7011" s="1" t="s">
        <v>10</v>
      </c>
      <c r="B7011" s="1" t="s">
        <v>10</v>
      </c>
      <c r="C7011" s="1" t="s">
        <v>24661</v>
      </c>
      <c r="D7011" s="1" t="s">
        <v>10</v>
      </c>
      <c r="E7011" s="1" t="s">
        <v>24662</v>
      </c>
      <c r="F7011" s="1" t="s">
        <v>10</v>
      </c>
      <c r="G7011" s="1" t="s">
        <v>10</v>
      </c>
      <c r="H7011" s="1" t="s">
        <v>10</v>
      </c>
      <c r="I7011" s="1" t="s">
        <v>22275</v>
      </c>
      <c r="J7011" s="1" t="s">
        <v>24362</v>
      </c>
      <c r="K7011" s="1" t="s">
        <v>64</v>
      </c>
      <c r="L7011" s="1" t="s">
        <v>24660</v>
      </c>
      <c r="M7011" s="1" t="s">
        <v>5</v>
      </c>
      <c r="N7011" s="1" t="s">
        <v>1009</v>
      </c>
      <c r="O7011" s="1" t="s">
        <v>38</v>
      </c>
      <c r="P7011" s="5" t="s">
        <v>10</v>
      </c>
    </row>
    <row r="7012" spans="1:16" x14ac:dyDescent="0.2">
      <c r="A7012" s="1" t="s">
        <v>66</v>
      </c>
      <c r="B7012" s="1" t="s">
        <v>574</v>
      </c>
      <c r="C7012" s="1" t="s">
        <v>24664</v>
      </c>
      <c r="D7012" s="1" t="s">
        <v>24361</v>
      </c>
      <c r="E7012" s="1"/>
      <c r="F7012" s="1" t="s">
        <v>10</v>
      </c>
      <c r="G7012" s="1" t="s">
        <v>10</v>
      </c>
      <c r="H7012" s="1" t="s">
        <v>10</v>
      </c>
      <c r="I7012" s="1" t="s">
        <v>22275</v>
      </c>
      <c r="J7012" s="1" t="s">
        <v>130</v>
      </c>
      <c r="K7012" s="1" t="s">
        <v>9093</v>
      </c>
      <c r="L7012" s="1" t="s">
        <v>24663</v>
      </c>
      <c r="M7012" s="1" t="s">
        <v>5</v>
      </c>
      <c r="N7012" s="1" t="s">
        <v>25</v>
      </c>
      <c r="O7012" s="1" t="s">
        <v>8</v>
      </c>
      <c r="P7012" s="5"/>
    </row>
    <row r="7013" spans="1:16" x14ac:dyDescent="0.2">
      <c r="A7013" s="1" t="s">
        <v>423</v>
      </c>
      <c r="B7013" s="1" t="s">
        <v>424</v>
      </c>
      <c r="C7013" s="1" t="s">
        <v>24666</v>
      </c>
      <c r="D7013" s="1" t="s">
        <v>24667</v>
      </c>
      <c r="E7013" s="1" t="s">
        <v>24668</v>
      </c>
      <c r="F7013" s="1" t="s">
        <v>27</v>
      </c>
      <c r="G7013" s="1" t="s">
        <v>10</v>
      </c>
      <c r="H7013" s="1" t="s">
        <v>24669</v>
      </c>
      <c r="I7013" s="1" t="s">
        <v>22275</v>
      </c>
      <c r="J7013" s="1" t="s">
        <v>10</v>
      </c>
      <c r="K7013" s="1" t="s">
        <v>443</v>
      </c>
      <c r="L7013" s="1" t="s">
        <v>24665</v>
      </c>
      <c r="M7013" s="1" t="s">
        <v>5</v>
      </c>
      <c r="N7013" s="1" t="s">
        <v>25</v>
      </c>
      <c r="O7013" s="1" t="s">
        <v>8</v>
      </c>
      <c r="P7013" s="5" t="s">
        <v>10</v>
      </c>
    </row>
    <row r="7014" spans="1:16" x14ac:dyDescent="0.2">
      <c r="A7014" s="1" t="s">
        <v>10</v>
      </c>
      <c r="B7014" s="1" t="s">
        <v>10</v>
      </c>
      <c r="C7014" s="1" t="s">
        <v>24671</v>
      </c>
      <c r="D7014" s="1" t="s">
        <v>24671</v>
      </c>
      <c r="E7014" s="1" t="s">
        <v>10</v>
      </c>
      <c r="F7014" s="1" t="s">
        <v>10</v>
      </c>
      <c r="G7014" s="1" t="s">
        <v>10</v>
      </c>
      <c r="H7014" s="1" t="s">
        <v>10</v>
      </c>
      <c r="I7014" s="1" t="s">
        <v>22275</v>
      </c>
      <c r="J7014" s="1" t="s">
        <v>10</v>
      </c>
      <c r="K7014" s="1" t="s">
        <v>10</v>
      </c>
      <c r="L7014" s="1" t="s">
        <v>24670</v>
      </c>
      <c r="M7014" s="1" t="s">
        <v>5</v>
      </c>
      <c r="N7014" s="1" t="s">
        <v>1695</v>
      </c>
      <c r="O7014" s="1" t="s">
        <v>8</v>
      </c>
      <c r="P7014" s="5"/>
    </row>
    <row r="7015" spans="1:16" x14ac:dyDescent="0.2">
      <c r="A7015" s="1" t="s">
        <v>329</v>
      </c>
      <c r="B7015" s="1" t="s">
        <v>1168</v>
      </c>
      <c r="C7015" s="1" t="s">
        <v>24673</v>
      </c>
      <c r="D7015" s="1" t="s">
        <v>24673</v>
      </c>
      <c r="E7015" s="1" t="s">
        <v>24674</v>
      </c>
      <c r="F7015" s="1" t="s">
        <v>522</v>
      </c>
      <c r="G7015" s="1" t="s">
        <v>20913</v>
      </c>
      <c r="H7015" s="1" t="s">
        <v>10</v>
      </c>
      <c r="I7015" s="1" t="s">
        <v>22275</v>
      </c>
      <c r="J7015" s="1" t="s">
        <v>3899</v>
      </c>
      <c r="K7015" s="1" t="s">
        <v>6405</v>
      </c>
      <c r="L7015" s="1" t="s">
        <v>24672</v>
      </c>
      <c r="M7015" s="1" t="s">
        <v>5</v>
      </c>
      <c r="N7015" s="1" t="s">
        <v>6</v>
      </c>
      <c r="O7015" s="1" t="s">
        <v>8</v>
      </c>
      <c r="P7015" s="5" t="s">
        <v>10</v>
      </c>
    </row>
    <row r="7016" spans="1:16" x14ac:dyDescent="0.2">
      <c r="A7016" s="1" t="s">
        <v>10</v>
      </c>
      <c r="B7016" s="1" t="s">
        <v>10</v>
      </c>
      <c r="C7016" s="1" t="s">
        <v>24676</v>
      </c>
      <c r="D7016" s="1" t="s">
        <v>24676</v>
      </c>
      <c r="E7016" s="1" t="s">
        <v>10</v>
      </c>
      <c r="F7016" s="1" t="s">
        <v>10</v>
      </c>
      <c r="G7016" s="1" t="s">
        <v>10</v>
      </c>
      <c r="H7016" s="1" t="s">
        <v>10</v>
      </c>
      <c r="I7016" s="1" t="s">
        <v>22275</v>
      </c>
      <c r="J7016" s="1" t="s">
        <v>10</v>
      </c>
      <c r="K7016" s="1" t="s">
        <v>10</v>
      </c>
      <c r="L7016" s="1" t="s">
        <v>24675</v>
      </c>
      <c r="M7016" s="1" t="s">
        <v>5</v>
      </c>
      <c r="N7016" s="1" t="s">
        <v>10</v>
      </c>
      <c r="O7016" s="1" t="s">
        <v>8</v>
      </c>
      <c r="P7016" s="5"/>
    </row>
    <row r="7017" spans="1:16" x14ac:dyDescent="0.2">
      <c r="A7017" s="1" t="s">
        <v>10</v>
      </c>
      <c r="B7017" s="1" t="s">
        <v>10</v>
      </c>
      <c r="C7017" s="1" t="s">
        <v>24678</v>
      </c>
      <c r="D7017" s="1" t="s">
        <v>10</v>
      </c>
      <c r="E7017" s="1" t="s">
        <v>10</v>
      </c>
      <c r="F7017" s="1" t="s">
        <v>10</v>
      </c>
      <c r="G7017" s="1" t="s">
        <v>10</v>
      </c>
      <c r="H7017" s="1" t="s">
        <v>10</v>
      </c>
      <c r="I7017" s="1" t="s">
        <v>22275</v>
      </c>
      <c r="J7017" s="1" t="s">
        <v>10</v>
      </c>
      <c r="K7017" s="1" t="s">
        <v>10</v>
      </c>
      <c r="L7017" s="1" t="s">
        <v>24677</v>
      </c>
      <c r="M7017" s="1" t="s">
        <v>5</v>
      </c>
      <c r="N7017" s="1" t="s">
        <v>10</v>
      </c>
      <c r="O7017" s="1" t="s">
        <v>8</v>
      </c>
      <c r="P7017" s="5"/>
    </row>
    <row r="7018" spans="1:16" x14ac:dyDescent="0.2">
      <c r="A7018" s="1" t="s">
        <v>10</v>
      </c>
      <c r="B7018" s="1" t="s">
        <v>10</v>
      </c>
      <c r="C7018" s="1" t="s">
        <v>24680</v>
      </c>
      <c r="D7018" s="1" t="s">
        <v>10</v>
      </c>
      <c r="E7018" s="1" t="s">
        <v>10</v>
      </c>
      <c r="F7018" s="1" t="s">
        <v>10</v>
      </c>
      <c r="G7018" s="1" t="s">
        <v>10</v>
      </c>
      <c r="H7018" s="1" t="s">
        <v>10</v>
      </c>
      <c r="I7018" s="1" t="s">
        <v>22275</v>
      </c>
      <c r="J7018" s="1" t="s">
        <v>10</v>
      </c>
      <c r="K7018" s="1" t="s">
        <v>10</v>
      </c>
      <c r="L7018" s="1" t="s">
        <v>24679</v>
      </c>
      <c r="M7018" s="1" t="s">
        <v>5</v>
      </c>
      <c r="N7018" s="1" t="s">
        <v>10</v>
      </c>
      <c r="O7018" s="1" t="s">
        <v>8</v>
      </c>
      <c r="P7018" s="5"/>
    </row>
    <row r="7019" spans="1:16" x14ac:dyDescent="0.2">
      <c r="A7019" s="1" t="s">
        <v>10</v>
      </c>
      <c r="B7019" s="1" t="s">
        <v>10</v>
      </c>
      <c r="C7019" s="1" t="s">
        <v>24682</v>
      </c>
      <c r="D7019" s="1" t="s">
        <v>10</v>
      </c>
      <c r="E7019" s="1" t="s">
        <v>10</v>
      </c>
      <c r="F7019" s="1" t="s">
        <v>10</v>
      </c>
      <c r="G7019" s="1" t="s">
        <v>10</v>
      </c>
      <c r="H7019" s="1" t="s">
        <v>10</v>
      </c>
      <c r="I7019" s="1" t="s">
        <v>22275</v>
      </c>
      <c r="J7019" s="1" t="s">
        <v>10</v>
      </c>
      <c r="K7019" s="1" t="s">
        <v>10</v>
      </c>
      <c r="L7019" s="1" t="s">
        <v>24681</v>
      </c>
      <c r="M7019" s="1" t="s">
        <v>5</v>
      </c>
      <c r="N7019" s="1" t="s">
        <v>10</v>
      </c>
      <c r="O7019" s="1" t="s">
        <v>8</v>
      </c>
      <c r="P7019" s="5"/>
    </row>
    <row r="7020" spans="1:16" x14ac:dyDescent="0.2">
      <c r="A7020" s="1" t="s">
        <v>10</v>
      </c>
      <c r="B7020" s="1" t="s">
        <v>10</v>
      </c>
      <c r="C7020" s="1" t="s">
        <v>24684</v>
      </c>
      <c r="D7020" s="1" t="s">
        <v>24685</v>
      </c>
      <c r="E7020" s="1" t="s">
        <v>10</v>
      </c>
      <c r="F7020" s="1" t="s">
        <v>10</v>
      </c>
      <c r="G7020" s="1" t="s">
        <v>10</v>
      </c>
      <c r="H7020" s="1" t="s">
        <v>10</v>
      </c>
      <c r="I7020" s="1" t="s">
        <v>22275</v>
      </c>
      <c r="J7020" s="1" t="s">
        <v>10</v>
      </c>
      <c r="K7020" s="1" t="s">
        <v>10</v>
      </c>
      <c r="L7020" s="1" t="s">
        <v>24683</v>
      </c>
      <c r="M7020" s="1" t="s">
        <v>5</v>
      </c>
      <c r="N7020" s="1" t="s">
        <v>10</v>
      </c>
      <c r="O7020" s="1" t="s">
        <v>8</v>
      </c>
      <c r="P7020" s="5"/>
    </row>
    <row r="7021" spans="1:16" x14ac:dyDescent="0.2">
      <c r="A7021" s="1" t="s">
        <v>10</v>
      </c>
      <c r="B7021" s="1" t="s">
        <v>10</v>
      </c>
      <c r="C7021" s="1" t="s">
        <v>24687</v>
      </c>
      <c r="D7021" s="1" t="s">
        <v>1573</v>
      </c>
      <c r="E7021" s="1" t="s">
        <v>10</v>
      </c>
      <c r="F7021" s="1" t="s">
        <v>10</v>
      </c>
      <c r="G7021" s="1" t="s">
        <v>10</v>
      </c>
      <c r="H7021" s="1" t="s">
        <v>10</v>
      </c>
      <c r="I7021" s="1" t="s">
        <v>22275</v>
      </c>
      <c r="J7021" s="1" t="s">
        <v>10</v>
      </c>
      <c r="K7021" s="1" t="s">
        <v>10</v>
      </c>
      <c r="L7021" s="1" t="s">
        <v>24686</v>
      </c>
      <c r="M7021" s="1" t="s">
        <v>5</v>
      </c>
      <c r="N7021" s="1" t="s">
        <v>10</v>
      </c>
      <c r="O7021" s="1" t="s">
        <v>8</v>
      </c>
      <c r="P7021" s="5"/>
    </row>
    <row r="7022" spans="1:16" x14ac:dyDescent="0.2">
      <c r="A7022" s="1" t="s">
        <v>20</v>
      </c>
      <c r="B7022" s="1" t="s">
        <v>99</v>
      </c>
      <c r="C7022" s="1" t="s">
        <v>24689</v>
      </c>
      <c r="D7022" s="1" t="s">
        <v>2585</v>
      </c>
      <c r="E7022" s="1" t="s">
        <v>10</v>
      </c>
      <c r="F7022" s="1" t="s">
        <v>9</v>
      </c>
      <c r="G7022" s="1" t="s">
        <v>3886</v>
      </c>
      <c r="H7022" s="1" t="s">
        <v>10</v>
      </c>
      <c r="I7022" s="1" t="s">
        <v>22275</v>
      </c>
      <c r="J7022" s="1" t="s">
        <v>130</v>
      </c>
      <c r="K7022" s="1" t="s">
        <v>10</v>
      </c>
      <c r="L7022" s="1" t="s">
        <v>24688</v>
      </c>
      <c r="M7022" s="1" t="s">
        <v>5</v>
      </c>
      <c r="N7022" s="1" t="s">
        <v>25</v>
      </c>
      <c r="O7022" s="1" t="s">
        <v>8</v>
      </c>
      <c r="P7022" s="5" t="s">
        <v>10</v>
      </c>
    </row>
    <row r="7023" spans="1:16" x14ac:dyDescent="0.2">
      <c r="A7023" s="1" t="s">
        <v>10</v>
      </c>
      <c r="B7023" s="1" t="s">
        <v>10</v>
      </c>
      <c r="C7023" s="1" t="s">
        <v>1081</v>
      </c>
      <c r="D7023" s="1" t="s">
        <v>1081</v>
      </c>
      <c r="E7023" s="1" t="s">
        <v>24691</v>
      </c>
      <c r="F7023" s="1" t="s">
        <v>27</v>
      </c>
      <c r="G7023" s="1" t="s">
        <v>10</v>
      </c>
      <c r="H7023" s="1" t="s">
        <v>24692</v>
      </c>
      <c r="I7023" s="1" t="s">
        <v>22275</v>
      </c>
      <c r="J7023" s="1" t="s">
        <v>130</v>
      </c>
      <c r="K7023" s="1" t="s">
        <v>7</v>
      </c>
      <c r="L7023" s="1" t="s">
        <v>24690</v>
      </c>
      <c r="M7023" s="1" t="s">
        <v>5</v>
      </c>
      <c r="N7023" s="1" t="s">
        <v>6</v>
      </c>
      <c r="O7023" s="1" t="s">
        <v>8</v>
      </c>
      <c r="P7023" s="5" t="s">
        <v>10</v>
      </c>
    </row>
    <row r="7024" spans="1:16" x14ac:dyDescent="0.2">
      <c r="A7024" s="1" t="s">
        <v>1385</v>
      </c>
      <c r="B7024" s="1" t="s">
        <v>2028</v>
      </c>
      <c r="C7024" s="1" t="s">
        <v>24694</v>
      </c>
      <c r="D7024" s="1" t="s">
        <v>24695</v>
      </c>
      <c r="E7024" s="1" t="s">
        <v>24696</v>
      </c>
      <c r="F7024" s="1" t="s">
        <v>10</v>
      </c>
      <c r="G7024" s="1" t="s">
        <v>10</v>
      </c>
      <c r="H7024" s="1" t="s">
        <v>10</v>
      </c>
      <c r="I7024" s="1" t="s">
        <v>22275</v>
      </c>
      <c r="J7024" s="1" t="s">
        <v>3899</v>
      </c>
      <c r="K7024" s="1" t="s">
        <v>64</v>
      </c>
      <c r="L7024" s="1" t="s">
        <v>24693</v>
      </c>
      <c r="M7024" s="1" t="s">
        <v>5</v>
      </c>
      <c r="N7024" s="1" t="s">
        <v>960</v>
      </c>
      <c r="O7024" s="1" t="s">
        <v>38</v>
      </c>
      <c r="P7024" s="5"/>
    </row>
    <row r="7025" spans="1:16" x14ac:dyDescent="0.2">
      <c r="A7025" s="1" t="s">
        <v>10</v>
      </c>
      <c r="B7025" s="1" t="s">
        <v>10</v>
      </c>
      <c r="C7025" s="1" t="s">
        <v>24698</v>
      </c>
      <c r="D7025" s="1" t="s">
        <v>1506</v>
      </c>
      <c r="E7025" s="1" t="s">
        <v>10</v>
      </c>
      <c r="F7025" s="1" t="s">
        <v>10</v>
      </c>
      <c r="G7025" s="1" t="s">
        <v>10</v>
      </c>
      <c r="H7025" s="1" t="s">
        <v>10</v>
      </c>
      <c r="I7025" s="1" t="s">
        <v>22275</v>
      </c>
      <c r="J7025" s="1" t="s">
        <v>10</v>
      </c>
      <c r="K7025" s="1" t="s">
        <v>10</v>
      </c>
      <c r="L7025" s="1" t="s">
        <v>24697</v>
      </c>
      <c r="M7025" s="1" t="s">
        <v>5</v>
      </c>
      <c r="N7025" s="1" t="s">
        <v>10</v>
      </c>
      <c r="O7025" s="1" t="s">
        <v>8</v>
      </c>
      <c r="P7025" s="5"/>
    </row>
    <row r="7026" spans="1:16" x14ac:dyDescent="0.2">
      <c r="A7026" s="1" t="s">
        <v>66</v>
      </c>
      <c r="B7026" s="1" t="s">
        <v>276</v>
      </c>
      <c r="C7026" s="1" t="s">
        <v>24700</v>
      </c>
      <c r="D7026" s="1" t="s">
        <v>10603</v>
      </c>
      <c r="E7026" s="1" t="s">
        <v>24701</v>
      </c>
      <c r="F7026" s="1" t="s">
        <v>10</v>
      </c>
      <c r="G7026" s="1" t="s">
        <v>24702</v>
      </c>
      <c r="H7026" s="1" t="s">
        <v>10</v>
      </c>
      <c r="I7026" s="1" t="s">
        <v>22275</v>
      </c>
      <c r="J7026" s="1" t="s">
        <v>3899</v>
      </c>
      <c r="K7026" s="1" t="s">
        <v>64</v>
      </c>
      <c r="L7026" s="1" t="s">
        <v>24699</v>
      </c>
      <c r="M7026" s="1" t="s">
        <v>5</v>
      </c>
      <c r="N7026" s="1" t="s">
        <v>25</v>
      </c>
      <c r="O7026" s="1" t="s">
        <v>8</v>
      </c>
      <c r="P7026" s="5"/>
    </row>
    <row r="7027" spans="1:16" x14ac:dyDescent="0.2">
      <c r="A7027" s="1" t="s">
        <v>42</v>
      </c>
      <c r="B7027" s="1" t="s">
        <v>1377</v>
      </c>
      <c r="C7027" s="1" t="s">
        <v>24704</v>
      </c>
      <c r="D7027" s="1" t="s">
        <v>24653</v>
      </c>
      <c r="E7027" s="1" t="s">
        <v>24655</v>
      </c>
      <c r="F7027" s="1" t="s">
        <v>10</v>
      </c>
      <c r="G7027" s="1" t="s">
        <v>10</v>
      </c>
      <c r="H7027" s="1" t="s">
        <v>10</v>
      </c>
      <c r="I7027" s="1" t="s">
        <v>22275</v>
      </c>
      <c r="J7027" s="1" t="s">
        <v>3899</v>
      </c>
      <c r="K7027" s="1" t="s">
        <v>24654</v>
      </c>
      <c r="L7027" s="1" t="s">
        <v>24703</v>
      </c>
      <c r="M7027" s="1" t="s">
        <v>5</v>
      </c>
      <c r="N7027" s="1" t="s">
        <v>25</v>
      </c>
      <c r="O7027" s="1" t="s">
        <v>8</v>
      </c>
      <c r="P7027" s="5"/>
    </row>
    <row r="7028" spans="1:16" x14ac:dyDescent="0.2">
      <c r="A7028" s="1" t="s">
        <v>1086</v>
      </c>
      <c r="B7028" s="1" t="s">
        <v>1177</v>
      </c>
      <c r="C7028" s="1" t="s">
        <v>24706</v>
      </c>
      <c r="D7028" s="1" t="s">
        <v>1208</v>
      </c>
      <c r="E7028" s="1"/>
      <c r="F7028" s="1" t="s">
        <v>1306</v>
      </c>
      <c r="G7028" s="1" t="s">
        <v>10</v>
      </c>
      <c r="H7028" s="1" t="s">
        <v>10</v>
      </c>
      <c r="I7028" s="1" t="s">
        <v>22275</v>
      </c>
      <c r="J7028" s="1" t="s">
        <v>3899</v>
      </c>
      <c r="K7028" s="1" t="s">
        <v>64</v>
      </c>
      <c r="L7028" s="1" t="s">
        <v>24705</v>
      </c>
      <c r="M7028" s="1" t="s">
        <v>5</v>
      </c>
      <c r="N7028" s="1" t="s">
        <v>960</v>
      </c>
      <c r="O7028" s="1" t="s">
        <v>8</v>
      </c>
      <c r="P7028" s="5" t="s">
        <v>30739</v>
      </c>
    </row>
    <row r="7029" spans="1:16" x14ac:dyDescent="0.2">
      <c r="A7029" s="1" t="s">
        <v>32</v>
      </c>
      <c r="B7029" s="1" t="s">
        <v>1163</v>
      </c>
      <c r="C7029" s="1" t="s">
        <v>24708</v>
      </c>
      <c r="D7029" s="1" t="s">
        <v>24709</v>
      </c>
      <c r="E7029" s="1"/>
      <c r="F7029" s="1" t="s">
        <v>1306</v>
      </c>
      <c r="G7029" s="1" t="s">
        <v>10</v>
      </c>
      <c r="H7029" s="1" t="s">
        <v>10</v>
      </c>
      <c r="I7029" s="1" t="s">
        <v>22275</v>
      </c>
      <c r="J7029" s="1" t="s">
        <v>3899</v>
      </c>
      <c r="K7029" s="1" t="s">
        <v>10</v>
      </c>
      <c r="L7029" s="1" t="s">
        <v>24707</v>
      </c>
      <c r="M7029" s="1" t="s">
        <v>5</v>
      </c>
      <c r="N7029" s="1" t="s">
        <v>960</v>
      </c>
      <c r="O7029" s="1" t="s">
        <v>8</v>
      </c>
      <c r="P7029" s="5" t="s">
        <v>30740</v>
      </c>
    </row>
    <row r="7030" spans="1:16" x14ac:dyDescent="0.2">
      <c r="A7030" s="1" t="s">
        <v>423</v>
      </c>
      <c r="B7030" s="1" t="s">
        <v>2587</v>
      </c>
      <c r="C7030" s="1" t="s">
        <v>24712</v>
      </c>
      <c r="D7030" s="1" t="s">
        <v>24713</v>
      </c>
      <c r="E7030" s="1" t="s">
        <v>24714</v>
      </c>
      <c r="F7030" s="1" t="s">
        <v>10</v>
      </c>
      <c r="G7030" s="1" t="s">
        <v>10</v>
      </c>
      <c r="H7030" s="1" t="s">
        <v>10</v>
      </c>
      <c r="I7030" s="1" t="s">
        <v>22275</v>
      </c>
      <c r="J7030" s="1" t="s">
        <v>3899</v>
      </c>
      <c r="K7030" s="1" t="s">
        <v>64</v>
      </c>
      <c r="L7030" s="1" t="s">
        <v>24711</v>
      </c>
      <c r="M7030" s="1" t="s">
        <v>5</v>
      </c>
      <c r="N7030" s="1" t="s">
        <v>960</v>
      </c>
      <c r="O7030" s="1" t="s">
        <v>8</v>
      </c>
      <c r="P7030" s="5" t="s">
        <v>10</v>
      </c>
    </row>
    <row r="7031" spans="1:16" x14ac:dyDescent="0.2">
      <c r="A7031" s="1" t="s">
        <v>1385</v>
      </c>
      <c r="B7031" s="1" t="s">
        <v>1670</v>
      </c>
      <c r="C7031" s="1" t="s">
        <v>24716</v>
      </c>
      <c r="D7031" s="1" t="s">
        <v>24716</v>
      </c>
      <c r="E7031" s="1"/>
      <c r="F7031" s="1" t="s">
        <v>1306</v>
      </c>
      <c r="G7031" s="1" t="s">
        <v>10</v>
      </c>
      <c r="H7031" s="1" t="s">
        <v>10</v>
      </c>
      <c r="I7031" s="1" t="s">
        <v>22275</v>
      </c>
      <c r="J7031" s="1" t="s">
        <v>3899</v>
      </c>
      <c r="K7031" s="1" t="s">
        <v>64</v>
      </c>
      <c r="L7031" s="1" t="s">
        <v>24715</v>
      </c>
      <c r="M7031" s="1" t="s">
        <v>5</v>
      </c>
      <c r="N7031" s="1" t="s">
        <v>25</v>
      </c>
      <c r="O7031" s="1" t="s">
        <v>8</v>
      </c>
      <c r="P7031" s="5" t="s">
        <v>30741</v>
      </c>
    </row>
    <row r="7032" spans="1:16" x14ac:dyDescent="0.2">
      <c r="A7032" s="1" t="s">
        <v>2187</v>
      </c>
      <c r="B7032" s="1" t="s">
        <v>2206</v>
      </c>
      <c r="C7032" s="1" t="s">
        <v>24718</v>
      </c>
      <c r="D7032" s="1" t="s">
        <v>24719</v>
      </c>
      <c r="E7032" s="1" t="s">
        <v>24720</v>
      </c>
      <c r="F7032" s="1" t="s">
        <v>10</v>
      </c>
      <c r="G7032" s="1" t="s">
        <v>10</v>
      </c>
      <c r="H7032" s="1" t="s">
        <v>10</v>
      </c>
      <c r="I7032" s="1" t="s">
        <v>22275</v>
      </c>
      <c r="J7032" s="1" t="s">
        <v>3899</v>
      </c>
      <c r="K7032" s="1" t="s">
        <v>64</v>
      </c>
      <c r="L7032" s="1" t="s">
        <v>24717</v>
      </c>
      <c r="M7032" s="1" t="s">
        <v>5</v>
      </c>
      <c r="N7032" s="1" t="s">
        <v>25</v>
      </c>
      <c r="O7032" s="1" t="s">
        <v>8</v>
      </c>
      <c r="P7032" s="5"/>
    </row>
    <row r="7033" spans="1:16" x14ac:dyDescent="0.2">
      <c r="A7033" s="1" t="s">
        <v>1385</v>
      </c>
      <c r="B7033" s="1" t="s">
        <v>1670</v>
      </c>
      <c r="C7033" s="1" t="s">
        <v>24722</v>
      </c>
      <c r="D7033" s="1" t="s">
        <v>24723</v>
      </c>
      <c r="E7033" s="1"/>
      <c r="F7033" s="1" t="s">
        <v>1306</v>
      </c>
      <c r="G7033" s="1" t="s">
        <v>10</v>
      </c>
      <c r="H7033" s="1" t="s">
        <v>24724</v>
      </c>
      <c r="I7033" s="1" t="s">
        <v>22275</v>
      </c>
      <c r="J7033" s="1" t="s">
        <v>3899</v>
      </c>
      <c r="K7033" s="1" t="s">
        <v>64</v>
      </c>
      <c r="L7033" s="1" t="s">
        <v>24721</v>
      </c>
      <c r="M7033" s="1" t="s">
        <v>5</v>
      </c>
      <c r="N7033" s="1" t="s">
        <v>25</v>
      </c>
      <c r="O7033" s="1" t="s">
        <v>8</v>
      </c>
      <c r="P7033" s="5" t="s">
        <v>10</v>
      </c>
    </row>
    <row r="7034" spans="1:16" x14ac:dyDescent="0.2">
      <c r="A7034" s="1" t="s">
        <v>2187</v>
      </c>
      <c r="B7034" s="1" t="s">
        <v>2206</v>
      </c>
      <c r="C7034" s="1" t="s">
        <v>24726</v>
      </c>
      <c r="D7034" s="1" t="s">
        <v>24727</v>
      </c>
      <c r="E7034" s="1" t="s">
        <v>24728</v>
      </c>
      <c r="F7034" s="1" t="s">
        <v>10</v>
      </c>
      <c r="G7034" s="1" t="s">
        <v>10</v>
      </c>
      <c r="H7034" s="1" t="s">
        <v>10</v>
      </c>
      <c r="I7034" s="1" t="s">
        <v>22275</v>
      </c>
      <c r="J7034" s="1" t="s">
        <v>3899</v>
      </c>
      <c r="K7034" s="1" t="s">
        <v>64</v>
      </c>
      <c r="L7034" s="1" t="s">
        <v>24725</v>
      </c>
      <c r="M7034" s="1" t="s">
        <v>5</v>
      </c>
      <c r="N7034" s="1" t="s">
        <v>25</v>
      </c>
      <c r="O7034" s="1" t="s">
        <v>8</v>
      </c>
      <c r="P7034" s="5"/>
    </row>
    <row r="7035" spans="1:16" x14ac:dyDescent="0.2">
      <c r="A7035" s="1" t="s">
        <v>1385</v>
      </c>
      <c r="B7035" s="1" t="s">
        <v>1670</v>
      </c>
      <c r="C7035" s="1" t="s">
        <v>24730</v>
      </c>
      <c r="D7035" s="1" t="s">
        <v>24731</v>
      </c>
      <c r="E7035" s="1"/>
      <c r="F7035" s="1" t="s">
        <v>1306</v>
      </c>
      <c r="G7035" s="1" t="s">
        <v>10</v>
      </c>
      <c r="H7035" s="1" t="s">
        <v>24732</v>
      </c>
      <c r="I7035" s="1" t="s">
        <v>22275</v>
      </c>
      <c r="J7035" s="1" t="s">
        <v>3899</v>
      </c>
      <c r="K7035" s="1" t="s">
        <v>64</v>
      </c>
      <c r="L7035" s="1" t="s">
        <v>24729</v>
      </c>
      <c r="M7035" s="1" t="s">
        <v>5</v>
      </c>
      <c r="N7035" s="1" t="s">
        <v>25</v>
      </c>
      <c r="O7035" s="1" t="s">
        <v>8</v>
      </c>
      <c r="P7035" s="5" t="s">
        <v>30741</v>
      </c>
    </row>
    <row r="7036" spans="1:16" x14ac:dyDescent="0.2">
      <c r="A7036" s="1" t="s">
        <v>2187</v>
      </c>
      <c r="B7036" s="1" t="s">
        <v>2206</v>
      </c>
      <c r="C7036" s="1" t="s">
        <v>24734</v>
      </c>
      <c r="D7036" s="1" t="s">
        <v>24735</v>
      </c>
      <c r="E7036" s="1" t="s">
        <v>24736</v>
      </c>
      <c r="F7036" s="1" t="s">
        <v>10</v>
      </c>
      <c r="G7036" s="1" t="s">
        <v>10</v>
      </c>
      <c r="H7036" s="1" t="s">
        <v>10</v>
      </c>
      <c r="I7036" s="1" t="s">
        <v>22275</v>
      </c>
      <c r="J7036" s="1" t="s">
        <v>3899</v>
      </c>
      <c r="K7036" s="1" t="s">
        <v>64</v>
      </c>
      <c r="L7036" s="1" t="s">
        <v>24733</v>
      </c>
      <c r="M7036" s="1" t="s">
        <v>5</v>
      </c>
      <c r="N7036" s="1" t="s">
        <v>25</v>
      </c>
      <c r="O7036" s="1" t="s">
        <v>8</v>
      </c>
      <c r="P7036" s="5"/>
    </row>
    <row r="7037" spans="1:16" x14ac:dyDescent="0.2">
      <c r="A7037" s="1" t="s">
        <v>1086</v>
      </c>
      <c r="B7037" s="1" t="s">
        <v>1177</v>
      </c>
      <c r="C7037" s="1" t="s">
        <v>24738</v>
      </c>
      <c r="D7037" s="1" t="s">
        <v>24739</v>
      </c>
      <c r="E7037" s="1"/>
      <c r="F7037" s="1" t="s">
        <v>1306</v>
      </c>
      <c r="G7037" s="1" t="s">
        <v>10</v>
      </c>
      <c r="H7037" s="1" t="s">
        <v>10</v>
      </c>
      <c r="I7037" s="1" t="s">
        <v>22275</v>
      </c>
      <c r="J7037" s="1" t="s">
        <v>3899</v>
      </c>
      <c r="K7037" s="1" t="s">
        <v>10</v>
      </c>
      <c r="L7037" s="1" t="s">
        <v>24737</v>
      </c>
      <c r="M7037" s="1" t="s">
        <v>5</v>
      </c>
      <c r="N7037" s="1" t="s">
        <v>960</v>
      </c>
      <c r="O7037" s="1" t="s">
        <v>8</v>
      </c>
      <c r="P7037" s="5" t="s">
        <v>30739</v>
      </c>
    </row>
    <row r="7038" spans="1:16" x14ac:dyDescent="0.2">
      <c r="A7038" s="1" t="s">
        <v>1086</v>
      </c>
      <c r="B7038" s="1" t="s">
        <v>1400</v>
      </c>
      <c r="C7038" s="1" t="s">
        <v>24741</v>
      </c>
      <c r="D7038" s="1" t="s">
        <v>24742</v>
      </c>
      <c r="E7038" s="1" t="s">
        <v>24743</v>
      </c>
      <c r="F7038" s="1" t="s">
        <v>27</v>
      </c>
      <c r="G7038" s="1" t="s">
        <v>10</v>
      </c>
      <c r="H7038" s="1" t="s">
        <v>24744</v>
      </c>
      <c r="I7038" s="1" t="s">
        <v>22275</v>
      </c>
      <c r="J7038" s="1" t="s">
        <v>3899</v>
      </c>
      <c r="K7038" s="1" t="s">
        <v>10</v>
      </c>
      <c r="L7038" s="1" t="s">
        <v>24740</v>
      </c>
      <c r="M7038" s="1" t="s">
        <v>5</v>
      </c>
      <c r="N7038" s="1" t="s">
        <v>960</v>
      </c>
      <c r="O7038" s="1" t="s">
        <v>8</v>
      </c>
      <c r="P7038" s="5" t="s">
        <v>10</v>
      </c>
    </row>
    <row r="7039" spans="1:16" x14ac:dyDescent="0.2">
      <c r="A7039" s="1" t="s">
        <v>1086</v>
      </c>
      <c r="B7039" s="1" t="s">
        <v>1400</v>
      </c>
      <c r="C7039" s="1" t="s">
        <v>24746</v>
      </c>
      <c r="D7039" s="1" t="s">
        <v>24747</v>
      </c>
      <c r="E7039" s="1" t="s">
        <v>24748</v>
      </c>
      <c r="F7039" s="1" t="s">
        <v>10</v>
      </c>
      <c r="G7039" s="1" t="s">
        <v>10</v>
      </c>
      <c r="H7039" s="1" t="s">
        <v>10</v>
      </c>
      <c r="I7039" s="1" t="s">
        <v>22275</v>
      </c>
      <c r="J7039" s="1" t="s">
        <v>3899</v>
      </c>
      <c r="K7039" s="1" t="s">
        <v>10</v>
      </c>
      <c r="L7039" s="1" t="s">
        <v>24745</v>
      </c>
      <c r="M7039" s="1" t="s">
        <v>5</v>
      </c>
      <c r="N7039" s="1" t="s">
        <v>10</v>
      </c>
      <c r="O7039" s="1" t="s">
        <v>8</v>
      </c>
      <c r="P7039" s="5" t="s">
        <v>24749</v>
      </c>
    </row>
    <row r="7040" spans="1:16" x14ac:dyDescent="0.2">
      <c r="A7040" s="1" t="s">
        <v>32</v>
      </c>
      <c r="B7040" s="1" t="s">
        <v>10</v>
      </c>
      <c r="C7040" s="1" t="s">
        <v>22493</v>
      </c>
      <c r="D7040" s="1" t="s">
        <v>22493</v>
      </c>
      <c r="E7040" s="1"/>
      <c r="F7040" s="1" t="s">
        <v>10</v>
      </c>
      <c r="G7040" s="1" t="s">
        <v>10</v>
      </c>
      <c r="H7040" s="1" t="s">
        <v>10</v>
      </c>
      <c r="I7040" s="1" t="s">
        <v>22275</v>
      </c>
      <c r="J7040" s="1" t="s">
        <v>10</v>
      </c>
      <c r="K7040" s="1" t="s">
        <v>27</v>
      </c>
      <c r="L7040" s="1" t="s">
        <v>24750</v>
      </c>
      <c r="M7040" s="1" t="s">
        <v>5</v>
      </c>
      <c r="N7040" s="1" t="s">
        <v>6</v>
      </c>
      <c r="O7040" s="1" t="s">
        <v>8</v>
      </c>
      <c r="P7040" s="5" t="s">
        <v>10</v>
      </c>
    </row>
    <row r="7041" spans="1:16" x14ac:dyDescent="0.2">
      <c r="A7041" s="1" t="s">
        <v>10</v>
      </c>
      <c r="B7041" s="1" t="s">
        <v>10</v>
      </c>
      <c r="C7041" s="1" t="s">
        <v>24752</v>
      </c>
      <c r="D7041" s="1" t="s">
        <v>10</v>
      </c>
      <c r="E7041" s="1" t="s">
        <v>10</v>
      </c>
      <c r="F7041" s="1" t="s">
        <v>10</v>
      </c>
      <c r="G7041" s="1" t="s">
        <v>10</v>
      </c>
      <c r="H7041" s="1" t="s">
        <v>10</v>
      </c>
      <c r="I7041" s="1" t="s">
        <v>22275</v>
      </c>
      <c r="J7041" s="1" t="s">
        <v>10</v>
      </c>
      <c r="K7041" s="1" t="s">
        <v>10</v>
      </c>
      <c r="L7041" s="1" t="s">
        <v>24751</v>
      </c>
      <c r="M7041" s="1" t="s">
        <v>5</v>
      </c>
      <c r="N7041" s="1" t="s">
        <v>10</v>
      </c>
      <c r="O7041" s="1" t="s">
        <v>8</v>
      </c>
      <c r="P7041" s="5"/>
    </row>
    <row r="7042" spans="1:16" x14ac:dyDescent="0.2">
      <c r="A7042" s="1" t="s">
        <v>20</v>
      </c>
      <c r="B7042" s="1" t="s">
        <v>172</v>
      </c>
      <c r="C7042" s="1" t="s">
        <v>3883</v>
      </c>
      <c r="D7042" s="1" t="s">
        <v>2585</v>
      </c>
      <c r="E7042" s="1" t="s">
        <v>24755</v>
      </c>
      <c r="F7042" s="1" t="s">
        <v>24754</v>
      </c>
      <c r="G7042" s="1" t="s">
        <v>3886</v>
      </c>
      <c r="H7042" s="1" t="s">
        <v>24756</v>
      </c>
      <c r="I7042" s="1" t="s">
        <v>22275</v>
      </c>
      <c r="J7042" s="1" t="s">
        <v>130</v>
      </c>
      <c r="K7042" s="1" t="s">
        <v>244</v>
      </c>
      <c r="L7042" s="1" t="s">
        <v>24753</v>
      </c>
      <c r="M7042" s="1" t="s">
        <v>5</v>
      </c>
      <c r="N7042" s="1" t="s">
        <v>1009</v>
      </c>
      <c r="O7042" s="1" t="s">
        <v>8</v>
      </c>
      <c r="P7042" s="5" t="s">
        <v>10</v>
      </c>
    </row>
    <row r="7043" spans="1:16" x14ac:dyDescent="0.2">
      <c r="A7043" s="1" t="s">
        <v>42</v>
      </c>
      <c r="B7043" s="1" t="s">
        <v>118</v>
      </c>
      <c r="C7043" s="1" t="s">
        <v>24758</v>
      </c>
      <c r="D7043" s="1" t="s">
        <v>24413</v>
      </c>
      <c r="E7043" s="1" t="s">
        <v>24759</v>
      </c>
      <c r="F7043" s="1" t="s">
        <v>10</v>
      </c>
      <c r="G7043" s="1" t="s">
        <v>10</v>
      </c>
      <c r="H7043" s="1" t="s">
        <v>10</v>
      </c>
      <c r="I7043" s="1" t="s">
        <v>22275</v>
      </c>
      <c r="J7043" s="1" t="s">
        <v>3899</v>
      </c>
      <c r="K7043" s="1" t="s">
        <v>13115</v>
      </c>
      <c r="L7043" s="1" t="s">
        <v>24757</v>
      </c>
      <c r="M7043" s="1" t="s">
        <v>5</v>
      </c>
      <c r="N7043" s="1" t="s">
        <v>25</v>
      </c>
      <c r="O7043" s="1" t="s">
        <v>8</v>
      </c>
      <c r="P7043" s="5" t="s">
        <v>10</v>
      </c>
    </row>
    <row r="7044" spans="1:16" x14ac:dyDescent="0.2">
      <c r="A7044" s="1" t="s">
        <v>20</v>
      </c>
      <c r="B7044" s="1" t="s">
        <v>172</v>
      </c>
      <c r="C7044" s="1" t="s">
        <v>24761</v>
      </c>
      <c r="D7044" s="1" t="s">
        <v>24762</v>
      </c>
      <c r="E7044" s="1" t="s">
        <v>24763</v>
      </c>
      <c r="F7044" s="1" t="s">
        <v>10</v>
      </c>
      <c r="G7044" s="1" t="s">
        <v>10</v>
      </c>
      <c r="H7044" s="1" t="s">
        <v>10</v>
      </c>
      <c r="I7044" s="1" t="s">
        <v>22275</v>
      </c>
      <c r="J7044" s="1" t="s">
        <v>3899</v>
      </c>
      <c r="K7044" s="1" t="s">
        <v>64</v>
      </c>
      <c r="L7044" s="1" t="s">
        <v>24760</v>
      </c>
      <c r="M7044" s="1" t="s">
        <v>5</v>
      </c>
      <c r="N7044" s="1" t="s">
        <v>6</v>
      </c>
      <c r="O7044" s="1" t="s">
        <v>38</v>
      </c>
      <c r="P7044" s="5"/>
    </row>
    <row r="7045" spans="1:16" x14ac:dyDescent="0.2">
      <c r="A7045" s="1" t="s">
        <v>1086</v>
      </c>
      <c r="B7045" s="1" t="s">
        <v>1400</v>
      </c>
      <c r="C7045" s="1" t="s">
        <v>24765</v>
      </c>
      <c r="D7045" s="1" t="s">
        <v>24765</v>
      </c>
      <c r="E7045" s="1"/>
      <c r="F7045" s="1" t="s">
        <v>10</v>
      </c>
      <c r="G7045" s="1" t="s">
        <v>10</v>
      </c>
      <c r="H7045" s="1" t="s">
        <v>24766</v>
      </c>
      <c r="I7045" s="1" t="s">
        <v>22275</v>
      </c>
      <c r="J7045" s="1" t="s">
        <v>1561</v>
      </c>
      <c r="K7045" s="1" t="s">
        <v>586</v>
      </c>
      <c r="L7045" s="1" t="s">
        <v>24764</v>
      </c>
      <c r="M7045" s="1" t="s">
        <v>5</v>
      </c>
      <c r="N7045" s="1" t="s">
        <v>6</v>
      </c>
      <c r="O7045" s="1" t="s">
        <v>8</v>
      </c>
      <c r="P7045" s="5" t="s">
        <v>10</v>
      </c>
    </row>
    <row r="7046" spans="1:16" x14ac:dyDescent="0.2">
      <c r="A7046" s="1" t="s">
        <v>10</v>
      </c>
      <c r="B7046" s="1" t="s">
        <v>10</v>
      </c>
      <c r="C7046" s="1" t="s">
        <v>24768</v>
      </c>
      <c r="D7046" s="1" t="s">
        <v>15200</v>
      </c>
      <c r="E7046" s="1" t="s">
        <v>10</v>
      </c>
      <c r="F7046" s="1" t="s">
        <v>10</v>
      </c>
      <c r="G7046" s="1" t="s">
        <v>10</v>
      </c>
      <c r="H7046" s="1" t="s">
        <v>10</v>
      </c>
      <c r="I7046" s="1" t="s">
        <v>22275</v>
      </c>
      <c r="J7046" s="1" t="s">
        <v>10</v>
      </c>
      <c r="K7046" s="1" t="s">
        <v>10</v>
      </c>
      <c r="L7046" s="1" t="s">
        <v>24767</v>
      </c>
      <c r="M7046" s="1" t="s">
        <v>5</v>
      </c>
      <c r="N7046" s="1" t="s">
        <v>10</v>
      </c>
      <c r="O7046" s="1" t="s">
        <v>8</v>
      </c>
      <c r="P7046" s="5"/>
    </row>
    <row r="7047" spans="1:16" x14ac:dyDescent="0.2">
      <c r="A7047" s="1" t="s">
        <v>10</v>
      </c>
      <c r="B7047" s="1" t="s">
        <v>10</v>
      </c>
      <c r="C7047" s="1" t="s">
        <v>24770</v>
      </c>
      <c r="D7047" s="1" t="s">
        <v>24771</v>
      </c>
      <c r="E7047" s="1" t="s">
        <v>24772</v>
      </c>
      <c r="F7047" s="1" t="s">
        <v>10</v>
      </c>
      <c r="G7047" s="1" t="s">
        <v>10</v>
      </c>
      <c r="H7047" s="1" t="s">
        <v>10</v>
      </c>
      <c r="I7047" s="1" t="s">
        <v>22275</v>
      </c>
      <c r="J7047" s="1" t="s">
        <v>10</v>
      </c>
      <c r="K7047" s="1" t="s">
        <v>1563</v>
      </c>
      <c r="L7047" s="1" t="s">
        <v>24769</v>
      </c>
      <c r="M7047" s="1" t="s">
        <v>5</v>
      </c>
      <c r="N7047" s="1" t="s">
        <v>10</v>
      </c>
      <c r="O7047" s="1" t="s">
        <v>8</v>
      </c>
      <c r="P7047" s="5" t="s">
        <v>10</v>
      </c>
    </row>
    <row r="7048" spans="1:16" x14ac:dyDescent="0.2">
      <c r="A7048" s="1" t="s">
        <v>10</v>
      </c>
      <c r="B7048" s="1" t="s">
        <v>10</v>
      </c>
      <c r="C7048" s="1" t="s">
        <v>24774</v>
      </c>
      <c r="D7048" s="1" t="s">
        <v>24775</v>
      </c>
      <c r="E7048" s="1" t="s">
        <v>24776</v>
      </c>
      <c r="F7048" s="1" t="s">
        <v>10</v>
      </c>
      <c r="G7048" s="1" t="s">
        <v>10</v>
      </c>
      <c r="H7048" s="1" t="s">
        <v>10</v>
      </c>
      <c r="I7048" s="1" t="s">
        <v>22275</v>
      </c>
      <c r="J7048" s="1" t="s">
        <v>3899</v>
      </c>
      <c r="K7048" s="1" t="s">
        <v>64</v>
      </c>
      <c r="L7048" s="1" t="s">
        <v>24773</v>
      </c>
      <c r="M7048" s="1" t="s">
        <v>5</v>
      </c>
      <c r="N7048" s="1" t="s">
        <v>432</v>
      </c>
      <c r="O7048" s="1" t="s">
        <v>8</v>
      </c>
      <c r="P7048" s="5"/>
    </row>
    <row r="7049" spans="1:16" x14ac:dyDescent="0.2">
      <c r="A7049" s="1" t="s">
        <v>10</v>
      </c>
      <c r="B7049" s="1" t="s">
        <v>10</v>
      </c>
      <c r="C7049" s="1" t="s">
        <v>24778</v>
      </c>
      <c r="D7049" s="1" t="s">
        <v>13886</v>
      </c>
      <c r="E7049" s="1" t="s">
        <v>24779</v>
      </c>
      <c r="F7049" s="1" t="s">
        <v>10</v>
      </c>
      <c r="G7049" s="1" t="s">
        <v>10</v>
      </c>
      <c r="H7049" s="1" t="s">
        <v>10</v>
      </c>
      <c r="I7049" s="1" t="s">
        <v>22275</v>
      </c>
      <c r="J7049" s="1" t="s">
        <v>10</v>
      </c>
      <c r="K7049" s="1" t="s">
        <v>1563</v>
      </c>
      <c r="L7049" s="1" t="s">
        <v>24777</v>
      </c>
      <c r="M7049" s="1" t="s">
        <v>5</v>
      </c>
      <c r="N7049" s="1" t="s">
        <v>432</v>
      </c>
      <c r="O7049" s="1" t="s">
        <v>8</v>
      </c>
      <c r="P7049" s="5" t="s">
        <v>10</v>
      </c>
    </row>
    <row r="7050" spans="1:16" x14ac:dyDescent="0.2">
      <c r="A7050" s="1" t="s">
        <v>10</v>
      </c>
      <c r="B7050" s="1" t="s">
        <v>10</v>
      </c>
      <c r="C7050" s="1" t="s">
        <v>24781</v>
      </c>
      <c r="D7050" s="1" t="s">
        <v>1190</v>
      </c>
      <c r="E7050" s="1" t="s">
        <v>24782</v>
      </c>
      <c r="F7050" s="1" t="s">
        <v>10</v>
      </c>
      <c r="G7050" s="1" t="s">
        <v>10</v>
      </c>
      <c r="H7050" s="1" t="s">
        <v>10</v>
      </c>
      <c r="I7050" s="1" t="s">
        <v>22275</v>
      </c>
      <c r="J7050" s="1" t="s">
        <v>10</v>
      </c>
      <c r="K7050" s="1" t="s">
        <v>64</v>
      </c>
      <c r="L7050" s="1" t="s">
        <v>24780</v>
      </c>
      <c r="M7050" s="1" t="s">
        <v>5</v>
      </c>
      <c r="N7050" s="1" t="s">
        <v>10</v>
      </c>
      <c r="O7050" s="1" t="s">
        <v>8</v>
      </c>
      <c r="P7050" s="5" t="s">
        <v>10</v>
      </c>
    </row>
    <row r="7051" spans="1:16" x14ac:dyDescent="0.2">
      <c r="A7051" s="1" t="s">
        <v>423</v>
      </c>
      <c r="B7051" s="1" t="s">
        <v>424</v>
      </c>
      <c r="C7051" s="1" t="s">
        <v>24784</v>
      </c>
      <c r="D7051" s="1" t="s">
        <v>1190</v>
      </c>
      <c r="E7051" s="1" t="s">
        <v>24782</v>
      </c>
      <c r="F7051" s="1" t="s">
        <v>10</v>
      </c>
      <c r="G7051" s="1" t="s">
        <v>10</v>
      </c>
      <c r="H7051" s="1" t="s">
        <v>10</v>
      </c>
      <c r="I7051" s="1" t="s">
        <v>22275</v>
      </c>
      <c r="J7051" s="1" t="s">
        <v>3899</v>
      </c>
      <c r="K7051" s="1" t="s">
        <v>64</v>
      </c>
      <c r="L7051" s="1" t="s">
        <v>24783</v>
      </c>
      <c r="M7051" s="1" t="s">
        <v>5</v>
      </c>
      <c r="N7051" s="1" t="s">
        <v>25</v>
      </c>
      <c r="O7051" s="1" t="s">
        <v>8</v>
      </c>
      <c r="P7051" s="5"/>
    </row>
    <row r="7052" spans="1:16" x14ac:dyDescent="0.2">
      <c r="A7052" s="1" t="s">
        <v>10</v>
      </c>
      <c r="B7052" s="1" t="s">
        <v>10</v>
      </c>
      <c r="C7052" s="1" t="s">
        <v>24786</v>
      </c>
      <c r="D7052" s="1" t="s">
        <v>1190</v>
      </c>
      <c r="E7052" s="1" t="s">
        <v>24787</v>
      </c>
      <c r="F7052" s="1" t="s">
        <v>10</v>
      </c>
      <c r="G7052" s="1" t="s">
        <v>10</v>
      </c>
      <c r="H7052" s="1" t="s">
        <v>10</v>
      </c>
      <c r="I7052" s="1" t="s">
        <v>22275</v>
      </c>
      <c r="J7052" s="1" t="s">
        <v>10</v>
      </c>
      <c r="K7052" s="1" t="s">
        <v>64</v>
      </c>
      <c r="L7052" s="1" t="s">
        <v>24785</v>
      </c>
      <c r="M7052" s="1" t="s">
        <v>5</v>
      </c>
      <c r="N7052" s="1" t="s">
        <v>10</v>
      </c>
      <c r="O7052" s="1" t="s">
        <v>8</v>
      </c>
      <c r="P7052" s="5"/>
    </row>
    <row r="7053" spans="1:16" x14ac:dyDescent="0.2">
      <c r="A7053" s="1" t="s">
        <v>10</v>
      </c>
      <c r="B7053" s="1" t="s">
        <v>10</v>
      </c>
      <c r="C7053" s="1" t="s">
        <v>24789</v>
      </c>
      <c r="D7053" s="1" t="s">
        <v>1190</v>
      </c>
      <c r="E7053" s="1" t="s">
        <v>10</v>
      </c>
      <c r="F7053" s="1" t="s">
        <v>10</v>
      </c>
      <c r="G7053" s="1" t="s">
        <v>10</v>
      </c>
      <c r="H7053" s="1" t="s">
        <v>10</v>
      </c>
      <c r="I7053" s="1" t="s">
        <v>22275</v>
      </c>
      <c r="J7053" s="1" t="s">
        <v>10</v>
      </c>
      <c r="K7053" s="1" t="s">
        <v>10</v>
      </c>
      <c r="L7053" s="1" t="s">
        <v>24788</v>
      </c>
      <c r="M7053" s="1" t="s">
        <v>5</v>
      </c>
      <c r="N7053" s="1" t="s">
        <v>10</v>
      </c>
      <c r="O7053" s="1" t="s">
        <v>8</v>
      </c>
      <c r="P7053" s="5"/>
    </row>
    <row r="7054" spans="1:16" x14ac:dyDescent="0.2">
      <c r="A7054" s="1" t="s">
        <v>10</v>
      </c>
      <c r="B7054" s="1" t="s">
        <v>10</v>
      </c>
      <c r="C7054" s="1" t="s">
        <v>24791</v>
      </c>
      <c r="D7054" s="1" t="s">
        <v>1190</v>
      </c>
      <c r="E7054" s="1" t="s">
        <v>10</v>
      </c>
      <c r="F7054" s="1" t="s">
        <v>10</v>
      </c>
      <c r="G7054" s="1" t="s">
        <v>10</v>
      </c>
      <c r="H7054" s="1" t="s">
        <v>10</v>
      </c>
      <c r="I7054" s="1" t="s">
        <v>22275</v>
      </c>
      <c r="J7054" s="1" t="s">
        <v>10</v>
      </c>
      <c r="K7054" s="1" t="s">
        <v>10</v>
      </c>
      <c r="L7054" s="1" t="s">
        <v>24790</v>
      </c>
      <c r="M7054" s="1" t="s">
        <v>5</v>
      </c>
      <c r="N7054" s="1" t="s">
        <v>10</v>
      </c>
      <c r="O7054" s="1" t="s">
        <v>8</v>
      </c>
      <c r="P7054" s="5"/>
    </row>
    <row r="7055" spans="1:16" x14ac:dyDescent="0.2">
      <c r="A7055" s="1" t="s">
        <v>2187</v>
      </c>
      <c r="B7055" s="1" t="s">
        <v>2206</v>
      </c>
      <c r="C7055" s="1" t="s">
        <v>24793</v>
      </c>
      <c r="D7055" s="1" t="s">
        <v>1190</v>
      </c>
      <c r="E7055" s="1"/>
      <c r="F7055" s="1" t="s">
        <v>10</v>
      </c>
      <c r="G7055" s="1" t="s">
        <v>10</v>
      </c>
      <c r="H7055" s="1" t="s">
        <v>10</v>
      </c>
      <c r="I7055" s="1" t="s">
        <v>22275</v>
      </c>
      <c r="J7055" s="1" t="s">
        <v>3899</v>
      </c>
      <c r="K7055" s="1" t="s">
        <v>64</v>
      </c>
      <c r="L7055" s="1" t="s">
        <v>24792</v>
      </c>
      <c r="M7055" s="1" t="s">
        <v>5</v>
      </c>
      <c r="N7055" s="1" t="s">
        <v>432</v>
      </c>
      <c r="O7055" s="1" t="s">
        <v>8</v>
      </c>
      <c r="P7055" s="5" t="s">
        <v>10</v>
      </c>
    </row>
    <row r="7056" spans="1:16" x14ac:dyDescent="0.2">
      <c r="A7056" s="1" t="s">
        <v>10</v>
      </c>
      <c r="B7056" s="1" t="s">
        <v>10</v>
      </c>
      <c r="C7056" s="1" t="s">
        <v>24795</v>
      </c>
      <c r="D7056" s="1" t="s">
        <v>1190</v>
      </c>
      <c r="E7056" s="1" t="s">
        <v>10</v>
      </c>
      <c r="F7056" s="1" t="s">
        <v>10</v>
      </c>
      <c r="G7056" s="1" t="s">
        <v>10</v>
      </c>
      <c r="H7056" s="1" t="s">
        <v>10</v>
      </c>
      <c r="I7056" s="1" t="s">
        <v>22275</v>
      </c>
      <c r="J7056" s="1" t="s">
        <v>10</v>
      </c>
      <c r="K7056" s="1" t="s">
        <v>10</v>
      </c>
      <c r="L7056" s="1" t="s">
        <v>24794</v>
      </c>
      <c r="M7056" s="1" t="s">
        <v>5</v>
      </c>
      <c r="N7056" s="1" t="s">
        <v>10</v>
      </c>
      <c r="O7056" s="1" t="s">
        <v>8</v>
      </c>
      <c r="P7056" s="5"/>
    </row>
    <row r="7057" spans="1:16" x14ac:dyDescent="0.2">
      <c r="A7057" s="1" t="s">
        <v>10</v>
      </c>
      <c r="B7057" s="1" t="s">
        <v>10</v>
      </c>
      <c r="C7057" s="1" t="s">
        <v>24797</v>
      </c>
      <c r="D7057" s="1" t="s">
        <v>1190</v>
      </c>
      <c r="E7057" s="1"/>
      <c r="F7057" s="1" t="s">
        <v>10</v>
      </c>
      <c r="G7057" s="1" t="s">
        <v>10</v>
      </c>
      <c r="H7057" s="1" t="s">
        <v>10</v>
      </c>
      <c r="I7057" s="1" t="s">
        <v>22275</v>
      </c>
      <c r="J7057" s="1" t="s">
        <v>10</v>
      </c>
      <c r="K7057" s="1" t="s">
        <v>64</v>
      </c>
      <c r="L7057" s="1" t="s">
        <v>24796</v>
      </c>
      <c r="M7057" s="1" t="s">
        <v>5</v>
      </c>
      <c r="N7057" s="1" t="s">
        <v>10</v>
      </c>
      <c r="O7057" s="1" t="s">
        <v>8</v>
      </c>
      <c r="P7057" s="5"/>
    </row>
    <row r="7058" spans="1:16" x14ac:dyDescent="0.2">
      <c r="A7058" s="1" t="s">
        <v>10</v>
      </c>
      <c r="B7058" s="1" t="s">
        <v>10</v>
      </c>
      <c r="C7058" s="1" t="s">
        <v>24799</v>
      </c>
      <c r="D7058" s="1" t="s">
        <v>1190</v>
      </c>
      <c r="E7058" s="1" t="s">
        <v>10</v>
      </c>
      <c r="F7058" s="1" t="s">
        <v>10</v>
      </c>
      <c r="G7058" s="1" t="s">
        <v>10</v>
      </c>
      <c r="H7058" s="1" t="s">
        <v>10</v>
      </c>
      <c r="I7058" s="1" t="s">
        <v>22275</v>
      </c>
      <c r="J7058" s="1" t="s">
        <v>10</v>
      </c>
      <c r="K7058" s="1" t="s">
        <v>10</v>
      </c>
      <c r="L7058" s="1" t="s">
        <v>24798</v>
      </c>
      <c r="M7058" s="1" t="s">
        <v>5</v>
      </c>
      <c r="N7058" s="1" t="s">
        <v>10</v>
      </c>
      <c r="O7058" s="1" t="s">
        <v>8</v>
      </c>
      <c r="P7058" s="5"/>
    </row>
    <row r="7059" spans="1:16" x14ac:dyDescent="0.2">
      <c r="A7059" s="1" t="s">
        <v>10</v>
      </c>
      <c r="B7059" s="1" t="s">
        <v>10</v>
      </c>
      <c r="C7059" s="1" t="s">
        <v>24801</v>
      </c>
      <c r="D7059" s="1" t="s">
        <v>1190</v>
      </c>
      <c r="E7059" s="1" t="s">
        <v>10</v>
      </c>
      <c r="F7059" s="1" t="s">
        <v>10</v>
      </c>
      <c r="G7059" s="1" t="s">
        <v>10</v>
      </c>
      <c r="H7059" s="1" t="s">
        <v>10</v>
      </c>
      <c r="I7059" s="1" t="s">
        <v>22275</v>
      </c>
      <c r="J7059" s="1" t="s">
        <v>10</v>
      </c>
      <c r="K7059" s="1" t="s">
        <v>10</v>
      </c>
      <c r="L7059" s="1" t="s">
        <v>24800</v>
      </c>
      <c r="M7059" s="1" t="s">
        <v>5</v>
      </c>
      <c r="N7059" s="1" t="s">
        <v>10</v>
      </c>
      <c r="O7059" s="1" t="s">
        <v>8</v>
      </c>
      <c r="P7059" s="5"/>
    </row>
    <row r="7060" spans="1:16" x14ac:dyDescent="0.2">
      <c r="A7060" s="1" t="s">
        <v>10</v>
      </c>
      <c r="B7060" s="1" t="s">
        <v>10</v>
      </c>
      <c r="C7060" s="1" t="s">
        <v>24803</v>
      </c>
      <c r="D7060" s="1" t="s">
        <v>15114</v>
      </c>
      <c r="E7060" s="1"/>
      <c r="F7060" s="1" t="s">
        <v>10</v>
      </c>
      <c r="G7060" s="1" t="s">
        <v>10</v>
      </c>
      <c r="H7060" s="1" t="s">
        <v>10</v>
      </c>
      <c r="I7060" s="1" t="s">
        <v>22275</v>
      </c>
      <c r="J7060" s="1" t="s">
        <v>10</v>
      </c>
      <c r="K7060" s="1" t="s">
        <v>10218</v>
      </c>
      <c r="L7060" s="1" t="s">
        <v>24802</v>
      </c>
      <c r="M7060" s="1" t="s">
        <v>5</v>
      </c>
      <c r="N7060" s="1" t="s">
        <v>10</v>
      </c>
      <c r="O7060" s="1" t="s">
        <v>8</v>
      </c>
      <c r="P7060" s="5"/>
    </row>
    <row r="7061" spans="1:16" x14ac:dyDescent="0.2">
      <c r="A7061" s="1" t="s">
        <v>1385</v>
      </c>
      <c r="B7061" s="1" t="s">
        <v>1670</v>
      </c>
      <c r="C7061" s="1" t="s">
        <v>24805</v>
      </c>
      <c r="D7061" s="1" t="s">
        <v>24806</v>
      </c>
      <c r="E7061" s="1" t="s">
        <v>24807</v>
      </c>
      <c r="F7061" s="1" t="s">
        <v>10</v>
      </c>
      <c r="G7061" s="1" t="s">
        <v>10</v>
      </c>
      <c r="H7061" s="1" t="s">
        <v>10</v>
      </c>
      <c r="I7061" s="1" t="s">
        <v>22275</v>
      </c>
      <c r="J7061" s="1" t="s">
        <v>3899</v>
      </c>
      <c r="K7061" s="1" t="s">
        <v>64</v>
      </c>
      <c r="L7061" s="1" t="s">
        <v>24804</v>
      </c>
      <c r="M7061" s="1" t="s">
        <v>5</v>
      </c>
      <c r="N7061" s="1" t="s">
        <v>1009</v>
      </c>
      <c r="O7061" s="1" t="s">
        <v>8</v>
      </c>
      <c r="P7061" s="5"/>
    </row>
    <row r="7062" spans="1:16" x14ac:dyDescent="0.2">
      <c r="A7062" s="1" t="s">
        <v>20</v>
      </c>
      <c r="B7062" s="1" t="s">
        <v>101</v>
      </c>
      <c r="C7062" s="1" t="s">
        <v>24809</v>
      </c>
      <c r="D7062" s="1" t="s">
        <v>24810</v>
      </c>
      <c r="E7062" s="1"/>
      <c r="F7062" s="1" t="s">
        <v>10</v>
      </c>
      <c r="G7062" s="1" t="s">
        <v>10</v>
      </c>
      <c r="H7062" s="1" t="s">
        <v>10</v>
      </c>
      <c r="I7062" s="1" t="s">
        <v>22275</v>
      </c>
      <c r="J7062" s="1" t="s">
        <v>1561</v>
      </c>
      <c r="K7062" s="1" t="s">
        <v>7</v>
      </c>
      <c r="L7062" s="1" t="s">
        <v>24808</v>
      </c>
      <c r="M7062" s="1" t="s">
        <v>5</v>
      </c>
      <c r="N7062" s="1" t="s">
        <v>25</v>
      </c>
      <c r="O7062" s="1" t="s">
        <v>38</v>
      </c>
      <c r="P7062" s="5"/>
    </row>
    <row r="7063" spans="1:16" x14ac:dyDescent="0.2">
      <c r="A7063" s="1" t="s">
        <v>329</v>
      </c>
      <c r="B7063" s="1" t="s">
        <v>1168</v>
      </c>
      <c r="C7063" s="1" t="s">
        <v>24812</v>
      </c>
      <c r="D7063" s="1" t="s">
        <v>24813</v>
      </c>
      <c r="E7063" s="1" t="s">
        <v>24814</v>
      </c>
      <c r="F7063" s="1" t="s">
        <v>522</v>
      </c>
      <c r="G7063" s="1" t="s">
        <v>24815</v>
      </c>
      <c r="H7063" s="1" t="s">
        <v>10</v>
      </c>
      <c r="I7063" s="1" t="s">
        <v>22275</v>
      </c>
      <c r="J7063" s="1" t="s">
        <v>3899</v>
      </c>
      <c r="K7063" s="1" t="s">
        <v>6405</v>
      </c>
      <c r="L7063" s="1" t="s">
        <v>24811</v>
      </c>
      <c r="M7063" s="1" t="s">
        <v>5</v>
      </c>
      <c r="N7063" s="1" t="s">
        <v>6</v>
      </c>
      <c r="O7063" s="1" t="s">
        <v>8</v>
      </c>
      <c r="P7063" s="5" t="s">
        <v>10</v>
      </c>
    </row>
    <row r="7064" spans="1:16" x14ac:dyDescent="0.2">
      <c r="A7064" s="1" t="s">
        <v>10</v>
      </c>
      <c r="B7064" s="1" t="s">
        <v>10</v>
      </c>
      <c r="C7064" s="1" t="s">
        <v>24817</v>
      </c>
      <c r="D7064" s="1" t="s">
        <v>24817</v>
      </c>
      <c r="E7064" s="1" t="s">
        <v>10</v>
      </c>
      <c r="F7064" s="1" t="s">
        <v>27</v>
      </c>
      <c r="G7064" s="1" t="s">
        <v>10</v>
      </c>
      <c r="H7064" s="1" t="s">
        <v>24818</v>
      </c>
      <c r="I7064" s="1" t="s">
        <v>22275</v>
      </c>
      <c r="J7064" s="1" t="s">
        <v>10</v>
      </c>
      <c r="K7064" s="1" t="s">
        <v>10</v>
      </c>
      <c r="L7064" s="1" t="s">
        <v>24816</v>
      </c>
      <c r="M7064" s="1" t="s">
        <v>5</v>
      </c>
      <c r="N7064" s="1" t="s">
        <v>432</v>
      </c>
      <c r="O7064" s="1" t="s">
        <v>8</v>
      </c>
      <c r="P7064" s="5" t="s">
        <v>10</v>
      </c>
    </row>
    <row r="7065" spans="1:16" x14ac:dyDescent="0.2">
      <c r="A7065" s="1" t="s">
        <v>10</v>
      </c>
      <c r="B7065" s="1" t="s">
        <v>10</v>
      </c>
      <c r="C7065" s="1" t="s">
        <v>24820</v>
      </c>
      <c r="D7065" s="1" t="s">
        <v>10</v>
      </c>
      <c r="E7065" s="1" t="s">
        <v>10</v>
      </c>
      <c r="F7065" s="1" t="s">
        <v>10</v>
      </c>
      <c r="G7065" s="1" t="s">
        <v>10</v>
      </c>
      <c r="H7065" s="1" t="s">
        <v>10</v>
      </c>
      <c r="I7065" s="1" t="s">
        <v>22275</v>
      </c>
      <c r="J7065" s="1" t="s">
        <v>10</v>
      </c>
      <c r="K7065" s="1" t="s">
        <v>10</v>
      </c>
      <c r="L7065" s="1" t="s">
        <v>24819</v>
      </c>
      <c r="M7065" s="1" t="s">
        <v>5</v>
      </c>
      <c r="N7065" s="1" t="s">
        <v>10</v>
      </c>
      <c r="O7065" s="1" t="s">
        <v>8</v>
      </c>
      <c r="P7065" s="5"/>
    </row>
    <row r="7066" spans="1:16" x14ac:dyDescent="0.2">
      <c r="A7066" s="1" t="s">
        <v>10</v>
      </c>
      <c r="B7066" s="1" t="s">
        <v>10</v>
      </c>
      <c r="C7066" s="1" t="s">
        <v>24822</v>
      </c>
      <c r="D7066" s="1" t="s">
        <v>10</v>
      </c>
      <c r="E7066" s="1" t="s">
        <v>10</v>
      </c>
      <c r="F7066" s="1" t="s">
        <v>10</v>
      </c>
      <c r="G7066" s="1" t="s">
        <v>10</v>
      </c>
      <c r="H7066" s="1" t="s">
        <v>10</v>
      </c>
      <c r="I7066" s="1" t="s">
        <v>22275</v>
      </c>
      <c r="J7066" s="1" t="s">
        <v>10</v>
      </c>
      <c r="K7066" s="1" t="s">
        <v>10</v>
      </c>
      <c r="L7066" s="1" t="s">
        <v>24821</v>
      </c>
      <c r="M7066" s="1" t="s">
        <v>5</v>
      </c>
      <c r="N7066" s="1" t="s">
        <v>10</v>
      </c>
      <c r="O7066" s="1" t="s">
        <v>8</v>
      </c>
      <c r="P7066" s="5"/>
    </row>
    <row r="7067" spans="1:16" x14ac:dyDescent="0.2">
      <c r="A7067" s="1" t="s">
        <v>10</v>
      </c>
      <c r="B7067" s="1" t="s">
        <v>10</v>
      </c>
      <c r="C7067" s="1" t="s">
        <v>24824</v>
      </c>
      <c r="D7067" s="1" t="s">
        <v>24824</v>
      </c>
      <c r="E7067" s="1" t="s">
        <v>10</v>
      </c>
      <c r="F7067" s="1" t="s">
        <v>27</v>
      </c>
      <c r="G7067" s="1" t="s">
        <v>10</v>
      </c>
      <c r="H7067" s="1" t="s">
        <v>24825</v>
      </c>
      <c r="I7067" s="1" t="s">
        <v>22275</v>
      </c>
      <c r="J7067" s="1" t="s">
        <v>3899</v>
      </c>
      <c r="K7067" s="1" t="s">
        <v>10</v>
      </c>
      <c r="L7067" s="1" t="s">
        <v>24823</v>
      </c>
      <c r="M7067" s="1" t="s">
        <v>5</v>
      </c>
      <c r="N7067" s="1" t="s">
        <v>25</v>
      </c>
      <c r="O7067" s="1" t="s">
        <v>8</v>
      </c>
      <c r="P7067" s="5" t="s">
        <v>10</v>
      </c>
    </row>
    <row r="7068" spans="1:16" x14ac:dyDescent="0.2">
      <c r="A7068" s="1" t="s">
        <v>10</v>
      </c>
      <c r="B7068" s="1" t="s">
        <v>10</v>
      </c>
      <c r="C7068" s="1" t="s">
        <v>24827</v>
      </c>
      <c r="D7068" s="1" t="s">
        <v>24828</v>
      </c>
      <c r="E7068" s="1" t="s">
        <v>10</v>
      </c>
      <c r="F7068" s="1" t="s">
        <v>10</v>
      </c>
      <c r="G7068" s="1" t="s">
        <v>10</v>
      </c>
      <c r="H7068" s="1" t="s">
        <v>10</v>
      </c>
      <c r="I7068" s="1" t="s">
        <v>22275</v>
      </c>
      <c r="J7068" s="1" t="s">
        <v>10</v>
      </c>
      <c r="K7068" s="1" t="s">
        <v>10</v>
      </c>
      <c r="L7068" s="1" t="s">
        <v>24826</v>
      </c>
      <c r="M7068" s="1" t="s">
        <v>5</v>
      </c>
      <c r="N7068" s="1" t="s">
        <v>6</v>
      </c>
      <c r="O7068" s="1" t="s">
        <v>8</v>
      </c>
      <c r="P7068" s="5" t="s">
        <v>10</v>
      </c>
    </row>
    <row r="7069" spans="1:16" x14ac:dyDescent="0.2">
      <c r="A7069" s="1" t="s">
        <v>10</v>
      </c>
      <c r="B7069" s="1" t="s">
        <v>10</v>
      </c>
      <c r="C7069" s="1" t="s">
        <v>24830</v>
      </c>
      <c r="D7069" s="1" t="s">
        <v>24830</v>
      </c>
      <c r="E7069" s="1" t="s">
        <v>10</v>
      </c>
      <c r="F7069" s="1" t="s">
        <v>10</v>
      </c>
      <c r="G7069" s="1" t="s">
        <v>10</v>
      </c>
      <c r="H7069" s="1" t="s">
        <v>10</v>
      </c>
      <c r="I7069" s="1" t="s">
        <v>22275</v>
      </c>
      <c r="J7069" s="1" t="s">
        <v>10</v>
      </c>
      <c r="K7069" s="1" t="s">
        <v>10</v>
      </c>
      <c r="L7069" s="1" t="s">
        <v>24829</v>
      </c>
      <c r="M7069" s="1" t="s">
        <v>5</v>
      </c>
      <c r="N7069" s="1" t="s">
        <v>10</v>
      </c>
      <c r="O7069" s="1" t="s">
        <v>8</v>
      </c>
      <c r="P7069" s="5"/>
    </row>
    <row r="7070" spans="1:16" x14ac:dyDescent="0.2">
      <c r="A7070" s="1" t="s">
        <v>423</v>
      </c>
      <c r="B7070" s="1" t="s">
        <v>2587</v>
      </c>
      <c r="C7070" s="1" t="s">
        <v>24832</v>
      </c>
      <c r="D7070" s="1" t="s">
        <v>24833</v>
      </c>
      <c r="E7070" s="1" t="s">
        <v>24834</v>
      </c>
      <c r="F7070" s="1" t="s">
        <v>10</v>
      </c>
      <c r="G7070" s="1" t="s">
        <v>10</v>
      </c>
      <c r="H7070" s="1" t="s">
        <v>10</v>
      </c>
      <c r="I7070" s="1" t="s">
        <v>22275</v>
      </c>
      <c r="J7070" s="1" t="s">
        <v>3899</v>
      </c>
      <c r="K7070" s="1" t="s">
        <v>10</v>
      </c>
      <c r="L7070" s="1" t="s">
        <v>24831</v>
      </c>
      <c r="M7070" s="1" t="s">
        <v>5</v>
      </c>
      <c r="N7070" s="1" t="s">
        <v>960</v>
      </c>
      <c r="O7070" s="1" t="s">
        <v>8</v>
      </c>
      <c r="P7070" s="5" t="s">
        <v>24710</v>
      </c>
    </row>
    <row r="7071" spans="1:16" x14ac:dyDescent="0.2">
      <c r="A7071" s="1" t="s">
        <v>1385</v>
      </c>
      <c r="B7071" s="1" t="s">
        <v>1490</v>
      </c>
      <c r="C7071" s="1" t="s">
        <v>24836</v>
      </c>
      <c r="D7071" s="1" t="s">
        <v>24837</v>
      </c>
      <c r="E7071" s="1" t="s">
        <v>24838</v>
      </c>
      <c r="F7071" s="1" t="s">
        <v>10</v>
      </c>
      <c r="G7071" s="1" t="s">
        <v>10</v>
      </c>
      <c r="H7071" s="1" t="s">
        <v>10</v>
      </c>
      <c r="I7071" s="1" t="s">
        <v>22275</v>
      </c>
      <c r="J7071" s="1" t="s">
        <v>1561</v>
      </c>
      <c r="K7071" s="1" t="s">
        <v>15315</v>
      </c>
      <c r="L7071" s="1" t="s">
        <v>24835</v>
      </c>
      <c r="M7071" s="1" t="s">
        <v>5</v>
      </c>
      <c r="N7071" s="1" t="s">
        <v>25</v>
      </c>
      <c r="O7071" s="1" t="s">
        <v>38</v>
      </c>
      <c r="P7071" s="5"/>
    </row>
    <row r="7072" spans="1:16" x14ac:dyDescent="0.2">
      <c r="A7072" s="1" t="s">
        <v>10</v>
      </c>
      <c r="B7072" s="1" t="s">
        <v>10</v>
      </c>
      <c r="C7072" s="1" t="s">
        <v>24840</v>
      </c>
      <c r="D7072" s="1" t="s">
        <v>24841</v>
      </c>
      <c r="E7072" s="1" t="s">
        <v>10</v>
      </c>
      <c r="F7072" s="1" t="s">
        <v>10</v>
      </c>
      <c r="G7072" s="1" t="s">
        <v>10</v>
      </c>
      <c r="H7072" s="1" t="s">
        <v>10</v>
      </c>
      <c r="I7072" s="1" t="s">
        <v>22275</v>
      </c>
      <c r="J7072" s="1" t="s">
        <v>10</v>
      </c>
      <c r="K7072" s="1" t="s">
        <v>10</v>
      </c>
      <c r="L7072" s="1" t="s">
        <v>24839</v>
      </c>
      <c r="M7072" s="1" t="s">
        <v>5</v>
      </c>
      <c r="N7072" s="1" t="s">
        <v>10</v>
      </c>
      <c r="O7072" s="1" t="s">
        <v>8</v>
      </c>
      <c r="P7072" s="5"/>
    </row>
    <row r="7073" spans="1:16" x14ac:dyDescent="0.2">
      <c r="A7073" s="1" t="s">
        <v>10</v>
      </c>
      <c r="B7073" s="1" t="s">
        <v>10</v>
      </c>
      <c r="C7073" s="1" t="s">
        <v>24843</v>
      </c>
      <c r="D7073" s="1" t="s">
        <v>24844</v>
      </c>
      <c r="E7073" s="1"/>
      <c r="F7073" s="1" t="s">
        <v>10</v>
      </c>
      <c r="G7073" s="1" t="s">
        <v>10</v>
      </c>
      <c r="H7073" s="1" t="s">
        <v>10</v>
      </c>
      <c r="I7073" s="1" t="s">
        <v>22275</v>
      </c>
      <c r="J7073" s="1" t="s">
        <v>10</v>
      </c>
      <c r="K7073" s="1" t="s">
        <v>37</v>
      </c>
      <c r="L7073" s="1" t="s">
        <v>24842</v>
      </c>
      <c r="M7073" s="1" t="s">
        <v>5</v>
      </c>
      <c r="N7073" s="1" t="s">
        <v>6</v>
      </c>
      <c r="O7073" s="1" t="s">
        <v>38</v>
      </c>
      <c r="P7073" s="5" t="s">
        <v>10</v>
      </c>
    </row>
    <row r="7074" spans="1:16" x14ac:dyDescent="0.2">
      <c r="A7074" s="1" t="s">
        <v>20</v>
      </c>
      <c r="B7074" s="1" t="s">
        <v>172</v>
      </c>
      <c r="C7074" s="1" t="s">
        <v>24846</v>
      </c>
      <c r="D7074" s="1" t="s">
        <v>24847</v>
      </c>
      <c r="E7074" s="1" t="s">
        <v>10</v>
      </c>
      <c r="F7074" s="1" t="s">
        <v>10</v>
      </c>
      <c r="G7074" s="1" t="s">
        <v>10</v>
      </c>
      <c r="H7074" s="1" t="s">
        <v>10</v>
      </c>
      <c r="I7074" s="1" t="s">
        <v>22275</v>
      </c>
      <c r="J7074" s="1" t="s">
        <v>1561</v>
      </c>
      <c r="K7074" s="1" t="s">
        <v>10</v>
      </c>
      <c r="L7074" s="1" t="s">
        <v>24845</v>
      </c>
      <c r="M7074" s="1" t="s">
        <v>5</v>
      </c>
      <c r="N7074" s="1" t="s">
        <v>6</v>
      </c>
      <c r="O7074" s="1" t="s">
        <v>8</v>
      </c>
      <c r="P7074" s="5"/>
    </row>
    <row r="7075" spans="1:16" x14ac:dyDescent="0.2">
      <c r="A7075" s="1" t="s">
        <v>10</v>
      </c>
      <c r="B7075" s="1" t="s">
        <v>10</v>
      </c>
      <c r="C7075" s="1" t="s">
        <v>24849</v>
      </c>
      <c r="D7075" s="1" t="s">
        <v>24850</v>
      </c>
      <c r="E7075" s="1" t="s">
        <v>24851</v>
      </c>
      <c r="F7075" s="1" t="s">
        <v>10</v>
      </c>
      <c r="G7075" s="1" t="s">
        <v>10</v>
      </c>
      <c r="H7075" s="1" t="s">
        <v>10</v>
      </c>
      <c r="I7075" s="1" t="s">
        <v>22275</v>
      </c>
      <c r="J7075" s="1" t="s">
        <v>10</v>
      </c>
      <c r="K7075" s="1" t="s">
        <v>10</v>
      </c>
      <c r="L7075" s="1" t="s">
        <v>24848</v>
      </c>
      <c r="M7075" s="1" t="s">
        <v>5</v>
      </c>
      <c r="N7075" s="1" t="s">
        <v>10</v>
      </c>
      <c r="O7075" s="1" t="s">
        <v>8</v>
      </c>
      <c r="P7075" s="5"/>
    </row>
    <row r="7076" spans="1:16" x14ac:dyDescent="0.2">
      <c r="A7076" s="1" t="s">
        <v>10</v>
      </c>
      <c r="B7076" s="1" t="s">
        <v>10</v>
      </c>
      <c r="C7076" s="1" t="s">
        <v>24853</v>
      </c>
      <c r="D7076" s="1" t="s">
        <v>10</v>
      </c>
      <c r="E7076" s="1" t="s">
        <v>10</v>
      </c>
      <c r="F7076" s="1" t="s">
        <v>10</v>
      </c>
      <c r="G7076" s="1" t="s">
        <v>10</v>
      </c>
      <c r="H7076" s="1" t="s">
        <v>10</v>
      </c>
      <c r="I7076" s="1" t="s">
        <v>22275</v>
      </c>
      <c r="J7076" s="1" t="s">
        <v>10</v>
      </c>
      <c r="K7076" s="1" t="s">
        <v>10</v>
      </c>
      <c r="L7076" s="1" t="s">
        <v>24852</v>
      </c>
      <c r="M7076" s="1" t="s">
        <v>5</v>
      </c>
      <c r="N7076" s="1" t="s">
        <v>6</v>
      </c>
      <c r="O7076" s="1" t="s">
        <v>8</v>
      </c>
      <c r="P7076" s="5"/>
    </row>
    <row r="7077" spans="1:16" x14ac:dyDescent="0.2">
      <c r="A7077" s="1" t="s">
        <v>10</v>
      </c>
      <c r="B7077" s="1" t="s">
        <v>10</v>
      </c>
      <c r="C7077" s="1" t="s">
        <v>24855</v>
      </c>
      <c r="D7077" s="1" t="s">
        <v>10</v>
      </c>
      <c r="E7077" s="1" t="s">
        <v>24856</v>
      </c>
      <c r="F7077" s="1" t="s">
        <v>10</v>
      </c>
      <c r="G7077" s="1" t="s">
        <v>10</v>
      </c>
      <c r="H7077" s="1" t="s">
        <v>10</v>
      </c>
      <c r="I7077" s="1" t="s">
        <v>22275</v>
      </c>
      <c r="J7077" s="1" t="s">
        <v>10</v>
      </c>
      <c r="K7077" s="1" t="s">
        <v>64</v>
      </c>
      <c r="L7077" s="1" t="s">
        <v>24854</v>
      </c>
      <c r="M7077" s="1" t="s">
        <v>5</v>
      </c>
      <c r="N7077" s="1" t="s">
        <v>10</v>
      </c>
      <c r="O7077" s="1" t="s">
        <v>8</v>
      </c>
      <c r="P7077" s="5"/>
    </row>
    <row r="7078" spans="1:16" x14ac:dyDescent="0.2">
      <c r="A7078" s="1" t="s">
        <v>2187</v>
      </c>
      <c r="B7078" s="1" t="s">
        <v>15476</v>
      </c>
      <c r="C7078" s="1" t="s">
        <v>24858</v>
      </c>
      <c r="D7078" s="1" t="s">
        <v>10</v>
      </c>
      <c r="E7078" s="1" t="s">
        <v>24859</v>
      </c>
      <c r="F7078" s="1" t="s">
        <v>10</v>
      </c>
      <c r="G7078" s="1" t="s">
        <v>10</v>
      </c>
      <c r="H7078" s="1" t="s">
        <v>10</v>
      </c>
      <c r="I7078" s="1" t="s">
        <v>22275</v>
      </c>
      <c r="J7078" s="1" t="s">
        <v>10</v>
      </c>
      <c r="K7078" s="1" t="s">
        <v>27</v>
      </c>
      <c r="L7078" s="1" t="s">
        <v>24857</v>
      </c>
      <c r="M7078" s="1" t="s">
        <v>5</v>
      </c>
      <c r="N7078" s="1" t="s">
        <v>432</v>
      </c>
      <c r="O7078" s="1" t="s">
        <v>8</v>
      </c>
      <c r="P7078" s="5"/>
    </row>
    <row r="7079" spans="1:16" x14ac:dyDescent="0.2">
      <c r="A7079" s="1" t="s">
        <v>42</v>
      </c>
      <c r="B7079" s="1" t="s">
        <v>1858</v>
      </c>
      <c r="C7079" s="1" t="s">
        <v>24861</v>
      </c>
      <c r="D7079" s="1" t="s">
        <v>24862</v>
      </c>
      <c r="E7079" s="1" t="s">
        <v>24863</v>
      </c>
      <c r="F7079" s="1" t="s">
        <v>10</v>
      </c>
      <c r="G7079" s="1" t="s">
        <v>10</v>
      </c>
      <c r="H7079" s="1" t="s">
        <v>10</v>
      </c>
      <c r="I7079" s="1" t="s">
        <v>22275</v>
      </c>
      <c r="J7079" s="1" t="s">
        <v>15496</v>
      </c>
      <c r="K7079" s="1" t="s">
        <v>37</v>
      </c>
      <c r="L7079" s="1" t="s">
        <v>24860</v>
      </c>
      <c r="M7079" s="1" t="s">
        <v>5</v>
      </c>
      <c r="N7079" s="1" t="s">
        <v>6</v>
      </c>
      <c r="O7079" s="1" t="s">
        <v>38</v>
      </c>
      <c r="P7079" s="5" t="s">
        <v>10</v>
      </c>
    </row>
    <row r="7080" spans="1:16" x14ac:dyDescent="0.2">
      <c r="A7080" s="1" t="s">
        <v>32</v>
      </c>
      <c r="B7080" s="1" t="s">
        <v>10</v>
      </c>
      <c r="C7080" s="1" t="s">
        <v>24865</v>
      </c>
      <c r="D7080" s="1" t="s">
        <v>24865</v>
      </c>
      <c r="E7080" s="1" t="s">
        <v>24866</v>
      </c>
      <c r="F7080" s="1" t="s">
        <v>10</v>
      </c>
      <c r="G7080" s="1" t="s">
        <v>10</v>
      </c>
      <c r="H7080" s="1" t="s">
        <v>10</v>
      </c>
      <c r="I7080" s="1" t="s">
        <v>22275</v>
      </c>
      <c r="J7080" s="1" t="s">
        <v>1561</v>
      </c>
      <c r="K7080" s="1" t="s">
        <v>64</v>
      </c>
      <c r="L7080" s="1" t="s">
        <v>24864</v>
      </c>
      <c r="M7080" s="1" t="s">
        <v>5</v>
      </c>
      <c r="N7080" s="1" t="s">
        <v>25</v>
      </c>
      <c r="O7080" s="1" t="s">
        <v>38</v>
      </c>
      <c r="P7080" s="5" t="s">
        <v>10</v>
      </c>
    </row>
    <row r="7081" spans="1:16" x14ac:dyDescent="0.2">
      <c r="A7081" s="1" t="s">
        <v>10</v>
      </c>
      <c r="B7081" s="1" t="s">
        <v>10</v>
      </c>
      <c r="C7081" s="1" t="s">
        <v>24868</v>
      </c>
      <c r="D7081" s="1" t="s">
        <v>24868</v>
      </c>
      <c r="E7081" s="1" t="s">
        <v>24869</v>
      </c>
      <c r="F7081" s="1" t="s">
        <v>10</v>
      </c>
      <c r="G7081" s="1" t="s">
        <v>10</v>
      </c>
      <c r="H7081" s="1" t="s">
        <v>10</v>
      </c>
      <c r="I7081" s="1" t="s">
        <v>22275</v>
      </c>
      <c r="J7081" s="1" t="s">
        <v>10</v>
      </c>
      <c r="K7081" s="1" t="s">
        <v>7</v>
      </c>
      <c r="L7081" s="1" t="s">
        <v>24867</v>
      </c>
      <c r="M7081" s="1" t="s">
        <v>5</v>
      </c>
      <c r="N7081" s="1" t="s">
        <v>25</v>
      </c>
      <c r="O7081" s="1" t="s">
        <v>8</v>
      </c>
      <c r="P7081" s="5"/>
    </row>
    <row r="7082" spans="1:16" x14ac:dyDescent="0.2">
      <c r="A7082" s="1" t="s">
        <v>20</v>
      </c>
      <c r="B7082" s="1" t="s">
        <v>1804</v>
      </c>
      <c r="C7082" s="1" t="s">
        <v>24871</v>
      </c>
      <c r="D7082" s="1" t="s">
        <v>24872</v>
      </c>
      <c r="E7082" s="1" t="s">
        <v>24873</v>
      </c>
      <c r="F7082" s="1" t="s">
        <v>10</v>
      </c>
      <c r="G7082" s="1" t="s">
        <v>10</v>
      </c>
      <c r="H7082" s="1" t="s">
        <v>10</v>
      </c>
      <c r="I7082" s="1" t="s">
        <v>22275</v>
      </c>
      <c r="J7082" s="1" t="s">
        <v>3899</v>
      </c>
      <c r="K7082" s="1" t="s">
        <v>64</v>
      </c>
      <c r="L7082" s="1" t="s">
        <v>24870</v>
      </c>
      <c r="M7082" s="1" t="s">
        <v>5</v>
      </c>
      <c r="N7082" s="1" t="s">
        <v>25</v>
      </c>
      <c r="O7082" s="1" t="s">
        <v>38</v>
      </c>
      <c r="P7082" s="5"/>
    </row>
    <row r="7083" spans="1:16" x14ac:dyDescent="0.2">
      <c r="A7083" s="1" t="s">
        <v>20</v>
      </c>
      <c r="B7083" s="1" t="s">
        <v>445</v>
      </c>
      <c r="C7083" s="1" t="s">
        <v>24875</v>
      </c>
      <c r="D7083" s="1" t="s">
        <v>24875</v>
      </c>
      <c r="E7083" s="1" t="s">
        <v>24876</v>
      </c>
      <c r="F7083" s="1" t="s">
        <v>10</v>
      </c>
      <c r="G7083" s="1" t="s">
        <v>10</v>
      </c>
      <c r="H7083" s="1" t="s">
        <v>10</v>
      </c>
      <c r="I7083" s="1" t="s">
        <v>22275</v>
      </c>
      <c r="J7083" s="1" t="s">
        <v>1561</v>
      </c>
      <c r="K7083" s="1" t="s">
        <v>443</v>
      </c>
      <c r="L7083" s="1" t="s">
        <v>24874</v>
      </c>
      <c r="M7083" s="1" t="s">
        <v>5</v>
      </c>
      <c r="N7083" s="1" t="s">
        <v>25</v>
      </c>
      <c r="O7083" s="1" t="s">
        <v>38</v>
      </c>
      <c r="P7083" s="5"/>
    </row>
    <row r="7084" spans="1:16" x14ac:dyDescent="0.2">
      <c r="A7084" s="1" t="s">
        <v>20</v>
      </c>
      <c r="B7084" s="1" t="s">
        <v>99</v>
      </c>
      <c r="C7084" s="1" t="s">
        <v>24878</v>
      </c>
      <c r="D7084" s="1" t="s">
        <v>1904</v>
      </c>
      <c r="E7084" s="1"/>
      <c r="F7084" s="1" t="s">
        <v>10</v>
      </c>
      <c r="G7084" s="1" t="s">
        <v>10</v>
      </c>
      <c r="H7084" s="1" t="s">
        <v>10</v>
      </c>
      <c r="I7084" s="1" t="s">
        <v>22275</v>
      </c>
      <c r="J7084" s="1" t="s">
        <v>1561</v>
      </c>
      <c r="K7084" s="1" t="s">
        <v>7</v>
      </c>
      <c r="L7084" s="1" t="s">
        <v>24877</v>
      </c>
      <c r="M7084" s="1" t="s">
        <v>5</v>
      </c>
      <c r="N7084" s="1" t="s">
        <v>25</v>
      </c>
      <c r="O7084" s="1" t="s">
        <v>8</v>
      </c>
      <c r="P7084" s="5"/>
    </row>
    <row r="7085" spans="1:16" x14ac:dyDescent="0.2">
      <c r="A7085" s="1" t="s">
        <v>20</v>
      </c>
      <c r="B7085" s="1" t="s">
        <v>99</v>
      </c>
      <c r="C7085" s="1" t="s">
        <v>1904</v>
      </c>
      <c r="D7085" s="1" t="s">
        <v>1904</v>
      </c>
      <c r="E7085" s="1"/>
      <c r="F7085" s="1" t="s">
        <v>10</v>
      </c>
      <c r="G7085" s="1" t="s">
        <v>10</v>
      </c>
      <c r="H7085" s="1" t="s">
        <v>10</v>
      </c>
      <c r="I7085" s="1" t="s">
        <v>22275</v>
      </c>
      <c r="J7085" s="1" t="s">
        <v>1561</v>
      </c>
      <c r="K7085" s="1" t="s">
        <v>7</v>
      </c>
      <c r="L7085" s="1" t="s">
        <v>24879</v>
      </c>
      <c r="M7085" s="1" t="s">
        <v>5</v>
      </c>
      <c r="N7085" s="1" t="s">
        <v>25</v>
      </c>
      <c r="O7085" s="1" t="s">
        <v>8</v>
      </c>
      <c r="P7085" s="5"/>
    </row>
    <row r="7086" spans="1:16" x14ac:dyDescent="0.2">
      <c r="A7086" s="1" t="s">
        <v>329</v>
      </c>
      <c r="B7086" s="1" t="s">
        <v>330</v>
      </c>
      <c r="C7086" s="1" t="s">
        <v>24881</v>
      </c>
      <c r="D7086" s="1" t="s">
        <v>24882</v>
      </c>
      <c r="E7086" s="1"/>
      <c r="F7086" s="1" t="s">
        <v>10</v>
      </c>
      <c r="G7086" s="1" t="s">
        <v>10</v>
      </c>
      <c r="H7086" s="1" t="s">
        <v>10</v>
      </c>
      <c r="I7086" s="1" t="s">
        <v>22275</v>
      </c>
      <c r="J7086" s="1" t="s">
        <v>3899</v>
      </c>
      <c r="K7086" s="1" t="s">
        <v>10</v>
      </c>
      <c r="L7086" s="1" t="s">
        <v>24880</v>
      </c>
      <c r="M7086" s="1" t="s">
        <v>5</v>
      </c>
      <c r="N7086" s="1" t="s">
        <v>6</v>
      </c>
      <c r="O7086" s="1" t="s">
        <v>8</v>
      </c>
      <c r="P7086" s="5"/>
    </row>
    <row r="7087" spans="1:16" x14ac:dyDescent="0.2">
      <c r="A7087" s="1" t="s">
        <v>1385</v>
      </c>
      <c r="B7087" s="1" t="s">
        <v>1490</v>
      </c>
      <c r="C7087" s="1" t="s">
        <v>24884</v>
      </c>
      <c r="D7087" s="1" t="s">
        <v>19808</v>
      </c>
      <c r="E7087" s="1" t="s">
        <v>24885</v>
      </c>
      <c r="F7087" s="1" t="s">
        <v>10</v>
      </c>
      <c r="G7087" s="1" t="s">
        <v>10</v>
      </c>
      <c r="H7087" s="1" t="s">
        <v>10</v>
      </c>
      <c r="I7087" s="1" t="s">
        <v>22275</v>
      </c>
      <c r="J7087" s="1" t="s">
        <v>3899</v>
      </c>
      <c r="K7087" s="1" t="s">
        <v>10</v>
      </c>
      <c r="L7087" s="1" t="s">
        <v>24883</v>
      </c>
      <c r="M7087" s="1" t="s">
        <v>5</v>
      </c>
      <c r="N7087" s="1" t="s">
        <v>1695</v>
      </c>
      <c r="O7087" s="1" t="s">
        <v>8</v>
      </c>
      <c r="P7087" s="5"/>
    </row>
    <row r="7088" spans="1:16" x14ac:dyDescent="0.2">
      <c r="A7088" s="1" t="s">
        <v>10</v>
      </c>
      <c r="B7088" s="1" t="s">
        <v>10</v>
      </c>
      <c r="C7088" s="1" t="s">
        <v>24887</v>
      </c>
      <c r="D7088" s="1" t="s">
        <v>10</v>
      </c>
      <c r="E7088" s="1" t="s">
        <v>24888</v>
      </c>
      <c r="F7088" s="1" t="s">
        <v>10</v>
      </c>
      <c r="G7088" s="1" t="s">
        <v>10</v>
      </c>
      <c r="H7088" s="1" t="s">
        <v>10</v>
      </c>
      <c r="I7088" s="1" t="s">
        <v>22275</v>
      </c>
      <c r="J7088" s="1" t="s">
        <v>1759</v>
      </c>
      <c r="K7088" s="1" t="s">
        <v>6468</v>
      </c>
      <c r="L7088" s="1" t="s">
        <v>24886</v>
      </c>
      <c r="M7088" s="1" t="s">
        <v>5</v>
      </c>
      <c r="N7088" s="1" t="s">
        <v>6</v>
      </c>
      <c r="O7088" s="1" t="s">
        <v>8</v>
      </c>
      <c r="P7088" s="5"/>
    </row>
    <row r="7089" spans="1:16" x14ac:dyDescent="0.2">
      <c r="A7089" s="1" t="s">
        <v>10</v>
      </c>
      <c r="B7089" s="1" t="s">
        <v>10</v>
      </c>
      <c r="C7089" s="1" t="s">
        <v>24890</v>
      </c>
      <c r="D7089" s="1" t="s">
        <v>24891</v>
      </c>
      <c r="E7089" s="1" t="s">
        <v>10</v>
      </c>
      <c r="F7089" s="1" t="s">
        <v>10</v>
      </c>
      <c r="G7089" s="1" t="s">
        <v>10</v>
      </c>
      <c r="H7089" s="1" t="s">
        <v>10</v>
      </c>
      <c r="I7089" s="1" t="s">
        <v>22275</v>
      </c>
      <c r="J7089" s="1" t="s">
        <v>3899</v>
      </c>
      <c r="K7089" s="1" t="s">
        <v>10</v>
      </c>
      <c r="L7089" s="1" t="s">
        <v>24889</v>
      </c>
      <c r="M7089" s="1" t="s">
        <v>5</v>
      </c>
      <c r="N7089" s="1" t="s">
        <v>25</v>
      </c>
      <c r="O7089" s="1" t="s">
        <v>8</v>
      </c>
      <c r="P7089" s="5"/>
    </row>
    <row r="7090" spans="1:16" x14ac:dyDescent="0.2">
      <c r="A7090" s="1" t="s">
        <v>487</v>
      </c>
      <c r="B7090" s="1" t="s">
        <v>488</v>
      </c>
      <c r="C7090" s="1" t="s">
        <v>24893</v>
      </c>
      <c r="D7090" s="1" t="s">
        <v>24894</v>
      </c>
      <c r="E7090" s="1" t="s">
        <v>24895</v>
      </c>
      <c r="F7090" s="1" t="s">
        <v>10</v>
      </c>
      <c r="G7090" s="1" t="s">
        <v>10</v>
      </c>
      <c r="H7090" s="1" t="s">
        <v>10</v>
      </c>
      <c r="I7090" s="1" t="s">
        <v>22275</v>
      </c>
      <c r="J7090" s="1" t="s">
        <v>3899</v>
      </c>
      <c r="K7090" s="1" t="s">
        <v>64</v>
      </c>
      <c r="L7090" s="1" t="s">
        <v>24892</v>
      </c>
      <c r="M7090" s="1" t="s">
        <v>5</v>
      </c>
      <c r="N7090" s="1" t="s">
        <v>960</v>
      </c>
      <c r="O7090" s="1" t="s">
        <v>38</v>
      </c>
      <c r="P7090" s="5"/>
    </row>
    <row r="7091" spans="1:16" x14ac:dyDescent="0.2">
      <c r="A7091" s="1" t="s">
        <v>2187</v>
      </c>
      <c r="B7091" s="1" t="s">
        <v>2206</v>
      </c>
      <c r="C7091" s="1" t="s">
        <v>24897</v>
      </c>
      <c r="D7091" s="1" t="s">
        <v>10</v>
      </c>
      <c r="E7091" s="1"/>
      <c r="F7091" s="1" t="s">
        <v>10</v>
      </c>
      <c r="G7091" s="1" t="s">
        <v>10</v>
      </c>
      <c r="H7091" s="1" t="s">
        <v>10</v>
      </c>
      <c r="I7091" s="1" t="s">
        <v>22275</v>
      </c>
      <c r="J7091" s="1" t="s">
        <v>3899</v>
      </c>
      <c r="K7091" s="1" t="s">
        <v>64</v>
      </c>
      <c r="L7091" s="1" t="s">
        <v>24896</v>
      </c>
      <c r="M7091" s="1" t="s">
        <v>5</v>
      </c>
      <c r="N7091" s="1" t="s">
        <v>960</v>
      </c>
      <c r="O7091" s="1" t="s">
        <v>38</v>
      </c>
      <c r="P7091" s="5"/>
    </row>
    <row r="7092" spans="1:16" x14ac:dyDescent="0.2">
      <c r="A7092" s="1" t="s">
        <v>32</v>
      </c>
      <c r="B7092" s="1" t="s">
        <v>8065</v>
      </c>
      <c r="C7092" s="1" t="s">
        <v>24899</v>
      </c>
      <c r="D7092" s="1" t="s">
        <v>10</v>
      </c>
      <c r="E7092" s="1"/>
      <c r="F7092" s="1" t="s">
        <v>10</v>
      </c>
      <c r="G7092" s="1" t="s">
        <v>10</v>
      </c>
      <c r="H7092" s="1" t="s">
        <v>10</v>
      </c>
      <c r="I7092" s="1" t="s">
        <v>22275</v>
      </c>
      <c r="J7092" s="1" t="s">
        <v>3899</v>
      </c>
      <c r="K7092" s="1" t="s">
        <v>64</v>
      </c>
      <c r="L7092" s="1" t="s">
        <v>24898</v>
      </c>
      <c r="M7092" s="1" t="s">
        <v>5</v>
      </c>
      <c r="N7092" s="1" t="s">
        <v>960</v>
      </c>
      <c r="O7092" s="1" t="s">
        <v>38</v>
      </c>
      <c r="P7092" s="5"/>
    </row>
    <row r="7093" spans="1:16" x14ac:dyDescent="0.2">
      <c r="A7093" s="1" t="s">
        <v>32</v>
      </c>
      <c r="B7093" s="1" t="s">
        <v>33</v>
      </c>
      <c r="C7093" s="1" t="s">
        <v>24901</v>
      </c>
      <c r="D7093" s="1" t="s">
        <v>825</v>
      </c>
      <c r="E7093" s="1"/>
      <c r="F7093" s="1" t="s">
        <v>10</v>
      </c>
      <c r="G7093" s="1" t="s">
        <v>10</v>
      </c>
      <c r="H7093" s="1" t="s">
        <v>10</v>
      </c>
      <c r="I7093" s="1" t="s">
        <v>22275</v>
      </c>
      <c r="J7093" s="1" t="s">
        <v>3899</v>
      </c>
      <c r="K7093" s="1" t="s">
        <v>64</v>
      </c>
      <c r="L7093" s="1" t="s">
        <v>24900</v>
      </c>
      <c r="M7093" s="1" t="s">
        <v>5</v>
      </c>
      <c r="N7093" s="1" t="s">
        <v>960</v>
      </c>
      <c r="O7093" s="1" t="s">
        <v>38</v>
      </c>
      <c r="P7093" s="5"/>
    </row>
    <row r="7094" spans="1:16" x14ac:dyDescent="0.2">
      <c r="A7094" s="1" t="s">
        <v>423</v>
      </c>
      <c r="B7094" s="1" t="s">
        <v>2587</v>
      </c>
      <c r="C7094" s="1" t="s">
        <v>24903</v>
      </c>
      <c r="D7094" s="1" t="s">
        <v>16498</v>
      </c>
      <c r="E7094" s="1"/>
      <c r="F7094" s="1" t="s">
        <v>27</v>
      </c>
      <c r="G7094" s="1" t="s">
        <v>10</v>
      </c>
      <c r="H7094" s="1" t="s">
        <v>24904</v>
      </c>
      <c r="I7094" s="1" t="s">
        <v>22275</v>
      </c>
      <c r="J7094" s="1" t="s">
        <v>3899</v>
      </c>
      <c r="K7094" s="1" t="s">
        <v>10</v>
      </c>
      <c r="L7094" s="1" t="s">
        <v>24902</v>
      </c>
      <c r="M7094" s="1" t="s">
        <v>5</v>
      </c>
      <c r="N7094" s="1" t="s">
        <v>960</v>
      </c>
      <c r="O7094" s="1" t="s">
        <v>8</v>
      </c>
      <c r="P7094" s="5" t="s">
        <v>10</v>
      </c>
    </row>
    <row r="7095" spans="1:16" x14ac:dyDescent="0.2">
      <c r="A7095" s="1" t="s">
        <v>10</v>
      </c>
      <c r="B7095" s="1" t="s">
        <v>10</v>
      </c>
      <c r="C7095" s="1" t="s">
        <v>24906</v>
      </c>
      <c r="D7095" s="1" t="s">
        <v>10</v>
      </c>
      <c r="E7095" s="1" t="s">
        <v>10</v>
      </c>
      <c r="F7095" s="1" t="s">
        <v>10</v>
      </c>
      <c r="G7095" s="1" t="s">
        <v>10</v>
      </c>
      <c r="H7095" s="1" t="s">
        <v>10</v>
      </c>
      <c r="I7095" s="1" t="s">
        <v>22275</v>
      </c>
      <c r="J7095" s="1" t="s">
        <v>10</v>
      </c>
      <c r="K7095" s="1" t="s">
        <v>10</v>
      </c>
      <c r="L7095" s="1" t="s">
        <v>24905</v>
      </c>
      <c r="M7095" s="1" t="s">
        <v>5</v>
      </c>
      <c r="N7095" s="1" t="s">
        <v>10</v>
      </c>
      <c r="O7095" s="1" t="s">
        <v>8</v>
      </c>
      <c r="P7095" s="5"/>
    </row>
    <row r="7096" spans="1:16" x14ac:dyDescent="0.2">
      <c r="A7096" s="1" t="s">
        <v>10</v>
      </c>
      <c r="B7096" s="1" t="s">
        <v>10</v>
      </c>
      <c r="C7096" s="1" t="s">
        <v>24908</v>
      </c>
      <c r="D7096" s="1" t="s">
        <v>15200</v>
      </c>
      <c r="E7096" s="1" t="s">
        <v>10</v>
      </c>
      <c r="F7096" s="1" t="s">
        <v>10</v>
      </c>
      <c r="G7096" s="1" t="s">
        <v>10</v>
      </c>
      <c r="H7096" s="1" t="s">
        <v>10</v>
      </c>
      <c r="I7096" s="1" t="s">
        <v>22275</v>
      </c>
      <c r="J7096" s="1" t="s">
        <v>10</v>
      </c>
      <c r="K7096" s="1" t="s">
        <v>10</v>
      </c>
      <c r="L7096" s="1" t="s">
        <v>24907</v>
      </c>
      <c r="M7096" s="1" t="s">
        <v>5</v>
      </c>
      <c r="N7096" s="1" t="s">
        <v>10</v>
      </c>
      <c r="O7096" s="1" t="s">
        <v>8</v>
      </c>
      <c r="P7096" s="5"/>
    </row>
    <row r="7097" spans="1:16" x14ac:dyDescent="0.2">
      <c r="A7097" s="1" t="s">
        <v>10</v>
      </c>
      <c r="B7097" s="1" t="s">
        <v>10</v>
      </c>
      <c r="C7097" s="1" t="s">
        <v>24910</v>
      </c>
      <c r="D7097" s="1" t="s">
        <v>24911</v>
      </c>
      <c r="E7097" s="1"/>
      <c r="F7097" s="1" t="s">
        <v>10</v>
      </c>
      <c r="G7097" s="1" t="s">
        <v>10</v>
      </c>
      <c r="H7097" s="1" t="s">
        <v>10</v>
      </c>
      <c r="I7097" s="1" t="s">
        <v>22275</v>
      </c>
      <c r="J7097" s="1" t="s">
        <v>3899</v>
      </c>
      <c r="K7097" s="1" t="s">
        <v>64</v>
      </c>
      <c r="L7097" s="1" t="s">
        <v>24909</v>
      </c>
      <c r="M7097" s="1" t="s">
        <v>5</v>
      </c>
      <c r="N7097" s="1" t="s">
        <v>6</v>
      </c>
      <c r="O7097" s="1" t="s">
        <v>8</v>
      </c>
      <c r="P7097" s="5"/>
    </row>
    <row r="7098" spans="1:16" x14ac:dyDescent="0.2">
      <c r="A7098" s="1" t="s">
        <v>423</v>
      </c>
      <c r="B7098" s="1" t="s">
        <v>9314</v>
      </c>
      <c r="C7098" s="1" t="s">
        <v>24913</v>
      </c>
      <c r="D7098" s="1" t="s">
        <v>24913</v>
      </c>
      <c r="E7098" s="1" t="s">
        <v>24914</v>
      </c>
      <c r="F7098" s="1" t="s">
        <v>10</v>
      </c>
      <c r="G7098" s="1" t="s">
        <v>10</v>
      </c>
      <c r="H7098" s="1" t="s">
        <v>10</v>
      </c>
      <c r="I7098" s="1" t="s">
        <v>22275</v>
      </c>
      <c r="J7098" s="1" t="s">
        <v>3899</v>
      </c>
      <c r="K7098" s="1" t="s">
        <v>64</v>
      </c>
      <c r="L7098" s="1" t="s">
        <v>24912</v>
      </c>
      <c r="M7098" s="1" t="s">
        <v>5</v>
      </c>
      <c r="N7098" s="1" t="s">
        <v>6</v>
      </c>
      <c r="O7098" s="1" t="s">
        <v>8</v>
      </c>
      <c r="P7098" s="5" t="s">
        <v>10</v>
      </c>
    </row>
    <row r="7099" spans="1:16" x14ac:dyDescent="0.2">
      <c r="A7099" s="1" t="s">
        <v>10</v>
      </c>
      <c r="B7099" s="1" t="s">
        <v>10</v>
      </c>
      <c r="C7099" s="1" t="s">
        <v>24916</v>
      </c>
      <c r="D7099" s="1" t="s">
        <v>10</v>
      </c>
      <c r="E7099" s="1" t="s">
        <v>24917</v>
      </c>
      <c r="F7099" s="1" t="s">
        <v>10</v>
      </c>
      <c r="G7099" s="1" t="s">
        <v>10</v>
      </c>
      <c r="H7099" s="1" t="s">
        <v>10</v>
      </c>
      <c r="I7099" s="1" t="s">
        <v>22275</v>
      </c>
      <c r="J7099" s="1" t="s">
        <v>10</v>
      </c>
      <c r="K7099" s="1" t="s">
        <v>64</v>
      </c>
      <c r="L7099" s="1" t="s">
        <v>24915</v>
      </c>
      <c r="M7099" s="1" t="s">
        <v>5</v>
      </c>
      <c r="N7099" s="1" t="s">
        <v>10</v>
      </c>
      <c r="O7099" s="1" t="s">
        <v>8</v>
      </c>
      <c r="P7099" s="5"/>
    </row>
    <row r="7100" spans="1:16" x14ac:dyDescent="0.2">
      <c r="A7100" s="1" t="s">
        <v>2187</v>
      </c>
      <c r="B7100" s="1" t="s">
        <v>10</v>
      </c>
      <c r="C7100" s="1" t="s">
        <v>24919</v>
      </c>
      <c r="D7100" s="1" t="s">
        <v>24920</v>
      </c>
      <c r="E7100" s="1"/>
      <c r="F7100" s="1" t="s">
        <v>10</v>
      </c>
      <c r="G7100" s="1" t="s">
        <v>10</v>
      </c>
      <c r="H7100" s="1" t="s">
        <v>10</v>
      </c>
      <c r="I7100" s="1" t="s">
        <v>22275</v>
      </c>
      <c r="J7100" s="1" t="s">
        <v>3899</v>
      </c>
      <c r="K7100" s="1" t="s">
        <v>64</v>
      </c>
      <c r="L7100" s="1" t="s">
        <v>24918</v>
      </c>
      <c r="M7100" s="1" t="s">
        <v>5</v>
      </c>
      <c r="N7100" s="1" t="s">
        <v>6</v>
      </c>
      <c r="O7100" s="1" t="s">
        <v>38</v>
      </c>
      <c r="P7100" s="5"/>
    </row>
    <row r="7101" spans="1:16" x14ac:dyDescent="0.2">
      <c r="A7101" s="1" t="s">
        <v>10</v>
      </c>
      <c r="B7101" s="1" t="s">
        <v>10</v>
      </c>
      <c r="C7101" s="1" t="s">
        <v>24922</v>
      </c>
      <c r="D7101" s="1" t="s">
        <v>10</v>
      </c>
      <c r="E7101" s="1" t="s">
        <v>10</v>
      </c>
      <c r="F7101" s="1" t="s">
        <v>10</v>
      </c>
      <c r="G7101" s="1" t="s">
        <v>10</v>
      </c>
      <c r="H7101" s="1" t="s">
        <v>10</v>
      </c>
      <c r="I7101" s="1" t="s">
        <v>22275</v>
      </c>
      <c r="J7101" s="1" t="s">
        <v>10</v>
      </c>
      <c r="K7101" s="1" t="s">
        <v>10</v>
      </c>
      <c r="L7101" s="1" t="s">
        <v>24921</v>
      </c>
      <c r="M7101" s="1" t="s">
        <v>5</v>
      </c>
      <c r="N7101" s="1" t="s">
        <v>10</v>
      </c>
      <c r="O7101" s="1" t="s">
        <v>8</v>
      </c>
      <c r="P7101" s="5"/>
    </row>
    <row r="7102" spans="1:16" x14ac:dyDescent="0.2">
      <c r="A7102" s="1" t="s">
        <v>1086</v>
      </c>
      <c r="B7102" s="1" t="s">
        <v>2193</v>
      </c>
      <c r="C7102" s="1" t="s">
        <v>24924</v>
      </c>
      <c r="D7102" s="1" t="s">
        <v>7267</v>
      </c>
      <c r="E7102" s="1"/>
      <c r="F7102" s="1" t="s">
        <v>10</v>
      </c>
      <c r="G7102" s="1" t="s">
        <v>10</v>
      </c>
      <c r="H7102" s="1" t="s">
        <v>10</v>
      </c>
      <c r="I7102" s="1" t="s">
        <v>22275</v>
      </c>
      <c r="J7102" s="1" t="s">
        <v>3899</v>
      </c>
      <c r="K7102" s="1" t="s">
        <v>64</v>
      </c>
      <c r="L7102" s="1" t="s">
        <v>24923</v>
      </c>
      <c r="M7102" s="1" t="s">
        <v>5</v>
      </c>
      <c r="N7102" s="1" t="s">
        <v>432</v>
      </c>
      <c r="O7102" s="1" t="s">
        <v>8</v>
      </c>
      <c r="P7102" s="5" t="s">
        <v>30742</v>
      </c>
    </row>
    <row r="7103" spans="1:16" x14ac:dyDescent="0.2">
      <c r="A7103" s="1" t="s">
        <v>10</v>
      </c>
      <c r="B7103" s="1" t="s">
        <v>10</v>
      </c>
      <c r="C7103" s="1" t="s">
        <v>24926</v>
      </c>
      <c r="D7103" s="1" t="s">
        <v>10</v>
      </c>
      <c r="E7103" s="1" t="s">
        <v>10</v>
      </c>
      <c r="F7103" s="1" t="s">
        <v>10</v>
      </c>
      <c r="G7103" s="1" t="s">
        <v>10</v>
      </c>
      <c r="H7103" s="1" t="s">
        <v>10</v>
      </c>
      <c r="I7103" s="1" t="s">
        <v>22275</v>
      </c>
      <c r="J7103" s="1" t="s">
        <v>10</v>
      </c>
      <c r="K7103" s="1" t="s">
        <v>10</v>
      </c>
      <c r="L7103" s="1" t="s">
        <v>24925</v>
      </c>
      <c r="M7103" s="1" t="s">
        <v>5</v>
      </c>
      <c r="N7103" s="1" t="s">
        <v>10</v>
      </c>
      <c r="O7103" s="1" t="s">
        <v>8</v>
      </c>
      <c r="P7103" s="5"/>
    </row>
    <row r="7104" spans="1:16" x14ac:dyDescent="0.2">
      <c r="A7104" s="1" t="s">
        <v>2187</v>
      </c>
      <c r="B7104" s="1" t="s">
        <v>2206</v>
      </c>
      <c r="C7104" s="1" t="s">
        <v>24928</v>
      </c>
      <c r="D7104" s="1" t="s">
        <v>12124</v>
      </c>
      <c r="E7104" s="1"/>
      <c r="F7104" s="1" t="s">
        <v>10</v>
      </c>
      <c r="G7104" s="1" t="s">
        <v>10</v>
      </c>
      <c r="H7104" s="1" t="s">
        <v>10</v>
      </c>
      <c r="I7104" s="1" t="s">
        <v>22275</v>
      </c>
      <c r="J7104" s="1" t="s">
        <v>3899</v>
      </c>
      <c r="K7104" s="1" t="s">
        <v>64</v>
      </c>
      <c r="L7104" s="1" t="s">
        <v>24927</v>
      </c>
      <c r="M7104" s="1" t="s">
        <v>5</v>
      </c>
      <c r="N7104" s="1" t="s">
        <v>25</v>
      </c>
      <c r="O7104" s="1" t="s">
        <v>8</v>
      </c>
      <c r="P7104" s="5"/>
    </row>
    <row r="7105" spans="1:16" x14ac:dyDescent="0.2">
      <c r="A7105" s="1" t="s">
        <v>10</v>
      </c>
      <c r="B7105" s="1" t="s">
        <v>10</v>
      </c>
      <c r="C7105" s="1" t="s">
        <v>24930</v>
      </c>
      <c r="D7105" s="1" t="s">
        <v>24931</v>
      </c>
      <c r="E7105" s="1" t="s">
        <v>10</v>
      </c>
      <c r="F7105" s="1" t="s">
        <v>10</v>
      </c>
      <c r="G7105" s="1" t="s">
        <v>10</v>
      </c>
      <c r="H7105" s="1" t="s">
        <v>10</v>
      </c>
      <c r="I7105" s="1" t="s">
        <v>22275</v>
      </c>
      <c r="J7105" s="1" t="s">
        <v>10</v>
      </c>
      <c r="K7105" s="1" t="s">
        <v>10</v>
      </c>
      <c r="L7105" s="1" t="s">
        <v>24929</v>
      </c>
      <c r="M7105" s="1" t="s">
        <v>5</v>
      </c>
      <c r="N7105" s="1" t="s">
        <v>10</v>
      </c>
      <c r="O7105" s="1" t="s">
        <v>8</v>
      </c>
      <c r="P7105" s="5"/>
    </row>
    <row r="7106" spans="1:16" x14ac:dyDescent="0.2">
      <c r="A7106" s="1" t="s">
        <v>32</v>
      </c>
      <c r="B7106" s="1" t="s">
        <v>1163</v>
      </c>
      <c r="C7106" s="1" t="s">
        <v>24933</v>
      </c>
      <c r="D7106" s="1" t="s">
        <v>24934</v>
      </c>
      <c r="E7106" s="1" t="s">
        <v>24935</v>
      </c>
      <c r="F7106" s="1" t="s">
        <v>10</v>
      </c>
      <c r="G7106" s="1" t="s">
        <v>10</v>
      </c>
      <c r="H7106" s="1" t="s">
        <v>10</v>
      </c>
      <c r="I7106" s="1" t="s">
        <v>22275</v>
      </c>
      <c r="J7106" s="1" t="s">
        <v>3899</v>
      </c>
      <c r="K7106" s="1" t="s">
        <v>6405</v>
      </c>
      <c r="L7106" s="1" t="s">
        <v>24932</v>
      </c>
      <c r="M7106" s="1" t="s">
        <v>5</v>
      </c>
      <c r="N7106" s="1" t="s">
        <v>432</v>
      </c>
      <c r="O7106" s="1" t="s">
        <v>8</v>
      </c>
      <c r="P7106" s="5" t="s">
        <v>10</v>
      </c>
    </row>
    <row r="7107" spans="1:16" x14ac:dyDescent="0.2">
      <c r="A7107" s="1" t="s">
        <v>423</v>
      </c>
      <c r="B7107" s="1" t="s">
        <v>424</v>
      </c>
      <c r="C7107" s="1" t="s">
        <v>24937</v>
      </c>
      <c r="D7107" s="1" t="s">
        <v>24938</v>
      </c>
      <c r="E7107" s="1" t="s">
        <v>24939</v>
      </c>
      <c r="F7107" s="1" t="s">
        <v>10</v>
      </c>
      <c r="G7107" s="1" t="s">
        <v>10</v>
      </c>
      <c r="H7107" s="1" t="s">
        <v>10</v>
      </c>
      <c r="I7107" s="1" t="s">
        <v>22275</v>
      </c>
      <c r="J7107" s="1" t="s">
        <v>3899</v>
      </c>
      <c r="K7107" s="1" t="s">
        <v>64</v>
      </c>
      <c r="L7107" s="1" t="s">
        <v>24936</v>
      </c>
      <c r="M7107" s="1" t="s">
        <v>5</v>
      </c>
      <c r="N7107" s="1" t="s">
        <v>25</v>
      </c>
      <c r="O7107" s="1" t="s">
        <v>8</v>
      </c>
      <c r="P7107" s="5"/>
    </row>
    <row r="7108" spans="1:16" x14ac:dyDescent="0.2">
      <c r="A7108" s="1" t="s">
        <v>423</v>
      </c>
      <c r="B7108" s="1" t="s">
        <v>9015</v>
      </c>
      <c r="C7108" s="1" t="s">
        <v>24941</v>
      </c>
      <c r="D7108" s="1" t="s">
        <v>24942</v>
      </c>
      <c r="E7108" s="1" t="s">
        <v>24943</v>
      </c>
      <c r="F7108" s="1" t="s">
        <v>10</v>
      </c>
      <c r="G7108" s="1" t="s">
        <v>10</v>
      </c>
      <c r="H7108" s="1" t="s">
        <v>10</v>
      </c>
      <c r="I7108" s="1" t="s">
        <v>22275</v>
      </c>
      <c r="J7108" s="1" t="s">
        <v>6533</v>
      </c>
      <c r="K7108" s="1" t="s">
        <v>10</v>
      </c>
      <c r="L7108" s="1" t="s">
        <v>24940</v>
      </c>
      <c r="M7108" s="1" t="s">
        <v>5</v>
      </c>
      <c r="N7108" s="1" t="s">
        <v>6</v>
      </c>
      <c r="O7108" s="1" t="s">
        <v>8</v>
      </c>
      <c r="P7108" s="5"/>
    </row>
    <row r="7109" spans="1:16" x14ac:dyDescent="0.2">
      <c r="A7109" s="1" t="s">
        <v>329</v>
      </c>
      <c r="B7109" s="1" t="s">
        <v>1738</v>
      </c>
      <c r="C7109" s="1" t="s">
        <v>2026</v>
      </c>
      <c r="D7109" s="1" t="s">
        <v>2027</v>
      </c>
      <c r="E7109" s="1"/>
      <c r="F7109" s="1" t="s">
        <v>10</v>
      </c>
      <c r="G7109" s="1" t="s">
        <v>10</v>
      </c>
      <c r="H7109" s="1" t="s">
        <v>10</v>
      </c>
      <c r="I7109" s="1" t="s">
        <v>22275</v>
      </c>
      <c r="J7109" s="1" t="s">
        <v>1561</v>
      </c>
      <c r="K7109" s="1" t="s">
        <v>24945</v>
      </c>
      <c r="L7109" s="1" t="s">
        <v>24944</v>
      </c>
      <c r="M7109" s="1" t="s">
        <v>5</v>
      </c>
      <c r="N7109" s="1" t="s">
        <v>6</v>
      </c>
      <c r="O7109" s="1" t="s">
        <v>38</v>
      </c>
      <c r="P7109" s="5"/>
    </row>
    <row r="7110" spans="1:16" x14ac:dyDescent="0.2">
      <c r="A7110" s="1" t="s">
        <v>10</v>
      </c>
      <c r="B7110" s="1" t="s">
        <v>10</v>
      </c>
      <c r="C7110" s="1" t="s">
        <v>24947</v>
      </c>
      <c r="D7110" s="1" t="s">
        <v>24948</v>
      </c>
      <c r="E7110" s="1"/>
      <c r="F7110" s="1" t="s">
        <v>10</v>
      </c>
      <c r="G7110" s="1" t="s">
        <v>10</v>
      </c>
      <c r="H7110" s="1" t="s">
        <v>10</v>
      </c>
      <c r="I7110" s="1" t="s">
        <v>22275</v>
      </c>
      <c r="J7110" s="1" t="s">
        <v>10</v>
      </c>
      <c r="K7110" s="1" t="s">
        <v>64</v>
      </c>
      <c r="L7110" s="1" t="s">
        <v>24946</v>
      </c>
      <c r="M7110" s="1" t="s">
        <v>5</v>
      </c>
      <c r="N7110" s="1" t="s">
        <v>6</v>
      </c>
      <c r="O7110" s="1" t="s">
        <v>8</v>
      </c>
      <c r="P7110" s="5"/>
    </row>
    <row r="7111" spans="1:16" x14ac:dyDescent="0.2">
      <c r="A7111" s="1" t="s">
        <v>423</v>
      </c>
      <c r="B7111" s="1" t="s">
        <v>424</v>
      </c>
      <c r="C7111" s="1" t="s">
        <v>24950</v>
      </c>
      <c r="D7111" s="1" t="s">
        <v>24951</v>
      </c>
      <c r="E7111" s="1" t="s">
        <v>24952</v>
      </c>
      <c r="F7111" s="1" t="s">
        <v>27</v>
      </c>
      <c r="G7111" s="1" t="s">
        <v>10</v>
      </c>
      <c r="H7111" s="1" t="s">
        <v>24953</v>
      </c>
      <c r="I7111" s="1" t="s">
        <v>22275</v>
      </c>
      <c r="J7111" s="1" t="s">
        <v>1561</v>
      </c>
      <c r="K7111" s="1" t="s">
        <v>64</v>
      </c>
      <c r="L7111" s="1" t="s">
        <v>24949</v>
      </c>
      <c r="M7111" s="1" t="s">
        <v>5</v>
      </c>
      <c r="N7111" s="1" t="s">
        <v>25</v>
      </c>
      <c r="O7111" s="1" t="s">
        <v>8</v>
      </c>
      <c r="P7111" s="5" t="s">
        <v>10</v>
      </c>
    </row>
    <row r="7112" spans="1:16" x14ac:dyDescent="0.2">
      <c r="A7112" s="1" t="s">
        <v>10</v>
      </c>
      <c r="B7112" s="1" t="s">
        <v>10</v>
      </c>
      <c r="C7112" s="1" t="s">
        <v>10221</v>
      </c>
      <c r="D7112" s="1" t="s">
        <v>16748</v>
      </c>
      <c r="E7112" s="1" t="s">
        <v>10</v>
      </c>
      <c r="F7112" s="1" t="s">
        <v>10</v>
      </c>
      <c r="G7112" s="1" t="s">
        <v>10</v>
      </c>
      <c r="H7112" s="1" t="s">
        <v>10</v>
      </c>
      <c r="I7112" s="1" t="s">
        <v>22275</v>
      </c>
      <c r="J7112" s="1" t="s">
        <v>10</v>
      </c>
      <c r="K7112" s="1" t="s">
        <v>10</v>
      </c>
      <c r="L7112" s="1" t="s">
        <v>24954</v>
      </c>
      <c r="M7112" s="1" t="s">
        <v>5</v>
      </c>
      <c r="N7112" s="1" t="s">
        <v>10</v>
      </c>
      <c r="O7112" s="1" t="s">
        <v>8</v>
      </c>
      <c r="P7112" s="5"/>
    </row>
    <row r="7113" spans="1:16" x14ac:dyDescent="0.2">
      <c r="A7113" s="1" t="s">
        <v>10</v>
      </c>
      <c r="B7113" s="1" t="s">
        <v>10</v>
      </c>
      <c r="C7113" s="1" t="s">
        <v>24956</v>
      </c>
      <c r="D7113" s="1" t="s">
        <v>24957</v>
      </c>
      <c r="E7113" s="1" t="s">
        <v>24958</v>
      </c>
      <c r="F7113" s="1" t="s">
        <v>522</v>
      </c>
      <c r="G7113" s="1" t="s">
        <v>20913</v>
      </c>
      <c r="H7113" s="1" t="s">
        <v>10</v>
      </c>
      <c r="I7113" s="1" t="s">
        <v>22275</v>
      </c>
      <c r="J7113" s="1" t="s">
        <v>3899</v>
      </c>
      <c r="K7113" s="1" t="s">
        <v>64</v>
      </c>
      <c r="L7113" s="1" t="s">
        <v>24955</v>
      </c>
      <c r="M7113" s="1" t="s">
        <v>5</v>
      </c>
      <c r="N7113" s="1" t="s">
        <v>6</v>
      </c>
      <c r="O7113" s="1" t="s">
        <v>8</v>
      </c>
      <c r="P7113" s="5" t="s">
        <v>10</v>
      </c>
    </row>
    <row r="7114" spans="1:16" x14ac:dyDescent="0.2">
      <c r="A7114" s="1" t="s">
        <v>10</v>
      </c>
      <c r="B7114" s="1" t="s">
        <v>10</v>
      </c>
      <c r="C7114" s="1" t="s">
        <v>24960</v>
      </c>
      <c r="D7114" s="1" t="s">
        <v>10</v>
      </c>
      <c r="E7114" s="1" t="s">
        <v>10</v>
      </c>
      <c r="F7114" s="1" t="s">
        <v>10</v>
      </c>
      <c r="G7114" s="1" t="s">
        <v>10</v>
      </c>
      <c r="H7114" s="1" t="s">
        <v>10</v>
      </c>
      <c r="I7114" s="1" t="s">
        <v>22275</v>
      </c>
      <c r="J7114" s="1" t="s">
        <v>10</v>
      </c>
      <c r="K7114" s="1" t="s">
        <v>10</v>
      </c>
      <c r="L7114" s="1" t="s">
        <v>24959</v>
      </c>
      <c r="M7114" s="1" t="s">
        <v>5</v>
      </c>
      <c r="N7114" s="1" t="s">
        <v>10</v>
      </c>
      <c r="O7114" s="1" t="s">
        <v>8</v>
      </c>
      <c r="P7114" s="5"/>
    </row>
    <row r="7115" spans="1:16" x14ac:dyDescent="0.2">
      <c r="A7115" s="1" t="s">
        <v>10</v>
      </c>
      <c r="B7115" s="1" t="s">
        <v>10</v>
      </c>
      <c r="C7115" s="1" t="s">
        <v>24962</v>
      </c>
      <c r="D7115" s="1" t="s">
        <v>24963</v>
      </c>
      <c r="E7115" s="1" t="s">
        <v>24964</v>
      </c>
      <c r="F7115" s="1" t="s">
        <v>10</v>
      </c>
      <c r="G7115" s="1" t="s">
        <v>10</v>
      </c>
      <c r="H7115" s="1" t="s">
        <v>10</v>
      </c>
      <c r="I7115" s="1" t="s">
        <v>22275</v>
      </c>
      <c r="J7115" s="1" t="s">
        <v>10</v>
      </c>
      <c r="K7115" s="1" t="s">
        <v>10</v>
      </c>
      <c r="L7115" s="1" t="s">
        <v>24961</v>
      </c>
      <c r="M7115" s="1" t="s">
        <v>5</v>
      </c>
      <c r="N7115" s="1" t="s">
        <v>10</v>
      </c>
      <c r="O7115" s="1" t="s">
        <v>8</v>
      </c>
      <c r="P7115" s="5"/>
    </row>
    <row r="7116" spans="1:16" x14ac:dyDescent="0.2">
      <c r="A7116" s="1" t="s">
        <v>66</v>
      </c>
      <c r="B7116" s="1" t="s">
        <v>574</v>
      </c>
      <c r="C7116" s="1" t="s">
        <v>24966</v>
      </c>
      <c r="D7116" s="1" t="s">
        <v>24967</v>
      </c>
      <c r="E7116" s="1"/>
      <c r="F7116" s="1" t="s">
        <v>10</v>
      </c>
      <c r="G7116" s="1" t="s">
        <v>10</v>
      </c>
      <c r="H7116" s="1" t="s">
        <v>10</v>
      </c>
      <c r="I7116" s="1" t="s">
        <v>22275</v>
      </c>
      <c r="J7116" s="1" t="s">
        <v>130</v>
      </c>
      <c r="K7116" s="1" t="s">
        <v>14695</v>
      </c>
      <c r="L7116" s="1" t="s">
        <v>24965</v>
      </c>
      <c r="M7116" s="1" t="s">
        <v>5</v>
      </c>
      <c r="N7116" s="1" t="s">
        <v>6</v>
      </c>
      <c r="O7116" s="1" t="s">
        <v>8</v>
      </c>
      <c r="P7116" s="5"/>
    </row>
    <row r="7117" spans="1:16" x14ac:dyDescent="0.2">
      <c r="A7117" s="1" t="s">
        <v>10</v>
      </c>
      <c r="B7117" s="1" t="s">
        <v>10</v>
      </c>
      <c r="C7117" s="1" t="s">
        <v>24969</v>
      </c>
      <c r="D7117" s="1" t="s">
        <v>24969</v>
      </c>
      <c r="E7117" s="1" t="s">
        <v>24970</v>
      </c>
      <c r="F7117" s="1" t="s">
        <v>27</v>
      </c>
      <c r="G7117" s="1" t="s">
        <v>10</v>
      </c>
      <c r="H7117" s="1" t="s">
        <v>24971</v>
      </c>
      <c r="I7117" s="1" t="s">
        <v>22275</v>
      </c>
      <c r="J7117" s="1" t="s">
        <v>10</v>
      </c>
      <c r="K7117" s="1" t="s">
        <v>10</v>
      </c>
      <c r="L7117" s="1" t="s">
        <v>24968</v>
      </c>
      <c r="M7117" s="1" t="s">
        <v>5</v>
      </c>
      <c r="N7117" s="1" t="s">
        <v>960</v>
      </c>
      <c r="O7117" s="1" t="s">
        <v>8</v>
      </c>
      <c r="P7117" s="5" t="s">
        <v>10</v>
      </c>
    </row>
    <row r="7118" spans="1:16" x14ac:dyDescent="0.2">
      <c r="A7118" s="1" t="s">
        <v>2187</v>
      </c>
      <c r="B7118" s="1" t="s">
        <v>2206</v>
      </c>
      <c r="C7118" s="1" t="s">
        <v>24973</v>
      </c>
      <c r="D7118" s="1" t="s">
        <v>24974</v>
      </c>
      <c r="E7118" s="1" t="s">
        <v>24976</v>
      </c>
      <c r="F7118" s="1" t="s">
        <v>24975</v>
      </c>
      <c r="G7118" s="1" t="s">
        <v>10</v>
      </c>
      <c r="H7118" s="1" t="s">
        <v>10</v>
      </c>
      <c r="I7118" s="1" t="s">
        <v>22275</v>
      </c>
      <c r="J7118" s="1" t="s">
        <v>3899</v>
      </c>
      <c r="K7118" s="1" t="s">
        <v>64</v>
      </c>
      <c r="L7118" s="1" t="s">
        <v>24972</v>
      </c>
      <c r="M7118" s="1" t="s">
        <v>5</v>
      </c>
      <c r="N7118" s="1" t="s">
        <v>432</v>
      </c>
      <c r="O7118" s="1" t="s">
        <v>8</v>
      </c>
      <c r="P7118" s="5"/>
    </row>
    <row r="7119" spans="1:16" x14ac:dyDescent="0.2">
      <c r="A7119" s="1" t="s">
        <v>32</v>
      </c>
      <c r="B7119" s="1" t="s">
        <v>10</v>
      </c>
      <c r="C7119" s="1" t="s">
        <v>24978</v>
      </c>
      <c r="D7119" s="1" t="s">
        <v>24979</v>
      </c>
      <c r="E7119" s="1" t="s">
        <v>10</v>
      </c>
      <c r="F7119" s="1" t="s">
        <v>27</v>
      </c>
      <c r="G7119" s="1" t="s">
        <v>10</v>
      </c>
      <c r="H7119" s="1" t="s">
        <v>24980</v>
      </c>
      <c r="I7119" s="1" t="s">
        <v>22275</v>
      </c>
      <c r="J7119" s="1" t="s">
        <v>100</v>
      </c>
      <c r="K7119" s="1" t="s">
        <v>10</v>
      </c>
      <c r="L7119" s="1" t="s">
        <v>24977</v>
      </c>
      <c r="M7119" s="1" t="s">
        <v>5</v>
      </c>
      <c r="N7119" s="1" t="s">
        <v>6</v>
      </c>
      <c r="O7119" s="1" t="s">
        <v>8</v>
      </c>
      <c r="P7119" s="5" t="s">
        <v>8024</v>
      </c>
    </row>
    <row r="7120" spans="1:16" x14ac:dyDescent="0.2">
      <c r="A7120" s="1" t="s">
        <v>10</v>
      </c>
      <c r="B7120" s="1" t="s">
        <v>10</v>
      </c>
      <c r="C7120" s="1" t="s">
        <v>24982</v>
      </c>
      <c r="D7120" s="1" t="s">
        <v>7577</v>
      </c>
      <c r="E7120" s="1" t="s">
        <v>10</v>
      </c>
      <c r="F7120" s="1" t="s">
        <v>10</v>
      </c>
      <c r="G7120" s="1" t="s">
        <v>10</v>
      </c>
      <c r="H7120" s="1" t="s">
        <v>10</v>
      </c>
      <c r="I7120" s="1" t="s">
        <v>22275</v>
      </c>
      <c r="J7120" s="1" t="s">
        <v>10</v>
      </c>
      <c r="K7120" s="1" t="s">
        <v>10</v>
      </c>
      <c r="L7120" s="1" t="s">
        <v>24981</v>
      </c>
      <c r="M7120" s="1" t="s">
        <v>5</v>
      </c>
      <c r="N7120" s="1" t="s">
        <v>10</v>
      </c>
      <c r="O7120" s="1" t="s">
        <v>8</v>
      </c>
      <c r="P7120" s="5"/>
    </row>
    <row r="7121" spans="1:16" x14ac:dyDescent="0.2">
      <c r="A7121" s="1" t="s">
        <v>10</v>
      </c>
      <c r="B7121" s="1" t="s">
        <v>10</v>
      </c>
      <c r="C7121" s="1" t="s">
        <v>24984</v>
      </c>
      <c r="D7121" s="1" t="s">
        <v>24985</v>
      </c>
      <c r="E7121" s="1" t="s">
        <v>10</v>
      </c>
      <c r="F7121" s="1" t="s">
        <v>10</v>
      </c>
      <c r="G7121" s="1" t="s">
        <v>10</v>
      </c>
      <c r="H7121" s="1" t="s">
        <v>10</v>
      </c>
      <c r="I7121" s="1" t="s">
        <v>22275</v>
      </c>
      <c r="J7121" s="1" t="s">
        <v>10</v>
      </c>
      <c r="K7121" s="1" t="s">
        <v>10</v>
      </c>
      <c r="L7121" s="1" t="s">
        <v>24983</v>
      </c>
      <c r="M7121" s="1" t="s">
        <v>5</v>
      </c>
      <c r="N7121" s="1" t="s">
        <v>10</v>
      </c>
      <c r="O7121" s="1" t="s">
        <v>8</v>
      </c>
      <c r="P7121" s="5"/>
    </row>
    <row r="7122" spans="1:16" x14ac:dyDescent="0.2">
      <c r="A7122" s="1" t="s">
        <v>329</v>
      </c>
      <c r="B7122" s="1" t="s">
        <v>1976</v>
      </c>
      <c r="C7122" s="1" t="s">
        <v>24987</v>
      </c>
      <c r="D7122" s="1" t="s">
        <v>15339</v>
      </c>
      <c r="E7122" s="1" t="s">
        <v>24988</v>
      </c>
      <c r="F7122" s="1" t="s">
        <v>10</v>
      </c>
      <c r="G7122" s="1" t="s">
        <v>10</v>
      </c>
      <c r="H7122" s="1" t="s">
        <v>10</v>
      </c>
      <c r="I7122" s="1" t="s">
        <v>22275</v>
      </c>
      <c r="J7122" s="1" t="s">
        <v>3899</v>
      </c>
      <c r="K7122" s="1" t="s">
        <v>64</v>
      </c>
      <c r="L7122" s="1" t="s">
        <v>24986</v>
      </c>
      <c r="M7122" s="1" t="s">
        <v>5</v>
      </c>
      <c r="N7122" s="1" t="s">
        <v>6</v>
      </c>
      <c r="O7122" s="1" t="s">
        <v>8</v>
      </c>
      <c r="P7122" s="5"/>
    </row>
    <row r="7123" spans="1:16" x14ac:dyDescent="0.2">
      <c r="A7123" s="1" t="s">
        <v>2187</v>
      </c>
      <c r="B7123" s="1" t="s">
        <v>24993</v>
      </c>
      <c r="C7123" s="1" t="s">
        <v>24990</v>
      </c>
      <c r="D7123" s="1" t="s">
        <v>24991</v>
      </c>
      <c r="E7123" s="1" t="s">
        <v>24992</v>
      </c>
      <c r="F7123" s="1" t="s">
        <v>10</v>
      </c>
      <c r="G7123" s="1" t="s">
        <v>10</v>
      </c>
      <c r="H7123" s="1" t="s">
        <v>10</v>
      </c>
      <c r="I7123" s="1" t="s">
        <v>22275</v>
      </c>
      <c r="J7123" s="1" t="s">
        <v>3899</v>
      </c>
      <c r="K7123" s="1" t="s">
        <v>64</v>
      </c>
      <c r="L7123" s="1" t="s">
        <v>24989</v>
      </c>
      <c r="M7123" s="1" t="s">
        <v>5</v>
      </c>
      <c r="N7123" s="1" t="s">
        <v>432</v>
      </c>
      <c r="O7123" s="1" t="s">
        <v>8</v>
      </c>
      <c r="P7123" s="5"/>
    </row>
    <row r="7124" spans="1:16" x14ac:dyDescent="0.2">
      <c r="A7124" s="1" t="s">
        <v>10</v>
      </c>
      <c r="B7124" s="1" t="s">
        <v>10</v>
      </c>
      <c r="C7124" s="1" t="s">
        <v>24995</v>
      </c>
      <c r="D7124" s="1" t="s">
        <v>24996</v>
      </c>
      <c r="E7124" s="1" t="s">
        <v>10</v>
      </c>
      <c r="F7124" s="1" t="s">
        <v>10</v>
      </c>
      <c r="G7124" s="1" t="s">
        <v>10</v>
      </c>
      <c r="H7124" s="1" t="s">
        <v>10</v>
      </c>
      <c r="I7124" s="1" t="s">
        <v>22275</v>
      </c>
      <c r="J7124" s="1" t="s">
        <v>10</v>
      </c>
      <c r="K7124" s="1" t="s">
        <v>10</v>
      </c>
      <c r="L7124" s="1" t="s">
        <v>24994</v>
      </c>
      <c r="M7124" s="1" t="s">
        <v>5</v>
      </c>
      <c r="N7124" s="1" t="s">
        <v>10</v>
      </c>
      <c r="O7124" s="1" t="s">
        <v>8</v>
      </c>
      <c r="P7124" s="5"/>
    </row>
    <row r="7125" spans="1:16" x14ac:dyDescent="0.2">
      <c r="A7125" s="1" t="s">
        <v>10</v>
      </c>
      <c r="B7125" s="1" t="s">
        <v>10</v>
      </c>
      <c r="C7125" s="1" t="s">
        <v>24998</v>
      </c>
      <c r="D7125" s="1" t="s">
        <v>24996</v>
      </c>
      <c r="E7125" s="1" t="s">
        <v>10</v>
      </c>
      <c r="F7125" s="1" t="s">
        <v>10</v>
      </c>
      <c r="G7125" s="1" t="s">
        <v>10</v>
      </c>
      <c r="H7125" s="1" t="s">
        <v>10</v>
      </c>
      <c r="I7125" s="1" t="s">
        <v>22275</v>
      </c>
      <c r="J7125" s="1" t="s">
        <v>10</v>
      </c>
      <c r="K7125" s="1" t="s">
        <v>10</v>
      </c>
      <c r="L7125" s="1" t="s">
        <v>24997</v>
      </c>
      <c r="M7125" s="1" t="s">
        <v>5</v>
      </c>
      <c r="N7125" s="1" t="s">
        <v>10</v>
      </c>
      <c r="O7125" s="1" t="s">
        <v>8</v>
      </c>
      <c r="P7125" s="5"/>
    </row>
    <row r="7126" spans="1:16" x14ac:dyDescent="0.2">
      <c r="A7126" s="1" t="s">
        <v>10</v>
      </c>
      <c r="B7126" s="1" t="s">
        <v>10</v>
      </c>
      <c r="C7126" s="1" t="s">
        <v>25000</v>
      </c>
      <c r="D7126" s="1" t="s">
        <v>24991</v>
      </c>
      <c r="E7126" s="1" t="s">
        <v>10</v>
      </c>
      <c r="F7126" s="1" t="s">
        <v>10</v>
      </c>
      <c r="G7126" s="1" t="s">
        <v>10</v>
      </c>
      <c r="H7126" s="1" t="s">
        <v>10</v>
      </c>
      <c r="I7126" s="1" t="s">
        <v>22275</v>
      </c>
      <c r="J7126" s="1" t="s">
        <v>10</v>
      </c>
      <c r="K7126" s="1" t="s">
        <v>10</v>
      </c>
      <c r="L7126" s="1" t="s">
        <v>24999</v>
      </c>
      <c r="M7126" s="1" t="s">
        <v>5</v>
      </c>
      <c r="N7126" s="1" t="s">
        <v>10</v>
      </c>
      <c r="O7126" s="1" t="s">
        <v>8</v>
      </c>
      <c r="P7126" s="5"/>
    </row>
    <row r="7127" spans="1:16" x14ac:dyDescent="0.2">
      <c r="A7127" s="1" t="s">
        <v>10</v>
      </c>
      <c r="B7127" s="1" t="s">
        <v>10</v>
      </c>
      <c r="C7127" s="1" t="s">
        <v>25002</v>
      </c>
      <c r="D7127" s="1" t="s">
        <v>24991</v>
      </c>
      <c r="E7127" s="1" t="s">
        <v>10</v>
      </c>
      <c r="F7127" s="1" t="s">
        <v>10</v>
      </c>
      <c r="G7127" s="1" t="s">
        <v>10</v>
      </c>
      <c r="H7127" s="1" t="s">
        <v>10</v>
      </c>
      <c r="I7127" s="1" t="s">
        <v>22275</v>
      </c>
      <c r="J7127" s="1" t="s">
        <v>10</v>
      </c>
      <c r="K7127" s="1" t="s">
        <v>10</v>
      </c>
      <c r="L7127" s="1" t="s">
        <v>25001</v>
      </c>
      <c r="M7127" s="1" t="s">
        <v>5</v>
      </c>
      <c r="N7127" s="1" t="s">
        <v>10</v>
      </c>
      <c r="O7127" s="1" t="s">
        <v>8</v>
      </c>
      <c r="P7127" s="5"/>
    </row>
    <row r="7128" spans="1:16" x14ac:dyDescent="0.2">
      <c r="A7128" s="1" t="s">
        <v>2187</v>
      </c>
      <c r="B7128" s="1" t="s">
        <v>24993</v>
      </c>
      <c r="C7128" s="1" t="s">
        <v>25004</v>
      </c>
      <c r="D7128" s="1" t="s">
        <v>10</v>
      </c>
      <c r="E7128" s="1" t="s">
        <v>25005</v>
      </c>
      <c r="F7128" s="1" t="s">
        <v>10</v>
      </c>
      <c r="G7128" s="1" t="s">
        <v>10</v>
      </c>
      <c r="H7128" s="1" t="s">
        <v>10</v>
      </c>
      <c r="I7128" s="1" t="s">
        <v>22275</v>
      </c>
      <c r="J7128" s="1" t="s">
        <v>3899</v>
      </c>
      <c r="K7128" s="1" t="s">
        <v>1563</v>
      </c>
      <c r="L7128" s="1" t="s">
        <v>25003</v>
      </c>
      <c r="M7128" s="1" t="s">
        <v>5</v>
      </c>
      <c r="N7128" s="1" t="s">
        <v>6</v>
      </c>
      <c r="O7128" s="1" t="s">
        <v>8</v>
      </c>
      <c r="P7128" s="5"/>
    </row>
    <row r="7129" spans="1:16" x14ac:dyDescent="0.2">
      <c r="A7129" s="1" t="s">
        <v>10</v>
      </c>
      <c r="B7129" s="1" t="s">
        <v>10</v>
      </c>
      <c r="C7129" s="1" t="s">
        <v>25007</v>
      </c>
      <c r="D7129" s="1" t="s">
        <v>25008</v>
      </c>
      <c r="E7129" s="1"/>
      <c r="F7129" s="1" t="s">
        <v>10</v>
      </c>
      <c r="G7129" s="1" t="s">
        <v>10</v>
      </c>
      <c r="H7129" s="1" t="s">
        <v>10</v>
      </c>
      <c r="I7129" s="1" t="s">
        <v>22275</v>
      </c>
      <c r="J7129" s="1" t="s">
        <v>3899</v>
      </c>
      <c r="K7129" s="1" t="s">
        <v>10</v>
      </c>
      <c r="L7129" s="1" t="s">
        <v>25006</v>
      </c>
      <c r="M7129" s="1" t="s">
        <v>5</v>
      </c>
      <c r="N7129" s="1" t="s">
        <v>6</v>
      </c>
      <c r="O7129" s="1" t="s">
        <v>8</v>
      </c>
      <c r="P7129" s="5"/>
    </row>
    <row r="7130" spans="1:16" x14ac:dyDescent="0.2">
      <c r="A7130" s="1" t="s">
        <v>329</v>
      </c>
      <c r="B7130" s="1" t="s">
        <v>10</v>
      </c>
      <c r="C7130" s="1" t="s">
        <v>25010</v>
      </c>
      <c r="D7130" s="1" t="s">
        <v>25011</v>
      </c>
      <c r="E7130" s="1" t="s">
        <v>25014</v>
      </c>
      <c r="F7130" s="1" t="s">
        <v>10</v>
      </c>
      <c r="G7130" s="1" t="s">
        <v>10</v>
      </c>
      <c r="H7130" s="1" t="s">
        <v>10</v>
      </c>
      <c r="I7130" s="1" t="s">
        <v>22275</v>
      </c>
      <c r="J7130" s="1" t="s">
        <v>25013</v>
      </c>
      <c r="K7130" s="1" t="s">
        <v>25012</v>
      </c>
      <c r="L7130" s="1" t="s">
        <v>25009</v>
      </c>
      <c r="M7130" s="1" t="s">
        <v>5</v>
      </c>
      <c r="N7130" s="1" t="s">
        <v>25</v>
      </c>
      <c r="O7130" s="1" t="s">
        <v>38</v>
      </c>
      <c r="P7130" s="5"/>
    </row>
    <row r="7131" spans="1:16" x14ac:dyDescent="0.2">
      <c r="A7131" s="1" t="s">
        <v>42</v>
      </c>
      <c r="B7131" s="1" t="s">
        <v>356</v>
      </c>
      <c r="C7131" s="1" t="s">
        <v>25016</v>
      </c>
      <c r="D7131" s="1" t="s">
        <v>25017</v>
      </c>
      <c r="E7131" s="1"/>
      <c r="F7131" s="1" t="s">
        <v>10</v>
      </c>
      <c r="G7131" s="1" t="s">
        <v>10</v>
      </c>
      <c r="H7131" s="1" t="s">
        <v>10</v>
      </c>
      <c r="I7131" s="1" t="s">
        <v>22275</v>
      </c>
      <c r="J7131" s="1" t="s">
        <v>15496</v>
      </c>
      <c r="K7131" s="1" t="s">
        <v>7787</v>
      </c>
      <c r="L7131" s="1" t="s">
        <v>25015</v>
      </c>
      <c r="M7131" s="1" t="s">
        <v>5</v>
      </c>
      <c r="N7131" s="1" t="s">
        <v>25</v>
      </c>
      <c r="O7131" s="1" t="s">
        <v>8</v>
      </c>
      <c r="P7131" s="5"/>
    </row>
    <row r="7132" spans="1:16" x14ac:dyDescent="0.2">
      <c r="A7132" s="1" t="s">
        <v>329</v>
      </c>
      <c r="B7132" s="1" t="s">
        <v>330</v>
      </c>
      <c r="C7132" s="1" t="s">
        <v>25019</v>
      </c>
      <c r="D7132" s="1" t="s">
        <v>25020</v>
      </c>
      <c r="E7132" s="1" t="s">
        <v>25021</v>
      </c>
      <c r="F7132" s="1" t="s">
        <v>10</v>
      </c>
      <c r="G7132" s="1" t="s">
        <v>10</v>
      </c>
      <c r="H7132" s="1" t="s">
        <v>10</v>
      </c>
      <c r="I7132" s="1" t="s">
        <v>22275</v>
      </c>
      <c r="J7132" s="1" t="s">
        <v>3899</v>
      </c>
      <c r="K7132" s="1" t="s">
        <v>64</v>
      </c>
      <c r="L7132" s="1" t="s">
        <v>25018</v>
      </c>
      <c r="M7132" s="1" t="s">
        <v>5</v>
      </c>
      <c r="N7132" s="1" t="s">
        <v>960</v>
      </c>
      <c r="O7132" s="1" t="s">
        <v>8</v>
      </c>
      <c r="P7132" s="5"/>
    </row>
    <row r="7133" spans="1:16" x14ac:dyDescent="0.2">
      <c r="A7133" s="1" t="s">
        <v>10</v>
      </c>
      <c r="B7133" s="1" t="s">
        <v>10</v>
      </c>
      <c r="C7133" s="1" t="s">
        <v>25023</v>
      </c>
      <c r="D7133" s="1" t="s">
        <v>25024</v>
      </c>
      <c r="E7133" s="1" t="s">
        <v>10</v>
      </c>
      <c r="F7133" s="1" t="s">
        <v>10</v>
      </c>
      <c r="G7133" s="1" t="s">
        <v>10</v>
      </c>
      <c r="H7133" s="1" t="s">
        <v>10</v>
      </c>
      <c r="I7133" s="1" t="s">
        <v>22275</v>
      </c>
      <c r="J7133" s="1" t="s">
        <v>10</v>
      </c>
      <c r="K7133" s="1" t="s">
        <v>10</v>
      </c>
      <c r="L7133" s="1" t="s">
        <v>25022</v>
      </c>
      <c r="M7133" s="1" t="s">
        <v>5</v>
      </c>
      <c r="N7133" s="1" t="s">
        <v>10</v>
      </c>
      <c r="O7133" s="1" t="s">
        <v>8</v>
      </c>
      <c r="P7133" s="5"/>
    </row>
    <row r="7134" spans="1:16" x14ac:dyDescent="0.2">
      <c r="A7134" s="1" t="s">
        <v>20</v>
      </c>
      <c r="B7134" s="1" t="s">
        <v>21</v>
      </c>
      <c r="C7134" s="1" t="s">
        <v>25026</v>
      </c>
      <c r="D7134" s="1" t="s">
        <v>25027</v>
      </c>
      <c r="E7134" s="1"/>
      <c r="F7134" s="1" t="s">
        <v>10</v>
      </c>
      <c r="G7134" s="1" t="s">
        <v>10</v>
      </c>
      <c r="H7134" s="1" t="s">
        <v>10</v>
      </c>
      <c r="I7134" s="1" t="s">
        <v>22275</v>
      </c>
      <c r="J7134" s="1" t="s">
        <v>1561</v>
      </c>
      <c r="K7134" s="1" t="s">
        <v>10</v>
      </c>
      <c r="L7134" s="1" t="s">
        <v>25025</v>
      </c>
      <c r="M7134" s="1" t="s">
        <v>5</v>
      </c>
      <c r="N7134" s="1" t="s">
        <v>6</v>
      </c>
      <c r="O7134" s="1" t="s">
        <v>8</v>
      </c>
      <c r="P7134" s="5"/>
    </row>
    <row r="7135" spans="1:16" x14ac:dyDescent="0.2">
      <c r="A7135" s="1" t="s">
        <v>20</v>
      </c>
      <c r="B7135" s="1" t="s">
        <v>10</v>
      </c>
      <c r="C7135" s="1" t="s">
        <v>25029</v>
      </c>
      <c r="D7135" s="1" t="s">
        <v>10</v>
      </c>
      <c r="E7135" s="1" t="s">
        <v>25030</v>
      </c>
      <c r="F7135" s="1" t="s">
        <v>10</v>
      </c>
      <c r="G7135" s="1" t="s">
        <v>10</v>
      </c>
      <c r="H7135" s="1" t="s">
        <v>10</v>
      </c>
      <c r="I7135" s="1" t="s">
        <v>22275</v>
      </c>
      <c r="J7135" s="1" t="s">
        <v>3899</v>
      </c>
      <c r="K7135" s="1" t="s">
        <v>10</v>
      </c>
      <c r="L7135" s="1" t="s">
        <v>25028</v>
      </c>
      <c r="M7135" s="1" t="s">
        <v>5</v>
      </c>
      <c r="N7135" s="1" t="s">
        <v>1009</v>
      </c>
      <c r="O7135" s="1" t="s">
        <v>8</v>
      </c>
      <c r="P7135" s="5" t="s">
        <v>10</v>
      </c>
    </row>
    <row r="7136" spans="1:16" x14ac:dyDescent="0.2">
      <c r="A7136" s="1" t="s">
        <v>66</v>
      </c>
      <c r="B7136" s="1" t="s">
        <v>574</v>
      </c>
      <c r="C7136" s="1" t="s">
        <v>25032</v>
      </c>
      <c r="D7136" s="1" t="s">
        <v>6376</v>
      </c>
      <c r="E7136" s="1"/>
      <c r="F7136" s="1" t="s">
        <v>10</v>
      </c>
      <c r="G7136" s="1" t="s">
        <v>10</v>
      </c>
      <c r="H7136" s="1" t="s">
        <v>10</v>
      </c>
      <c r="I7136" s="1" t="s">
        <v>22275</v>
      </c>
      <c r="J7136" s="1" t="s">
        <v>10</v>
      </c>
      <c r="K7136" s="1" t="s">
        <v>443</v>
      </c>
      <c r="L7136" s="1" t="s">
        <v>25031</v>
      </c>
      <c r="M7136" s="1" t="s">
        <v>5</v>
      </c>
      <c r="N7136" s="1" t="s">
        <v>25</v>
      </c>
      <c r="O7136" s="1" t="s">
        <v>8</v>
      </c>
      <c r="P7136" s="5"/>
    </row>
    <row r="7137" spans="1:16" x14ac:dyDescent="0.2">
      <c r="A7137" s="1" t="s">
        <v>1385</v>
      </c>
      <c r="B7137" s="1" t="s">
        <v>2028</v>
      </c>
      <c r="C7137" s="1" t="s">
        <v>25034</v>
      </c>
      <c r="D7137" s="1" t="s">
        <v>25035</v>
      </c>
      <c r="E7137" s="1" t="s">
        <v>25036</v>
      </c>
      <c r="F7137" s="1" t="s">
        <v>10</v>
      </c>
      <c r="G7137" s="1" t="s">
        <v>10</v>
      </c>
      <c r="H7137" s="1" t="s">
        <v>10</v>
      </c>
      <c r="I7137" s="1" t="s">
        <v>22275</v>
      </c>
      <c r="J7137" s="1" t="s">
        <v>3899</v>
      </c>
      <c r="K7137" s="1" t="s">
        <v>64</v>
      </c>
      <c r="L7137" s="1" t="s">
        <v>25033</v>
      </c>
      <c r="M7137" s="1" t="s">
        <v>5</v>
      </c>
      <c r="N7137" s="1" t="s">
        <v>960</v>
      </c>
      <c r="O7137" s="1" t="s">
        <v>38</v>
      </c>
      <c r="P7137" s="5"/>
    </row>
    <row r="7138" spans="1:16" x14ac:dyDescent="0.2">
      <c r="A7138" s="1" t="s">
        <v>423</v>
      </c>
      <c r="B7138" s="1" t="s">
        <v>424</v>
      </c>
      <c r="C7138" s="1" t="s">
        <v>25038</v>
      </c>
      <c r="D7138" s="1" t="s">
        <v>25039</v>
      </c>
      <c r="E7138" s="1"/>
      <c r="F7138" s="1" t="s">
        <v>10</v>
      </c>
      <c r="G7138" s="1" t="s">
        <v>10</v>
      </c>
      <c r="H7138" s="1" t="s">
        <v>10</v>
      </c>
      <c r="I7138" s="1" t="s">
        <v>22275</v>
      </c>
      <c r="J7138" s="1" t="s">
        <v>3899</v>
      </c>
      <c r="K7138" s="1" t="s">
        <v>10</v>
      </c>
      <c r="L7138" s="1" t="s">
        <v>25037</v>
      </c>
      <c r="M7138" s="1" t="s">
        <v>5</v>
      </c>
      <c r="N7138" s="1" t="s">
        <v>25</v>
      </c>
      <c r="O7138" s="1" t="s">
        <v>8</v>
      </c>
      <c r="P7138" s="5"/>
    </row>
    <row r="7139" spans="1:16" x14ac:dyDescent="0.2">
      <c r="A7139" s="1" t="s">
        <v>32</v>
      </c>
      <c r="B7139" s="1" t="s">
        <v>10</v>
      </c>
      <c r="C7139" s="1" t="s">
        <v>25041</v>
      </c>
      <c r="D7139" s="1" t="s">
        <v>25041</v>
      </c>
      <c r="E7139" s="1" t="s">
        <v>25042</v>
      </c>
      <c r="F7139" s="1" t="s">
        <v>10</v>
      </c>
      <c r="G7139" s="1" t="s">
        <v>10</v>
      </c>
      <c r="H7139" s="1" t="s">
        <v>10</v>
      </c>
      <c r="I7139" s="1" t="s">
        <v>22275</v>
      </c>
      <c r="J7139" s="1" t="s">
        <v>3899</v>
      </c>
      <c r="K7139" s="1" t="s">
        <v>64</v>
      </c>
      <c r="L7139" s="1" t="s">
        <v>25040</v>
      </c>
      <c r="M7139" s="1" t="s">
        <v>5</v>
      </c>
      <c r="N7139" s="1" t="s">
        <v>25</v>
      </c>
      <c r="O7139" s="1" t="s">
        <v>8</v>
      </c>
      <c r="P7139" s="5" t="s">
        <v>10</v>
      </c>
    </row>
    <row r="7140" spans="1:16" x14ac:dyDescent="0.2">
      <c r="A7140" s="1" t="s">
        <v>329</v>
      </c>
      <c r="B7140" s="1" t="s">
        <v>1168</v>
      </c>
      <c r="C7140" s="1" t="s">
        <v>25044</v>
      </c>
      <c r="D7140" s="1" t="s">
        <v>25045</v>
      </c>
      <c r="E7140" s="1" t="s">
        <v>25046</v>
      </c>
      <c r="F7140" s="1" t="s">
        <v>10</v>
      </c>
      <c r="G7140" s="1" t="s">
        <v>10</v>
      </c>
      <c r="H7140" s="1" t="s">
        <v>10</v>
      </c>
      <c r="I7140" s="1" t="s">
        <v>22275</v>
      </c>
      <c r="J7140" s="1" t="s">
        <v>3899</v>
      </c>
      <c r="K7140" s="1" t="s">
        <v>10</v>
      </c>
      <c r="L7140" s="1" t="s">
        <v>25043</v>
      </c>
      <c r="M7140" s="1" t="s">
        <v>5</v>
      </c>
      <c r="N7140" s="1" t="s">
        <v>6</v>
      </c>
      <c r="O7140" s="1" t="s">
        <v>8</v>
      </c>
      <c r="P7140" s="5" t="s">
        <v>10</v>
      </c>
    </row>
    <row r="7141" spans="1:16" x14ac:dyDescent="0.2">
      <c r="A7141" s="1" t="s">
        <v>329</v>
      </c>
      <c r="B7141" s="1" t="s">
        <v>1168</v>
      </c>
      <c r="C7141" s="1" t="s">
        <v>25048</v>
      </c>
      <c r="D7141" s="1" t="s">
        <v>25049</v>
      </c>
      <c r="E7141" s="1" t="s">
        <v>25050</v>
      </c>
      <c r="F7141" s="1" t="s">
        <v>10</v>
      </c>
      <c r="G7141" s="1" t="s">
        <v>10</v>
      </c>
      <c r="H7141" s="1" t="s">
        <v>10</v>
      </c>
      <c r="I7141" s="1" t="s">
        <v>22275</v>
      </c>
      <c r="J7141" s="1" t="s">
        <v>3899</v>
      </c>
      <c r="K7141" s="1" t="s">
        <v>10</v>
      </c>
      <c r="L7141" s="1" t="s">
        <v>25047</v>
      </c>
      <c r="M7141" s="1" t="s">
        <v>5</v>
      </c>
      <c r="N7141" s="1" t="s">
        <v>6</v>
      </c>
      <c r="O7141" s="1" t="s">
        <v>8</v>
      </c>
      <c r="P7141" s="5" t="s">
        <v>10</v>
      </c>
    </row>
    <row r="7142" spans="1:16" x14ac:dyDescent="0.2">
      <c r="A7142" s="1" t="s">
        <v>10</v>
      </c>
      <c r="B7142" s="1" t="s">
        <v>10</v>
      </c>
      <c r="C7142" s="1" t="s">
        <v>25052</v>
      </c>
      <c r="D7142" s="1" t="s">
        <v>25053</v>
      </c>
      <c r="E7142" s="1" t="s">
        <v>10</v>
      </c>
      <c r="F7142" s="1" t="s">
        <v>10</v>
      </c>
      <c r="G7142" s="1" t="s">
        <v>10</v>
      </c>
      <c r="H7142" s="1" t="s">
        <v>10</v>
      </c>
      <c r="I7142" s="1" t="s">
        <v>22275</v>
      </c>
      <c r="J7142" s="1" t="s">
        <v>10</v>
      </c>
      <c r="K7142" s="1" t="s">
        <v>10</v>
      </c>
      <c r="L7142" s="1" t="s">
        <v>25051</v>
      </c>
      <c r="M7142" s="1" t="s">
        <v>5</v>
      </c>
      <c r="N7142" s="1" t="s">
        <v>10</v>
      </c>
      <c r="O7142" s="1" t="s">
        <v>8</v>
      </c>
      <c r="P7142" s="5"/>
    </row>
    <row r="7143" spans="1:16" x14ac:dyDescent="0.2">
      <c r="A7143" s="1" t="s">
        <v>10</v>
      </c>
      <c r="B7143" s="1" t="s">
        <v>10</v>
      </c>
      <c r="C7143" s="1" t="s">
        <v>25055</v>
      </c>
      <c r="D7143" s="1" t="s">
        <v>2208</v>
      </c>
      <c r="E7143" s="1" t="s">
        <v>10</v>
      </c>
      <c r="F7143" s="1" t="s">
        <v>10</v>
      </c>
      <c r="G7143" s="1" t="s">
        <v>10</v>
      </c>
      <c r="H7143" s="1" t="s">
        <v>10</v>
      </c>
      <c r="I7143" s="1" t="s">
        <v>22275</v>
      </c>
      <c r="J7143" s="1" t="s">
        <v>10</v>
      </c>
      <c r="K7143" s="1" t="s">
        <v>10</v>
      </c>
      <c r="L7143" s="1" t="s">
        <v>25054</v>
      </c>
      <c r="M7143" s="1" t="s">
        <v>5</v>
      </c>
      <c r="N7143" s="1" t="s">
        <v>10</v>
      </c>
      <c r="O7143" s="1" t="s">
        <v>8</v>
      </c>
      <c r="P7143" s="5"/>
    </row>
    <row r="7144" spans="1:16" x14ac:dyDescent="0.2">
      <c r="A7144" s="1" t="s">
        <v>66</v>
      </c>
      <c r="B7144" s="1" t="s">
        <v>276</v>
      </c>
      <c r="C7144" s="1" t="s">
        <v>25057</v>
      </c>
      <c r="D7144" s="1" t="s">
        <v>25057</v>
      </c>
      <c r="E7144" s="1" t="s">
        <v>25058</v>
      </c>
      <c r="F7144" s="1" t="s">
        <v>10</v>
      </c>
      <c r="G7144" s="1" t="s">
        <v>10</v>
      </c>
      <c r="H7144" s="1" t="s">
        <v>10</v>
      </c>
      <c r="I7144" s="1" t="s">
        <v>22275</v>
      </c>
      <c r="J7144" s="1" t="s">
        <v>3899</v>
      </c>
      <c r="K7144" s="1" t="s">
        <v>64</v>
      </c>
      <c r="L7144" s="1" t="s">
        <v>25056</v>
      </c>
      <c r="M7144" s="1" t="s">
        <v>5</v>
      </c>
      <c r="N7144" s="1" t="s">
        <v>25</v>
      </c>
      <c r="O7144" s="1" t="s">
        <v>8</v>
      </c>
      <c r="P7144" s="5"/>
    </row>
    <row r="7145" spans="1:16" x14ac:dyDescent="0.2">
      <c r="A7145" s="1" t="s">
        <v>10</v>
      </c>
      <c r="B7145" s="1" t="s">
        <v>10</v>
      </c>
      <c r="C7145" s="1" t="s">
        <v>11076</v>
      </c>
      <c r="D7145" s="1" t="s">
        <v>2060</v>
      </c>
      <c r="E7145" s="1" t="s">
        <v>10</v>
      </c>
      <c r="F7145" s="1" t="s">
        <v>10</v>
      </c>
      <c r="G7145" s="1" t="s">
        <v>10</v>
      </c>
      <c r="H7145" s="1" t="s">
        <v>10</v>
      </c>
      <c r="I7145" s="1" t="s">
        <v>22275</v>
      </c>
      <c r="J7145" s="1" t="s">
        <v>10</v>
      </c>
      <c r="K7145" s="1" t="s">
        <v>10</v>
      </c>
      <c r="L7145" s="1" t="s">
        <v>25059</v>
      </c>
      <c r="M7145" s="1" t="s">
        <v>5</v>
      </c>
      <c r="N7145" s="1" t="s">
        <v>10</v>
      </c>
      <c r="O7145" s="1" t="s">
        <v>8</v>
      </c>
      <c r="P7145" s="5"/>
    </row>
    <row r="7146" spans="1:16" x14ac:dyDescent="0.2">
      <c r="A7146" s="1" t="s">
        <v>32</v>
      </c>
      <c r="B7146" s="1" t="s">
        <v>10</v>
      </c>
      <c r="C7146" s="1" t="s">
        <v>25061</v>
      </c>
      <c r="D7146" s="1" t="s">
        <v>25061</v>
      </c>
      <c r="E7146" s="1"/>
      <c r="F7146" s="1" t="s">
        <v>10</v>
      </c>
      <c r="G7146" s="1" t="s">
        <v>10</v>
      </c>
      <c r="H7146" s="1" t="s">
        <v>10</v>
      </c>
      <c r="I7146" s="1" t="s">
        <v>22275</v>
      </c>
      <c r="J7146" s="1" t="s">
        <v>1561</v>
      </c>
      <c r="K7146" s="1" t="s">
        <v>10</v>
      </c>
      <c r="L7146" s="1" t="s">
        <v>25060</v>
      </c>
      <c r="M7146" s="1" t="s">
        <v>5</v>
      </c>
      <c r="N7146" s="1" t="s">
        <v>6</v>
      </c>
      <c r="O7146" s="1" t="s">
        <v>38</v>
      </c>
      <c r="P7146" s="5" t="s">
        <v>10</v>
      </c>
    </row>
    <row r="7147" spans="1:16" x14ac:dyDescent="0.2">
      <c r="A7147" s="1" t="s">
        <v>10</v>
      </c>
      <c r="B7147" s="1" t="s">
        <v>10</v>
      </c>
      <c r="C7147" s="1" t="s">
        <v>25063</v>
      </c>
      <c r="D7147" s="1" t="s">
        <v>25064</v>
      </c>
      <c r="E7147" s="1" t="s">
        <v>25066</v>
      </c>
      <c r="F7147" s="1" t="s">
        <v>10</v>
      </c>
      <c r="G7147" s="1" t="s">
        <v>10</v>
      </c>
      <c r="H7147" s="1" t="s">
        <v>10</v>
      </c>
      <c r="I7147" s="1" t="s">
        <v>22275</v>
      </c>
      <c r="J7147" s="1" t="s">
        <v>3899</v>
      </c>
      <c r="K7147" s="1" t="s">
        <v>25065</v>
      </c>
      <c r="L7147" s="1" t="s">
        <v>25062</v>
      </c>
      <c r="M7147" s="1" t="s">
        <v>5</v>
      </c>
      <c r="N7147" s="1" t="s">
        <v>432</v>
      </c>
      <c r="O7147" s="1" t="s">
        <v>8</v>
      </c>
      <c r="P7147" s="5"/>
    </row>
    <row r="7148" spans="1:16" x14ac:dyDescent="0.2">
      <c r="A7148" s="1" t="s">
        <v>10</v>
      </c>
      <c r="B7148" s="1" t="s">
        <v>10</v>
      </c>
      <c r="C7148" s="1" t="s">
        <v>25068</v>
      </c>
      <c r="D7148" s="1" t="s">
        <v>25069</v>
      </c>
      <c r="E7148" s="1" t="s">
        <v>10</v>
      </c>
      <c r="F7148" s="1" t="s">
        <v>10</v>
      </c>
      <c r="G7148" s="1" t="s">
        <v>10</v>
      </c>
      <c r="H7148" s="1" t="s">
        <v>10</v>
      </c>
      <c r="I7148" s="1" t="s">
        <v>22275</v>
      </c>
      <c r="J7148" s="1" t="s">
        <v>10</v>
      </c>
      <c r="K7148" s="1" t="s">
        <v>10</v>
      </c>
      <c r="L7148" s="1" t="s">
        <v>25067</v>
      </c>
      <c r="M7148" s="1" t="s">
        <v>5</v>
      </c>
      <c r="N7148" s="1" t="s">
        <v>10</v>
      </c>
      <c r="O7148" s="1" t="s">
        <v>8</v>
      </c>
      <c r="P7148" s="5"/>
    </row>
    <row r="7149" spans="1:16" x14ac:dyDescent="0.2">
      <c r="A7149" s="1" t="s">
        <v>10</v>
      </c>
      <c r="B7149" s="1" t="s">
        <v>10</v>
      </c>
      <c r="C7149" s="1" t="s">
        <v>25071</v>
      </c>
      <c r="D7149" s="1" t="s">
        <v>25069</v>
      </c>
      <c r="E7149" s="1" t="s">
        <v>10</v>
      </c>
      <c r="F7149" s="1" t="s">
        <v>10</v>
      </c>
      <c r="G7149" s="1" t="s">
        <v>10</v>
      </c>
      <c r="H7149" s="1" t="s">
        <v>10</v>
      </c>
      <c r="I7149" s="1" t="s">
        <v>22275</v>
      </c>
      <c r="J7149" s="1" t="s">
        <v>10</v>
      </c>
      <c r="K7149" s="1" t="s">
        <v>10</v>
      </c>
      <c r="L7149" s="1" t="s">
        <v>25070</v>
      </c>
      <c r="M7149" s="1" t="s">
        <v>5</v>
      </c>
      <c r="N7149" s="1" t="s">
        <v>10</v>
      </c>
      <c r="O7149" s="1" t="s">
        <v>8</v>
      </c>
      <c r="P7149" s="5"/>
    </row>
    <row r="7150" spans="1:16" x14ac:dyDescent="0.2">
      <c r="A7150" s="1" t="s">
        <v>1086</v>
      </c>
      <c r="B7150" s="1" t="s">
        <v>1400</v>
      </c>
      <c r="C7150" s="1" t="s">
        <v>25073</v>
      </c>
      <c r="D7150" s="1" t="s">
        <v>24635</v>
      </c>
      <c r="E7150" s="1" t="s">
        <v>25074</v>
      </c>
      <c r="F7150" s="1" t="s">
        <v>10</v>
      </c>
      <c r="G7150" s="1" t="s">
        <v>10</v>
      </c>
      <c r="H7150" s="1" t="s">
        <v>10</v>
      </c>
      <c r="I7150" s="1" t="s">
        <v>22275</v>
      </c>
      <c r="J7150" s="1" t="s">
        <v>3899</v>
      </c>
      <c r="K7150" s="1" t="s">
        <v>10</v>
      </c>
      <c r="L7150" s="1" t="s">
        <v>25072</v>
      </c>
      <c r="M7150" s="1" t="s">
        <v>5</v>
      </c>
      <c r="N7150" s="1" t="s">
        <v>960</v>
      </c>
      <c r="O7150" s="1" t="s">
        <v>38</v>
      </c>
      <c r="P7150" s="5" t="s">
        <v>10</v>
      </c>
    </row>
    <row r="7151" spans="1:16" x14ac:dyDescent="0.2">
      <c r="A7151" s="1" t="s">
        <v>10</v>
      </c>
      <c r="B7151" s="1" t="s">
        <v>10</v>
      </c>
      <c r="C7151" s="1" t="s">
        <v>25076</v>
      </c>
      <c r="D7151" s="1" t="s">
        <v>10</v>
      </c>
      <c r="E7151" s="1" t="s">
        <v>10</v>
      </c>
      <c r="F7151" s="1" t="s">
        <v>10</v>
      </c>
      <c r="G7151" s="1" t="s">
        <v>10</v>
      </c>
      <c r="H7151" s="1" t="s">
        <v>10</v>
      </c>
      <c r="I7151" s="1" t="s">
        <v>22275</v>
      </c>
      <c r="J7151" s="1" t="s">
        <v>10</v>
      </c>
      <c r="K7151" s="1" t="s">
        <v>10</v>
      </c>
      <c r="L7151" s="1" t="s">
        <v>25075</v>
      </c>
      <c r="M7151" s="1" t="s">
        <v>5</v>
      </c>
      <c r="N7151" s="1" t="s">
        <v>10</v>
      </c>
      <c r="O7151" s="1" t="s">
        <v>8</v>
      </c>
      <c r="P7151" s="5"/>
    </row>
    <row r="7152" spans="1:16" x14ac:dyDescent="0.2">
      <c r="A7152" s="1" t="s">
        <v>10</v>
      </c>
      <c r="B7152" s="1" t="s">
        <v>10</v>
      </c>
      <c r="C7152" s="1" t="s">
        <v>25078</v>
      </c>
      <c r="D7152" s="1" t="s">
        <v>25078</v>
      </c>
      <c r="E7152" s="1" t="s">
        <v>10</v>
      </c>
      <c r="F7152" s="1" t="s">
        <v>10</v>
      </c>
      <c r="G7152" s="1" t="s">
        <v>10</v>
      </c>
      <c r="H7152" s="1" t="s">
        <v>10</v>
      </c>
      <c r="I7152" s="1" t="s">
        <v>22275</v>
      </c>
      <c r="J7152" s="1" t="s">
        <v>10</v>
      </c>
      <c r="K7152" s="1" t="s">
        <v>10</v>
      </c>
      <c r="L7152" s="1" t="s">
        <v>25077</v>
      </c>
      <c r="M7152" s="1" t="s">
        <v>5</v>
      </c>
      <c r="N7152" s="1" t="s">
        <v>10</v>
      </c>
      <c r="O7152" s="1" t="s">
        <v>8</v>
      </c>
      <c r="P7152" s="5"/>
    </row>
    <row r="7153" spans="1:16" x14ac:dyDescent="0.2">
      <c r="A7153" s="1" t="s">
        <v>423</v>
      </c>
      <c r="B7153" s="1" t="s">
        <v>2587</v>
      </c>
      <c r="C7153" s="1" t="s">
        <v>25080</v>
      </c>
      <c r="D7153" s="1" t="s">
        <v>20400</v>
      </c>
      <c r="E7153" s="1" t="s">
        <v>25081</v>
      </c>
      <c r="F7153" s="1" t="s">
        <v>27</v>
      </c>
      <c r="G7153" s="1" t="s">
        <v>10</v>
      </c>
      <c r="H7153" s="1" t="s">
        <v>25082</v>
      </c>
      <c r="I7153" s="1" t="s">
        <v>22275</v>
      </c>
      <c r="J7153" s="1" t="s">
        <v>3899</v>
      </c>
      <c r="K7153" s="1" t="s">
        <v>10</v>
      </c>
      <c r="L7153" s="1" t="s">
        <v>25079</v>
      </c>
      <c r="M7153" s="1" t="s">
        <v>5</v>
      </c>
      <c r="N7153" s="1" t="s">
        <v>960</v>
      </c>
      <c r="O7153" s="1" t="s">
        <v>8</v>
      </c>
      <c r="P7153" s="5" t="s">
        <v>10</v>
      </c>
    </row>
    <row r="7154" spans="1:16" x14ac:dyDescent="0.2">
      <c r="A7154" s="1" t="s">
        <v>10</v>
      </c>
      <c r="B7154" s="1" t="s">
        <v>10</v>
      </c>
      <c r="C7154" s="1" t="s">
        <v>25084</v>
      </c>
      <c r="D7154" s="1" t="s">
        <v>25085</v>
      </c>
      <c r="E7154" s="1" t="s">
        <v>10</v>
      </c>
      <c r="F7154" s="1" t="s">
        <v>10</v>
      </c>
      <c r="G7154" s="1" t="s">
        <v>10</v>
      </c>
      <c r="H7154" s="1" t="s">
        <v>10</v>
      </c>
      <c r="I7154" s="1" t="s">
        <v>22275</v>
      </c>
      <c r="J7154" s="1" t="s">
        <v>10</v>
      </c>
      <c r="K7154" s="1" t="s">
        <v>10</v>
      </c>
      <c r="L7154" s="1" t="s">
        <v>25083</v>
      </c>
      <c r="M7154" s="1" t="s">
        <v>5</v>
      </c>
      <c r="N7154" s="1" t="s">
        <v>10</v>
      </c>
      <c r="O7154" s="1" t="s">
        <v>8</v>
      </c>
      <c r="P7154" s="5"/>
    </row>
    <row r="7155" spans="1:16" x14ac:dyDescent="0.2">
      <c r="A7155" s="1" t="s">
        <v>423</v>
      </c>
      <c r="B7155" s="1" t="s">
        <v>9015</v>
      </c>
      <c r="C7155" s="1" t="s">
        <v>25087</v>
      </c>
      <c r="D7155" s="1" t="s">
        <v>25088</v>
      </c>
      <c r="E7155" s="1"/>
      <c r="F7155" s="1" t="s">
        <v>10</v>
      </c>
      <c r="G7155" s="1" t="s">
        <v>10</v>
      </c>
      <c r="H7155" s="1" t="s">
        <v>10</v>
      </c>
      <c r="I7155" s="1" t="s">
        <v>22275</v>
      </c>
      <c r="J7155" s="1" t="s">
        <v>3899</v>
      </c>
      <c r="K7155" s="1" t="s">
        <v>443</v>
      </c>
      <c r="L7155" s="1" t="s">
        <v>25086</v>
      </c>
      <c r="M7155" s="1" t="s">
        <v>5</v>
      </c>
      <c r="N7155" s="1" t="s">
        <v>432</v>
      </c>
      <c r="O7155" s="1" t="s">
        <v>38</v>
      </c>
      <c r="P7155" s="5" t="s">
        <v>10</v>
      </c>
    </row>
    <row r="7156" spans="1:16" x14ac:dyDescent="0.2">
      <c r="A7156" s="1" t="s">
        <v>10</v>
      </c>
      <c r="B7156" s="1" t="s">
        <v>10</v>
      </c>
      <c r="C7156" s="1" t="s">
        <v>25090</v>
      </c>
      <c r="D7156" s="1" t="s">
        <v>25091</v>
      </c>
      <c r="E7156" s="1" t="s">
        <v>10</v>
      </c>
      <c r="F7156" s="1" t="s">
        <v>10</v>
      </c>
      <c r="G7156" s="1" t="s">
        <v>10</v>
      </c>
      <c r="H7156" s="1" t="s">
        <v>10</v>
      </c>
      <c r="I7156" s="1" t="s">
        <v>22275</v>
      </c>
      <c r="J7156" s="1" t="s">
        <v>10</v>
      </c>
      <c r="K7156" s="1" t="s">
        <v>10</v>
      </c>
      <c r="L7156" s="1" t="s">
        <v>25089</v>
      </c>
      <c r="M7156" s="1" t="s">
        <v>5</v>
      </c>
      <c r="N7156" s="1" t="s">
        <v>10</v>
      </c>
      <c r="O7156" s="1" t="s">
        <v>8</v>
      </c>
      <c r="P7156" s="5"/>
    </row>
    <row r="7157" spans="1:16" x14ac:dyDescent="0.2">
      <c r="A7157" s="1" t="s">
        <v>10</v>
      </c>
      <c r="B7157" s="1" t="s">
        <v>10</v>
      </c>
      <c r="C7157" s="1" t="s">
        <v>25093</v>
      </c>
      <c r="D7157" s="1" t="s">
        <v>10</v>
      </c>
      <c r="E7157" s="1" t="s">
        <v>10</v>
      </c>
      <c r="F7157" s="1" t="s">
        <v>10</v>
      </c>
      <c r="G7157" s="1" t="s">
        <v>10</v>
      </c>
      <c r="H7157" s="1" t="s">
        <v>10</v>
      </c>
      <c r="I7157" s="1" t="s">
        <v>22275</v>
      </c>
      <c r="J7157" s="1" t="s">
        <v>10</v>
      </c>
      <c r="K7157" s="1" t="s">
        <v>10</v>
      </c>
      <c r="L7157" s="1" t="s">
        <v>25092</v>
      </c>
      <c r="M7157" s="1" t="s">
        <v>5</v>
      </c>
      <c r="N7157" s="1" t="s">
        <v>10</v>
      </c>
      <c r="O7157" s="1" t="s">
        <v>8</v>
      </c>
      <c r="P7157" s="5"/>
    </row>
    <row r="7158" spans="1:16" x14ac:dyDescent="0.2">
      <c r="A7158" s="1" t="s">
        <v>10</v>
      </c>
      <c r="B7158" s="1" t="s">
        <v>10</v>
      </c>
      <c r="C7158" s="1" t="s">
        <v>25095</v>
      </c>
      <c r="D7158" s="1" t="s">
        <v>25096</v>
      </c>
      <c r="E7158" s="1" t="s">
        <v>10</v>
      </c>
      <c r="F7158" s="1" t="s">
        <v>10</v>
      </c>
      <c r="G7158" s="1" t="s">
        <v>10</v>
      </c>
      <c r="H7158" s="1" t="s">
        <v>10</v>
      </c>
      <c r="I7158" s="1" t="s">
        <v>22275</v>
      </c>
      <c r="J7158" s="1" t="s">
        <v>10</v>
      </c>
      <c r="K7158" s="1" t="s">
        <v>10</v>
      </c>
      <c r="L7158" s="1" t="s">
        <v>25094</v>
      </c>
      <c r="M7158" s="1" t="s">
        <v>5</v>
      </c>
      <c r="N7158" s="1" t="s">
        <v>10</v>
      </c>
      <c r="O7158" s="1" t="s">
        <v>8</v>
      </c>
      <c r="P7158" s="5"/>
    </row>
    <row r="7159" spans="1:16" x14ac:dyDescent="0.2">
      <c r="A7159" s="1" t="s">
        <v>10</v>
      </c>
      <c r="B7159" s="1" t="s">
        <v>10</v>
      </c>
      <c r="C7159" s="1" t="s">
        <v>25098</v>
      </c>
      <c r="D7159" s="1" t="s">
        <v>12366</v>
      </c>
      <c r="E7159" s="1"/>
      <c r="F7159" s="1" t="s">
        <v>10</v>
      </c>
      <c r="G7159" s="1" t="s">
        <v>10</v>
      </c>
      <c r="H7159" s="1" t="s">
        <v>10</v>
      </c>
      <c r="I7159" s="1" t="s">
        <v>22275</v>
      </c>
      <c r="J7159" s="1" t="s">
        <v>3899</v>
      </c>
      <c r="K7159" s="1" t="s">
        <v>64</v>
      </c>
      <c r="L7159" s="1" t="s">
        <v>25097</v>
      </c>
      <c r="M7159" s="1" t="s">
        <v>5</v>
      </c>
      <c r="N7159" s="1" t="s">
        <v>25</v>
      </c>
      <c r="O7159" s="1" t="s">
        <v>8</v>
      </c>
      <c r="P7159" s="5"/>
    </row>
    <row r="7160" spans="1:16" x14ac:dyDescent="0.2">
      <c r="A7160" s="1" t="s">
        <v>2187</v>
      </c>
      <c r="B7160" s="1" t="s">
        <v>2206</v>
      </c>
      <c r="C7160" s="1" t="s">
        <v>25100</v>
      </c>
      <c r="D7160" s="1" t="s">
        <v>25101</v>
      </c>
      <c r="E7160" s="1"/>
      <c r="F7160" s="1" t="s">
        <v>10</v>
      </c>
      <c r="G7160" s="1" t="s">
        <v>10</v>
      </c>
      <c r="H7160" s="1" t="s">
        <v>10</v>
      </c>
      <c r="I7160" s="1" t="s">
        <v>22275</v>
      </c>
      <c r="J7160" s="1" t="s">
        <v>3899</v>
      </c>
      <c r="K7160" s="1" t="s">
        <v>64</v>
      </c>
      <c r="L7160" s="1" t="s">
        <v>25099</v>
      </c>
      <c r="M7160" s="1" t="s">
        <v>5</v>
      </c>
      <c r="N7160" s="1" t="s">
        <v>6</v>
      </c>
      <c r="O7160" s="1" t="s">
        <v>8</v>
      </c>
      <c r="P7160" s="5"/>
    </row>
    <row r="7161" spans="1:16" x14ac:dyDescent="0.2">
      <c r="A7161" s="1" t="s">
        <v>10</v>
      </c>
      <c r="B7161" s="1" t="s">
        <v>10</v>
      </c>
      <c r="C7161" s="1" t="s">
        <v>25103</v>
      </c>
      <c r="D7161" s="1" t="s">
        <v>10</v>
      </c>
      <c r="E7161" s="1" t="s">
        <v>10</v>
      </c>
      <c r="F7161" s="1" t="s">
        <v>10</v>
      </c>
      <c r="G7161" s="1" t="s">
        <v>10</v>
      </c>
      <c r="H7161" s="1" t="s">
        <v>10</v>
      </c>
      <c r="I7161" s="1" t="s">
        <v>22275</v>
      </c>
      <c r="J7161" s="1" t="s">
        <v>10</v>
      </c>
      <c r="K7161" s="1" t="s">
        <v>10</v>
      </c>
      <c r="L7161" s="1" t="s">
        <v>25102</v>
      </c>
      <c r="M7161" s="1" t="s">
        <v>5</v>
      </c>
      <c r="N7161" s="1" t="s">
        <v>10</v>
      </c>
      <c r="O7161" s="1" t="s">
        <v>8</v>
      </c>
      <c r="P7161" s="5"/>
    </row>
    <row r="7162" spans="1:16" x14ac:dyDescent="0.2">
      <c r="A7162" s="1" t="s">
        <v>10</v>
      </c>
      <c r="B7162" s="1" t="s">
        <v>10</v>
      </c>
      <c r="C7162" s="1" t="s">
        <v>25105</v>
      </c>
      <c r="D7162" s="1" t="s">
        <v>25106</v>
      </c>
      <c r="E7162" s="1" t="s">
        <v>10</v>
      </c>
      <c r="F7162" s="1" t="s">
        <v>10</v>
      </c>
      <c r="G7162" s="1" t="s">
        <v>10</v>
      </c>
      <c r="H7162" s="1" t="s">
        <v>10</v>
      </c>
      <c r="I7162" s="1" t="s">
        <v>22275</v>
      </c>
      <c r="J7162" s="1" t="s">
        <v>10</v>
      </c>
      <c r="K7162" s="1" t="s">
        <v>10</v>
      </c>
      <c r="L7162" s="1" t="s">
        <v>25104</v>
      </c>
      <c r="M7162" s="1" t="s">
        <v>5</v>
      </c>
      <c r="N7162" s="1" t="s">
        <v>10</v>
      </c>
      <c r="O7162" s="1" t="s">
        <v>8</v>
      </c>
      <c r="P7162" s="5"/>
    </row>
    <row r="7163" spans="1:16" x14ac:dyDescent="0.2">
      <c r="A7163" s="1" t="s">
        <v>10</v>
      </c>
      <c r="B7163" s="1" t="s">
        <v>10</v>
      </c>
      <c r="C7163" s="1" t="s">
        <v>25108</v>
      </c>
      <c r="D7163" s="1" t="s">
        <v>10</v>
      </c>
      <c r="E7163" s="1" t="s">
        <v>10</v>
      </c>
      <c r="F7163" s="1" t="s">
        <v>10</v>
      </c>
      <c r="G7163" s="1" t="s">
        <v>10</v>
      </c>
      <c r="H7163" s="1" t="s">
        <v>10</v>
      </c>
      <c r="I7163" s="1" t="s">
        <v>22275</v>
      </c>
      <c r="J7163" s="1" t="s">
        <v>10</v>
      </c>
      <c r="K7163" s="1" t="s">
        <v>10</v>
      </c>
      <c r="L7163" s="1" t="s">
        <v>25107</v>
      </c>
      <c r="M7163" s="1" t="s">
        <v>5</v>
      </c>
      <c r="N7163" s="1" t="s">
        <v>10</v>
      </c>
      <c r="O7163" s="1" t="s">
        <v>8</v>
      </c>
      <c r="P7163" s="5"/>
    </row>
    <row r="7164" spans="1:16" x14ac:dyDescent="0.2">
      <c r="A7164" s="1" t="s">
        <v>10</v>
      </c>
      <c r="B7164" s="1" t="s">
        <v>10</v>
      </c>
      <c r="C7164" s="1" t="s">
        <v>25110</v>
      </c>
      <c r="D7164" s="1" t="s">
        <v>10470</v>
      </c>
      <c r="E7164" s="1"/>
      <c r="F7164" s="1" t="s">
        <v>10</v>
      </c>
      <c r="G7164" s="1" t="s">
        <v>10</v>
      </c>
      <c r="H7164" s="1" t="s">
        <v>10</v>
      </c>
      <c r="I7164" s="1" t="s">
        <v>22275</v>
      </c>
      <c r="J7164" s="1" t="s">
        <v>10</v>
      </c>
      <c r="K7164" s="1" t="s">
        <v>64</v>
      </c>
      <c r="L7164" s="1" t="s">
        <v>25109</v>
      </c>
      <c r="M7164" s="1" t="s">
        <v>5</v>
      </c>
      <c r="N7164" s="1" t="s">
        <v>10</v>
      </c>
      <c r="O7164" s="1" t="s">
        <v>8</v>
      </c>
      <c r="P7164" s="5" t="s">
        <v>10</v>
      </c>
    </row>
    <row r="7165" spans="1:16" x14ac:dyDescent="0.2">
      <c r="A7165" s="1" t="s">
        <v>66</v>
      </c>
      <c r="B7165" s="1" t="s">
        <v>1117</v>
      </c>
      <c r="C7165" s="1" t="s">
        <v>25112</v>
      </c>
      <c r="D7165" s="1" t="s">
        <v>25113</v>
      </c>
      <c r="E7165" s="1" t="s">
        <v>25114</v>
      </c>
      <c r="F7165" s="1" t="s">
        <v>10</v>
      </c>
      <c r="G7165" s="1" t="s">
        <v>10</v>
      </c>
      <c r="H7165" s="1" t="s">
        <v>10</v>
      </c>
      <c r="I7165" s="1" t="s">
        <v>22275</v>
      </c>
      <c r="J7165" s="1" t="s">
        <v>3899</v>
      </c>
      <c r="K7165" s="1" t="s">
        <v>64</v>
      </c>
      <c r="L7165" s="1" t="s">
        <v>25111</v>
      </c>
      <c r="M7165" s="1" t="s">
        <v>5</v>
      </c>
      <c r="N7165" s="1" t="s">
        <v>6</v>
      </c>
      <c r="O7165" s="1" t="s">
        <v>8</v>
      </c>
      <c r="P7165" s="5"/>
    </row>
    <row r="7166" spans="1:16" x14ac:dyDescent="0.2">
      <c r="A7166" s="1" t="s">
        <v>20</v>
      </c>
      <c r="B7166" s="1" t="s">
        <v>445</v>
      </c>
      <c r="C7166" s="1" t="s">
        <v>25116</v>
      </c>
      <c r="D7166" s="1" t="s">
        <v>25117</v>
      </c>
      <c r="E7166" s="1" t="s">
        <v>25118</v>
      </c>
      <c r="F7166" s="1" t="s">
        <v>10</v>
      </c>
      <c r="G7166" s="1" t="s">
        <v>10</v>
      </c>
      <c r="H7166" s="1" t="s">
        <v>10</v>
      </c>
      <c r="I7166" s="1" t="s">
        <v>22275</v>
      </c>
      <c r="J7166" s="1" t="s">
        <v>3899</v>
      </c>
      <c r="K7166" s="1" t="s">
        <v>10</v>
      </c>
      <c r="L7166" s="1" t="s">
        <v>25115</v>
      </c>
      <c r="M7166" s="1" t="s">
        <v>5</v>
      </c>
      <c r="N7166" s="1" t="s">
        <v>25</v>
      </c>
      <c r="O7166" s="1" t="s">
        <v>38</v>
      </c>
      <c r="P7166" s="5" t="s">
        <v>10</v>
      </c>
    </row>
    <row r="7167" spans="1:16" x14ac:dyDescent="0.2">
      <c r="A7167" s="1" t="s">
        <v>10</v>
      </c>
      <c r="B7167" s="1" t="s">
        <v>10</v>
      </c>
      <c r="C7167" s="1" t="s">
        <v>25120</v>
      </c>
      <c r="D7167" s="1" t="s">
        <v>25024</v>
      </c>
      <c r="E7167" s="1" t="s">
        <v>10</v>
      </c>
      <c r="F7167" s="1" t="s">
        <v>10</v>
      </c>
      <c r="G7167" s="1" t="s">
        <v>10</v>
      </c>
      <c r="H7167" s="1" t="s">
        <v>10</v>
      </c>
      <c r="I7167" s="1" t="s">
        <v>22275</v>
      </c>
      <c r="J7167" s="1" t="s">
        <v>10</v>
      </c>
      <c r="K7167" s="1" t="s">
        <v>10</v>
      </c>
      <c r="L7167" s="1" t="s">
        <v>25119</v>
      </c>
      <c r="M7167" s="1" t="s">
        <v>5</v>
      </c>
      <c r="N7167" s="1" t="s">
        <v>10</v>
      </c>
      <c r="O7167" s="1" t="s">
        <v>8</v>
      </c>
      <c r="P7167" s="5"/>
    </row>
    <row r="7168" spans="1:16" x14ac:dyDescent="0.2">
      <c r="A7168" s="1" t="s">
        <v>20</v>
      </c>
      <c r="B7168" s="1" t="s">
        <v>445</v>
      </c>
      <c r="C7168" s="1" t="s">
        <v>25122</v>
      </c>
      <c r="D7168" s="1" t="s">
        <v>10</v>
      </c>
      <c r="E7168" s="1" t="s">
        <v>10</v>
      </c>
      <c r="F7168" s="1" t="s">
        <v>10</v>
      </c>
      <c r="G7168" s="1" t="s">
        <v>10</v>
      </c>
      <c r="H7168" s="1" t="s">
        <v>25122</v>
      </c>
      <c r="I7168" s="1" t="s">
        <v>22275</v>
      </c>
      <c r="J7168" s="1" t="s">
        <v>3899</v>
      </c>
      <c r="K7168" s="1" t="s">
        <v>64</v>
      </c>
      <c r="L7168" s="1" t="s">
        <v>25121</v>
      </c>
      <c r="M7168" s="1" t="s">
        <v>5</v>
      </c>
      <c r="N7168" s="1" t="s">
        <v>25</v>
      </c>
      <c r="O7168" s="1" t="s">
        <v>8</v>
      </c>
      <c r="P7168" s="5" t="s">
        <v>10</v>
      </c>
    </row>
    <row r="7169" spans="1:16" x14ac:dyDescent="0.2">
      <c r="A7169" s="1" t="s">
        <v>66</v>
      </c>
      <c r="B7169" s="1" t="s">
        <v>1127</v>
      </c>
      <c r="C7169" s="1" t="s">
        <v>25124</v>
      </c>
      <c r="D7169" s="1" t="s">
        <v>10</v>
      </c>
      <c r="E7169" s="1" t="s">
        <v>10</v>
      </c>
      <c r="F7169" s="1" t="s">
        <v>10</v>
      </c>
      <c r="G7169" s="1" t="s">
        <v>10</v>
      </c>
      <c r="H7169" s="1" t="s">
        <v>10</v>
      </c>
      <c r="I7169" s="1" t="s">
        <v>22275</v>
      </c>
      <c r="J7169" s="1" t="s">
        <v>3899</v>
      </c>
      <c r="K7169" s="1" t="s">
        <v>10</v>
      </c>
      <c r="L7169" s="1" t="s">
        <v>25123</v>
      </c>
      <c r="M7169" s="1" t="s">
        <v>5</v>
      </c>
      <c r="N7169" s="1" t="s">
        <v>1009</v>
      </c>
      <c r="O7169" s="1" t="s">
        <v>38</v>
      </c>
      <c r="P7169" s="5" t="s">
        <v>10</v>
      </c>
    </row>
    <row r="7170" spans="1:16" x14ac:dyDescent="0.2">
      <c r="A7170" s="1" t="s">
        <v>10</v>
      </c>
      <c r="B7170" s="1" t="s">
        <v>10</v>
      </c>
      <c r="C7170" s="1" t="s">
        <v>25126</v>
      </c>
      <c r="D7170" s="1" t="s">
        <v>10</v>
      </c>
      <c r="E7170" s="1"/>
      <c r="F7170" s="1" t="s">
        <v>10</v>
      </c>
      <c r="G7170" s="1" t="s">
        <v>10</v>
      </c>
      <c r="H7170" s="1" t="s">
        <v>25127</v>
      </c>
      <c r="I7170" s="1" t="s">
        <v>22275</v>
      </c>
      <c r="J7170" s="1" t="s">
        <v>1561</v>
      </c>
      <c r="K7170" s="1" t="s">
        <v>64</v>
      </c>
      <c r="L7170" s="1" t="s">
        <v>25125</v>
      </c>
      <c r="M7170" s="1" t="s">
        <v>5</v>
      </c>
      <c r="N7170" s="1" t="s">
        <v>6</v>
      </c>
      <c r="O7170" s="1" t="s">
        <v>8</v>
      </c>
      <c r="P7170" s="5" t="s">
        <v>10</v>
      </c>
    </row>
    <row r="7171" spans="1:16" x14ac:dyDescent="0.2">
      <c r="A7171" s="1" t="s">
        <v>32</v>
      </c>
      <c r="B7171" s="1" t="s">
        <v>140</v>
      </c>
      <c r="C7171" s="1" t="s">
        <v>25129</v>
      </c>
      <c r="D7171" s="1" t="s">
        <v>10</v>
      </c>
      <c r="E7171" s="1" t="s">
        <v>10</v>
      </c>
      <c r="F7171" s="1" t="s">
        <v>10</v>
      </c>
      <c r="G7171" s="1" t="s">
        <v>10</v>
      </c>
      <c r="H7171" s="1" t="s">
        <v>10</v>
      </c>
      <c r="I7171" s="1" t="s">
        <v>22275</v>
      </c>
      <c r="J7171" s="1" t="s">
        <v>3899</v>
      </c>
      <c r="K7171" s="1" t="s">
        <v>10</v>
      </c>
      <c r="L7171" s="1" t="s">
        <v>25128</v>
      </c>
      <c r="M7171" s="1" t="s">
        <v>5</v>
      </c>
      <c r="N7171" s="1" t="s">
        <v>25</v>
      </c>
      <c r="O7171" s="1" t="s">
        <v>38</v>
      </c>
      <c r="P7171" s="5" t="s">
        <v>10</v>
      </c>
    </row>
    <row r="7172" spans="1:16" x14ac:dyDescent="0.2">
      <c r="A7172" s="1" t="s">
        <v>20</v>
      </c>
      <c r="B7172" s="1" t="s">
        <v>132</v>
      </c>
      <c r="C7172" s="1" t="s">
        <v>25131</v>
      </c>
      <c r="D7172" s="1" t="s">
        <v>10</v>
      </c>
      <c r="E7172" s="1" t="s">
        <v>10</v>
      </c>
      <c r="F7172" s="1" t="s">
        <v>27</v>
      </c>
      <c r="G7172" s="1" t="s">
        <v>10</v>
      </c>
      <c r="H7172" s="1" t="s">
        <v>25131</v>
      </c>
      <c r="I7172" s="1" t="s">
        <v>22275</v>
      </c>
      <c r="J7172" s="1" t="s">
        <v>3899</v>
      </c>
      <c r="K7172" s="1" t="s">
        <v>10</v>
      </c>
      <c r="L7172" s="1" t="s">
        <v>25130</v>
      </c>
      <c r="M7172" s="1" t="s">
        <v>5</v>
      </c>
      <c r="N7172" s="1" t="s">
        <v>25</v>
      </c>
      <c r="O7172" s="1" t="s">
        <v>8</v>
      </c>
      <c r="P7172" s="5" t="s">
        <v>10</v>
      </c>
    </row>
    <row r="7173" spans="1:16" x14ac:dyDescent="0.2">
      <c r="A7173" s="1" t="s">
        <v>10</v>
      </c>
      <c r="B7173" s="1" t="s">
        <v>10</v>
      </c>
      <c r="C7173" s="1" t="s">
        <v>25133</v>
      </c>
      <c r="D7173" s="1" t="s">
        <v>10</v>
      </c>
      <c r="E7173" s="1" t="s">
        <v>10</v>
      </c>
      <c r="F7173" s="1" t="s">
        <v>10</v>
      </c>
      <c r="G7173" s="1" t="s">
        <v>10</v>
      </c>
      <c r="H7173" s="1" t="s">
        <v>10</v>
      </c>
      <c r="I7173" s="1" t="s">
        <v>22275</v>
      </c>
      <c r="J7173" s="1" t="s">
        <v>10</v>
      </c>
      <c r="K7173" s="1" t="s">
        <v>10</v>
      </c>
      <c r="L7173" s="1" t="s">
        <v>25132</v>
      </c>
      <c r="M7173" s="1" t="s">
        <v>5</v>
      </c>
      <c r="N7173" s="1" t="s">
        <v>25</v>
      </c>
      <c r="O7173" s="1" t="s">
        <v>38</v>
      </c>
      <c r="P7173" s="5"/>
    </row>
    <row r="7174" spans="1:16" x14ac:dyDescent="0.2">
      <c r="A7174" s="1" t="s">
        <v>32</v>
      </c>
      <c r="B7174" s="1" t="s">
        <v>33</v>
      </c>
      <c r="C7174" s="1" t="s">
        <v>25135</v>
      </c>
      <c r="D7174" s="1" t="s">
        <v>25136</v>
      </c>
      <c r="E7174" s="1"/>
      <c r="F7174" s="1" t="s">
        <v>27</v>
      </c>
      <c r="G7174" s="1" t="s">
        <v>10</v>
      </c>
      <c r="H7174" s="1" t="s">
        <v>25136</v>
      </c>
      <c r="I7174" s="1" t="s">
        <v>7415</v>
      </c>
      <c r="J7174" s="1" t="s">
        <v>25137</v>
      </c>
      <c r="K7174" s="1" t="s">
        <v>64</v>
      </c>
      <c r="L7174" s="1" t="s">
        <v>25134</v>
      </c>
      <c r="M7174" s="1" t="s">
        <v>5</v>
      </c>
      <c r="N7174" s="1" t="s">
        <v>6</v>
      </c>
      <c r="O7174" s="1" t="s">
        <v>8</v>
      </c>
      <c r="P7174" s="5"/>
    </row>
    <row r="7175" spans="1:16" x14ac:dyDescent="0.2">
      <c r="A7175" s="1" t="s">
        <v>20</v>
      </c>
      <c r="B7175" s="1" t="s">
        <v>302</v>
      </c>
      <c r="C7175" s="1" t="s">
        <v>25139</v>
      </c>
      <c r="D7175" s="1" t="s">
        <v>25140</v>
      </c>
      <c r="E7175" s="1"/>
      <c r="F7175" s="1" t="s">
        <v>10</v>
      </c>
      <c r="G7175" s="1" t="s">
        <v>10</v>
      </c>
      <c r="H7175" s="1" t="s">
        <v>10</v>
      </c>
      <c r="I7175" s="1" t="s">
        <v>7415</v>
      </c>
      <c r="J7175" s="1" t="s">
        <v>25141</v>
      </c>
      <c r="K7175" s="1" t="s">
        <v>27</v>
      </c>
      <c r="L7175" s="1" t="s">
        <v>25138</v>
      </c>
      <c r="M7175" s="1" t="s">
        <v>5</v>
      </c>
      <c r="N7175" s="1" t="s">
        <v>1009</v>
      </c>
      <c r="O7175" s="1" t="s">
        <v>38</v>
      </c>
      <c r="P7175" s="5" t="s">
        <v>32274</v>
      </c>
    </row>
    <row r="7176" spans="1:16" x14ac:dyDescent="0.2">
      <c r="A7176" s="1" t="s">
        <v>194</v>
      </c>
      <c r="B7176" s="1" t="s">
        <v>396</v>
      </c>
      <c r="C7176" s="1" t="s">
        <v>25143</v>
      </c>
      <c r="D7176" s="1" t="s">
        <v>25144</v>
      </c>
      <c r="E7176" s="1"/>
      <c r="F7176" s="1" t="s">
        <v>10</v>
      </c>
      <c r="G7176" s="1" t="s">
        <v>10</v>
      </c>
      <c r="H7176" s="1" t="s">
        <v>10</v>
      </c>
      <c r="I7176" s="1" t="s">
        <v>7415</v>
      </c>
      <c r="J7176" s="1" t="s">
        <v>25145</v>
      </c>
      <c r="K7176" s="1" t="s">
        <v>27</v>
      </c>
      <c r="L7176" s="1" t="s">
        <v>25142</v>
      </c>
      <c r="M7176" s="1" t="s">
        <v>5</v>
      </c>
      <c r="N7176" s="1" t="s">
        <v>1009</v>
      </c>
      <c r="O7176" s="1" t="s">
        <v>38</v>
      </c>
      <c r="P7176" s="5" t="s">
        <v>32275</v>
      </c>
    </row>
    <row r="7177" spans="1:16" x14ac:dyDescent="0.2">
      <c r="A7177" s="1" t="s">
        <v>20</v>
      </c>
      <c r="B7177" s="1" t="s">
        <v>99</v>
      </c>
      <c r="C7177" s="1" t="s">
        <v>25147</v>
      </c>
      <c r="D7177" s="1" t="s">
        <v>1207</v>
      </c>
      <c r="E7177" s="1"/>
      <c r="F7177" s="1" t="s">
        <v>10</v>
      </c>
      <c r="G7177" s="1" t="s">
        <v>10</v>
      </c>
      <c r="H7177" s="1" t="s">
        <v>10</v>
      </c>
      <c r="I7177" s="1" t="s">
        <v>7415</v>
      </c>
      <c r="J7177" s="1" t="s">
        <v>21769</v>
      </c>
      <c r="K7177" s="1" t="s">
        <v>7</v>
      </c>
      <c r="L7177" s="1" t="s">
        <v>25146</v>
      </c>
      <c r="M7177" s="1" t="s">
        <v>5</v>
      </c>
      <c r="N7177" s="1" t="s">
        <v>1009</v>
      </c>
      <c r="O7177" s="1" t="s">
        <v>38</v>
      </c>
      <c r="P7177" s="5" t="s">
        <v>32276</v>
      </c>
    </row>
    <row r="7178" spans="1:16" x14ac:dyDescent="0.2">
      <c r="A7178" s="1" t="s">
        <v>20</v>
      </c>
      <c r="B7178" s="1" t="s">
        <v>1047</v>
      </c>
      <c r="C7178" s="1" t="s">
        <v>25149</v>
      </c>
      <c r="D7178" s="1" t="s">
        <v>25150</v>
      </c>
      <c r="E7178" s="1"/>
      <c r="F7178" s="1" t="s">
        <v>10</v>
      </c>
      <c r="G7178" s="1" t="s">
        <v>10</v>
      </c>
      <c r="H7178" s="1" t="s">
        <v>10</v>
      </c>
      <c r="I7178" s="1" t="s">
        <v>7415</v>
      </c>
      <c r="J7178" s="1" t="s">
        <v>21769</v>
      </c>
      <c r="K7178" s="1" t="s">
        <v>100</v>
      </c>
      <c r="L7178" s="1" t="s">
        <v>25148</v>
      </c>
      <c r="M7178" s="1" t="s">
        <v>5</v>
      </c>
      <c r="N7178" s="1" t="s">
        <v>25</v>
      </c>
      <c r="O7178" s="1" t="s">
        <v>38</v>
      </c>
      <c r="P7178" s="5" t="s">
        <v>32277</v>
      </c>
    </row>
    <row r="7179" spans="1:16" x14ac:dyDescent="0.2">
      <c r="A7179" s="1" t="s">
        <v>66</v>
      </c>
      <c r="B7179" s="1" t="s">
        <v>1127</v>
      </c>
      <c r="C7179" s="1" t="s">
        <v>25152</v>
      </c>
      <c r="D7179" s="1" t="s">
        <v>25153</v>
      </c>
      <c r="E7179" s="1"/>
      <c r="F7179" s="1" t="s">
        <v>10</v>
      </c>
      <c r="G7179" s="1" t="s">
        <v>10</v>
      </c>
      <c r="H7179" s="1" t="s">
        <v>10</v>
      </c>
      <c r="I7179" s="1" t="s">
        <v>7415</v>
      </c>
      <c r="J7179" s="1" t="s">
        <v>21769</v>
      </c>
      <c r="K7179" s="1" t="s">
        <v>27</v>
      </c>
      <c r="L7179" s="1" t="s">
        <v>25151</v>
      </c>
      <c r="M7179" s="1" t="s">
        <v>5</v>
      </c>
      <c r="N7179" s="1" t="s">
        <v>1009</v>
      </c>
      <c r="O7179" s="1" t="s">
        <v>38</v>
      </c>
      <c r="P7179" s="5" t="s">
        <v>32278</v>
      </c>
    </row>
    <row r="7180" spans="1:16" x14ac:dyDescent="0.2">
      <c r="A7180" s="1" t="s">
        <v>194</v>
      </c>
      <c r="B7180" s="1" t="s">
        <v>4492</v>
      </c>
      <c r="C7180" s="1" t="s">
        <v>25155</v>
      </c>
      <c r="D7180" s="1" t="s">
        <v>25155</v>
      </c>
      <c r="E7180" s="1"/>
      <c r="F7180" s="1" t="s">
        <v>27</v>
      </c>
      <c r="G7180" s="1" t="s">
        <v>10</v>
      </c>
      <c r="H7180" s="1" t="s">
        <v>25155</v>
      </c>
      <c r="I7180" s="1" t="s">
        <v>7415</v>
      </c>
      <c r="J7180" s="1" t="s">
        <v>21769</v>
      </c>
      <c r="K7180" s="1" t="s">
        <v>64</v>
      </c>
      <c r="L7180" s="1" t="s">
        <v>25154</v>
      </c>
      <c r="M7180" s="1" t="s">
        <v>5</v>
      </c>
      <c r="N7180" s="1" t="s">
        <v>6</v>
      </c>
      <c r="O7180" s="1" t="s">
        <v>8</v>
      </c>
      <c r="P7180" s="5"/>
    </row>
    <row r="7181" spans="1:16" x14ac:dyDescent="0.2">
      <c r="A7181" s="1" t="s">
        <v>66</v>
      </c>
      <c r="B7181" s="1" t="s">
        <v>212</v>
      </c>
      <c r="C7181" s="1" t="s">
        <v>25157</v>
      </c>
      <c r="D7181" s="1" t="s">
        <v>85</v>
      </c>
      <c r="E7181" s="1"/>
      <c r="F7181" s="1" t="s">
        <v>10</v>
      </c>
      <c r="G7181" s="1" t="s">
        <v>10</v>
      </c>
      <c r="H7181" s="1" t="s">
        <v>10</v>
      </c>
      <c r="I7181" s="1" t="s">
        <v>7415</v>
      </c>
      <c r="J7181" s="1" t="s">
        <v>25141</v>
      </c>
      <c r="K7181" s="1" t="s">
        <v>11</v>
      </c>
      <c r="L7181" s="1" t="s">
        <v>25156</v>
      </c>
      <c r="M7181" s="1" t="s">
        <v>5</v>
      </c>
      <c r="N7181" s="1" t="s">
        <v>1009</v>
      </c>
      <c r="O7181" s="1" t="s">
        <v>38</v>
      </c>
      <c r="P7181" s="5" t="s">
        <v>32279</v>
      </c>
    </row>
    <row r="7182" spans="1:16" x14ac:dyDescent="0.2">
      <c r="A7182" s="1" t="s">
        <v>194</v>
      </c>
      <c r="B7182" s="1" t="s">
        <v>396</v>
      </c>
      <c r="C7182" s="1" t="s">
        <v>25159</v>
      </c>
      <c r="D7182" s="1" t="s">
        <v>25160</v>
      </c>
      <c r="E7182" s="1"/>
      <c r="F7182" s="1" t="s">
        <v>10</v>
      </c>
      <c r="G7182" s="1" t="s">
        <v>10</v>
      </c>
      <c r="H7182" s="1" t="s">
        <v>10</v>
      </c>
      <c r="I7182" s="1" t="s">
        <v>7415</v>
      </c>
      <c r="J7182" s="1" t="s">
        <v>21769</v>
      </c>
      <c r="K7182" s="1" t="s">
        <v>27</v>
      </c>
      <c r="L7182" s="1" t="s">
        <v>25158</v>
      </c>
      <c r="M7182" s="1" t="s">
        <v>5</v>
      </c>
      <c r="N7182" s="1" t="s">
        <v>6</v>
      </c>
      <c r="O7182" s="1" t="s">
        <v>38</v>
      </c>
      <c r="P7182" s="5" t="s">
        <v>32280</v>
      </c>
    </row>
    <row r="7183" spans="1:16" x14ac:dyDescent="0.2">
      <c r="A7183" s="1" t="s">
        <v>194</v>
      </c>
      <c r="B7183" s="1" t="s">
        <v>396</v>
      </c>
      <c r="C7183" s="1" t="s">
        <v>25162</v>
      </c>
      <c r="D7183" s="1" t="s">
        <v>24653</v>
      </c>
      <c r="E7183" s="1"/>
      <c r="F7183" s="1" t="s">
        <v>10</v>
      </c>
      <c r="G7183" s="1" t="s">
        <v>10</v>
      </c>
      <c r="H7183" s="1" t="s">
        <v>10</v>
      </c>
      <c r="I7183" s="1" t="s">
        <v>7415</v>
      </c>
      <c r="J7183" s="1" t="s">
        <v>25145</v>
      </c>
      <c r="K7183" s="1" t="s">
        <v>27</v>
      </c>
      <c r="L7183" s="1" t="s">
        <v>25161</v>
      </c>
      <c r="M7183" s="1" t="s">
        <v>5</v>
      </c>
      <c r="N7183" s="1" t="s">
        <v>1009</v>
      </c>
      <c r="O7183" s="1" t="s">
        <v>38</v>
      </c>
      <c r="P7183" s="5" t="s">
        <v>32275</v>
      </c>
    </row>
    <row r="7184" spans="1:16" x14ac:dyDescent="0.2">
      <c r="A7184" s="1" t="s">
        <v>194</v>
      </c>
      <c r="B7184" s="1" t="s">
        <v>396</v>
      </c>
      <c r="C7184" s="1" t="s">
        <v>25164</v>
      </c>
      <c r="D7184" s="1" t="s">
        <v>25165</v>
      </c>
      <c r="E7184" s="1"/>
      <c r="F7184" s="1" t="s">
        <v>10</v>
      </c>
      <c r="G7184" s="1" t="s">
        <v>10</v>
      </c>
      <c r="H7184" s="1" t="s">
        <v>10</v>
      </c>
      <c r="I7184" s="1" t="s">
        <v>7415</v>
      </c>
      <c r="J7184" s="1" t="s">
        <v>25145</v>
      </c>
      <c r="K7184" s="1" t="s">
        <v>27</v>
      </c>
      <c r="L7184" s="1" t="s">
        <v>25163</v>
      </c>
      <c r="M7184" s="1" t="s">
        <v>5</v>
      </c>
      <c r="N7184" s="1" t="s">
        <v>1009</v>
      </c>
      <c r="O7184" s="1" t="s">
        <v>38</v>
      </c>
      <c r="P7184" s="5" t="s">
        <v>32275</v>
      </c>
    </row>
    <row r="7185" spans="1:16" x14ac:dyDescent="0.2">
      <c r="A7185" s="1" t="s">
        <v>20</v>
      </c>
      <c r="B7185" s="1" t="s">
        <v>1047</v>
      </c>
      <c r="C7185" s="1" t="s">
        <v>25167</v>
      </c>
      <c r="D7185" s="1" t="s">
        <v>25167</v>
      </c>
      <c r="E7185" s="1" t="s">
        <v>25168</v>
      </c>
      <c r="F7185" s="1" t="s">
        <v>27</v>
      </c>
      <c r="G7185" s="1" t="s">
        <v>10</v>
      </c>
      <c r="H7185" s="1" t="s">
        <v>10</v>
      </c>
      <c r="I7185" s="1" t="s">
        <v>7415</v>
      </c>
      <c r="J7185" s="1" t="s">
        <v>19</v>
      </c>
      <c r="K7185" s="1" t="s">
        <v>2555</v>
      </c>
      <c r="L7185" s="1" t="s">
        <v>25166</v>
      </c>
      <c r="M7185" s="1" t="s">
        <v>5</v>
      </c>
      <c r="N7185" s="1" t="s">
        <v>6</v>
      </c>
      <c r="O7185" s="1" t="s">
        <v>38</v>
      </c>
      <c r="P7185" s="5" t="s">
        <v>32281</v>
      </c>
    </row>
    <row r="7186" spans="1:16" x14ac:dyDescent="0.2">
      <c r="A7186" s="1" t="s">
        <v>329</v>
      </c>
      <c r="B7186" s="1" t="s">
        <v>1168</v>
      </c>
      <c r="C7186" s="1" t="s">
        <v>25170</v>
      </c>
      <c r="D7186" s="1" t="s">
        <v>25171</v>
      </c>
      <c r="E7186" s="1" t="s">
        <v>25173</v>
      </c>
      <c r="F7186" s="1" t="s">
        <v>10</v>
      </c>
      <c r="G7186" s="1" t="s">
        <v>10</v>
      </c>
      <c r="H7186" s="1" t="s">
        <v>10</v>
      </c>
      <c r="I7186" s="1" t="s">
        <v>7415</v>
      </c>
      <c r="J7186" s="1" t="s">
        <v>19</v>
      </c>
      <c r="K7186" s="1" t="s">
        <v>25172</v>
      </c>
      <c r="L7186" s="1" t="s">
        <v>25169</v>
      </c>
      <c r="M7186" s="1" t="s">
        <v>5</v>
      </c>
      <c r="N7186" s="1" t="s">
        <v>25</v>
      </c>
      <c r="O7186" s="1" t="s">
        <v>38</v>
      </c>
      <c r="P7186" s="5" t="s">
        <v>30917</v>
      </c>
    </row>
    <row r="7187" spans="1:16" x14ac:dyDescent="0.2">
      <c r="A7187" s="1" t="s">
        <v>66</v>
      </c>
      <c r="B7187" s="1" t="s">
        <v>212</v>
      </c>
      <c r="C7187" s="1" t="s">
        <v>25175</v>
      </c>
      <c r="D7187" s="1" t="s">
        <v>85</v>
      </c>
      <c r="E7187" s="1"/>
      <c r="F7187" s="1" t="s">
        <v>10</v>
      </c>
      <c r="G7187" s="1" t="s">
        <v>10</v>
      </c>
      <c r="H7187" s="1" t="s">
        <v>10</v>
      </c>
      <c r="I7187" s="1" t="s">
        <v>7415</v>
      </c>
      <c r="J7187" s="1" t="s">
        <v>25141</v>
      </c>
      <c r="K7187" s="1" t="s">
        <v>11</v>
      </c>
      <c r="L7187" s="1" t="s">
        <v>25174</v>
      </c>
      <c r="M7187" s="1" t="s">
        <v>5</v>
      </c>
      <c r="N7187" s="1" t="s">
        <v>1009</v>
      </c>
      <c r="O7187" s="1" t="s">
        <v>38</v>
      </c>
      <c r="P7187" s="5" t="s">
        <v>32282</v>
      </c>
    </row>
    <row r="7188" spans="1:16" x14ac:dyDescent="0.2">
      <c r="A7188" s="1" t="s">
        <v>66</v>
      </c>
      <c r="B7188" s="1" t="s">
        <v>212</v>
      </c>
      <c r="C7188" s="1" t="s">
        <v>25177</v>
      </c>
      <c r="D7188" s="1" t="s">
        <v>85</v>
      </c>
      <c r="E7188" s="1"/>
      <c r="F7188" s="1" t="s">
        <v>10</v>
      </c>
      <c r="G7188" s="1" t="s">
        <v>10</v>
      </c>
      <c r="H7188" s="1" t="s">
        <v>10</v>
      </c>
      <c r="I7188" s="1" t="s">
        <v>7415</v>
      </c>
      <c r="J7188" s="1" t="s">
        <v>25141</v>
      </c>
      <c r="K7188" s="1" t="s">
        <v>11</v>
      </c>
      <c r="L7188" s="1" t="s">
        <v>25176</v>
      </c>
      <c r="M7188" s="1" t="s">
        <v>5</v>
      </c>
      <c r="N7188" s="1" t="s">
        <v>1009</v>
      </c>
      <c r="O7188" s="1" t="s">
        <v>38</v>
      </c>
      <c r="P7188" s="5" t="s">
        <v>32199</v>
      </c>
    </row>
    <row r="7189" spans="1:16" x14ac:dyDescent="0.2">
      <c r="A7189" s="1" t="s">
        <v>194</v>
      </c>
      <c r="B7189" s="1" t="s">
        <v>396</v>
      </c>
      <c r="C7189" s="1" t="s">
        <v>25180</v>
      </c>
      <c r="D7189" s="1" t="s">
        <v>25181</v>
      </c>
      <c r="E7189" s="1"/>
      <c r="F7189" s="1" t="s">
        <v>10</v>
      </c>
      <c r="G7189" s="1" t="s">
        <v>10</v>
      </c>
      <c r="H7189" s="1" t="s">
        <v>10</v>
      </c>
      <c r="I7189" s="1" t="s">
        <v>7415</v>
      </c>
      <c r="J7189" s="1" t="s">
        <v>25145</v>
      </c>
      <c r="K7189" s="1" t="s">
        <v>27</v>
      </c>
      <c r="L7189" s="1" t="s">
        <v>25179</v>
      </c>
      <c r="M7189" s="1" t="s">
        <v>5</v>
      </c>
      <c r="N7189" s="1" t="s">
        <v>1009</v>
      </c>
      <c r="O7189" s="1" t="s">
        <v>38</v>
      </c>
      <c r="P7189" s="5" t="s">
        <v>32283</v>
      </c>
    </row>
    <row r="7190" spans="1:16" x14ac:dyDescent="0.2">
      <c r="A7190" s="1" t="s">
        <v>487</v>
      </c>
      <c r="B7190" s="1" t="s">
        <v>488</v>
      </c>
      <c r="C7190" s="1" t="s">
        <v>25183</v>
      </c>
      <c r="D7190" s="1" t="s">
        <v>10</v>
      </c>
      <c r="E7190" s="1"/>
      <c r="F7190" s="1" t="s">
        <v>27</v>
      </c>
      <c r="G7190" s="1" t="s">
        <v>10</v>
      </c>
      <c r="H7190" s="1" t="s">
        <v>25184</v>
      </c>
      <c r="I7190" s="1" t="s">
        <v>7415</v>
      </c>
      <c r="J7190" s="1" t="s">
        <v>25137</v>
      </c>
      <c r="K7190" s="1" t="s">
        <v>64</v>
      </c>
      <c r="L7190" s="1" t="s">
        <v>25182</v>
      </c>
      <c r="M7190" s="1" t="s">
        <v>5</v>
      </c>
      <c r="N7190" s="1" t="s">
        <v>6</v>
      </c>
      <c r="O7190" s="1" t="s">
        <v>8</v>
      </c>
      <c r="P7190" s="5"/>
    </row>
    <row r="7191" spans="1:16" x14ac:dyDescent="0.2">
      <c r="A7191" s="1" t="s">
        <v>487</v>
      </c>
      <c r="B7191" s="1" t="s">
        <v>488</v>
      </c>
      <c r="C7191" s="1" t="s">
        <v>25186</v>
      </c>
      <c r="D7191" s="1" t="s">
        <v>10</v>
      </c>
      <c r="E7191" s="1"/>
      <c r="F7191" s="1" t="s">
        <v>27</v>
      </c>
      <c r="G7191" s="1" t="s">
        <v>10</v>
      </c>
      <c r="H7191" s="1" t="s">
        <v>25187</v>
      </c>
      <c r="I7191" s="1" t="s">
        <v>7415</v>
      </c>
      <c r="J7191" s="1" t="s">
        <v>25137</v>
      </c>
      <c r="K7191" s="1" t="s">
        <v>64</v>
      </c>
      <c r="L7191" s="1" t="s">
        <v>25185</v>
      </c>
      <c r="M7191" s="1" t="s">
        <v>5</v>
      </c>
      <c r="N7191" s="1" t="s">
        <v>6</v>
      </c>
      <c r="O7191" s="1" t="s">
        <v>8</v>
      </c>
      <c r="P7191" s="5"/>
    </row>
    <row r="7192" spans="1:16" x14ac:dyDescent="0.2">
      <c r="A7192" s="1" t="s">
        <v>66</v>
      </c>
      <c r="B7192" s="1" t="s">
        <v>574</v>
      </c>
      <c r="C7192" s="1" t="s">
        <v>25190</v>
      </c>
      <c r="D7192" s="1" t="s">
        <v>6808</v>
      </c>
      <c r="E7192" s="1"/>
      <c r="F7192" s="1" t="s">
        <v>27</v>
      </c>
      <c r="G7192" s="1" t="s">
        <v>10</v>
      </c>
      <c r="H7192" s="1" t="s">
        <v>6808</v>
      </c>
      <c r="I7192" s="1" t="s">
        <v>7415</v>
      </c>
      <c r="J7192" s="1" t="s">
        <v>25137</v>
      </c>
      <c r="K7192" s="1" t="s">
        <v>27</v>
      </c>
      <c r="L7192" s="1" t="s">
        <v>25189</v>
      </c>
      <c r="M7192" s="1" t="s">
        <v>5</v>
      </c>
      <c r="N7192" s="1" t="s">
        <v>6</v>
      </c>
      <c r="O7192" s="1" t="s">
        <v>8</v>
      </c>
      <c r="P7192" s="5" t="s">
        <v>30173</v>
      </c>
    </row>
    <row r="7193" spans="1:16" x14ac:dyDescent="0.2">
      <c r="A7193" s="1" t="s">
        <v>487</v>
      </c>
      <c r="B7193" s="1" t="s">
        <v>488</v>
      </c>
      <c r="C7193" s="1" t="s">
        <v>19714</v>
      </c>
      <c r="D7193" s="1" t="s">
        <v>10</v>
      </c>
      <c r="E7193" s="1"/>
      <c r="F7193" s="1" t="s">
        <v>27</v>
      </c>
      <c r="G7193" s="1" t="s">
        <v>10</v>
      </c>
      <c r="H7193" s="1" t="s">
        <v>799</v>
      </c>
      <c r="I7193" s="1" t="s">
        <v>7415</v>
      </c>
      <c r="J7193" s="1" t="s">
        <v>25137</v>
      </c>
      <c r="K7193" s="1" t="s">
        <v>64</v>
      </c>
      <c r="L7193" s="1" t="s">
        <v>25191</v>
      </c>
      <c r="M7193" s="1" t="s">
        <v>5</v>
      </c>
      <c r="N7193" s="1" t="s">
        <v>25</v>
      </c>
      <c r="O7193" s="1" t="s">
        <v>8</v>
      </c>
      <c r="P7193" s="5" t="s">
        <v>10</v>
      </c>
    </row>
    <row r="7194" spans="1:16" x14ac:dyDescent="0.2">
      <c r="A7194" s="1" t="s">
        <v>66</v>
      </c>
      <c r="B7194" s="1" t="s">
        <v>574</v>
      </c>
      <c r="C7194" s="1" t="s">
        <v>25193</v>
      </c>
      <c r="D7194" s="1" t="s">
        <v>6808</v>
      </c>
      <c r="E7194" s="1"/>
      <c r="F7194" s="1" t="s">
        <v>27</v>
      </c>
      <c r="G7194" s="1" t="s">
        <v>10</v>
      </c>
      <c r="H7194" s="1" t="s">
        <v>6808</v>
      </c>
      <c r="I7194" s="1" t="s">
        <v>7415</v>
      </c>
      <c r="J7194" s="1" t="s">
        <v>25137</v>
      </c>
      <c r="K7194" s="1" t="s">
        <v>27</v>
      </c>
      <c r="L7194" s="1" t="s">
        <v>25192</v>
      </c>
      <c r="M7194" s="1" t="s">
        <v>5</v>
      </c>
      <c r="N7194" s="1" t="s">
        <v>6</v>
      </c>
      <c r="O7194" s="1" t="s">
        <v>8</v>
      </c>
      <c r="P7194" s="5" t="s">
        <v>30173</v>
      </c>
    </row>
    <row r="7195" spans="1:16" x14ac:dyDescent="0.2">
      <c r="A7195" s="1" t="s">
        <v>66</v>
      </c>
      <c r="B7195" s="1" t="s">
        <v>212</v>
      </c>
      <c r="C7195" s="1" t="s">
        <v>25195</v>
      </c>
      <c r="D7195" s="1" t="s">
        <v>25196</v>
      </c>
      <c r="E7195" s="1"/>
      <c r="F7195" s="1" t="s">
        <v>10</v>
      </c>
      <c r="G7195" s="1" t="s">
        <v>10</v>
      </c>
      <c r="H7195" s="1" t="s">
        <v>10</v>
      </c>
      <c r="I7195" s="1" t="s">
        <v>7415</v>
      </c>
      <c r="J7195" s="1" t="s">
        <v>25141</v>
      </c>
      <c r="K7195" s="1" t="s">
        <v>27</v>
      </c>
      <c r="L7195" s="1" t="s">
        <v>25194</v>
      </c>
      <c r="M7195" s="1" t="s">
        <v>5</v>
      </c>
      <c r="N7195" s="1" t="s">
        <v>6</v>
      </c>
      <c r="O7195" s="1" t="s">
        <v>38</v>
      </c>
      <c r="P7195" s="5" t="s">
        <v>32284</v>
      </c>
    </row>
    <row r="7196" spans="1:16" x14ac:dyDescent="0.2">
      <c r="A7196" s="1" t="s">
        <v>487</v>
      </c>
      <c r="B7196" s="1" t="s">
        <v>488</v>
      </c>
      <c r="C7196" s="1" t="s">
        <v>25198</v>
      </c>
      <c r="D7196" s="1" t="s">
        <v>25199</v>
      </c>
      <c r="E7196" s="1"/>
      <c r="F7196" s="1" t="s">
        <v>27</v>
      </c>
      <c r="G7196" s="1" t="s">
        <v>10</v>
      </c>
      <c r="H7196" s="1" t="s">
        <v>25199</v>
      </c>
      <c r="I7196" s="1" t="s">
        <v>7415</v>
      </c>
      <c r="J7196" s="1" t="s">
        <v>25137</v>
      </c>
      <c r="K7196" s="1" t="s">
        <v>64</v>
      </c>
      <c r="L7196" s="1" t="s">
        <v>25197</v>
      </c>
      <c r="M7196" s="1" t="s">
        <v>5</v>
      </c>
      <c r="N7196" s="1" t="s">
        <v>25</v>
      </c>
      <c r="O7196" s="1" t="s">
        <v>8</v>
      </c>
      <c r="P7196" s="5"/>
    </row>
    <row r="7197" spans="1:16" x14ac:dyDescent="0.2">
      <c r="A7197" s="1" t="s">
        <v>194</v>
      </c>
      <c r="B7197" s="1" t="s">
        <v>396</v>
      </c>
      <c r="C7197" s="1" t="s">
        <v>25201</v>
      </c>
      <c r="D7197" s="1" t="s">
        <v>25202</v>
      </c>
      <c r="E7197" s="1"/>
      <c r="F7197" s="1" t="s">
        <v>10</v>
      </c>
      <c r="G7197" s="1" t="s">
        <v>10</v>
      </c>
      <c r="H7197" s="1" t="s">
        <v>10</v>
      </c>
      <c r="I7197" s="1" t="s">
        <v>7415</v>
      </c>
      <c r="J7197" s="1" t="s">
        <v>25141</v>
      </c>
      <c r="K7197" s="1" t="s">
        <v>64</v>
      </c>
      <c r="L7197" s="1" t="s">
        <v>25200</v>
      </c>
      <c r="M7197" s="1" t="s">
        <v>5</v>
      </c>
      <c r="N7197" s="1" t="s">
        <v>6</v>
      </c>
      <c r="O7197" s="1" t="s">
        <v>38</v>
      </c>
      <c r="P7197" s="5" t="s">
        <v>32285</v>
      </c>
    </row>
    <row r="7198" spans="1:16" x14ac:dyDescent="0.2">
      <c r="A7198" s="1" t="s">
        <v>194</v>
      </c>
      <c r="B7198" s="1" t="s">
        <v>396</v>
      </c>
      <c r="C7198" s="1" t="s">
        <v>25204</v>
      </c>
      <c r="D7198" s="1" t="s">
        <v>25205</v>
      </c>
      <c r="E7198" s="1"/>
      <c r="F7198" s="1" t="s">
        <v>10</v>
      </c>
      <c r="G7198" s="1" t="s">
        <v>10</v>
      </c>
      <c r="H7198" s="1" t="s">
        <v>10</v>
      </c>
      <c r="I7198" s="1" t="s">
        <v>7415</v>
      </c>
      <c r="J7198" s="1" t="s">
        <v>25145</v>
      </c>
      <c r="K7198" s="1" t="s">
        <v>27</v>
      </c>
      <c r="L7198" s="1" t="s">
        <v>25203</v>
      </c>
      <c r="M7198" s="1" t="s">
        <v>5</v>
      </c>
      <c r="N7198" s="1" t="s">
        <v>1009</v>
      </c>
      <c r="O7198" s="1" t="s">
        <v>38</v>
      </c>
      <c r="P7198" s="5" t="s">
        <v>32283</v>
      </c>
    </row>
    <row r="7199" spans="1:16" x14ac:dyDescent="0.2">
      <c r="A7199" s="1" t="s">
        <v>32</v>
      </c>
      <c r="B7199" s="1" t="s">
        <v>33</v>
      </c>
      <c r="C7199" s="1" t="s">
        <v>25207</v>
      </c>
      <c r="D7199" s="1" t="s">
        <v>25208</v>
      </c>
      <c r="E7199" s="1"/>
      <c r="F7199" s="1" t="s">
        <v>27</v>
      </c>
      <c r="G7199" s="1" t="s">
        <v>10</v>
      </c>
      <c r="H7199" s="1" t="s">
        <v>25207</v>
      </c>
      <c r="I7199" s="1" t="s">
        <v>7415</v>
      </c>
      <c r="J7199" s="1" t="s">
        <v>25137</v>
      </c>
      <c r="K7199" s="1" t="s">
        <v>64</v>
      </c>
      <c r="L7199" s="1" t="s">
        <v>25206</v>
      </c>
      <c r="M7199" s="1" t="s">
        <v>5</v>
      </c>
      <c r="N7199" s="1" t="s">
        <v>25</v>
      </c>
      <c r="O7199" s="1" t="s">
        <v>8</v>
      </c>
      <c r="P7199" s="5" t="s">
        <v>30743</v>
      </c>
    </row>
    <row r="7200" spans="1:16" x14ac:dyDescent="0.2">
      <c r="A7200" s="1" t="s">
        <v>194</v>
      </c>
      <c r="B7200" s="1" t="s">
        <v>396</v>
      </c>
      <c r="C7200" s="1" t="s">
        <v>25210</v>
      </c>
      <c r="D7200" s="1" t="s">
        <v>25211</v>
      </c>
      <c r="E7200" s="1"/>
      <c r="F7200" s="1" t="s">
        <v>10</v>
      </c>
      <c r="G7200" s="1" t="s">
        <v>10</v>
      </c>
      <c r="H7200" s="1" t="s">
        <v>10</v>
      </c>
      <c r="I7200" s="1" t="s">
        <v>7415</v>
      </c>
      <c r="J7200" s="1" t="s">
        <v>25145</v>
      </c>
      <c r="K7200" s="1" t="s">
        <v>2555</v>
      </c>
      <c r="L7200" s="1" t="s">
        <v>25209</v>
      </c>
      <c r="M7200" s="1" t="s">
        <v>5</v>
      </c>
      <c r="N7200" s="1" t="s">
        <v>6</v>
      </c>
      <c r="O7200" s="1" t="s">
        <v>38</v>
      </c>
      <c r="P7200" s="5" t="s">
        <v>32283</v>
      </c>
    </row>
    <row r="7201" spans="1:16" x14ac:dyDescent="0.2">
      <c r="A7201" s="1" t="s">
        <v>194</v>
      </c>
      <c r="B7201" s="1" t="s">
        <v>396</v>
      </c>
      <c r="C7201" s="1" t="s">
        <v>25213</v>
      </c>
      <c r="D7201" s="1" t="s">
        <v>25214</v>
      </c>
      <c r="E7201" s="1"/>
      <c r="F7201" s="1" t="s">
        <v>10</v>
      </c>
      <c r="G7201" s="1" t="s">
        <v>10</v>
      </c>
      <c r="H7201" s="1" t="s">
        <v>10</v>
      </c>
      <c r="I7201" s="1" t="s">
        <v>7415</v>
      </c>
      <c r="J7201" s="1" t="s">
        <v>25145</v>
      </c>
      <c r="K7201" s="1" t="s">
        <v>27</v>
      </c>
      <c r="L7201" s="1" t="s">
        <v>25212</v>
      </c>
      <c r="M7201" s="1" t="s">
        <v>5</v>
      </c>
      <c r="N7201" s="1" t="s">
        <v>1009</v>
      </c>
      <c r="O7201" s="1" t="s">
        <v>38</v>
      </c>
      <c r="P7201" s="5" t="s">
        <v>30744</v>
      </c>
    </row>
    <row r="7202" spans="1:16" x14ac:dyDescent="0.2">
      <c r="A7202" s="1" t="s">
        <v>487</v>
      </c>
      <c r="B7202" s="1" t="s">
        <v>1651</v>
      </c>
      <c r="C7202" s="1" t="s">
        <v>25216</v>
      </c>
      <c r="D7202" s="1" t="s">
        <v>25217</v>
      </c>
      <c r="E7202" s="1"/>
      <c r="F7202" s="1" t="s">
        <v>27</v>
      </c>
      <c r="G7202" s="1" t="s">
        <v>10</v>
      </c>
      <c r="H7202" s="1" t="s">
        <v>25218</v>
      </c>
      <c r="I7202" s="1" t="s">
        <v>7415</v>
      </c>
      <c r="J7202" s="1" t="s">
        <v>25137</v>
      </c>
      <c r="K7202" s="1" t="s">
        <v>27</v>
      </c>
      <c r="L7202" s="1" t="s">
        <v>25215</v>
      </c>
      <c r="M7202" s="1" t="s">
        <v>5</v>
      </c>
      <c r="N7202" s="1" t="s">
        <v>6</v>
      </c>
      <c r="O7202" s="1" t="s">
        <v>8</v>
      </c>
      <c r="P7202" s="5" t="s">
        <v>30173</v>
      </c>
    </row>
    <row r="7203" spans="1:16" x14ac:dyDescent="0.2">
      <c r="A7203" s="1" t="s">
        <v>487</v>
      </c>
      <c r="B7203" s="1" t="s">
        <v>488</v>
      </c>
      <c r="C7203" s="1" t="s">
        <v>25220</v>
      </c>
      <c r="D7203" s="1" t="s">
        <v>10</v>
      </c>
      <c r="E7203" s="1"/>
      <c r="F7203" s="1" t="s">
        <v>27</v>
      </c>
      <c r="G7203" s="1" t="s">
        <v>10</v>
      </c>
      <c r="H7203" s="1" t="s">
        <v>799</v>
      </c>
      <c r="I7203" s="1" t="s">
        <v>7415</v>
      </c>
      <c r="J7203" s="1" t="s">
        <v>25137</v>
      </c>
      <c r="K7203" s="1" t="s">
        <v>64</v>
      </c>
      <c r="L7203" s="1" t="s">
        <v>25219</v>
      </c>
      <c r="M7203" s="1" t="s">
        <v>5</v>
      </c>
      <c r="N7203" s="1" t="s">
        <v>25</v>
      </c>
      <c r="O7203" s="1" t="s">
        <v>8</v>
      </c>
      <c r="P7203" s="5" t="s">
        <v>10</v>
      </c>
    </row>
    <row r="7204" spans="1:16" x14ac:dyDescent="0.2">
      <c r="A7204" s="1" t="s">
        <v>487</v>
      </c>
      <c r="B7204" s="1" t="s">
        <v>488</v>
      </c>
      <c r="C7204" s="1" t="s">
        <v>25222</v>
      </c>
      <c r="D7204" s="1" t="s">
        <v>25223</v>
      </c>
      <c r="E7204" s="1"/>
      <c r="F7204" s="1" t="s">
        <v>27</v>
      </c>
      <c r="G7204" s="1" t="s">
        <v>10</v>
      </c>
      <c r="H7204" s="1" t="s">
        <v>25224</v>
      </c>
      <c r="I7204" s="1" t="s">
        <v>7415</v>
      </c>
      <c r="J7204" s="1" t="s">
        <v>25137</v>
      </c>
      <c r="K7204" s="1" t="s">
        <v>64</v>
      </c>
      <c r="L7204" s="1" t="s">
        <v>25221</v>
      </c>
      <c r="M7204" s="1" t="s">
        <v>5</v>
      </c>
      <c r="N7204" s="1" t="s">
        <v>6</v>
      </c>
      <c r="O7204" s="1" t="s">
        <v>8</v>
      </c>
      <c r="P7204" s="5"/>
    </row>
    <row r="7205" spans="1:16" x14ac:dyDescent="0.2">
      <c r="A7205" s="1" t="s">
        <v>1385</v>
      </c>
      <c r="B7205" s="1" t="s">
        <v>1490</v>
      </c>
      <c r="C7205" s="1" t="s">
        <v>25226</v>
      </c>
      <c r="D7205" s="1" t="s">
        <v>10</v>
      </c>
      <c r="E7205" s="1"/>
      <c r="F7205" s="1" t="s">
        <v>27</v>
      </c>
      <c r="G7205" s="1" t="s">
        <v>10</v>
      </c>
      <c r="H7205" s="1" t="s">
        <v>25227</v>
      </c>
      <c r="I7205" s="1" t="s">
        <v>7415</v>
      </c>
      <c r="J7205" s="1" t="s">
        <v>25137</v>
      </c>
      <c r="K7205" s="1" t="s">
        <v>64</v>
      </c>
      <c r="L7205" s="1" t="s">
        <v>25225</v>
      </c>
      <c r="M7205" s="1" t="s">
        <v>5</v>
      </c>
      <c r="N7205" s="1" t="s">
        <v>1009</v>
      </c>
      <c r="O7205" s="1" t="s">
        <v>8</v>
      </c>
      <c r="P7205" s="5" t="s">
        <v>10</v>
      </c>
    </row>
    <row r="7206" spans="1:16" x14ac:dyDescent="0.2">
      <c r="A7206" s="1" t="s">
        <v>487</v>
      </c>
      <c r="B7206" s="1" t="s">
        <v>488</v>
      </c>
      <c r="C7206" s="1" t="s">
        <v>25229</v>
      </c>
      <c r="D7206" s="1" t="s">
        <v>10</v>
      </c>
      <c r="E7206" s="1"/>
      <c r="F7206" s="1" t="s">
        <v>27</v>
      </c>
      <c r="G7206" s="1" t="s">
        <v>10</v>
      </c>
      <c r="H7206" s="1" t="s">
        <v>799</v>
      </c>
      <c r="I7206" s="1" t="s">
        <v>7415</v>
      </c>
      <c r="J7206" s="1" t="s">
        <v>25137</v>
      </c>
      <c r="K7206" s="1" t="s">
        <v>64</v>
      </c>
      <c r="L7206" s="1" t="s">
        <v>25228</v>
      </c>
      <c r="M7206" s="1" t="s">
        <v>5</v>
      </c>
      <c r="N7206" s="1" t="s">
        <v>25</v>
      </c>
      <c r="O7206" s="1" t="s">
        <v>8</v>
      </c>
      <c r="P7206" s="5" t="s">
        <v>10</v>
      </c>
    </row>
    <row r="7207" spans="1:16" x14ac:dyDescent="0.2">
      <c r="A7207" s="1" t="s">
        <v>66</v>
      </c>
      <c r="B7207" s="1" t="s">
        <v>1127</v>
      </c>
      <c r="C7207" s="1" t="s">
        <v>25231</v>
      </c>
      <c r="D7207" s="1" t="s">
        <v>25232</v>
      </c>
      <c r="E7207" s="1"/>
      <c r="F7207" s="1" t="s">
        <v>10</v>
      </c>
      <c r="G7207" s="1" t="s">
        <v>10</v>
      </c>
      <c r="H7207" s="1" t="s">
        <v>10</v>
      </c>
      <c r="I7207" s="1" t="s">
        <v>7415</v>
      </c>
      <c r="J7207" s="1" t="s">
        <v>21769</v>
      </c>
      <c r="K7207" s="1" t="s">
        <v>27</v>
      </c>
      <c r="L7207" s="1" t="s">
        <v>25230</v>
      </c>
      <c r="M7207" s="1" t="s">
        <v>5</v>
      </c>
      <c r="N7207" s="1" t="s">
        <v>6</v>
      </c>
      <c r="O7207" s="1" t="s">
        <v>38</v>
      </c>
      <c r="P7207" s="5" t="s">
        <v>32286</v>
      </c>
    </row>
    <row r="7208" spans="1:16" x14ac:dyDescent="0.2">
      <c r="A7208" s="1" t="s">
        <v>20</v>
      </c>
      <c r="B7208" s="1" t="s">
        <v>99</v>
      </c>
      <c r="C7208" s="1" t="s">
        <v>25234</v>
      </c>
      <c r="D7208" s="1" t="s">
        <v>25235</v>
      </c>
      <c r="E7208" s="1"/>
      <c r="F7208" s="1" t="s">
        <v>10</v>
      </c>
      <c r="G7208" s="1" t="s">
        <v>10</v>
      </c>
      <c r="H7208" s="1" t="s">
        <v>10</v>
      </c>
      <c r="I7208" s="1" t="s">
        <v>7415</v>
      </c>
      <c r="J7208" s="1" t="s">
        <v>21769</v>
      </c>
      <c r="K7208" s="1" t="s">
        <v>7</v>
      </c>
      <c r="L7208" s="1" t="s">
        <v>25233</v>
      </c>
      <c r="M7208" s="1" t="s">
        <v>5</v>
      </c>
      <c r="N7208" s="1" t="s">
        <v>6</v>
      </c>
      <c r="O7208" s="1" t="s">
        <v>38</v>
      </c>
      <c r="P7208" s="5" t="s">
        <v>32280</v>
      </c>
    </row>
    <row r="7209" spans="1:16" x14ac:dyDescent="0.2">
      <c r="A7209" s="1" t="s">
        <v>20</v>
      </c>
      <c r="B7209" s="1" t="s">
        <v>445</v>
      </c>
      <c r="C7209" s="1" t="s">
        <v>25237</v>
      </c>
      <c r="D7209" s="1" t="s">
        <v>25238</v>
      </c>
      <c r="E7209" s="1"/>
      <c r="F7209" s="1" t="s">
        <v>10</v>
      </c>
      <c r="G7209" s="1" t="s">
        <v>10</v>
      </c>
      <c r="H7209" s="1" t="s">
        <v>10</v>
      </c>
      <c r="I7209" s="1" t="s">
        <v>7415</v>
      </c>
      <c r="J7209" s="1" t="s">
        <v>21769</v>
      </c>
      <c r="K7209" s="1" t="s">
        <v>27</v>
      </c>
      <c r="L7209" s="1" t="s">
        <v>25236</v>
      </c>
      <c r="M7209" s="1" t="s">
        <v>5</v>
      </c>
      <c r="N7209" s="1" t="s">
        <v>25</v>
      </c>
      <c r="O7209" s="1" t="s">
        <v>38</v>
      </c>
      <c r="P7209" s="5" t="s">
        <v>32287</v>
      </c>
    </row>
    <row r="7210" spans="1:16" x14ac:dyDescent="0.2">
      <c r="A7210" s="1" t="s">
        <v>1385</v>
      </c>
      <c r="B7210" s="1" t="s">
        <v>2930</v>
      </c>
      <c r="C7210" s="1" t="s">
        <v>25240</v>
      </c>
      <c r="D7210" s="1" t="s">
        <v>25241</v>
      </c>
      <c r="E7210" s="1"/>
      <c r="F7210" s="1" t="s">
        <v>27</v>
      </c>
      <c r="G7210" s="1" t="s">
        <v>10</v>
      </c>
      <c r="H7210" s="1" t="s">
        <v>25242</v>
      </c>
      <c r="I7210" s="1" t="s">
        <v>7415</v>
      </c>
      <c r="J7210" s="1" t="s">
        <v>25141</v>
      </c>
      <c r="K7210" s="1" t="s">
        <v>27</v>
      </c>
      <c r="L7210" s="1" t="s">
        <v>25239</v>
      </c>
      <c r="M7210" s="1" t="s">
        <v>5</v>
      </c>
      <c r="N7210" s="1" t="s">
        <v>1009</v>
      </c>
      <c r="O7210" s="1" t="s">
        <v>8</v>
      </c>
      <c r="P7210" s="5" t="s">
        <v>32288</v>
      </c>
    </row>
    <row r="7211" spans="1:16" x14ac:dyDescent="0.2">
      <c r="A7211" s="1" t="s">
        <v>487</v>
      </c>
      <c r="B7211" s="1" t="s">
        <v>488</v>
      </c>
      <c r="C7211" s="1" t="s">
        <v>25244</v>
      </c>
      <c r="D7211" s="1" t="s">
        <v>25244</v>
      </c>
      <c r="E7211" s="1"/>
      <c r="F7211" s="1" t="s">
        <v>27</v>
      </c>
      <c r="G7211" s="1" t="s">
        <v>10</v>
      </c>
      <c r="H7211" s="1" t="s">
        <v>6387</v>
      </c>
      <c r="I7211" s="1" t="s">
        <v>7415</v>
      </c>
      <c r="J7211" s="1" t="s">
        <v>25137</v>
      </c>
      <c r="K7211" s="1" t="s">
        <v>64</v>
      </c>
      <c r="L7211" s="1" t="s">
        <v>25243</v>
      </c>
      <c r="M7211" s="1" t="s">
        <v>5</v>
      </c>
      <c r="N7211" s="1" t="s">
        <v>6</v>
      </c>
      <c r="O7211" s="1" t="s">
        <v>8</v>
      </c>
      <c r="P7211" s="5"/>
    </row>
    <row r="7212" spans="1:16" x14ac:dyDescent="0.2">
      <c r="A7212" s="1" t="s">
        <v>1385</v>
      </c>
      <c r="B7212" s="1" t="s">
        <v>1490</v>
      </c>
      <c r="C7212" s="1" t="s">
        <v>25246</v>
      </c>
      <c r="D7212" s="1" t="s">
        <v>25246</v>
      </c>
      <c r="E7212" s="1"/>
      <c r="F7212" s="1" t="s">
        <v>27</v>
      </c>
      <c r="G7212" s="1" t="s">
        <v>10</v>
      </c>
      <c r="H7212" s="1" t="s">
        <v>25246</v>
      </c>
      <c r="I7212" s="1" t="s">
        <v>7415</v>
      </c>
      <c r="J7212" s="1" t="s">
        <v>25137</v>
      </c>
      <c r="K7212" s="1" t="s">
        <v>64</v>
      </c>
      <c r="L7212" s="1" t="s">
        <v>25245</v>
      </c>
      <c r="M7212" s="1" t="s">
        <v>5</v>
      </c>
      <c r="N7212" s="1" t="s">
        <v>6</v>
      </c>
      <c r="O7212" s="1" t="s">
        <v>8</v>
      </c>
      <c r="P7212" s="5" t="s">
        <v>114</v>
      </c>
    </row>
    <row r="7213" spans="1:16" x14ac:dyDescent="0.2">
      <c r="A7213" s="1" t="s">
        <v>487</v>
      </c>
      <c r="B7213" s="1" t="s">
        <v>488</v>
      </c>
      <c r="C7213" s="1" t="s">
        <v>25248</v>
      </c>
      <c r="D7213" s="1" t="s">
        <v>25248</v>
      </c>
      <c r="E7213" s="1"/>
      <c r="F7213" s="1" t="s">
        <v>27</v>
      </c>
      <c r="G7213" s="1" t="s">
        <v>10</v>
      </c>
      <c r="H7213" s="1" t="s">
        <v>25248</v>
      </c>
      <c r="I7213" s="1" t="s">
        <v>7415</v>
      </c>
      <c r="J7213" s="1" t="s">
        <v>25137</v>
      </c>
      <c r="K7213" s="1" t="s">
        <v>64</v>
      </c>
      <c r="L7213" s="1" t="s">
        <v>25247</v>
      </c>
      <c r="M7213" s="1" t="s">
        <v>5</v>
      </c>
      <c r="N7213" s="1" t="s">
        <v>6</v>
      </c>
      <c r="O7213" s="1" t="s">
        <v>8</v>
      </c>
      <c r="P7213" s="5" t="s">
        <v>114</v>
      </c>
    </row>
    <row r="7214" spans="1:16" x14ac:dyDescent="0.2">
      <c r="A7214" s="1" t="s">
        <v>1385</v>
      </c>
      <c r="B7214" s="1" t="s">
        <v>1490</v>
      </c>
      <c r="C7214" s="1" t="s">
        <v>25250</v>
      </c>
      <c r="D7214" s="1" t="s">
        <v>8237</v>
      </c>
      <c r="E7214" s="1"/>
      <c r="F7214" s="1" t="s">
        <v>27</v>
      </c>
      <c r="G7214" s="1" t="s">
        <v>10</v>
      </c>
      <c r="H7214" s="1" t="s">
        <v>25250</v>
      </c>
      <c r="I7214" s="1" t="s">
        <v>7415</v>
      </c>
      <c r="J7214" s="1" t="s">
        <v>25137</v>
      </c>
      <c r="K7214" s="1" t="s">
        <v>64</v>
      </c>
      <c r="L7214" s="1" t="s">
        <v>25249</v>
      </c>
      <c r="M7214" s="1" t="s">
        <v>5</v>
      </c>
      <c r="N7214" s="1" t="s">
        <v>6</v>
      </c>
      <c r="O7214" s="1" t="s">
        <v>8</v>
      </c>
      <c r="P7214" s="5"/>
    </row>
    <row r="7215" spans="1:16" x14ac:dyDescent="0.2">
      <c r="A7215" s="1" t="s">
        <v>194</v>
      </c>
      <c r="B7215" s="1" t="s">
        <v>396</v>
      </c>
      <c r="C7215" s="1" t="s">
        <v>25252</v>
      </c>
      <c r="D7215" s="1" t="s">
        <v>25253</v>
      </c>
      <c r="E7215" s="1"/>
      <c r="F7215" s="1" t="s">
        <v>10</v>
      </c>
      <c r="G7215" s="1" t="s">
        <v>10</v>
      </c>
      <c r="H7215" s="1" t="s">
        <v>10</v>
      </c>
      <c r="I7215" s="1" t="s">
        <v>7415</v>
      </c>
      <c r="J7215" s="1" t="s">
        <v>25145</v>
      </c>
      <c r="K7215" s="1" t="s">
        <v>27</v>
      </c>
      <c r="L7215" s="1" t="s">
        <v>25251</v>
      </c>
      <c r="M7215" s="1" t="s">
        <v>5</v>
      </c>
      <c r="N7215" s="1" t="s">
        <v>1009</v>
      </c>
      <c r="O7215" s="1" t="s">
        <v>38</v>
      </c>
      <c r="P7215" s="5" t="s">
        <v>32289</v>
      </c>
    </row>
    <row r="7216" spans="1:16" x14ac:dyDescent="0.2">
      <c r="A7216" s="1" t="s">
        <v>66</v>
      </c>
      <c r="B7216" s="1" t="s">
        <v>67</v>
      </c>
      <c r="C7216" s="1" t="s">
        <v>25255</v>
      </c>
      <c r="D7216" s="1" t="s">
        <v>25256</v>
      </c>
      <c r="E7216" s="1"/>
      <c r="F7216" s="1" t="s">
        <v>10</v>
      </c>
      <c r="G7216" s="1" t="s">
        <v>10</v>
      </c>
      <c r="H7216" s="1" t="s">
        <v>10</v>
      </c>
      <c r="I7216" s="1" t="s">
        <v>7415</v>
      </c>
      <c r="J7216" s="1" t="s">
        <v>25141</v>
      </c>
      <c r="K7216" s="1" t="s">
        <v>27</v>
      </c>
      <c r="L7216" s="1" t="s">
        <v>25254</v>
      </c>
      <c r="M7216" s="1" t="s">
        <v>5</v>
      </c>
      <c r="N7216" s="1" t="s">
        <v>25</v>
      </c>
      <c r="O7216" s="1" t="s">
        <v>38</v>
      </c>
      <c r="P7216" s="5" t="s">
        <v>32290</v>
      </c>
    </row>
    <row r="7217" spans="1:16" x14ac:dyDescent="0.2">
      <c r="A7217" s="1" t="s">
        <v>66</v>
      </c>
      <c r="B7217" s="1" t="s">
        <v>212</v>
      </c>
      <c r="C7217" s="1" t="s">
        <v>25258</v>
      </c>
      <c r="D7217" s="1" t="s">
        <v>25259</v>
      </c>
      <c r="E7217" s="1"/>
      <c r="F7217" s="1" t="s">
        <v>10</v>
      </c>
      <c r="G7217" s="1" t="s">
        <v>10</v>
      </c>
      <c r="H7217" s="1" t="s">
        <v>10</v>
      </c>
      <c r="I7217" s="1" t="s">
        <v>7415</v>
      </c>
      <c r="J7217" s="1" t="s">
        <v>25141</v>
      </c>
      <c r="K7217" s="1" t="s">
        <v>27</v>
      </c>
      <c r="L7217" s="1" t="s">
        <v>25257</v>
      </c>
      <c r="M7217" s="1" t="s">
        <v>5</v>
      </c>
      <c r="N7217" s="1" t="s">
        <v>1009</v>
      </c>
      <c r="O7217" s="1" t="s">
        <v>38</v>
      </c>
      <c r="P7217" s="5" t="s">
        <v>32291</v>
      </c>
    </row>
    <row r="7218" spans="1:16" x14ac:dyDescent="0.2">
      <c r="A7218" s="1" t="s">
        <v>66</v>
      </c>
      <c r="B7218" s="1" t="s">
        <v>1127</v>
      </c>
      <c r="C7218" s="1" t="s">
        <v>25261</v>
      </c>
      <c r="D7218" s="1" t="s">
        <v>25262</v>
      </c>
      <c r="E7218" s="1"/>
      <c r="F7218" s="1" t="s">
        <v>10</v>
      </c>
      <c r="G7218" s="1" t="s">
        <v>10</v>
      </c>
      <c r="H7218" s="1" t="s">
        <v>10</v>
      </c>
      <c r="I7218" s="1" t="s">
        <v>7415</v>
      </c>
      <c r="J7218" s="1" t="s">
        <v>25141</v>
      </c>
      <c r="K7218" s="1" t="s">
        <v>27</v>
      </c>
      <c r="L7218" s="1" t="s">
        <v>25260</v>
      </c>
      <c r="M7218" s="1" t="s">
        <v>5</v>
      </c>
      <c r="N7218" s="1" t="s">
        <v>1009</v>
      </c>
      <c r="O7218" s="1" t="s">
        <v>38</v>
      </c>
      <c r="P7218" s="5" t="s">
        <v>32292</v>
      </c>
    </row>
    <row r="7219" spans="1:16" x14ac:dyDescent="0.2">
      <c r="A7219" s="1" t="s">
        <v>20</v>
      </c>
      <c r="B7219" s="1" t="s">
        <v>253</v>
      </c>
      <c r="C7219" s="1" t="s">
        <v>25264</v>
      </c>
      <c r="D7219" s="1" t="s">
        <v>25265</v>
      </c>
      <c r="E7219" s="1"/>
      <c r="F7219" s="1" t="s">
        <v>10</v>
      </c>
      <c r="G7219" s="1" t="s">
        <v>10</v>
      </c>
      <c r="H7219" s="1" t="s">
        <v>10</v>
      </c>
      <c r="I7219" s="1" t="s">
        <v>7415</v>
      </c>
      <c r="J7219" s="1" t="s">
        <v>25141</v>
      </c>
      <c r="K7219" s="1" t="s">
        <v>27</v>
      </c>
      <c r="L7219" s="1" t="s">
        <v>25263</v>
      </c>
      <c r="M7219" s="1" t="s">
        <v>5</v>
      </c>
      <c r="N7219" s="1" t="s">
        <v>1009</v>
      </c>
      <c r="O7219" s="1" t="s">
        <v>38</v>
      </c>
      <c r="P7219" s="5" t="s">
        <v>30758</v>
      </c>
    </row>
    <row r="7220" spans="1:16" x14ac:dyDescent="0.2">
      <c r="A7220" s="1" t="s">
        <v>42</v>
      </c>
      <c r="B7220" s="1" t="s">
        <v>50</v>
      </c>
      <c r="C7220" s="1" t="s">
        <v>25267</v>
      </c>
      <c r="D7220" s="1" t="s">
        <v>5317</v>
      </c>
      <c r="E7220" s="1"/>
      <c r="F7220" s="1" t="s">
        <v>10</v>
      </c>
      <c r="G7220" s="1" t="s">
        <v>10</v>
      </c>
      <c r="H7220" s="1" t="s">
        <v>10</v>
      </c>
      <c r="I7220" s="1" t="s">
        <v>7415</v>
      </c>
      <c r="J7220" s="1" t="s">
        <v>19</v>
      </c>
      <c r="K7220" s="1" t="s">
        <v>37</v>
      </c>
      <c r="L7220" s="1" t="s">
        <v>25266</v>
      </c>
      <c r="M7220" s="1" t="s">
        <v>5</v>
      </c>
      <c r="N7220" s="1" t="s">
        <v>1009</v>
      </c>
      <c r="O7220" s="1" t="s">
        <v>38</v>
      </c>
      <c r="P7220" s="5" t="s">
        <v>30745</v>
      </c>
    </row>
    <row r="7221" spans="1:16" x14ac:dyDescent="0.2">
      <c r="A7221" s="1" t="s">
        <v>66</v>
      </c>
      <c r="B7221" s="1" t="s">
        <v>1117</v>
      </c>
      <c r="C7221" s="1" t="s">
        <v>25269</v>
      </c>
      <c r="D7221" s="1" t="s">
        <v>8331</v>
      </c>
      <c r="E7221" s="1"/>
      <c r="F7221" s="1" t="s">
        <v>27</v>
      </c>
      <c r="G7221" s="1" t="s">
        <v>10</v>
      </c>
      <c r="H7221" s="1" t="s">
        <v>1116</v>
      </c>
      <c r="I7221" s="1" t="s">
        <v>7415</v>
      </c>
      <c r="J7221" s="1" t="s">
        <v>25137</v>
      </c>
      <c r="K7221" s="1" t="s">
        <v>64</v>
      </c>
      <c r="L7221" s="1" t="s">
        <v>25268</v>
      </c>
      <c r="M7221" s="1" t="s">
        <v>5</v>
      </c>
      <c r="N7221" s="1" t="s">
        <v>6</v>
      </c>
      <c r="O7221" s="1" t="s">
        <v>8</v>
      </c>
      <c r="P7221" s="5" t="s">
        <v>31890</v>
      </c>
    </row>
    <row r="7222" spans="1:16" x14ac:dyDescent="0.2">
      <c r="A7222" s="1" t="s">
        <v>66</v>
      </c>
      <c r="B7222" s="1" t="s">
        <v>1117</v>
      </c>
      <c r="C7222" s="1" t="s">
        <v>25271</v>
      </c>
      <c r="D7222" s="1" t="s">
        <v>8331</v>
      </c>
      <c r="E7222" s="1"/>
      <c r="F7222" s="1" t="s">
        <v>27</v>
      </c>
      <c r="G7222" s="1" t="s">
        <v>10</v>
      </c>
      <c r="H7222" s="1" t="s">
        <v>1116</v>
      </c>
      <c r="I7222" s="1" t="s">
        <v>7415</v>
      </c>
      <c r="J7222" s="1" t="s">
        <v>25137</v>
      </c>
      <c r="K7222" s="1" t="s">
        <v>64</v>
      </c>
      <c r="L7222" s="1" t="s">
        <v>25270</v>
      </c>
      <c r="M7222" s="1" t="s">
        <v>5</v>
      </c>
      <c r="N7222" s="1" t="s">
        <v>6</v>
      </c>
      <c r="O7222" s="1" t="s">
        <v>8</v>
      </c>
      <c r="P7222" s="5" t="s">
        <v>31890</v>
      </c>
    </row>
    <row r="7223" spans="1:16" x14ac:dyDescent="0.2">
      <c r="A7223" s="1" t="s">
        <v>487</v>
      </c>
      <c r="B7223" s="1" t="s">
        <v>765</v>
      </c>
      <c r="C7223" s="1" t="s">
        <v>25273</v>
      </c>
      <c r="D7223" s="1" t="s">
        <v>25274</v>
      </c>
      <c r="E7223" s="1"/>
      <c r="F7223" s="1" t="s">
        <v>27</v>
      </c>
      <c r="G7223" s="1" t="s">
        <v>10</v>
      </c>
      <c r="H7223" s="1" t="s">
        <v>25275</v>
      </c>
      <c r="I7223" s="1" t="s">
        <v>7415</v>
      </c>
      <c r="J7223" s="1" t="s">
        <v>25137</v>
      </c>
      <c r="K7223" s="1" t="s">
        <v>64</v>
      </c>
      <c r="L7223" s="1" t="s">
        <v>25272</v>
      </c>
      <c r="M7223" s="1" t="s">
        <v>5</v>
      </c>
      <c r="N7223" s="1" t="s">
        <v>25</v>
      </c>
      <c r="O7223" s="1" t="s">
        <v>8</v>
      </c>
      <c r="P7223" s="5"/>
    </row>
    <row r="7224" spans="1:16" x14ac:dyDescent="0.2">
      <c r="A7224" s="1" t="s">
        <v>487</v>
      </c>
      <c r="B7224" s="1" t="s">
        <v>784</v>
      </c>
      <c r="C7224" s="1" t="s">
        <v>19234</v>
      </c>
      <c r="D7224" s="1" t="s">
        <v>19234</v>
      </c>
      <c r="E7224" s="1"/>
      <c r="F7224" s="1" t="s">
        <v>27</v>
      </c>
      <c r="G7224" s="1" t="s">
        <v>10</v>
      </c>
      <c r="H7224" s="1" t="s">
        <v>25277</v>
      </c>
      <c r="I7224" s="1" t="s">
        <v>7415</v>
      </c>
      <c r="J7224" s="1" t="s">
        <v>25137</v>
      </c>
      <c r="K7224" s="1" t="s">
        <v>64</v>
      </c>
      <c r="L7224" s="1" t="s">
        <v>25276</v>
      </c>
      <c r="M7224" s="1" t="s">
        <v>5</v>
      </c>
      <c r="N7224" s="1" t="s">
        <v>25</v>
      </c>
      <c r="O7224" s="1" t="s">
        <v>8</v>
      </c>
      <c r="P7224" s="5"/>
    </row>
    <row r="7225" spans="1:16" x14ac:dyDescent="0.2">
      <c r="A7225" s="1" t="s">
        <v>487</v>
      </c>
      <c r="B7225" s="1" t="s">
        <v>765</v>
      </c>
      <c r="C7225" s="1" t="s">
        <v>25279</v>
      </c>
      <c r="D7225" s="1" t="s">
        <v>25280</v>
      </c>
      <c r="E7225" s="1"/>
      <c r="F7225" s="1" t="s">
        <v>27</v>
      </c>
      <c r="G7225" s="1" t="s">
        <v>10</v>
      </c>
      <c r="H7225" s="1" t="s">
        <v>25281</v>
      </c>
      <c r="I7225" s="1" t="s">
        <v>7415</v>
      </c>
      <c r="J7225" s="1" t="s">
        <v>25137</v>
      </c>
      <c r="K7225" s="1" t="s">
        <v>64</v>
      </c>
      <c r="L7225" s="1" t="s">
        <v>25278</v>
      </c>
      <c r="M7225" s="1" t="s">
        <v>5</v>
      </c>
      <c r="N7225" s="1" t="s">
        <v>25</v>
      </c>
      <c r="O7225" s="1" t="s">
        <v>8</v>
      </c>
      <c r="P7225" s="5"/>
    </row>
    <row r="7226" spans="1:16" x14ac:dyDescent="0.2">
      <c r="A7226" s="1" t="s">
        <v>42</v>
      </c>
      <c r="B7226" s="1" t="s">
        <v>50</v>
      </c>
      <c r="C7226" s="1" t="s">
        <v>25283</v>
      </c>
      <c r="D7226" s="1" t="s">
        <v>25284</v>
      </c>
      <c r="E7226" s="1"/>
      <c r="F7226" s="1" t="s">
        <v>10</v>
      </c>
      <c r="G7226" s="1" t="s">
        <v>10</v>
      </c>
      <c r="H7226" s="1" t="s">
        <v>10</v>
      </c>
      <c r="I7226" s="1" t="s">
        <v>7415</v>
      </c>
      <c r="J7226" s="1" t="s">
        <v>19</v>
      </c>
      <c r="K7226" s="1" t="s">
        <v>47</v>
      </c>
      <c r="L7226" s="1" t="s">
        <v>25282</v>
      </c>
      <c r="M7226" s="1" t="s">
        <v>5</v>
      </c>
      <c r="N7226" s="1" t="s">
        <v>1009</v>
      </c>
      <c r="O7226" s="1" t="s">
        <v>38</v>
      </c>
      <c r="P7226" s="5" t="s">
        <v>30746</v>
      </c>
    </row>
    <row r="7227" spans="1:16" x14ac:dyDescent="0.2">
      <c r="A7227" s="1" t="s">
        <v>66</v>
      </c>
      <c r="B7227" s="1" t="s">
        <v>212</v>
      </c>
      <c r="C7227" s="1" t="s">
        <v>25288</v>
      </c>
      <c r="D7227" s="1" t="s">
        <v>25289</v>
      </c>
      <c r="E7227" s="1"/>
      <c r="F7227" s="1" t="s">
        <v>10</v>
      </c>
      <c r="G7227" s="1" t="s">
        <v>10</v>
      </c>
      <c r="H7227" s="1" t="s">
        <v>10</v>
      </c>
      <c r="I7227" s="1" t="s">
        <v>7415</v>
      </c>
      <c r="J7227" s="1" t="s">
        <v>25141</v>
      </c>
      <c r="K7227" s="1" t="s">
        <v>27</v>
      </c>
      <c r="L7227" s="1" t="s">
        <v>25287</v>
      </c>
      <c r="M7227" s="1" t="s">
        <v>5</v>
      </c>
      <c r="N7227" s="1" t="s">
        <v>1009</v>
      </c>
      <c r="O7227" s="1" t="s">
        <v>38</v>
      </c>
      <c r="P7227" s="5" t="s">
        <v>32293</v>
      </c>
    </row>
    <row r="7228" spans="1:16" x14ac:dyDescent="0.2">
      <c r="A7228" s="1" t="s">
        <v>194</v>
      </c>
      <c r="B7228" s="1" t="s">
        <v>6481</v>
      </c>
      <c r="C7228" s="1" t="s">
        <v>25291</v>
      </c>
      <c r="D7228" s="1" t="s">
        <v>25292</v>
      </c>
      <c r="E7228" s="1"/>
      <c r="F7228" s="1" t="s">
        <v>10</v>
      </c>
      <c r="G7228" s="1" t="s">
        <v>10</v>
      </c>
      <c r="H7228" s="1" t="s">
        <v>10</v>
      </c>
      <c r="I7228" s="1" t="s">
        <v>7415</v>
      </c>
      <c r="J7228" s="1" t="s">
        <v>25286</v>
      </c>
      <c r="K7228" s="1" t="s">
        <v>27</v>
      </c>
      <c r="L7228" s="1" t="s">
        <v>25290</v>
      </c>
      <c r="M7228" s="1" t="s">
        <v>5</v>
      </c>
      <c r="N7228" s="1" t="s">
        <v>1009</v>
      </c>
      <c r="O7228" s="1" t="s">
        <v>38</v>
      </c>
      <c r="P7228" s="5" t="s">
        <v>30747</v>
      </c>
    </row>
    <row r="7229" spans="1:16" x14ac:dyDescent="0.2">
      <c r="A7229" s="1" t="s">
        <v>194</v>
      </c>
      <c r="B7229" s="1" t="s">
        <v>6481</v>
      </c>
      <c r="C7229" s="1" t="s">
        <v>25294</v>
      </c>
      <c r="D7229" s="1" t="s">
        <v>25295</v>
      </c>
      <c r="E7229" s="1"/>
      <c r="F7229" s="1" t="s">
        <v>10</v>
      </c>
      <c r="G7229" s="1" t="s">
        <v>10</v>
      </c>
      <c r="H7229" s="1" t="s">
        <v>10</v>
      </c>
      <c r="I7229" s="1" t="s">
        <v>7415</v>
      </c>
      <c r="J7229" s="1" t="s">
        <v>25286</v>
      </c>
      <c r="K7229" s="1" t="s">
        <v>27</v>
      </c>
      <c r="L7229" s="1" t="s">
        <v>25293</v>
      </c>
      <c r="M7229" s="1" t="s">
        <v>5</v>
      </c>
      <c r="N7229" s="1" t="s">
        <v>1009</v>
      </c>
      <c r="O7229" s="1" t="s">
        <v>38</v>
      </c>
      <c r="P7229" s="5" t="s">
        <v>30748</v>
      </c>
    </row>
    <row r="7230" spans="1:16" x14ac:dyDescent="0.2">
      <c r="A7230" s="1" t="s">
        <v>66</v>
      </c>
      <c r="B7230" s="1" t="s">
        <v>212</v>
      </c>
      <c r="C7230" s="1" t="s">
        <v>25297</v>
      </c>
      <c r="D7230" s="1" t="s">
        <v>85</v>
      </c>
      <c r="E7230" s="1"/>
      <c r="F7230" s="1" t="s">
        <v>10</v>
      </c>
      <c r="G7230" s="1" t="s">
        <v>10</v>
      </c>
      <c r="H7230" s="1" t="s">
        <v>10</v>
      </c>
      <c r="I7230" s="1" t="s">
        <v>7415</v>
      </c>
      <c r="J7230" s="1" t="s">
        <v>25141</v>
      </c>
      <c r="K7230" s="1" t="s">
        <v>11</v>
      </c>
      <c r="L7230" s="1" t="s">
        <v>25296</v>
      </c>
      <c r="M7230" s="1" t="s">
        <v>5</v>
      </c>
      <c r="N7230" s="1" t="s">
        <v>1009</v>
      </c>
      <c r="O7230" s="1" t="s">
        <v>38</v>
      </c>
      <c r="P7230" s="5" t="s">
        <v>32294</v>
      </c>
    </row>
    <row r="7231" spans="1:16" x14ac:dyDescent="0.2">
      <c r="A7231" s="1" t="s">
        <v>487</v>
      </c>
      <c r="B7231" s="1" t="s">
        <v>488</v>
      </c>
      <c r="C7231" s="1" t="s">
        <v>25299</v>
      </c>
      <c r="D7231" s="1" t="s">
        <v>25299</v>
      </c>
      <c r="E7231" s="1"/>
      <c r="F7231" s="1" t="s">
        <v>27</v>
      </c>
      <c r="G7231" s="1" t="s">
        <v>10</v>
      </c>
      <c r="H7231" s="1" t="s">
        <v>25300</v>
      </c>
      <c r="I7231" s="1" t="s">
        <v>7415</v>
      </c>
      <c r="J7231" s="1" t="s">
        <v>25137</v>
      </c>
      <c r="K7231" s="1" t="s">
        <v>64</v>
      </c>
      <c r="L7231" s="1" t="s">
        <v>25298</v>
      </c>
      <c r="M7231" s="1" t="s">
        <v>5</v>
      </c>
      <c r="N7231" s="1" t="s">
        <v>6</v>
      </c>
      <c r="O7231" s="1" t="s">
        <v>8</v>
      </c>
      <c r="P7231" s="5"/>
    </row>
    <row r="7232" spans="1:16" x14ac:dyDescent="0.2">
      <c r="A7232" s="1" t="s">
        <v>66</v>
      </c>
      <c r="B7232" s="1" t="s">
        <v>212</v>
      </c>
      <c r="C7232" s="1" t="s">
        <v>25302</v>
      </c>
      <c r="D7232" s="1" t="s">
        <v>25303</v>
      </c>
      <c r="E7232" s="1"/>
      <c r="F7232" s="1" t="s">
        <v>10</v>
      </c>
      <c r="G7232" s="1" t="s">
        <v>10</v>
      </c>
      <c r="H7232" s="1" t="s">
        <v>10</v>
      </c>
      <c r="I7232" s="1" t="s">
        <v>7415</v>
      </c>
      <c r="J7232" s="1" t="s">
        <v>25141</v>
      </c>
      <c r="K7232" s="1" t="s">
        <v>27</v>
      </c>
      <c r="L7232" s="1" t="s">
        <v>25301</v>
      </c>
      <c r="M7232" s="1" t="s">
        <v>5</v>
      </c>
      <c r="N7232" s="1" t="s">
        <v>1009</v>
      </c>
      <c r="O7232" s="1" t="s">
        <v>38</v>
      </c>
      <c r="P7232" s="5" t="s">
        <v>32295</v>
      </c>
    </row>
    <row r="7233" spans="1:16" x14ac:dyDescent="0.2">
      <c r="A7233" s="1" t="s">
        <v>66</v>
      </c>
      <c r="B7233" s="1" t="s">
        <v>212</v>
      </c>
      <c r="C7233" s="1" t="s">
        <v>25305</v>
      </c>
      <c r="D7233" s="1" t="s">
        <v>25306</v>
      </c>
      <c r="E7233" s="1"/>
      <c r="F7233" s="1" t="s">
        <v>10</v>
      </c>
      <c r="G7233" s="1" t="s">
        <v>10</v>
      </c>
      <c r="H7233" s="1" t="s">
        <v>10</v>
      </c>
      <c r="I7233" s="1" t="s">
        <v>7415</v>
      </c>
      <c r="J7233" s="1" t="s">
        <v>25141</v>
      </c>
      <c r="K7233" s="1" t="s">
        <v>27</v>
      </c>
      <c r="L7233" s="1" t="s">
        <v>25304</v>
      </c>
      <c r="M7233" s="1" t="s">
        <v>5</v>
      </c>
      <c r="N7233" s="1" t="s">
        <v>1009</v>
      </c>
      <c r="O7233" s="1" t="s">
        <v>38</v>
      </c>
      <c r="P7233" s="5" t="s">
        <v>32296</v>
      </c>
    </row>
    <row r="7234" spans="1:16" x14ac:dyDescent="0.2">
      <c r="A7234" s="1" t="s">
        <v>66</v>
      </c>
      <c r="B7234" s="1" t="s">
        <v>212</v>
      </c>
      <c r="C7234" s="1" t="s">
        <v>25308</v>
      </c>
      <c r="D7234" s="1" t="s">
        <v>7866</v>
      </c>
      <c r="E7234" s="1"/>
      <c r="F7234" s="1" t="s">
        <v>10</v>
      </c>
      <c r="G7234" s="1" t="s">
        <v>10</v>
      </c>
      <c r="H7234" s="1" t="s">
        <v>10</v>
      </c>
      <c r="I7234" s="1" t="s">
        <v>7415</v>
      </c>
      <c r="J7234" s="1" t="s">
        <v>25141</v>
      </c>
      <c r="K7234" s="1" t="s">
        <v>27</v>
      </c>
      <c r="L7234" s="1" t="s">
        <v>25307</v>
      </c>
      <c r="M7234" s="1" t="s">
        <v>5</v>
      </c>
      <c r="N7234" s="1" t="s">
        <v>1009</v>
      </c>
      <c r="O7234" s="1" t="s">
        <v>38</v>
      </c>
      <c r="P7234" s="5" t="s">
        <v>32297</v>
      </c>
    </row>
    <row r="7235" spans="1:16" x14ac:dyDescent="0.2">
      <c r="A7235" s="1" t="s">
        <v>487</v>
      </c>
      <c r="B7235" s="1" t="s">
        <v>488</v>
      </c>
      <c r="C7235" s="1" t="s">
        <v>25310</v>
      </c>
      <c r="D7235" s="1" t="s">
        <v>10</v>
      </c>
      <c r="E7235" s="1"/>
      <c r="F7235" s="1" t="s">
        <v>27</v>
      </c>
      <c r="G7235" s="1" t="s">
        <v>10</v>
      </c>
      <c r="H7235" s="1" t="s">
        <v>6402</v>
      </c>
      <c r="I7235" s="1" t="s">
        <v>7415</v>
      </c>
      <c r="J7235" s="1" t="s">
        <v>25137</v>
      </c>
      <c r="K7235" s="1" t="s">
        <v>64</v>
      </c>
      <c r="L7235" s="1" t="s">
        <v>25309</v>
      </c>
      <c r="M7235" s="1" t="s">
        <v>5</v>
      </c>
      <c r="N7235" s="1" t="s">
        <v>6</v>
      </c>
      <c r="O7235" s="1" t="s">
        <v>8</v>
      </c>
      <c r="P7235" s="5" t="s">
        <v>10</v>
      </c>
    </row>
    <row r="7236" spans="1:16" x14ac:dyDescent="0.2">
      <c r="A7236" s="1" t="s">
        <v>66</v>
      </c>
      <c r="B7236" s="1" t="s">
        <v>1117</v>
      </c>
      <c r="C7236" s="1" t="s">
        <v>25312</v>
      </c>
      <c r="D7236" s="1" t="s">
        <v>25313</v>
      </c>
      <c r="E7236" s="1"/>
      <c r="F7236" s="1" t="s">
        <v>414</v>
      </c>
      <c r="G7236" s="1" t="s">
        <v>10</v>
      </c>
      <c r="H7236" s="1" t="s">
        <v>10</v>
      </c>
      <c r="I7236" s="1" t="s">
        <v>7415</v>
      </c>
      <c r="J7236" s="1" t="s">
        <v>25137</v>
      </c>
      <c r="K7236" s="1" t="s">
        <v>64</v>
      </c>
      <c r="L7236" s="1" t="s">
        <v>25311</v>
      </c>
      <c r="M7236" s="1" t="s">
        <v>5</v>
      </c>
      <c r="N7236" s="1" t="s">
        <v>6</v>
      </c>
      <c r="O7236" s="1" t="s">
        <v>8</v>
      </c>
      <c r="P7236" s="5" t="s">
        <v>31890</v>
      </c>
    </row>
    <row r="7237" spans="1:16" x14ac:dyDescent="0.2">
      <c r="A7237" s="1" t="s">
        <v>66</v>
      </c>
      <c r="B7237" s="1" t="s">
        <v>212</v>
      </c>
      <c r="C7237" s="1" t="s">
        <v>25315</v>
      </c>
      <c r="D7237" s="1" t="s">
        <v>16009</v>
      </c>
      <c r="E7237" s="1"/>
      <c r="F7237" s="1" t="s">
        <v>10</v>
      </c>
      <c r="G7237" s="1" t="s">
        <v>10</v>
      </c>
      <c r="H7237" s="1" t="s">
        <v>10</v>
      </c>
      <c r="I7237" s="1" t="s">
        <v>7415</v>
      </c>
      <c r="J7237" s="1" t="s">
        <v>25141</v>
      </c>
      <c r="K7237" s="1" t="s">
        <v>27</v>
      </c>
      <c r="L7237" s="1" t="s">
        <v>25314</v>
      </c>
      <c r="M7237" s="1" t="s">
        <v>5</v>
      </c>
      <c r="N7237" s="1" t="s">
        <v>1009</v>
      </c>
      <c r="O7237" s="1" t="s">
        <v>38</v>
      </c>
      <c r="P7237" s="5" t="s">
        <v>32298</v>
      </c>
    </row>
    <row r="7238" spans="1:16" x14ac:dyDescent="0.2">
      <c r="A7238" s="1" t="s">
        <v>66</v>
      </c>
      <c r="B7238" s="1" t="s">
        <v>1127</v>
      </c>
      <c r="C7238" s="1" t="s">
        <v>25317</v>
      </c>
      <c r="D7238" s="1" t="s">
        <v>25318</v>
      </c>
      <c r="E7238" s="1"/>
      <c r="F7238" s="1" t="s">
        <v>10</v>
      </c>
      <c r="G7238" s="1" t="s">
        <v>10</v>
      </c>
      <c r="H7238" s="1" t="s">
        <v>10</v>
      </c>
      <c r="I7238" s="1" t="s">
        <v>7415</v>
      </c>
      <c r="J7238" s="1" t="s">
        <v>25141</v>
      </c>
      <c r="K7238" s="1" t="s">
        <v>27</v>
      </c>
      <c r="L7238" s="1" t="s">
        <v>25316</v>
      </c>
      <c r="M7238" s="1" t="s">
        <v>5</v>
      </c>
      <c r="N7238" s="1" t="s">
        <v>1009</v>
      </c>
      <c r="O7238" s="1" t="s">
        <v>38</v>
      </c>
      <c r="P7238" s="5" t="s">
        <v>32299</v>
      </c>
    </row>
    <row r="7239" spans="1:16" x14ac:dyDescent="0.2">
      <c r="A7239" s="1" t="s">
        <v>66</v>
      </c>
      <c r="B7239" s="1" t="s">
        <v>212</v>
      </c>
      <c r="C7239" s="1" t="s">
        <v>25320</v>
      </c>
      <c r="D7239" s="1" t="s">
        <v>25321</v>
      </c>
      <c r="E7239" s="1"/>
      <c r="F7239" s="1" t="s">
        <v>10</v>
      </c>
      <c r="G7239" s="1" t="s">
        <v>10</v>
      </c>
      <c r="H7239" s="1" t="s">
        <v>10</v>
      </c>
      <c r="I7239" s="1" t="s">
        <v>7415</v>
      </c>
      <c r="J7239" s="1" t="s">
        <v>25141</v>
      </c>
      <c r="K7239" s="1" t="s">
        <v>27</v>
      </c>
      <c r="L7239" s="1" t="s">
        <v>25319</v>
      </c>
      <c r="M7239" s="1" t="s">
        <v>5</v>
      </c>
      <c r="N7239" s="1" t="s">
        <v>1009</v>
      </c>
      <c r="O7239" s="1" t="s">
        <v>38</v>
      </c>
      <c r="P7239" s="5" t="s">
        <v>32300</v>
      </c>
    </row>
    <row r="7240" spans="1:16" x14ac:dyDescent="0.2">
      <c r="A7240" s="1" t="s">
        <v>66</v>
      </c>
      <c r="B7240" s="1" t="s">
        <v>212</v>
      </c>
      <c r="C7240" s="1" t="s">
        <v>25323</v>
      </c>
      <c r="D7240" s="1" t="s">
        <v>25324</v>
      </c>
      <c r="E7240" s="1"/>
      <c r="F7240" s="1" t="s">
        <v>10</v>
      </c>
      <c r="G7240" s="1" t="s">
        <v>10</v>
      </c>
      <c r="H7240" s="1" t="s">
        <v>10</v>
      </c>
      <c r="I7240" s="1" t="s">
        <v>7415</v>
      </c>
      <c r="J7240" s="1" t="s">
        <v>25141</v>
      </c>
      <c r="K7240" s="1" t="s">
        <v>27</v>
      </c>
      <c r="L7240" s="1" t="s">
        <v>25322</v>
      </c>
      <c r="M7240" s="1" t="s">
        <v>5</v>
      </c>
      <c r="N7240" s="1" t="s">
        <v>1009</v>
      </c>
      <c r="O7240" s="1" t="s">
        <v>38</v>
      </c>
      <c r="P7240" s="5" t="s">
        <v>32301</v>
      </c>
    </row>
    <row r="7241" spans="1:16" x14ac:dyDescent="0.2">
      <c r="A7241" s="1" t="s">
        <v>66</v>
      </c>
      <c r="B7241" s="1" t="s">
        <v>212</v>
      </c>
      <c r="C7241" s="1" t="s">
        <v>25326</v>
      </c>
      <c r="D7241" s="1" t="s">
        <v>25327</v>
      </c>
      <c r="E7241" s="1"/>
      <c r="F7241" s="1" t="s">
        <v>10</v>
      </c>
      <c r="G7241" s="1" t="s">
        <v>10</v>
      </c>
      <c r="H7241" s="1" t="s">
        <v>10</v>
      </c>
      <c r="I7241" s="1" t="s">
        <v>7415</v>
      </c>
      <c r="J7241" s="1" t="s">
        <v>25141</v>
      </c>
      <c r="K7241" s="1" t="s">
        <v>27</v>
      </c>
      <c r="L7241" s="1" t="s">
        <v>25325</v>
      </c>
      <c r="M7241" s="1" t="s">
        <v>5</v>
      </c>
      <c r="N7241" s="1" t="s">
        <v>1009</v>
      </c>
      <c r="O7241" s="1" t="s">
        <v>38</v>
      </c>
      <c r="P7241" s="5" t="s">
        <v>32302</v>
      </c>
    </row>
    <row r="7242" spans="1:16" x14ac:dyDescent="0.2">
      <c r="A7242" s="1" t="s">
        <v>66</v>
      </c>
      <c r="B7242" s="1" t="s">
        <v>212</v>
      </c>
      <c r="C7242" s="1" t="s">
        <v>25329</v>
      </c>
      <c r="D7242" s="1" t="s">
        <v>25330</v>
      </c>
      <c r="E7242" s="1"/>
      <c r="F7242" s="1" t="s">
        <v>10</v>
      </c>
      <c r="G7242" s="1" t="s">
        <v>10</v>
      </c>
      <c r="H7242" s="1" t="s">
        <v>10</v>
      </c>
      <c r="I7242" s="1" t="s">
        <v>7415</v>
      </c>
      <c r="J7242" s="1" t="s">
        <v>25141</v>
      </c>
      <c r="K7242" s="1" t="s">
        <v>27</v>
      </c>
      <c r="L7242" s="1" t="s">
        <v>25328</v>
      </c>
      <c r="M7242" s="1" t="s">
        <v>5</v>
      </c>
      <c r="N7242" s="1" t="s">
        <v>1009</v>
      </c>
      <c r="O7242" s="1" t="s">
        <v>38</v>
      </c>
      <c r="P7242" s="5" t="s">
        <v>32303</v>
      </c>
    </row>
    <row r="7243" spans="1:16" x14ac:dyDescent="0.2">
      <c r="A7243" s="1" t="s">
        <v>66</v>
      </c>
      <c r="B7243" s="1" t="s">
        <v>212</v>
      </c>
      <c r="C7243" s="1" t="s">
        <v>25332</v>
      </c>
      <c r="D7243" s="1" t="s">
        <v>25333</v>
      </c>
      <c r="E7243" s="1"/>
      <c r="F7243" s="1" t="s">
        <v>10</v>
      </c>
      <c r="G7243" s="1" t="s">
        <v>10</v>
      </c>
      <c r="H7243" s="1" t="s">
        <v>10</v>
      </c>
      <c r="I7243" s="1" t="s">
        <v>7415</v>
      </c>
      <c r="J7243" s="1" t="s">
        <v>25141</v>
      </c>
      <c r="K7243" s="1" t="s">
        <v>27</v>
      </c>
      <c r="L7243" s="1" t="s">
        <v>25331</v>
      </c>
      <c r="M7243" s="1" t="s">
        <v>5</v>
      </c>
      <c r="N7243" s="1" t="s">
        <v>1009</v>
      </c>
      <c r="O7243" s="1" t="s">
        <v>38</v>
      </c>
      <c r="P7243" s="5" t="s">
        <v>32304</v>
      </c>
    </row>
    <row r="7244" spans="1:16" x14ac:dyDescent="0.2">
      <c r="A7244" s="1" t="s">
        <v>66</v>
      </c>
      <c r="B7244" s="1" t="s">
        <v>1127</v>
      </c>
      <c r="C7244" s="1" t="s">
        <v>25335</v>
      </c>
      <c r="D7244" s="1" t="s">
        <v>25336</v>
      </c>
      <c r="E7244" s="1"/>
      <c r="F7244" s="1" t="s">
        <v>10</v>
      </c>
      <c r="G7244" s="1" t="s">
        <v>10</v>
      </c>
      <c r="H7244" s="1" t="s">
        <v>10</v>
      </c>
      <c r="I7244" s="1" t="s">
        <v>7415</v>
      </c>
      <c r="J7244" s="1" t="s">
        <v>25141</v>
      </c>
      <c r="K7244" s="1" t="s">
        <v>27</v>
      </c>
      <c r="L7244" s="1" t="s">
        <v>25334</v>
      </c>
      <c r="M7244" s="1" t="s">
        <v>5</v>
      </c>
      <c r="N7244" s="1" t="s">
        <v>1009</v>
      </c>
      <c r="O7244" s="1" t="s">
        <v>38</v>
      </c>
      <c r="P7244" s="5" t="s">
        <v>32299</v>
      </c>
    </row>
    <row r="7245" spans="1:16" x14ac:dyDescent="0.2">
      <c r="A7245" s="1" t="s">
        <v>66</v>
      </c>
      <c r="B7245" s="1" t="s">
        <v>212</v>
      </c>
      <c r="C7245" s="1" t="s">
        <v>25338</v>
      </c>
      <c r="D7245" s="1" t="s">
        <v>25339</v>
      </c>
      <c r="E7245" s="1"/>
      <c r="F7245" s="1" t="s">
        <v>10</v>
      </c>
      <c r="G7245" s="1" t="s">
        <v>10</v>
      </c>
      <c r="H7245" s="1" t="s">
        <v>10</v>
      </c>
      <c r="I7245" s="1" t="s">
        <v>7415</v>
      </c>
      <c r="J7245" s="1" t="s">
        <v>25141</v>
      </c>
      <c r="K7245" s="1" t="s">
        <v>27</v>
      </c>
      <c r="L7245" s="1" t="s">
        <v>25337</v>
      </c>
      <c r="M7245" s="1" t="s">
        <v>5</v>
      </c>
      <c r="N7245" s="1" t="s">
        <v>1009</v>
      </c>
      <c r="O7245" s="1" t="s">
        <v>38</v>
      </c>
      <c r="P7245" s="5" t="s">
        <v>32305</v>
      </c>
    </row>
    <row r="7246" spans="1:16" x14ac:dyDescent="0.2">
      <c r="A7246" s="1" t="s">
        <v>42</v>
      </c>
      <c r="B7246" s="1" t="s">
        <v>43</v>
      </c>
      <c r="C7246" s="1" t="s">
        <v>15976</v>
      </c>
      <c r="D7246" s="1" t="s">
        <v>427</v>
      </c>
      <c r="E7246" s="1" t="s">
        <v>25341</v>
      </c>
      <c r="F7246" s="1" t="s">
        <v>27</v>
      </c>
      <c r="G7246" s="1" t="s">
        <v>10</v>
      </c>
      <c r="H7246" s="1" t="s">
        <v>25342</v>
      </c>
      <c r="I7246" s="1" t="s">
        <v>7415</v>
      </c>
      <c r="J7246" s="1" t="s">
        <v>19</v>
      </c>
      <c r="K7246" s="1" t="s">
        <v>37</v>
      </c>
      <c r="L7246" s="1" t="s">
        <v>25340</v>
      </c>
      <c r="M7246" s="1" t="s">
        <v>5</v>
      </c>
      <c r="N7246" s="1" t="s">
        <v>6</v>
      </c>
      <c r="O7246" s="1" t="s">
        <v>8</v>
      </c>
      <c r="P7246" s="5" t="s">
        <v>32306</v>
      </c>
    </row>
    <row r="7247" spans="1:16" x14ac:dyDescent="0.2">
      <c r="A7247" s="1" t="s">
        <v>66</v>
      </c>
      <c r="B7247" s="1" t="s">
        <v>212</v>
      </c>
      <c r="C7247" s="1" t="s">
        <v>25344</v>
      </c>
      <c r="D7247" s="1" t="s">
        <v>25345</v>
      </c>
      <c r="E7247" s="1"/>
      <c r="F7247" s="1" t="s">
        <v>10</v>
      </c>
      <c r="G7247" s="1" t="s">
        <v>10</v>
      </c>
      <c r="H7247" s="1" t="s">
        <v>10</v>
      </c>
      <c r="I7247" s="1" t="s">
        <v>7415</v>
      </c>
      <c r="J7247" s="1" t="s">
        <v>25141</v>
      </c>
      <c r="K7247" s="1" t="s">
        <v>27</v>
      </c>
      <c r="L7247" s="1" t="s">
        <v>25343</v>
      </c>
      <c r="M7247" s="1" t="s">
        <v>5</v>
      </c>
      <c r="N7247" s="1" t="s">
        <v>1009</v>
      </c>
      <c r="O7247" s="1" t="s">
        <v>38</v>
      </c>
      <c r="P7247" s="5" t="s">
        <v>32301</v>
      </c>
    </row>
    <row r="7248" spans="1:16" x14ac:dyDescent="0.2">
      <c r="A7248" s="1" t="s">
        <v>66</v>
      </c>
      <c r="B7248" s="1" t="s">
        <v>212</v>
      </c>
      <c r="C7248" s="1" t="s">
        <v>25347</v>
      </c>
      <c r="D7248" s="1" t="s">
        <v>25348</v>
      </c>
      <c r="E7248" s="1"/>
      <c r="F7248" s="1" t="s">
        <v>10</v>
      </c>
      <c r="G7248" s="1" t="s">
        <v>10</v>
      </c>
      <c r="H7248" s="1" t="s">
        <v>10</v>
      </c>
      <c r="I7248" s="1" t="s">
        <v>7415</v>
      </c>
      <c r="J7248" s="1" t="s">
        <v>25141</v>
      </c>
      <c r="K7248" s="1" t="s">
        <v>27</v>
      </c>
      <c r="L7248" s="1" t="s">
        <v>25346</v>
      </c>
      <c r="M7248" s="1" t="s">
        <v>5</v>
      </c>
      <c r="N7248" s="1" t="s">
        <v>1009</v>
      </c>
      <c r="O7248" s="1" t="s">
        <v>38</v>
      </c>
      <c r="P7248" s="5" t="s">
        <v>32307</v>
      </c>
    </row>
    <row r="7249" spans="1:16" x14ac:dyDescent="0.2">
      <c r="A7249" s="1" t="s">
        <v>66</v>
      </c>
      <c r="B7249" s="1" t="s">
        <v>212</v>
      </c>
      <c r="C7249" s="1" t="s">
        <v>25350</v>
      </c>
      <c r="D7249" s="1" t="s">
        <v>25351</v>
      </c>
      <c r="E7249" s="1"/>
      <c r="F7249" s="1" t="s">
        <v>10</v>
      </c>
      <c r="G7249" s="1" t="s">
        <v>10</v>
      </c>
      <c r="H7249" s="1" t="s">
        <v>10</v>
      </c>
      <c r="I7249" s="1" t="s">
        <v>7415</v>
      </c>
      <c r="J7249" s="1" t="s">
        <v>25141</v>
      </c>
      <c r="K7249" s="1" t="s">
        <v>27</v>
      </c>
      <c r="L7249" s="1" t="s">
        <v>25349</v>
      </c>
      <c r="M7249" s="1" t="s">
        <v>5</v>
      </c>
      <c r="N7249" s="1" t="s">
        <v>1009</v>
      </c>
      <c r="O7249" s="1" t="s">
        <v>38</v>
      </c>
      <c r="P7249" s="5" t="s">
        <v>32301</v>
      </c>
    </row>
    <row r="7250" spans="1:16" x14ac:dyDescent="0.2">
      <c r="A7250" s="1" t="s">
        <v>66</v>
      </c>
      <c r="B7250" s="1" t="s">
        <v>212</v>
      </c>
      <c r="C7250" s="1" t="s">
        <v>25353</v>
      </c>
      <c r="D7250" s="1" t="s">
        <v>25354</v>
      </c>
      <c r="E7250" s="1"/>
      <c r="F7250" s="1" t="s">
        <v>10</v>
      </c>
      <c r="G7250" s="1" t="s">
        <v>10</v>
      </c>
      <c r="H7250" s="1" t="s">
        <v>10</v>
      </c>
      <c r="I7250" s="1" t="s">
        <v>7415</v>
      </c>
      <c r="J7250" s="1" t="s">
        <v>25141</v>
      </c>
      <c r="K7250" s="1" t="s">
        <v>27</v>
      </c>
      <c r="L7250" s="1" t="s">
        <v>25352</v>
      </c>
      <c r="M7250" s="1" t="s">
        <v>5</v>
      </c>
      <c r="N7250" s="1" t="s">
        <v>1009</v>
      </c>
      <c r="O7250" s="1" t="s">
        <v>38</v>
      </c>
      <c r="P7250" s="5" t="s">
        <v>32303</v>
      </c>
    </row>
    <row r="7251" spans="1:16" x14ac:dyDescent="0.2">
      <c r="A7251" s="1" t="s">
        <v>66</v>
      </c>
      <c r="B7251" s="1" t="s">
        <v>212</v>
      </c>
      <c r="C7251" s="1" t="s">
        <v>25356</v>
      </c>
      <c r="D7251" s="1" t="s">
        <v>25357</v>
      </c>
      <c r="E7251" s="1"/>
      <c r="F7251" s="1" t="s">
        <v>10</v>
      </c>
      <c r="G7251" s="1" t="s">
        <v>10</v>
      </c>
      <c r="H7251" s="1" t="s">
        <v>10</v>
      </c>
      <c r="I7251" s="1" t="s">
        <v>7415</v>
      </c>
      <c r="J7251" s="1" t="s">
        <v>25141</v>
      </c>
      <c r="K7251" s="1" t="s">
        <v>27</v>
      </c>
      <c r="L7251" s="1" t="s">
        <v>25355</v>
      </c>
      <c r="M7251" s="1" t="s">
        <v>5</v>
      </c>
      <c r="N7251" s="1" t="s">
        <v>1009</v>
      </c>
      <c r="O7251" s="1" t="s">
        <v>38</v>
      </c>
      <c r="P7251" s="5" t="s">
        <v>32301</v>
      </c>
    </row>
    <row r="7252" spans="1:16" x14ac:dyDescent="0.2">
      <c r="A7252" s="1" t="s">
        <v>66</v>
      </c>
      <c r="B7252" s="1" t="s">
        <v>212</v>
      </c>
      <c r="C7252" s="1" t="s">
        <v>25359</v>
      </c>
      <c r="D7252" s="1" t="s">
        <v>17585</v>
      </c>
      <c r="E7252" s="1"/>
      <c r="F7252" s="1" t="s">
        <v>10</v>
      </c>
      <c r="G7252" s="1" t="s">
        <v>10</v>
      </c>
      <c r="H7252" s="1" t="s">
        <v>10</v>
      </c>
      <c r="I7252" s="1" t="s">
        <v>7415</v>
      </c>
      <c r="J7252" s="1" t="s">
        <v>25141</v>
      </c>
      <c r="K7252" s="1" t="s">
        <v>27</v>
      </c>
      <c r="L7252" s="1" t="s">
        <v>25358</v>
      </c>
      <c r="M7252" s="1" t="s">
        <v>5</v>
      </c>
      <c r="N7252" s="1" t="s">
        <v>1009</v>
      </c>
      <c r="O7252" s="1" t="s">
        <v>38</v>
      </c>
      <c r="P7252" s="5" t="s">
        <v>32303</v>
      </c>
    </row>
    <row r="7253" spans="1:16" x14ac:dyDescent="0.2">
      <c r="A7253" s="1" t="s">
        <v>66</v>
      </c>
      <c r="B7253" s="1" t="s">
        <v>212</v>
      </c>
      <c r="C7253" s="1" t="s">
        <v>25361</v>
      </c>
      <c r="D7253" s="1" t="s">
        <v>25362</v>
      </c>
      <c r="E7253" s="1"/>
      <c r="F7253" s="1" t="s">
        <v>10</v>
      </c>
      <c r="G7253" s="1" t="s">
        <v>10</v>
      </c>
      <c r="H7253" s="1" t="s">
        <v>10</v>
      </c>
      <c r="I7253" s="1" t="s">
        <v>7415</v>
      </c>
      <c r="J7253" s="1" t="s">
        <v>25141</v>
      </c>
      <c r="K7253" s="1" t="s">
        <v>11</v>
      </c>
      <c r="L7253" s="1" t="s">
        <v>25360</v>
      </c>
      <c r="M7253" s="1" t="s">
        <v>5</v>
      </c>
      <c r="N7253" s="1" t="s">
        <v>1009</v>
      </c>
      <c r="O7253" s="1" t="s">
        <v>38</v>
      </c>
      <c r="P7253" s="5" t="s">
        <v>32308</v>
      </c>
    </row>
    <row r="7254" spans="1:16" x14ac:dyDescent="0.2">
      <c r="A7254" s="1" t="s">
        <v>66</v>
      </c>
      <c r="B7254" s="1" t="s">
        <v>1127</v>
      </c>
      <c r="C7254" s="1" t="s">
        <v>25364</v>
      </c>
      <c r="D7254" s="1" t="s">
        <v>25365</v>
      </c>
      <c r="E7254" s="1"/>
      <c r="F7254" s="1" t="s">
        <v>10</v>
      </c>
      <c r="G7254" s="1" t="s">
        <v>10</v>
      </c>
      <c r="H7254" s="1" t="s">
        <v>10</v>
      </c>
      <c r="I7254" s="1" t="s">
        <v>7415</v>
      </c>
      <c r="J7254" s="1" t="s">
        <v>21769</v>
      </c>
      <c r="K7254" s="1" t="s">
        <v>64</v>
      </c>
      <c r="L7254" s="1" t="s">
        <v>25363</v>
      </c>
      <c r="M7254" s="1" t="s">
        <v>5</v>
      </c>
      <c r="N7254" s="1" t="s">
        <v>6</v>
      </c>
      <c r="O7254" s="1" t="s">
        <v>38</v>
      </c>
      <c r="P7254" s="5" t="s">
        <v>32309</v>
      </c>
    </row>
    <row r="7255" spans="1:16" x14ac:dyDescent="0.2">
      <c r="A7255" s="1" t="s">
        <v>66</v>
      </c>
      <c r="B7255" s="1" t="s">
        <v>212</v>
      </c>
      <c r="C7255" s="1" t="s">
        <v>25367</v>
      </c>
      <c r="D7255" s="1" t="s">
        <v>25368</v>
      </c>
      <c r="E7255" s="1"/>
      <c r="F7255" s="1" t="s">
        <v>10</v>
      </c>
      <c r="G7255" s="1" t="s">
        <v>10</v>
      </c>
      <c r="H7255" s="1" t="s">
        <v>10</v>
      </c>
      <c r="I7255" s="1" t="s">
        <v>7415</v>
      </c>
      <c r="J7255" s="1" t="s">
        <v>25141</v>
      </c>
      <c r="K7255" s="1" t="s">
        <v>27</v>
      </c>
      <c r="L7255" s="1" t="s">
        <v>25366</v>
      </c>
      <c r="M7255" s="1" t="s">
        <v>5</v>
      </c>
      <c r="N7255" s="1" t="s">
        <v>1009</v>
      </c>
      <c r="O7255" s="1" t="s">
        <v>38</v>
      </c>
      <c r="P7255" s="5" t="s">
        <v>32310</v>
      </c>
    </row>
    <row r="7256" spans="1:16" x14ac:dyDescent="0.2">
      <c r="A7256" s="1" t="s">
        <v>487</v>
      </c>
      <c r="B7256" s="1" t="s">
        <v>488</v>
      </c>
      <c r="C7256" s="1" t="s">
        <v>25370</v>
      </c>
      <c r="D7256" s="1" t="s">
        <v>8191</v>
      </c>
      <c r="E7256" s="1"/>
      <c r="F7256" s="1" t="s">
        <v>27</v>
      </c>
      <c r="G7256" s="1" t="s">
        <v>10</v>
      </c>
      <c r="H7256" s="1" t="s">
        <v>8194</v>
      </c>
      <c r="I7256" s="1" t="s">
        <v>7415</v>
      </c>
      <c r="J7256" s="1" t="s">
        <v>25137</v>
      </c>
      <c r="K7256" s="1" t="s">
        <v>64</v>
      </c>
      <c r="L7256" s="1" t="s">
        <v>25369</v>
      </c>
      <c r="M7256" s="1" t="s">
        <v>5</v>
      </c>
      <c r="N7256" s="1" t="s">
        <v>6</v>
      </c>
      <c r="O7256" s="1" t="s">
        <v>8</v>
      </c>
      <c r="P7256" s="5" t="s">
        <v>10</v>
      </c>
    </row>
    <row r="7257" spans="1:16" x14ac:dyDescent="0.2">
      <c r="A7257" s="1" t="s">
        <v>487</v>
      </c>
      <c r="B7257" s="1" t="s">
        <v>488</v>
      </c>
      <c r="C7257" s="1" t="s">
        <v>25372</v>
      </c>
      <c r="D7257" s="1" t="s">
        <v>25373</v>
      </c>
      <c r="E7257" s="1"/>
      <c r="F7257" s="1" t="s">
        <v>27</v>
      </c>
      <c r="G7257" s="1" t="s">
        <v>10</v>
      </c>
      <c r="H7257" s="1" t="s">
        <v>25374</v>
      </c>
      <c r="I7257" s="1" t="s">
        <v>7415</v>
      </c>
      <c r="J7257" s="1" t="s">
        <v>25137</v>
      </c>
      <c r="K7257" s="1" t="s">
        <v>64</v>
      </c>
      <c r="L7257" s="1" t="s">
        <v>25371</v>
      </c>
      <c r="M7257" s="1" t="s">
        <v>5</v>
      </c>
      <c r="N7257" s="1" t="s">
        <v>6</v>
      </c>
      <c r="O7257" s="1" t="s">
        <v>8</v>
      </c>
      <c r="P7257" s="5"/>
    </row>
    <row r="7258" spans="1:16" x14ac:dyDescent="0.2">
      <c r="A7258" s="1" t="s">
        <v>66</v>
      </c>
      <c r="B7258" s="1" t="s">
        <v>212</v>
      </c>
      <c r="C7258" s="1" t="s">
        <v>25376</v>
      </c>
      <c r="D7258" s="1" t="s">
        <v>25377</v>
      </c>
      <c r="E7258" s="1"/>
      <c r="F7258" s="1" t="s">
        <v>10</v>
      </c>
      <c r="G7258" s="1" t="s">
        <v>10</v>
      </c>
      <c r="H7258" s="1" t="s">
        <v>10</v>
      </c>
      <c r="I7258" s="1" t="s">
        <v>7415</v>
      </c>
      <c r="J7258" s="1" t="s">
        <v>25141</v>
      </c>
      <c r="K7258" s="1" t="s">
        <v>11</v>
      </c>
      <c r="L7258" s="1" t="s">
        <v>25375</v>
      </c>
      <c r="M7258" s="1" t="s">
        <v>5</v>
      </c>
      <c r="N7258" s="1" t="s">
        <v>1009</v>
      </c>
      <c r="O7258" s="1" t="s">
        <v>38</v>
      </c>
      <c r="P7258" s="5" t="s">
        <v>32311</v>
      </c>
    </row>
    <row r="7259" spans="1:16" x14ac:dyDescent="0.2">
      <c r="A7259" s="1" t="s">
        <v>194</v>
      </c>
      <c r="B7259" s="1" t="s">
        <v>4492</v>
      </c>
      <c r="C7259" s="1" t="s">
        <v>25379</v>
      </c>
      <c r="D7259" s="1" t="s">
        <v>11324</v>
      </c>
      <c r="E7259" s="1"/>
      <c r="F7259" s="1" t="s">
        <v>474</v>
      </c>
      <c r="G7259" s="1" t="s">
        <v>4490</v>
      </c>
      <c r="H7259" s="1" t="s">
        <v>10</v>
      </c>
      <c r="I7259" s="1" t="s">
        <v>7415</v>
      </c>
      <c r="J7259" s="1" t="s">
        <v>25137</v>
      </c>
      <c r="K7259" s="1" t="s">
        <v>64</v>
      </c>
      <c r="L7259" s="1" t="s">
        <v>25378</v>
      </c>
      <c r="M7259" s="1" t="s">
        <v>5</v>
      </c>
      <c r="N7259" s="1" t="s">
        <v>1009</v>
      </c>
      <c r="O7259" s="1" t="s">
        <v>8</v>
      </c>
      <c r="P7259" s="5" t="s">
        <v>32312</v>
      </c>
    </row>
    <row r="7260" spans="1:16" x14ac:dyDescent="0.2">
      <c r="A7260" s="1" t="s">
        <v>66</v>
      </c>
      <c r="B7260" s="1" t="s">
        <v>212</v>
      </c>
      <c r="C7260" s="1" t="s">
        <v>25381</v>
      </c>
      <c r="D7260" s="1" t="s">
        <v>9258</v>
      </c>
      <c r="E7260" s="1"/>
      <c r="F7260" s="1" t="s">
        <v>10</v>
      </c>
      <c r="G7260" s="1" t="s">
        <v>10</v>
      </c>
      <c r="H7260" s="1" t="s">
        <v>10</v>
      </c>
      <c r="I7260" s="1" t="s">
        <v>7415</v>
      </c>
      <c r="J7260" s="1" t="s">
        <v>25141</v>
      </c>
      <c r="K7260" s="1" t="s">
        <v>11</v>
      </c>
      <c r="L7260" s="1" t="s">
        <v>25380</v>
      </c>
      <c r="M7260" s="1" t="s">
        <v>5</v>
      </c>
      <c r="N7260" s="1" t="s">
        <v>1009</v>
      </c>
      <c r="O7260" s="1" t="s">
        <v>38</v>
      </c>
      <c r="P7260" s="5" t="s">
        <v>32313</v>
      </c>
    </row>
    <row r="7261" spans="1:16" x14ac:dyDescent="0.2">
      <c r="A7261" s="1" t="s">
        <v>329</v>
      </c>
      <c r="B7261" s="1" t="s">
        <v>330</v>
      </c>
      <c r="C7261" s="1" t="s">
        <v>25383</v>
      </c>
      <c r="D7261" s="1" t="s">
        <v>25384</v>
      </c>
      <c r="E7261" s="1"/>
      <c r="F7261" s="1" t="s">
        <v>27</v>
      </c>
      <c r="G7261" s="1" t="s">
        <v>10</v>
      </c>
      <c r="H7261" s="1" t="s">
        <v>21820</v>
      </c>
      <c r="I7261" s="1" t="s">
        <v>7415</v>
      </c>
      <c r="J7261" s="1" t="s">
        <v>25137</v>
      </c>
      <c r="K7261" s="1" t="s">
        <v>2555</v>
      </c>
      <c r="L7261" s="1" t="s">
        <v>25382</v>
      </c>
      <c r="M7261" s="1" t="s">
        <v>5</v>
      </c>
      <c r="N7261" s="1" t="s">
        <v>6</v>
      </c>
      <c r="O7261" s="1" t="s">
        <v>8</v>
      </c>
      <c r="P7261" s="5"/>
    </row>
    <row r="7262" spans="1:16" x14ac:dyDescent="0.2">
      <c r="A7262" s="1" t="s">
        <v>66</v>
      </c>
      <c r="B7262" s="1" t="s">
        <v>212</v>
      </c>
      <c r="C7262" s="1" t="s">
        <v>25386</v>
      </c>
      <c r="D7262" s="1" t="s">
        <v>25387</v>
      </c>
      <c r="E7262" s="1"/>
      <c r="F7262" s="1" t="s">
        <v>10</v>
      </c>
      <c r="G7262" s="1" t="s">
        <v>10</v>
      </c>
      <c r="H7262" s="1" t="s">
        <v>10</v>
      </c>
      <c r="I7262" s="1" t="s">
        <v>7415</v>
      </c>
      <c r="J7262" s="1" t="s">
        <v>25141</v>
      </c>
      <c r="K7262" s="1" t="s">
        <v>11</v>
      </c>
      <c r="L7262" s="1" t="s">
        <v>25385</v>
      </c>
      <c r="M7262" s="1" t="s">
        <v>5</v>
      </c>
      <c r="N7262" s="1" t="s">
        <v>1009</v>
      </c>
      <c r="O7262" s="1" t="s">
        <v>38</v>
      </c>
      <c r="P7262" s="5" t="s">
        <v>32314</v>
      </c>
    </row>
    <row r="7263" spans="1:16" x14ac:dyDescent="0.2">
      <c r="A7263" s="1" t="s">
        <v>66</v>
      </c>
      <c r="B7263" s="1" t="s">
        <v>212</v>
      </c>
      <c r="C7263" s="1" t="s">
        <v>25389</v>
      </c>
      <c r="D7263" s="1" t="s">
        <v>9698</v>
      </c>
      <c r="E7263" s="1"/>
      <c r="F7263" s="1" t="s">
        <v>10</v>
      </c>
      <c r="G7263" s="1" t="s">
        <v>10</v>
      </c>
      <c r="H7263" s="1" t="s">
        <v>10</v>
      </c>
      <c r="I7263" s="1" t="s">
        <v>7415</v>
      </c>
      <c r="J7263" s="1" t="s">
        <v>25141</v>
      </c>
      <c r="K7263" s="1" t="s">
        <v>11</v>
      </c>
      <c r="L7263" s="1" t="s">
        <v>25388</v>
      </c>
      <c r="M7263" s="1" t="s">
        <v>5</v>
      </c>
      <c r="N7263" s="1" t="s">
        <v>1009</v>
      </c>
      <c r="O7263" s="1" t="s">
        <v>38</v>
      </c>
      <c r="P7263" s="5" t="s">
        <v>32315</v>
      </c>
    </row>
    <row r="7264" spans="1:16" x14ac:dyDescent="0.2">
      <c r="A7264" s="1" t="s">
        <v>20</v>
      </c>
      <c r="B7264" s="1" t="s">
        <v>132</v>
      </c>
      <c r="C7264" s="1" t="s">
        <v>25391</v>
      </c>
      <c r="D7264" s="1" t="s">
        <v>24436</v>
      </c>
      <c r="E7264" s="1"/>
      <c r="F7264" s="1" t="s">
        <v>27</v>
      </c>
      <c r="G7264" s="1" t="s">
        <v>10</v>
      </c>
      <c r="H7264" s="1" t="s">
        <v>16597</v>
      </c>
      <c r="I7264" s="1" t="s">
        <v>7415</v>
      </c>
      <c r="J7264" s="1" t="s">
        <v>25137</v>
      </c>
      <c r="K7264" s="1" t="s">
        <v>2555</v>
      </c>
      <c r="L7264" s="1" t="s">
        <v>25390</v>
      </c>
      <c r="M7264" s="1" t="s">
        <v>5</v>
      </c>
      <c r="N7264" s="1" t="s">
        <v>25</v>
      </c>
      <c r="O7264" s="1" t="s">
        <v>8</v>
      </c>
      <c r="P7264" s="5"/>
    </row>
    <row r="7265" spans="1:16" x14ac:dyDescent="0.2">
      <c r="A7265" s="1" t="s">
        <v>66</v>
      </c>
      <c r="B7265" s="1" t="s">
        <v>1127</v>
      </c>
      <c r="C7265" s="1" t="s">
        <v>25393</v>
      </c>
      <c r="D7265" s="1" t="s">
        <v>25394</v>
      </c>
      <c r="E7265" s="1"/>
      <c r="F7265" s="1" t="s">
        <v>10</v>
      </c>
      <c r="G7265" s="1" t="s">
        <v>10</v>
      </c>
      <c r="H7265" s="1" t="s">
        <v>10</v>
      </c>
      <c r="I7265" s="1" t="s">
        <v>7415</v>
      </c>
      <c r="J7265" s="1" t="s">
        <v>25141</v>
      </c>
      <c r="K7265" s="1" t="s">
        <v>27</v>
      </c>
      <c r="L7265" s="1" t="s">
        <v>25392</v>
      </c>
      <c r="M7265" s="1" t="s">
        <v>5</v>
      </c>
      <c r="N7265" s="1" t="s">
        <v>1009</v>
      </c>
      <c r="O7265" s="1" t="s">
        <v>38</v>
      </c>
      <c r="P7265" s="5" t="s">
        <v>32316</v>
      </c>
    </row>
    <row r="7266" spans="1:16" x14ac:dyDescent="0.2">
      <c r="A7266" s="1" t="s">
        <v>20</v>
      </c>
      <c r="B7266" s="1" t="s">
        <v>1047</v>
      </c>
      <c r="C7266" s="1" t="s">
        <v>25396</v>
      </c>
      <c r="D7266" s="1" t="s">
        <v>10</v>
      </c>
      <c r="E7266" s="1"/>
      <c r="F7266" s="1" t="s">
        <v>105</v>
      </c>
      <c r="G7266" s="1" t="s">
        <v>6959</v>
      </c>
      <c r="H7266" s="1" t="s">
        <v>10</v>
      </c>
      <c r="I7266" s="1" t="s">
        <v>7415</v>
      </c>
      <c r="J7266" s="1" t="s">
        <v>25137</v>
      </c>
      <c r="K7266" s="1" t="s">
        <v>64</v>
      </c>
      <c r="L7266" s="1" t="s">
        <v>25395</v>
      </c>
      <c r="M7266" s="1" t="s">
        <v>5</v>
      </c>
      <c r="N7266" s="1" t="s">
        <v>6</v>
      </c>
      <c r="O7266" s="1" t="s">
        <v>8</v>
      </c>
      <c r="P7266" s="5" t="s">
        <v>10</v>
      </c>
    </row>
    <row r="7267" spans="1:16" x14ac:dyDescent="0.2">
      <c r="A7267" s="1" t="s">
        <v>1385</v>
      </c>
      <c r="B7267" s="1" t="s">
        <v>1687</v>
      </c>
      <c r="C7267" s="1" t="s">
        <v>25398</v>
      </c>
      <c r="D7267" s="1" t="s">
        <v>25399</v>
      </c>
      <c r="E7267" s="1"/>
      <c r="F7267" s="1" t="s">
        <v>414</v>
      </c>
      <c r="G7267" s="1" t="s">
        <v>10006</v>
      </c>
      <c r="H7267" s="1" t="s">
        <v>10</v>
      </c>
      <c r="I7267" s="1" t="s">
        <v>7415</v>
      </c>
      <c r="J7267" s="1" t="s">
        <v>25137</v>
      </c>
      <c r="K7267" s="1" t="s">
        <v>64</v>
      </c>
      <c r="L7267" s="1" t="s">
        <v>25397</v>
      </c>
      <c r="M7267" s="1" t="s">
        <v>5</v>
      </c>
      <c r="N7267" s="1" t="s">
        <v>25</v>
      </c>
      <c r="O7267" s="1" t="s">
        <v>8</v>
      </c>
      <c r="P7267" s="5" t="s">
        <v>32317</v>
      </c>
    </row>
    <row r="7268" spans="1:16" x14ac:dyDescent="0.2">
      <c r="A7268" s="1" t="s">
        <v>487</v>
      </c>
      <c r="B7268" s="1" t="s">
        <v>488</v>
      </c>
      <c r="C7268" s="1" t="s">
        <v>25401</v>
      </c>
      <c r="D7268" s="1" t="s">
        <v>6376</v>
      </c>
      <c r="E7268" s="1"/>
      <c r="F7268" s="1" t="s">
        <v>393</v>
      </c>
      <c r="G7268" s="1" t="s">
        <v>10</v>
      </c>
      <c r="H7268" s="1" t="s">
        <v>10</v>
      </c>
      <c r="I7268" s="1" t="s">
        <v>7415</v>
      </c>
      <c r="J7268" s="1" t="s">
        <v>21769</v>
      </c>
      <c r="K7268" s="1" t="s">
        <v>64</v>
      </c>
      <c r="L7268" s="1" t="s">
        <v>25400</v>
      </c>
      <c r="M7268" s="1" t="s">
        <v>5</v>
      </c>
      <c r="N7268" s="1" t="s">
        <v>6</v>
      </c>
      <c r="O7268" s="1" t="s">
        <v>8</v>
      </c>
      <c r="P7268" s="5" t="s">
        <v>10</v>
      </c>
    </row>
    <row r="7269" spans="1:16" x14ac:dyDescent="0.2">
      <c r="A7269" s="1" t="s">
        <v>194</v>
      </c>
      <c r="B7269" s="1" t="s">
        <v>396</v>
      </c>
      <c r="C7269" s="1" t="s">
        <v>25403</v>
      </c>
      <c r="D7269" s="1" t="s">
        <v>25404</v>
      </c>
      <c r="E7269" s="1"/>
      <c r="F7269" s="1" t="s">
        <v>393</v>
      </c>
      <c r="G7269" s="1" t="s">
        <v>10</v>
      </c>
      <c r="H7269" s="1" t="s">
        <v>10</v>
      </c>
      <c r="I7269" s="1" t="s">
        <v>7415</v>
      </c>
      <c r="J7269" s="1" t="s">
        <v>21769</v>
      </c>
      <c r="K7269" s="1" t="s">
        <v>64</v>
      </c>
      <c r="L7269" s="1" t="s">
        <v>25402</v>
      </c>
      <c r="M7269" s="1" t="s">
        <v>5</v>
      </c>
      <c r="N7269" s="1" t="s">
        <v>6</v>
      </c>
      <c r="O7269" s="1" t="s">
        <v>8</v>
      </c>
      <c r="P7269" s="5" t="s">
        <v>10</v>
      </c>
    </row>
    <row r="7270" spans="1:16" x14ac:dyDescent="0.2">
      <c r="A7270" s="1" t="s">
        <v>194</v>
      </c>
      <c r="B7270" s="1" t="s">
        <v>396</v>
      </c>
      <c r="C7270" s="1" t="s">
        <v>25406</v>
      </c>
      <c r="D7270" s="1" t="s">
        <v>25407</v>
      </c>
      <c r="E7270" s="1"/>
      <c r="F7270" s="1" t="s">
        <v>393</v>
      </c>
      <c r="G7270" s="1" t="s">
        <v>10</v>
      </c>
      <c r="H7270" s="1" t="s">
        <v>25406</v>
      </c>
      <c r="I7270" s="1" t="s">
        <v>7415</v>
      </c>
      <c r="J7270" s="1" t="s">
        <v>25137</v>
      </c>
      <c r="K7270" s="1" t="s">
        <v>64</v>
      </c>
      <c r="L7270" s="1" t="s">
        <v>25405</v>
      </c>
      <c r="M7270" s="1" t="s">
        <v>5</v>
      </c>
      <c r="N7270" s="1" t="s">
        <v>6</v>
      </c>
      <c r="O7270" s="1" t="s">
        <v>8</v>
      </c>
      <c r="P7270" s="5" t="s">
        <v>30749</v>
      </c>
    </row>
    <row r="7271" spans="1:16" x14ac:dyDescent="0.2">
      <c r="A7271" s="1" t="s">
        <v>194</v>
      </c>
      <c r="B7271" s="1" t="s">
        <v>396</v>
      </c>
      <c r="C7271" s="1" t="s">
        <v>25409</v>
      </c>
      <c r="D7271" s="1" t="s">
        <v>25410</v>
      </c>
      <c r="E7271" s="1"/>
      <c r="F7271" s="1" t="s">
        <v>393</v>
      </c>
      <c r="G7271" s="1" t="s">
        <v>10</v>
      </c>
      <c r="H7271" s="1" t="s">
        <v>25409</v>
      </c>
      <c r="I7271" s="1" t="s">
        <v>7415</v>
      </c>
      <c r="J7271" s="1" t="s">
        <v>25137</v>
      </c>
      <c r="K7271" s="1" t="s">
        <v>64</v>
      </c>
      <c r="L7271" s="1" t="s">
        <v>25408</v>
      </c>
      <c r="M7271" s="1" t="s">
        <v>5</v>
      </c>
      <c r="N7271" s="1" t="s">
        <v>6</v>
      </c>
      <c r="O7271" s="1" t="s">
        <v>8</v>
      </c>
      <c r="P7271" s="5" t="s">
        <v>30749</v>
      </c>
    </row>
    <row r="7272" spans="1:16" x14ac:dyDescent="0.2">
      <c r="A7272" s="1" t="s">
        <v>487</v>
      </c>
      <c r="B7272" s="1" t="s">
        <v>10</v>
      </c>
      <c r="C7272" s="1" t="s">
        <v>25412</v>
      </c>
      <c r="D7272" s="1" t="s">
        <v>25412</v>
      </c>
      <c r="E7272" s="1"/>
      <c r="F7272" s="1" t="s">
        <v>393</v>
      </c>
      <c r="G7272" s="1" t="s">
        <v>10</v>
      </c>
      <c r="H7272" s="1" t="s">
        <v>10</v>
      </c>
      <c r="I7272" s="1" t="s">
        <v>7415</v>
      </c>
      <c r="J7272" s="1" t="s">
        <v>21769</v>
      </c>
      <c r="K7272" s="1" t="s">
        <v>64</v>
      </c>
      <c r="L7272" s="1" t="s">
        <v>25411</v>
      </c>
      <c r="M7272" s="1" t="s">
        <v>5</v>
      </c>
      <c r="N7272" s="1" t="s">
        <v>6</v>
      </c>
      <c r="O7272" s="1" t="s">
        <v>8</v>
      </c>
      <c r="P7272" s="5" t="s">
        <v>10</v>
      </c>
    </row>
    <row r="7273" spans="1:16" x14ac:dyDescent="0.2">
      <c r="A7273" s="1" t="s">
        <v>194</v>
      </c>
      <c r="B7273" s="1" t="s">
        <v>396</v>
      </c>
      <c r="C7273" s="1" t="s">
        <v>25414</v>
      </c>
      <c r="D7273" s="1" t="s">
        <v>25415</v>
      </c>
      <c r="E7273" s="1"/>
      <c r="F7273" s="1" t="s">
        <v>393</v>
      </c>
      <c r="G7273" s="1" t="s">
        <v>10</v>
      </c>
      <c r="H7273" s="1" t="s">
        <v>10</v>
      </c>
      <c r="I7273" s="1" t="s">
        <v>7415</v>
      </c>
      <c r="J7273" s="1" t="s">
        <v>25137</v>
      </c>
      <c r="K7273" s="1" t="s">
        <v>64</v>
      </c>
      <c r="L7273" s="1" t="s">
        <v>25413</v>
      </c>
      <c r="M7273" s="1" t="s">
        <v>5</v>
      </c>
      <c r="N7273" s="1" t="s">
        <v>6</v>
      </c>
      <c r="O7273" s="1" t="s">
        <v>8</v>
      </c>
      <c r="P7273" s="5" t="s">
        <v>10</v>
      </c>
    </row>
    <row r="7274" spans="1:16" x14ac:dyDescent="0.2">
      <c r="A7274" s="1" t="s">
        <v>487</v>
      </c>
      <c r="B7274" s="1" t="s">
        <v>488</v>
      </c>
      <c r="C7274" s="1" t="s">
        <v>25417</v>
      </c>
      <c r="D7274" s="1" t="s">
        <v>10</v>
      </c>
      <c r="E7274" s="1"/>
      <c r="F7274" s="1" t="s">
        <v>393</v>
      </c>
      <c r="G7274" s="1" t="s">
        <v>10</v>
      </c>
      <c r="H7274" s="1" t="s">
        <v>10</v>
      </c>
      <c r="I7274" s="1" t="s">
        <v>7415</v>
      </c>
      <c r="J7274" s="1" t="s">
        <v>21769</v>
      </c>
      <c r="K7274" s="1" t="s">
        <v>64</v>
      </c>
      <c r="L7274" s="1" t="s">
        <v>25416</v>
      </c>
      <c r="M7274" s="1" t="s">
        <v>5</v>
      </c>
      <c r="N7274" s="1" t="s">
        <v>6</v>
      </c>
      <c r="O7274" s="1" t="s">
        <v>8</v>
      </c>
      <c r="P7274" s="5" t="s">
        <v>10</v>
      </c>
    </row>
    <row r="7275" spans="1:16" x14ac:dyDescent="0.2">
      <c r="A7275" s="1" t="s">
        <v>487</v>
      </c>
      <c r="B7275" s="1" t="s">
        <v>488</v>
      </c>
      <c r="C7275" s="1" t="s">
        <v>25419</v>
      </c>
      <c r="D7275" s="1" t="s">
        <v>10</v>
      </c>
      <c r="E7275" s="1"/>
      <c r="F7275" s="1" t="s">
        <v>27</v>
      </c>
      <c r="G7275" s="1" t="s">
        <v>10</v>
      </c>
      <c r="H7275" s="1" t="s">
        <v>8636</v>
      </c>
      <c r="I7275" s="1" t="s">
        <v>7415</v>
      </c>
      <c r="J7275" s="1" t="s">
        <v>25137</v>
      </c>
      <c r="K7275" s="1" t="s">
        <v>64</v>
      </c>
      <c r="L7275" s="1" t="s">
        <v>25418</v>
      </c>
      <c r="M7275" s="1" t="s">
        <v>5</v>
      </c>
      <c r="N7275" s="1" t="s">
        <v>6</v>
      </c>
      <c r="O7275" s="1" t="s">
        <v>8</v>
      </c>
      <c r="P7275" s="5"/>
    </row>
    <row r="7276" spans="1:16" x14ac:dyDescent="0.2">
      <c r="A7276" s="1" t="s">
        <v>487</v>
      </c>
      <c r="B7276" s="1" t="s">
        <v>488</v>
      </c>
      <c r="C7276" s="1" t="s">
        <v>25421</v>
      </c>
      <c r="D7276" s="1" t="s">
        <v>10</v>
      </c>
      <c r="E7276" s="1"/>
      <c r="F7276" s="1" t="s">
        <v>27</v>
      </c>
      <c r="G7276" s="1" t="s">
        <v>10</v>
      </c>
      <c r="H7276" s="1" t="s">
        <v>10</v>
      </c>
      <c r="I7276" s="1" t="s">
        <v>7415</v>
      </c>
      <c r="J7276" s="1" t="s">
        <v>25137</v>
      </c>
      <c r="K7276" s="1" t="s">
        <v>64</v>
      </c>
      <c r="L7276" s="1" t="s">
        <v>25420</v>
      </c>
      <c r="M7276" s="1" t="s">
        <v>5</v>
      </c>
      <c r="N7276" s="1" t="s">
        <v>6</v>
      </c>
      <c r="O7276" s="1" t="s">
        <v>8</v>
      </c>
      <c r="P7276" s="5" t="s">
        <v>114</v>
      </c>
    </row>
    <row r="7277" spans="1:16" x14ac:dyDescent="0.2">
      <c r="A7277" s="1" t="s">
        <v>20</v>
      </c>
      <c r="B7277" s="1" t="s">
        <v>445</v>
      </c>
      <c r="C7277" s="1" t="s">
        <v>25424</v>
      </c>
      <c r="D7277" s="1" t="s">
        <v>25425</v>
      </c>
      <c r="E7277" s="1"/>
      <c r="F7277" s="1" t="s">
        <v>27</v>
      </c>
      <c r="G7277" s="1" t="s">
        <v>10</v>
      </c>
      <c r="H7277" s="1" t="s">
        <v>25426</v>
      </c>
      <c r="I7277" s="1" t="s">
        <v>7415</v>
      </c>
      <c r="J7277" s="1" t="s">
        <v>25141</v>
      </c>
      <c r="K7277" s="1" t="s">
        <v>27</v>
      </c>
      <c r="L7277" s="1" t="s">
        <v>25423</v>
      </c>
      <c r="M7277" s="1" t="s">
        <v>5</v>
      </c>
      <c r="N7277" s="1" t="s">
        <v>6</v>
      </c>
      <c r="O7277" s="1" t="s">
        <v>8</v>
      </c>
      <c r="P7277" s="5" t="s">
        <v>32318</v>
      </c>
    </row>
    <row r="7278" spans="1:16" x14ac:dyDescent="0.2">
      <c r="A7278" s="1" t="s">
        <v>194</v>
      </c>
      <c r="B7278" s="1" t="s">
        <v>396</v>
      </c>
      <c r="C7278" s="1" t="s">
        <v>25428</v>
      </c>
      <c r="D7278" s="1" t="s">
        <v>22930</v>
      </c>
      <c r="E7278" s="1"/>
      <c r="F7278" s="1" t="s">
        <v>10</v>
      </c>
      <c r="G7278" s="1" t="s">
        <v>10</v>
      </c>
      <c r="H7278" s="1" t="s">
        <v>10</v>
      </c>
      <c r="I7278" s="1" t="s">
        <v>7415</v>
      </c>
      <c r="J7278" s="1" t="s">
        <v>25145</v>
      </c>
      <c r="K7278" s="1" t="s">
        <v>27</v>
      </c>
      <c r="L7278" s="1" t="s">
        <v>25427</v>
      </c>
      <c r="M7278" s="1" t="s">
        <v>5</v>
      </c>
      <c r="N7278" s="1" t="s">
        <v>6</v>
      </c>
      <c r="O7278" s="1" t="s">
        <v>38</v>
      </c>
      <c r="P7278" s="5" t="s">
        <v>14</v>
      </c>
    </row>
    <row r="7279" spans="1:16" x14ac:dyDescent="0.2">
      <c r="A7279" s="1" t="s">
        <v>487</v>
      </c>
      <c r="B7279" s="1" t="s">
        <v>1651</v>
      </c>
      <c r="C7279" s="1" t="s">
        <v>25430</v>
      </c>
      <c r="D7279" s="1" t="s">
        <v>25430</v>
      </c>
      <c r="E7279" s="1"/>
      <c r="F7279" s="1" t="s">
        <v>27</v>
      </c>
      <c r="G7279" s="1" t="s">
        <v>10</v>
      </c>
      <c r="H7279" s="1" t="s">
        <v>25431</v>
      </c>
      <c r="I7279" s="1" t="s">
        <v>7415</v>
      </c>
      <c r="J7279" s="1" t="s">
        <v>25137</v>
      </c>
      <c r="K7279" s="1" t="s">
        <v>27</v>
      </c>
      <c r="L7279" s="1" t="s">
        <v>25429</v>
      </c>
      <c r="M7279" s="1" t="s">
        <v>5</v>
      </c>
      <c r="N7279" s="1" t="s">
        <v>6</v>
      </c>
      <c r="O7279" s="1" t="s">
        <v>8</v>
      </c>
      <c r="P7279" s="5" t="s">
        <v>30173</v>
      </c>
    </row>
    <row r="7280" spans="1:16" x14ac:dyDescent="0.2">
      <c r="A7280" s="1" t="s">
        <v>487</v>
      </c>
      <c r="B7280" s="1" t="s">
        <v>1651</v>
      </c>
      <c r="C7280" s="1" t="s">
        <v>913</v>
      </c>
      <c r="D7280" s="1" t="s">
        <v>913</v>
      </c>
      <c r="E7280" s="1"/>
      <c r="F7280" s="1" t="s">
        <v>27</v>
      </c>
      <c r="G7280" s="1" t="s">
        <v>10</v>
      </c>
      <c r="H7280" s="1" t="s">
        <v>913</v>
      </c>
      <c r="I7280" s="1" t="s">
        <v>7415</v>
      </c>
      <c r="J7280" s="1" t="s">
        <v>25137</v>
      </c>
      <c r="K7280" s="1" t="s">
        <v>27</v>
      </c>
      <c r="L7280" s="1" t="s">
        <v>25432</v>
      </c>
      <c r="M7280" s="1" t="s">
        <v>5</v>
      </c>
      <c r="N7280" s="1" t="s">
        <v>6</v>
      </c>
      <c r="O7280" s="1" t="s">
        <v>8</v>
      </c>
      <c r="P7280" s="5" t="s">
        <v>30173</v>
      </c>
    </row>
    <row r="7281" spans="1:16" x14ac:dyDescent="0.2">
      <c r="A7281" s="1" t="s">
        <v>1385</v>
      </c>
      <c r="B7281" s="1" t="s">
        <v>2317</v>
      </c>
      <c r="C7281" s="1" t="s">
        <v>25434</v>
      </c>
      <c r="D7281" s="1" t="s">
        <v>25435</v>
      </c>
      <c r="E7281" s="1"/>
      <c r="F7281" s="1" t="s">
        <v>414</v>
      </c>
      <c r="G7281" s="1" t="s">
        <v>10</v>
      </c>
      <c r="H7281" s="1" t="s">
        <v>10</v>
      </c>
      <c r="I7281" s="1" t="s">
        <v>7415</v>
      </c>
      <c r="J7281" s="1" t="s">
        <v>25137</v>
      </c>
      <c r="K7281" s="1" t="s">
        <v>64</v>
      </c>
      <c r="L7281" s="1" t="s">
        <v>25433</v>
      </c>
      <c r="M7281" s="1" t="s">
        <v>5</v>
      </c>
      <c r="N7281" s="1" t="s">
        <v>25</v>
      </c>
      <c r="O7281" s="1" t="s">
        <v>8</v>
      </c>
      <c r="P7281" s="5" t="s">
        <v>32317</v>
      </c>
    </row>
    <row r="7282" spans="1:16" x14ac:dyDescent="0.2">
      <c r="A7282" s="1" t="s">
        <v>20</v>
      </c>
      <c r="B7282" s="1" t="s">
        <v>132</v>
      </c>
      <c r="C7282" s="1" t="s">
        <v>25437</v>
      </c>
      <c r="D7282" s="1" t="s">
        <v>25438</v>
      </c>
      <c r="E7282" s="1"/>
      <c r="F7282" s="1" t="s">
        <v>27</v>
      </c>
      <c r="G7282" s="1" t="s">
        <v>10</v>
      </c>
      <c r="H7282" s="1" t="s">
        <v>25439</v>
      </c>
      <c r="I7282" s="1" t="s">
        <v>7415</v>
      </c>
      <c r="J7282" s="1" t="s">
        <v>25137</v>
      </c>
      <c r="K7282" s="1" t="s">
        <v>64</v>
      </c>
      <c r="L7282" s="1" t="s">
        <v>25436</v>
      </c>
      <c r="M7282" s="1" t="s">
        <v>5</v>
      </c>
      <c r="N7282" s="1" t="s">
        <v>6</v>
      </c>
      <c r="O7282" s="1" t="s">
        <v>8</v>
      </c>
      <c r="P7282" s="5"/>
    </row>
    <row r="7283" spans="1:16" x14ac:dyDescent="0.2">
      <c r="A7283" s="1" t="s">
        <v>20</v>
      </c>
      <c r="B7283" s="1" t="s">
        <v>445</v>
      </c>
      <c r="C7283" s="1" t="s">
        <v>25441</v>
      </c>
      <c r="D7283" s="1" t="s">
        <v>24350</v>
      </c>
      <c r="E7283" s="1"/>
      <c r="F7283" s="1" t="s">
        <v>10</v>
      </c>
      <c r="G7283" s="1" t="s">
        <v>10</v>
      </c>
      <c r="H7283" s="1" t="s">
        <v>10</v>
      </c>
      <c r="I7283" s="1" t="s">
        <v>7415</v>
      </c>
      <c r="J7283" s="1" t="s">
        <v>25141</v>
      </c>
      <c r="K7283" s="1" t="s">
        <v>64</v>
      </c>
      <c r="L7283" s="1" t="s">
        <v>25440</v>
      </c>
      <c r="M7283" s="1" t="s">
        <v>5</v>
      </c>
      <c r="N7283" s="1" t="s">
        <v>1009</v>
      </c>
      <c r="O7283" s="1" t="s">
        <v>38</v>
      </c>
      <c r="P7283" s="5" t="s">
        <v>30750</v>
      </c>
    </row>
    <row r="7284" spans="1:16" x14ac:dyDescent="0.2">
      <c r="A7284" s="1" t="s">
        <v>32</v>
      </c>
      <c r="B7284" s="1" t="s">
        <v>33</v>
      </c>
      <c r="C7284" s="1" t="s">
        <v>25443</v>
      </c>
      <c r="D7284" s="1" t="s">
        <v>25136</v>
      </c>
      <c r="E7284" s="1"/>
      <c r="F7284" s="1" t="s">
        <v>27</v>
      </c>
      <c r="G7284" s="1" t="s">
        <v>10</v>
      </c>
      <c r="H7284" s="1" t="s">
        <v>11011</v>
      </c>
      <c r="I7284" s="1" t="s">
        <v>7415</v>
      </c>
      <c r="J7284" s="1" t="s">
        <v>25137</v>
      </c>
      <c r="K7284" s="1" t="s">
        <v>64</v>
      </c>
      <c r="L7284" s="1" t="s">
        <v>25442</v>
      </c>
      <c r="M7284" s="1" t="s">
        <v>5</v>
      </c>
      <c r="N7284" s="1" t="s">
        <v>6</v>
      </c>
      <c r="O7284" s="1" t="s">
        <v>8</v>
      </c>
      <c r="P7284" s="5"/>
    </row>
    <row r="7285" spans="1:16" x14ac:dyDescent="0.2">
      <c r="A7285" s="1" t="s">
        <v>194</v>
      </c>
      <c r="B7285" s="1" t="s">
        <v>396</v>
      </c>
      <c r="C7285" s="1" t="s">
        <v>25445</v>
      </c>
      <c r="D7285" s="1" t="s">
        <v>25446</v>
      </c>
      <c r="E7285" s="1"/>
      <c r="F7285" s="1" t="s">
        <v>10</v>
      </c>
      <c r="G7285" s="1" t="s">
        <v>10</v>
      </c>
      <c r="H7285" s="1" t="s">
        <v>10</v>
      </c>
      <c r="I7285" s="1" t="s">
        <v>7415</v>
      </c>
      <c r="J7285" s="1" t="s">
        <v>25145</v>
      </c>
      <c r="K7285" s="1" t="s">
        <v>2555</v>
      </c>
      <c r="L7285" s="1" t="s">
        <v>25444</v>
      </c>
      <c r="M7285" s="1" t="s">
        <v>5</v>
      </c>
      <c r="N7285" s="1" t="s">
        <v>6</v>
      </c>
      <c r="O7285" s="1" t="s">
        <v>38</v>
      </c>
      <c r="P7285" s="5" t="s">
        <v>32283</v>
      </c>
    </row>
    <row r="7286" spans="1:16" x14ac:dyDescent="0.2">
      <c r="A7286" s="1" t="s">
        <v>20</v>
      </c>
      <c r="B7286" s="1" t="s">
        <v>253</v>
      </c>
      <c r="C7286" s="1" t="s">
        <v>25448</v>
      </c>
      <c r="D7286" s="1" t="s">
        <v>25449</v>
      </c>
      <c r="E7286" s="1"/>
      <c r="F7286" s="1" t="s">
        <v>10</v>
      </c>
      <c r="G7286" s="1" t="s">
        <v>10</v>
      </c>
      <c r="H7286" s="1" t="s">
        <v>10</v>
      </c>
      <c r="I7286" s="1" t="s">
        <v>7415</v>
      </c>
      <c r="J7286" s="1" t="s">
        <v>25141</v>
      </c>
      <c r="K7286" s="1" t="s">
        <v>64</v>
      </c>
      <c r="L7286" s="1" t="s">
        <v>25447</v>
      </c>
      <c r="M7286" s="1" t="s">
        <v>5</v>
      </c>
      <c r="N7286" s="1" t="s">
        <v>1009</v>
      </c>
      <c r="O7286" s="1" t="s">
        <v>38</v>
      </c>
      <c r="P7286" s="5" t="s">
        <v>30751</v>
      </c>
    </row>
    <row r="7287" spans="1:16" x14ac:dyDescent="0.2">
      <c r="A7287" s="1" t="s">
        <v>194</v>
      </c>
      <c r="B7287" s="1" t="s">
        <v>396</v>
      </c>
      <c r="C7287" s="1" t="s">
        <v>25451</v>
      </c>
      <c r="D7287" s="1" t="s">
        <v>25452</v>
      </c>
      <c r="E7287" s="1"/>
      <c r="F7287" s="1" t="s">
        <v>10</v>
      </c>
      <c r="G7287" s="1" t="s">
        <v>10</v>
      </c>
      <c r="H7287" s="1" t="s">
        <v>10</v>
      </c>
      <c r="I7287" s="1" t="s">
        <v>7415</v>
      </c>
      <c r="J7287" s="1" t="s">
        <v>25145</v>
      </c>
      <c r="K7287" s="1" t="s">
        <v>2555</v>
      </c>
      <c r="L7287" s="1" t="s">
        <v>25450</v>
      </c>
      <c r="M7287" s="1" t="s">
        <v>5</v>
      </c>
      <c r="N7287" s="1" t="s">
        <v>1009</v>
      </c>
      <c r="O7287" s="1" t="s">
        <v>38</v>
      </c>
      <c r="P7287" s="5" t="s">
        <v>32283</v>
      </c>
    </row>
    <row r="7288" spans="1:16" x14ac:dyDescent="0.2">
      <c r="A7288" s="1" t="s">
        <v>66</v>
      </c>
      <c r="B7288" s="1" t="s">
        <v>574</v>
      </c>
      <c r="C7288" s="1" t="s">
        <v>25454</v>
      </c>
      <c r="D7288" s="1" t="s">
        <v>25455</v>
      </c>
      <c r="E7288" s="1"/>
      <c r="F7288" s="1" t="s">
        <v>10</v>
      </c>
      <c r="G7288" s="1" t="s">
        <v>10</v>
      </c>
      <c r="H7288" s="1" t="s">
        <v>10</v>
      </c>
      <c r="I7288" s="1" t="s">
        <v>7415</v>
      </c>
      <c r="J7288" s="1" t="s">
        <v>25145</v>
      </c>
      <c r="K7288" s="1" t="s">
        <v>27</v>
      </c>
      <c r="L7288" s="1" t="s">
        <v>25453</v>
      </c>
      <c r="M7288" s="1" t="s">
        <v>5</v>
      </c>
      <c r="N7288" s="1" t="s">
        <v>1009</v>
      </c>
      <c r="O7288" s="1" t="s">
        <v>38</v>
      </c>
      <c r="P7288" s="5" t="s">
        <v>30752</v>
      </c>
    </row>
    <row r="7289" spans="1:16" x14ac:dyDescent="0.2">
      <c r="A7289" s="1" t="s">
        <v>487</v>
      </c>
      <c r="B7289" s="1" t="s">
        <v>784</v>
      </c>
      <c r="C7289" s="1" t="s">
        <v>25460</v>
      </c>
      <c r="D7289" s="1" t="s">
        <v>2309</v>
      </c>
      <c r="E7289" s="1"/>
      <c r="F7289" s="1" t="s">
        <v>27</v>
      </c>
      <c r="G7289" s="1" t="s">
        <v>10</v>
      </c>
      <c r="H7289" s="1" t="s">
        <v>1108</v>
      </c>
      <c r="I7289" s="1" t="s">
        <v>7415</v>
      </c>
      <c r="J7289" s="1" t="s">
        <v>21769</v>
      </c>
      <c r="K7289" s="1" t="s">
        <v>64</v>
      </c>
      <c r="L7289" s="1" t="s">
        <v>25459</v>
      </c>
      <c r="M7289" s="1" t="s">
        <v>5</v>
      </c>
      <c r="N7289" s="1" t="s">
        <v>1009</v>
      </c>
      <c r="O7289" s="1" t="s">
        <v>8</v>
      </c>
      <c r="P7289" s="5" t="s">
        <v>14</v>
      </c>
    </row>
    <row r="7290" spans="1:16" x14ac:dyDescent="0.2">
      <c r="A7290" s="1" t="s">
        <v>487</v>
      </c>
      <c r="B7290" s="1" t="s">
        <v>10</v>
      </c>
      <c r="C7290" s="1" t="s">
        <v>25463</v>
      </c>
      <c r="D7290" s="1" t="s">
        <v>10</v>
      </c>
      <c r="E7290" s="1"/>
      <c r="F7290" s="1" t="s">
        <v>27</v>
      </c>
      <c r="G7290" s="1" t="s">
        <v>10</v>
      </c>
      <c r="H7290" s="1" t="s">
        <v>10</v>
      </c>
      <c r="I7290" s="1" t="s">
        <v>7415</v>
      </c>
      <c r="J7290" s="1" t="s">
        <v>10</v>
      </c>
      <c r="K7290" s="1" t="s">
        <v>64</v>
      </c>
      <c r="L7290" s="1" t="s">
        <v>25462</v>
      </c>
      <c r="M7290" s="1" t="s">
        <v>5</v>
      </c>
      <c r="N7290" s="1" t="s">
        <v>6</v>
      </c>
      <c r="O7290" s="1" t="s">
        <v>8</v>
      </c>
      <c r="P7290" s="5" t="s">
        <v>10</v>
      </c>
    </row>
    <row r="7291" spans="1:16" x14ac:dyDescent="0.2">
      <c r="A7291" s="1" t="s">
        <v>487</v>
      </c>
      <c r="B7291" s="1" t="s">
        <v>765</v>
      </c>
      <c r="C7291" s="1" t="s">
        <v>25465</v>
      </c>
      <c r="D7291" s="1" t="s">
        <v>8271</v>
      </c>
      <c r="E7291" s="1"/>
      <c r="F7291" s="1" t="s">
        <v>27</v>
      </c>
      <c r="G7291" s="1" t="s">
        <v>10</v>
      </c>
      <c r="H7291" s="1" t="s">
        <v>25466</v>
      </c>
      <c r="I7291" s="1" t="s">
        <v>7415</v>
      </c>
      <c r="J7291" s="1" t="s">
        <v>25137</v>
      </c>
      <c r="K7291" s="1" t="s">
        <v>64</v>
      </c>
      <c r="L7291" s="1" t="s">
        <v>25464</v>
      </c>
      <c r="M7291" s="1" t="s">
        <v>5</v>
      </c>
      <c r="N7291" s="1" t="s">
        <v>6</v>
      </c>
      <c r="O7291" s="1" t="s">
        <v>8</v>
      </c>
      <c r="P7291" s="5"/>
    </row>
    <row r="7292" spans="1:16" x14ac:dyDescent="0.2">
      <c r="A7292" s="1" t="s">
        <v>10</v>
      </c>
      <c r="B7292" s="1" t="s">
        <v>10</v>
      </c>
      <c r="C7292" s="1" t="s">
        <v>25468</v>
      </c>
      <c r="D7292" s="1" t="s">
        <v>10</v>
      </c>
      <c r="E7292" s="1"/>
      <c r="F7292" s="1" t="s">
        <v>27</v>
      </c>
      <c r="G7292" s="1" t="s">
        <v>10</v>
      </c>
      <c r="H7292" s="1" t="s">
        <v>25470</v>
      </c>
      <c r="I7292" s="1" t="s">
        <v>7415</v>
      </c>
      <c r="J7292" s="1" t="s">
        <v>25469</v>
      </c>
      <c r="K7292" s="1" t="s">
        <v>64</v>
      </c>
      <c r="L7292" s="1" t="s">
        <v>25467</v>
      </c>
      <c r="M7292" s="1" t="s">
        <v>5</v>
      </c>
      <c r="N7292" s="1" t="s">
        <v>6</v>
      </c>
      <c r="O7292" s="1" t="s">
        <v>8</v>
      </c>
      <c r="P7292" s="5" t="s">
        <v>32319</v>
      </c>
    </row>
    <row r="7293" spans="1:16" x14ac:dyDescent="0.2">
      <c r="A7293" s="1" t="s">
        <v>194</v>
      </c>
      <c r="B7293" s="1" t="s">
        <v>195</v>
      </c>
      <c r="C7293" s="1" t="s">
        <v>25472</v>
      </c>
      <c r="D7293" s="1" t="s">
        <v>85</v>
      </c>
      <c r="E7293" s="1" t="s">
        <v>25473</v>
      </c>
      <c r="F7293" s="1" t="s">
        <v>10</v>
      </c>
      <c r="G7293" s="1" t="s">
        <v>10</v>
      </c>
      <c r="H7293" s="1" t="s">
        <v>10</v>
      </c>
      <c r="I7293" s="1" t="s">
        <v>7415</v>
      </c>
      <c r="J7293" s="1" t="s">
        <v>21769</v>
      </c>
      <c r="K7293" s="1" t="s">
        <v>27</v>
      </c>
      <c r="L7293" s="1" t="s">
        <v>25471</v>
      </c>
      <c r="M7293" s="1" t="s">
        <v>5</v>
      </c>
      <c r="N7293" s="1" t="s">
        <v>25</v>
      </c>
      <c r="O7293" s="1" t="s">
        <v>38</v>
      </c>
      <c r="P7293" s="5" t="s">
        <v>32320</v>
      </c>
    </row>
    <row r="7294" spans="1:16" x14ac:dyDescent="0.2">
      <c r="A7294" s="1" t="s">
        <v>20</v>
      </c>
      <c r="B7294" s="1" t="s">
        <v>445</v>
      </c>
      <c r="C7294" s="1" t="s">
        <v>9196</v>
      </c>
      <c r="D7294" s="1" t="s">
        <v>9196</v>
      </c>
      <c r="E7294" s="1"/>
      <c r="F7294" s="1" t="s">
        <v>27</v>
      </c>
      <c r="G7294" s="1" t="s">
        <v>10</v>
      </c>
      <c r="H7294" s="1" t="s">
        <v>25475</v>
      </c>
      <c r="I7294" s="1" t="s">
        <v>7415</v>
      </c>
      <c r="J7294" s="1" t="s">
        <v>25141</v>
      </c>
      <c r="K7294" s="1" t="s">
        <v>64</v>
      </c>
      <c r="L7294" s="1" t="s">
        <v>25474</v>
      </c>
      <c r="M7294" s="1" t="s">
        <v>5</v>
      </c>
      <c r="N7294" s="1" t="s">
        <v>1009</v>
      </c>
      <c r="O7294" s="1" t="s">
        <v>8</v>
      </c>
      <c r="P7294" s="5" t="s">
        <v>30753</v>
      </c>
    </row>
    <row r="7295" spans="1:16" x14ac:dyDescent="0.2">
      <c r="A7295" s="1" t="s">
        <v>194</v>
      </c>
      <c r="B7295" s="1" t="s">
        <v>396</v>
      </c>
      <c r="C7295" s="1" t="s">
        <v>25477</v>
      </c>
      <c r="D7295" s="1" t="s">
        <v>25478</v>
      </c>
      <c r="E7295" s="1"/>
      <c r="F7295" s="1" t="s">
        <v>10</v>
      </c>
      <c r="G7295" s="1" t="s">
        <v>10</v>
      </c>
      <c r="H7295" s="1" t="s">
        <v>10</v>
      </c>
      <c r="I7295" s="1" t="s">
        <v>7415</v>
      </c>
      <c r="J7295" s="1" t="s">
        <v>25145</v>
      </c>
      <c r="K7295" s="1" t="s">
        <v>27</v>
      </c>
      <c r="L7295" s="1" t="s">
        <v>25476</v>
      </c>
      <c r="M7295" s="1" t="s">
        <v>5</v>
      </c>
      <c r="N7295" s="1" t="s">
        <v>1009</v>
      </c>
      <c r="O7295" s="1" t="s">
        <v>38</v>
      </c>
      <c r="P7295" s="5" t="s">
        <v>32321</v>
      </c>
    </row>
    <row r="7296" spans="1:16" x14ac:dyDescent="0.2">
      <c r="A7296" s="1" t="s">
        <v>194</v>
      </c>
      <c r="B7296" s="1" t="s">
        <v>396</v>
      </c>
      <c r="C7296" s="1" t="s">
        <v>25480</v>
      </c>
      <c r="D7296" s="1" t="s">
        <v>25481</v>
      </c>
      <c r="E7296" s="1"/>
      <c r="F7296" s="1" t="s">
        <v>10</v>
      </c>
      <c r="G7296" s="1" t="s">
        <v>10</v>
      </c>
      <c r="H7296" s="1" t="s">
        <v>10</v>
      </c>
      <c r="I7296" s="1" t="s">
        <v>7415</v>
      </c>
      <c r="J7296" s="1" t="s">
        <v>25145</v>
      </c>
      <c r="K7296" s="1" t="s">
        <v>27</v>
      </c>
      <c r="L7296" s="1" t="s">
        <v>25479</v>
      </c>
      <c r="M7296" s="1" t="s">
        <v>5</v>
      </c>
      <c r="N7296" s="1" t="s">
        <v>1009</v>
      </c>
      <c r="O7296" s="1" t="s">
        <v>38</v>
      </c>
      <c r="P7296" s="5" t="s">
        <v>32321</v>
      </c>
    </row>
    <row r="7297" spans="1:16" x14ac:dyDescent="0.2">
      <c r="A7297" s="1" t="s">
        <v>487</v>
      </c>
      <c r="B7297" s="1" t="s">
        <v>10</v>
      </c>
      <c r="C7297" s="1" t="s">
        <v>25483</v>
      </c>
      <c r="D7297" s="1" t="s">
        <v>10</v>
      </c>
      <c r="E7297" s="1"/>
      <c r="F7297" s="1" t="s">
        <v>10</v>
      </c>
      <c r="G7297" s="1" t="s">
        <v>10</v>
      </c>
      <c r="H7297" s="1" t="s">
        <v>10</v>
      </c>
      <c r="I7297" s="1" t="s">
        <v>7415</v>
      </c>
      <c r="J7297" s="1" t="s">
        <v>10</v>
      </c>
      <c r="K7297" s="1" t="s">
        <v>64</v>
      </c>
      <c r="L7297" s="1" t="s">
        <v>25482</v>
      </c>
      <c r="M7297" s="1" t="s">
        <v>5</v>
      </c>
      <c r="N7297" s="1" t="s">
        <v>6</v>
      </c>
      <c r="O7297" s="1" t="s">
        <v>38</v>
      </c>
      <c r="P7297" s="5" t="s">
        <v>10</v>
      </c>
    </row>
    <row r="7298" spans="1:16" x14ac:dyDescent="0.2">
      <c r="A7298" s="1" t="s">
        <v>66</v>
      </c>
      <c r="B7298" s="1" t="s">
        <v>212</v>
      </c>
      <c r="C7298" s="1" t="s">
        <v>25486</v>
      </c>
      <c r="D7298" s="1" t="s">
        <v>25487</v>
      </c>
      <c r="E7298" s="1"/>
      <c r="F7298" s="1" t="s">
        <v>10</v>
      </c>
      <c r="G7298" s="1" t="s">
        <v>10</v>
      </c>
      <c r="H7298" s="1" t="s">
        <v>10</v>
      </c>
      <c r="I7298" s="1" t="s">
        <v>7415</v>
      </c>
      <c r="J7298" s="1" t="s">
        <v>25488</v>
      </c>
      <c r="K7298" s="1" t="s">
        <v>11</v>
      </c>
      <c r="L7298" s="1" t="s">
        <v>25485</v>
      </c>
      <c r="M7298" s="1" t="s">
        <v>5</v>
      </c>
      <c r="N7298" s="1" t="s">
        <v>25</v>
      </c>
      <c r="O7298" s="1" t="s">
        <v>38</v>
      </c>
      <c r="P7298" s="5" t="s">
        <v>32322</v>
      </c>
    </row>
    <row r="7299" spans="1:16" x14ac:dyDescent="0.2">
      <c r="A7299" s="1" t="s">
        <v>487</v>
      </c>
      <c r="B7299" s="1" t="s">
        <v>10</v>
      </c>
      <c r="C7299" s="1" t="s">
        <v>25491</v>
      </c>
      <c r="D7299" s="1" t="s">
        <v>10</v>
      </c>
      <c r="E7299" s="1"/>
      <c r="F7299" s="1" t="s">
        <v>27</v>
      </c>
      <c r="G7299" s="1" t="s">
        <v>10</v>
      </c>
      <c r="H7299" s="1" t="s">
        <v>10</v>
      </c>
      <c r="I7299" s="1" t="s">
        <v>7415</v>
      </c>
      <c r="J7299" s="1" t="s">
        <v>10</v>
      </c>
      <c r="K7299" s="1" t="s">
        <v>64</v>
      </c>
      <c r="L7299" s="1" t="s">
        <v>25490</v>
      </c>
      <c r="M7299" s="1" t="s">
        <v>5</v>
      </c>
      <c r="N7299" s="1" t="s">
        <v>6</v>
      </c>
      <c r="O7299" s="1" t="s">
        <v>8</v>
      </c>
      <c r="P7299" s="5" t="s">
        <v>10</v>
      </c>
    </row>
    <row r="7300" spans="1:16" x14ac:dyDescent="0.2">
      <c r="A7300" s="1" t="s">
        <v>194</v>
      </c>
      <c r="B7300" s="1" t="s">
        <v>396</v>
      </c>
      <c r="C7300" s="1" t="s">
        <v>25493</v>
      </c>
      <c r="D7300" s="1" t="s">
        <v>25494</v>
      </c>
      <c r="E7300" s="1"/>
      <c r="F7300" s="1" t="s">
        <v>10</v>
      </c>
      <c r="G7300" s="1" t="s">
        <v>10</v>
      </c>
      <c r="H7300" s="1" t="s">
        <v>10</v>
      </c>
      <c r="I7300" s="1" t="s">
        <v>7415</v>
      </c>
      <c r="J7300" s="1" t="s">
        <v>25145</v>
      </c>
      <c r="K7300" s="1" t="s">
        <v>27</v>
      </c>
      <c r="L7300" s="1" t="s">
        <v>25492</v>
      </c>
      <c r="M7300" s="1" t="s">
        <v>5</v>
      </c>
      <c r="N7300" s="1" t="s">
        <v>6</v>
      </c>
      <c r="O7300" s="1" t="s">
        <v>38</v>
      </c>
      <c r="P7300" s="5" t="s">
        <v>32323</v>
      </c>
    </row>
    <row r="7301" spans="1:16" x14ac:dyDescent="0.2">
      <c r="A7301" s="1" t="s">
        <v>20</v>
      </c>
      <c r="B7301" s="1" t="s">
        <v>253</v>
      </c>
      <c r="C7301" s="1" t="s">
        <v>25496</v>
      </c>
      <c r="D7301" s="1" t="s">
        <v>17231</v>
      </c>
      <c r="E7301" s="1"/>
      <c r="F7301" s="1" t="s">
        <v>10</v>
      </c>
      <c r="G7301" s="1" t="s">
        <v>10</v>
      </c>
      <c r="H7301" s="1" t="s">
        <v>10</v>
      </c>
      <c r="I7301" s="1" t="s">
        <v>7415</v>
      </c>
      <c r="J7301" s="1" t="s">
        <v>25141</v>
      </c>
      <c r="K7301" s="1" t="s">
        <v>64</v>
      </c>
      <c r="L7301" s="1" t="s">
        <v>25495</v>
      </c>
      <c r="M7301" s="1" t="s">
        <v>5</v>
      </c>
      <c r="N7301" s="1" t="s">
        <v>1009</v>
      </c>
      <c r="O7301" s="1" t="s">
        <v>38</v>
      </c>
      <c r="P7301" s="5" t="s">
        <v>30754</v>
      </c>
    </row>
    <row r="7302" spans="1:16" x14ac:dyDescent="0.2">
      <c r="A7302" s="1" t="s">
        <v>66</v>
      </c>
      <c r="B7302" s="1" t="s">
        <v>212</v>
      </c>
      <c r="C7302" s="1" t="s">
        <v>25498</v>
      </c>
      <c r="D7302" s="1" t="s">
        <v>25499</v>
      </c>
      <c r="E7302" s="1"/>
      <c r="F7302" s="1" t="s">
        <v>10</v>
      </c>
      <c r="G7302" s="1" t="s">
        <v>10</v>
      </c>
      <c r="H7302" s="1" t="s">
        <v>10</v>
      </c>
      <c r="I7302" s="1" t="s">
        <v>7415</v>
      </c>
      <c r="J7302" s="1" t="s">
        <v>25141</v>
      </c>
      <c r="K7302" s="1" t="s">
        <v>27</v>
      </c>
      <c r="L7302" s="1" t="s">
        <v>25497</v>
      </c>
      <c r="M7302" s="1" t="s">
        <v>5</v>
      </c>
      <c r="N7302" s="1" t="s">
        <v>1009</v>
      </c>
      <c r="O7302" s="1" t="s">
        <v>38</v>
      </c>
      <c r="P7302" s="5" t="s">
        <v>32324</v>
      </c>
    </row>
    <row r="7303" spans="1:16" x14ac:dyDescent="0.2">
      <c r="A7303" s="1" t="s">
        <v>66</v>
      </c>
      <c r="B7303" s="1" t="s">
        <v>574</v>
      </c>
      <c r="C7303" s="1" t="s">
        <v>25501</v>
      </c>
      <c r="D7303" s="1" t="s">
        <v>6808</v>
      </c>
      <c r="E7303" s="1"/>
      <c r="F7303" s="1" t="s">
        <v>27</v>
      </c>
      <c r="G7303" s="1" t="s">
        <v>10</v>
      </c>
      <c r="H7303" s="1" t="s">
        <v>6808</v>
      </c>
      <c r="I7303" s="1" t="s">
        <v>7415</v>
      </c>
      <c r="J7303" s="1" t="s">
        <v>25137</v>
      </c>
      <c r="K7303" s="1" t="s">
        <v>27</v>
      </c>
      <c r="L7303" s="1" t="s">
        <v>25500</v>
      </c>
      <c r="M7303" s="1" t="s">
        <v>5</v>
      </c>
      <c r="N7303" s="1" t="s">
        <v>6</v>
      </c>
      <c r="O7303" s="1" t="s">
        <v>8</v>
      </c>
      <c r="P7303" s="5" t="s">
        <v>30173</v>
      </c>
    </row>
    <row r="7304" spans="1:16" x14ac:dyDescent="0.2">
      <c r="A7304" s="1" t="s">
        <v>194</v>
      </c>
      <c r="B7304" s="1" t="s">
        <v>396</v>
      </c>
      <c r="C7304" s="1" t="s">
        <v>25503</v>
      </c>
      <c r="D7304" s="1" t="s">
        <v>25504</v>
      </c>
      <c r="E7304" s="1"/>
      <c r="F7304" s="1" t="s">
        <v>27</v>
      </c>
      <c r="G7304" s="1" t="s">
        <v>10</v>
      </c>
      <c r="H7304" s="1" t="s">
        <v>25505</v>
      </c>
      <c r="I7304" s="1" t="s">
        <v>7415</v>
      </c>
      <c r="J7304" s="1" t="s">
        <v>21769</v>
      </c>
      <c r="K7304" s="1" t="s">
        <v>64</v>
      </c>
      <c r="L7304" s="1" t="s">
        <v>25502</v>
      </c>
      <c r="M7304" s="1" t="s">
        <v>5</v>
      </c>
      <c r="N7304" s="1" t="s">
        <v>6</v>
      </c>
      <c r="O7304" s="1" t="s">
        <v>8</v>
      </c>
      <c r="P7304" s="5" t="s">
        <v>10</v>
      </c>
    </row>
    <row r="7305" spans="1:16" x14ac:dyDescent="0.2">
      <c r="A7305" s="1" t="s">
        <v>20</v>
      </c>
      <c r="B7305" s="1" t="s">
        <v>3530</v>
      </c>
      <c r="C7305" s="1" t="s">
        <v>25507</v>
      </c>
      <c r="D7305" s="1" t="s">
        <v>25508</v>
      </c>
      <c r="E7305" s="1"/>
      <c r="F7305" s="1" t="s">
        <v>10</v>
      </c>
      <c r="G7305" s="1" t="s">
        <v>10</v>
      </c>
      <c r="H7305" s="1" t="s">
        <v>10</v>
      </c>
      <c r="I7305" s="1" t="s">
        <v>7415</v>
      </c>
      <c r="J7305" s="1" t="s">
        <v>25141</v>
      </c>
      <c r="K7305" s="1" t="s">
        <v>64</v>
      </c>
      <c r="L7305" s="1" t="s">
        <v>25506</v>
      </c>
      <c r="M7305" s="1" t="s">
        <v>5</v>
      </c>
      <c r="N7305" s="1" t="s">
        <v>1009</v>
      </c>
      <c r="O7305" s="1" t="s">
        <v>38</v>
      </c>
      <c r="P7305" s="5" t="s">
        <v>30755</v>
      </c>
    </row>
    <row r="7306" spans="1:16" x14ac:dyDescent="0.2">
      <c r="A7306" s="1" t="s">
        <v>20</v>
      </c>
      <c r="B7306" s="1" t="s">
        <v>253</v>
      </c>
      <c r="C7306" s="1" t="s">
        <v>25510</v>
      </c>
      <c r="D7306" s="1" t="s">
        <v>25511</v>
      </c>
      <c r="E7306" s="1"/>
      <c r="F7306" s="1" t="s">
        <v>10</v>
      </c>
      <c r="G7306" s="1" t="s">
        <v>10</v>
      </c>
      <c r="H7306" s="1" t="s">
        <v>10</v>
      </c>
      <c r="I7306" s="1" t="s">
        <v>7415</v>
      </c>
      <c r="J7306" s="1" t="s">
        <v>25141</v>
      </c>
      <c r="K7306" s="1" t="s">
        <v>64</v>
      </c>
      <c r="L7306" s="1" t="s">
        <v>25509</v>
      </c>
      <c r="M7306" s="1" t="s">
        <v>5</v>
      </c>
      <c r="N7306" s="1" t="s">
        <v>1009</v>
      </c>
      <c r="O7306" s="1" t="s">
        <v>38</v>
      </c>
      <c r="P7306" s="5" t="s">
        <v>30754</v>
      </c>
    </row>
    <row r="7307" spans="1:16" x14ac:dyDescent="0.2">
      <c r="A7307" s="1" t="s">
        <v>20</v>
      </c>
      <c r="B7307" s="1" t="s">
        <v>253</v>
      </c>
      <c r="C7307" s="1" t="s">
        <v>25513</v>
      </c>
      <c r="D7307" s="1" t="s">
        <v>25514</v>
      </c>
      <c r="E7307" s="1"/>
      <c r="F7307" s="1" t="s">
        <v>10</v>
      </c>
      <c r="G7307" s="1" t="s">
        <v>10</v>
      </c>
      <c r="H7307" s="1" t="s">
        <v>10</v>
      </c>
      <c r="I7307" s="1" t="s">
        <v>7415</v>
      </c>
      <c r="J7307" s="1" t="s">
        <v>19</v>
      </c>
      <c r="K7307" s="1" t="s">
        <v>64</v>
      </c>
      <c r="L7307" s="1" t="s">
        <v>25512</v>
      </c>
      <c r="M7307" s="1" t="s">
        <v>5</v>
      </c>
      <c r="N7307" s="1" t="s">
        <v>6</v>
      </c>
      <c r="O7307" s="1" t="s">
        <v>38</v>
      </c>
      <c r="P7307" s="5" t="s">
        <v>30756</v>
      </c>
    </row>
    <row r="7308" spans="1:16" x14ac:dyDescent="0.2">
      <c r="A7308" s="1" t="s">
        <v>20</v>
      </c>
      <c r="B7308" s="1" t="s">
        <v>253</v>
      </c>
      <c r="C7308" s="1" t="s">
        <v>25516</v>
      </c>
      <c r="D7308" s="1" t="s">
        <v>10432</v>
      </c>
      <c r="E7308" s="1"/>
      <c r="F7308" s="1" t="s">
        <v>10</v>
      </c>
      <c r="G7308" s="1" t="s">
        <v>10</v>
      </c>
      <c r="H7308" s="1" t="s">
        <v>10</v>
      </c>
      <c r="I7308" s="1" t="s">
        <v>7415</v>
      </c>
      <c r="J7308" s="1" t="s">
        <v>25141</v>
      </c>
      <c r="K7308" s="1" t="s">
        <v>64</v>
      </c>
      <c r="L7308" s="1" t="s">
        <v>25515</v>
      </c>
      <c r="M7308" s="1" t="s">
        <v>5</v>
      </c>
      <c r="N7308" s="1" t="s">
        <v>1009</v>
      </c>
      <c r="O7308" s="1" t="s">
        <v>38</v>
      </c>
      <c r="P7308" s="5" t="s">
        <v>30757</v>
      </c>
    </row>
    <row r="7309" spans="1:16" x14ac:dyDescent="0.2">
      <c r="A7309" s="1" t="s">
        <v>20</v>
      </c>
      <c r="B7309" s="1" t="s">
        <v>445</v>
      </c>
      <c r="C7309" s="1" t="s">
        <v>25518</v>
      </c>
      <c r="D7309" s="1" t="s">
        <v>25519</v>
      </c>
      <c r="E7309" s="1"/>
      <c r="F7309" s="1" t="s">
        <v>10</v>
      </c>
      <c r="G7309" s="1" t="s">
        <v>10</v>
      </c>
      <c r="H7309" s="1" t="s">
        <v>10</v>
      </c>
      <c r="I7309" s="1" t="s">
        <v>7415</v>
      </c>
      <c r="J7309" s="1" t="s">
        <v>21769</v>
      </c>
      <c r="K7309" s="1" t="s">
        <v>64</v>
      </c>
      <c r="L7309" s="1" t="s">
        <v>25517</v>
      </c>
      <c r="M7309" s="1" t="s">
        <v>5</v>
      </c>
      <c r="N7309" s="1" t="s">
        <v>1009</v>
      </c>
      <c r="O7309" s="1" t="s">
        <v>38</v>
      </c>
      <c r="P7309" s="5" t="s">
        <v>30758</v>
      </c>
    </row>
    <row r="7310" spans="1:16" x14ac:dyDescent="0.2">
      <c r="A7310" s="1" t="s">
        <v>20</v>
      </c>
      <c r="B7310" s="1" t="s">
        <v>445</v>
      </c>
      <c r="C7310" s="1" t="s">
        <v>25521</v>
      </c>
      <c r="D7310" s="1" t="s">
        <v>25522</v>
      </c>
      <c r="E7310" s="1"/>
      <c r="F7310" s="1" t="s">
        <v>10</v>
      </c>
      <c r="G7310" s="1" t="s">
        <v>10</v>
      </c>
      <c r="H7310" s="1" t="s">
        <v>10</v>
      </c>
      <c r="I7310" s="1" t="s">
        <v>7415</v>
      </c>
      <c r="J7310" s="1" t="s">
        <v>21769</v>
      </c>
      <c r="K7310" s="1" t="s">
        <v>64</v>
      </c>
      <c r="L7310" s="1" t="s">
        <v>25520</v>
      </c>
      <c r="M7310" s="1" t="s">
        <v>5</v>
      </c>
      <c r="N7310" s="1" t="s">
        <v>1009</v>
      </c>
      <c r="O7310" s="1" t="s">
        <v>38</v>
      </c>
      <c r="P7310" s="5" t="s">
        <v>30758</v>
      </c>
    </row>
    <row r="7311" spans="1:16" x14ac:dyDescent="0.2">
      <c r="A7311" s="1" t="s">
        <v>20</v>
      </c>
      <c r="B7311" s="1" t="s">
        <v>445</v>
      </c>
      <c r="C7311" s="1" t="s">
        <v>25524</v>
      </c>
      <c r="D7311" s="1" t="s">
        <v>25525</v>
      </c>
      <c r="E7311" s="1"/>
      <c r="F7311" s="1" t="s">
        <v>10</v>
      </c>
      <c r="G7311" s="1" t="s">
        <v>10</v>
      </c>
      <c r="H7311" s="1" t="s">
        <v>10</v>
      </c>
      <c r="I7311" s="1" t="s">
        <v>7415</v>
      </c>
      <c r="J7311" s="1" t="s">
        <v>21769</v>
      </c>
      <c r="K7311" s="1" t="s">
        <v>64</v>
      </c>
      <c r="L7311" s="1" t="s">
        <v>25523</v>
      </c>
      <c r="M7311" s="1" t="s">
        <v>5</v>
      </c>
      <c r="N7311" s="1" t="s">
        <v>1009</v>
      </c>
      <c r="O7311" s="1" t="s">
        <v>38</v>
      </c>
      <c r="P7311" s="5" t="s">
        <v>30758</v>
      </c>
    </row>
    <row r="7312" spans="1:16" x14ac:dyDescent="0.2">
      <c r="A7312" s="1" t="s">
        <v>194</v>
      </c>
      <c r="B7312" s="1" t="s">
        <v>6481</v>
      </c>
      <c r="C7312" s="1" t="s">
        <v>25527</v>
      </c>
      <c r="D7312" s="1" t="s">
        <v>25528</v>
      </c>
      <c r="E7312" s="1"/>
      <c r="F7312" s="1" t="s">
        <v>10</v>
      </c>
      <c r="G7312" s="1" t="s">
        <v>10</v>
      </c>
      <c r="H7312" s="1" t="s">
        <v>10</v>
      </c>
      <c r="I7312" s="1" t="s">
        <v>7415</v>
      </c>
      <c r="J7312" s="1" t="s">
        <v>25286</v>
      </c>
      <c r="K7312" s="1" t="s">
        <v>27</v>
      </c>
      <c r="L7312" s="1" t="s">
        <v>25526</v>
      </c>
      <c r="M7312" s="1" t="s">
        <v>5</v>
      </c>
      <c r="N7312" s="1" t="s">
        <v>1009</v>
      </c>
      <c r="O7312" s="1" t="s">
        <v>38</v>
      </c>
      <c r="P7312" s="5" t="s">
        <v>32325</v>
      </c>
    </row>
    <row r="7313" spans="1:16" x14ac:dyDescent="0.2">
      <c r="A7313" s="1" t="s">
        <v>66</v>
      </c>
      <c r="B7313" s="1" t="s">
        <v>1117</v>
      </c>
      <c r="C7313" s="1" t="s">
        <v>25530</v>
      </c>
      <c r="D7313" s="1" t="s">
        <v>25531</v>
      </c>
      <c r="E7313" s="1"/>
      <c r="F7313" s="1" t="s">
        <v>414</v>
      </c>
      <c r="G7313" s="1" t="s">
        <v>10</v>
      </c>
      <c r="H7313" s="1" t="s">
        <v>10</v>
      </c>
      <c r="I7313" s="1" t="s">
        <v>7415</v>
      </c>
      <c r="J7313" s="1" t="s">
        <v>25137</v>
      </c>
      <c r="K7313" s="1" t="s">
        <v>64</v>
      </c>
      <c r="L7313" s="1" t="s">
        <v>25529</v>
      </c>
      <c r="M7313" s="1" t="s">
        <v>5</v>
      </c>
      <c r="N7313" s="1" t="s">
        <v>6</v>
      </c>
      <c r="O7313" s="1" t="s">
        <v>8</v>
      </c>
      <c r="P7313" s="5" t="s">
        <v>32326</v>
      </c>
    </row>
    <row r="7314" spans="1:16" x14ac:dyDescent="0.2">
      <c r="A7314" s="1" t="s">
        <v>20</v>
      </c>
      <c r="B7314" s="1" t="s">
        <v>3530</v>
      </c>
      <c r="C7314" s="1" t="s">
        <v>25533</v>
      </c>
      <c r="D7314" s="1" t="s">
        <v>25534</v>
      </c>
      <c r="E7314" s="1"/>
      <c r="F7314" s="1" t="s">
        <v>10</v>
      </c>
      <c r="G7314" s="1" t="s">
        <v>10</v>
      </c>
      <c r="H7314" s="1" t="s">
        <v>10</v>
      </c>
      <c r="I7314" s="1" t="s">
        <v>7415</v>
      </c>
      <c r="J7314" s="1" t="s">
        <v>25141</v>
      </c>
      <c r="K7314" s="1" t="s">
        <v>64</v>
      </c>
      <c r="L7314" s="1" t="s">
        <v>25532</v>
      </c>
      <c r="M7314" s="1" t="s">
        <v>5</v>
      </c>
      <c r="N7314" s="1" t="s">
        <v>1009</v>
      </c>
      <c r="O7314" s="1" t="s">
        <v>38</v>
      </c>
      <c r="P7314" s="5" t="s">
        <v>30757</v>
      </c>
    </row>
    <row r="7315" spans="1:16" x14ac:dyDescent="0.2">
      <c r="A7315" s="1" t="s">
        <v>20</v>
      </c>
      <c r="B7315" s="1" t="s">
        <v>445</v>
      </c>
      <c r="C7315" s="1" t="s">
        <v>25536</v>
      </c>
      <c r="D7315" s="1" t="s">
        <v>25537</v>
      </c>
      <c r="E7315" s="1"/>
      <c r="F7315" s="1" t="s">
        <v>10</v>
      </c>
      <c r="G7315" s="1" t="s">
        <v>10</v>
      </c>
      <c r="H7315" s="1" t="s">
        <v>10</v>
      </c>
      <c r="I7315" s="1" t="s">
        <v>7415</v>
      </c>
      <c r="J7315" s="1" t="s">
        <v>25141</v>
      </c>
      <c r="K7315" s="1" t="s">
        <v>64</v>
      </c>
      <c r="L7315" s="1" t="s">
        <v>25535</v>
      </c>
      <c r="M7315" s="1" t="s">
        <v>5</v>
      </c>
      <c r="N7315" s="1" t="s">
        <v>6</v>
      </c>
      <c r="O7315" s="1" t="s">
        <v>38</v>
      </c>
      <c r="P7315" s="5" t="s">
        <v>32327</v>
      </c>
    </row>
    <row r="7316" spans="1:16" x14ac:dyDescent="0.2">
      <c r="A7316" s="1" t="s">
        <v>66</v>
      </c>
      <c r="B7316" s="1" t="s">
        <v>1117</v>
      </c>
      <c r="C7316" s="1" t="s">
        <v>25539</v>
      </c>
      <c r="D7316" s="1" t="s">
        <v>25540</v>
      </c>
      <c r="E7316" s="1"/>
      <c r="F7316" s="1" t="s">
        <v>27</v>
      </c>
      <c r="G7316" s="1" t="s">
        <v>10</v>
      </c>
      <c r="H7316" s="1" t="s">
        <v>25541</v>
      </c>
      <c r="I7316" s="1" t="s">
        <v>7415</v>
      </c>
      <c r="J7316" s="1" t="s">
        <v>25137</v>
      </c>
      <c r="K7316" s="1" t="s">
        <v>64</v>
      </c>
      <c r="L7316" s="1" t="s">
        <v>25538</v>
      </c>
      <c r="M7316" s="1" t="s">
        <v>5</v>
      </c>
      <c r="N7316" s="1" t="s">
        <v>6</v>
      </c>
      <c r="O7316" s="1" t="s">
        <v>8</v>
      </c>
      <c r="P7316" s="5" t="s">
        <v>30515</v>
      </c>
    </row>
    <row r="7317" spans="1:16" x14ac:dyDescent="0.2">
      <c r="A7317" s="1" t="s">
        <v>66</v>
      </c>
      <c r="B7317" s="1" t="s">
        <v>1117</v>
      </c>
      <c r="C7317" s="1" t="s">
        <v>25543</v>
      </c>
      <c r="D7317" s="1" t="s">
        <v>8331</v>
      </c>
      <c r="E7317" s="1"/>
      <c r="F7317" s="1" t="s">
        <v>27</v>
      </c>
      <c r="G7317" s="1" t="s">
        <v>10</v>
      </c>
      <c r="H7317" s="1" t="s">
        <v>1116</v>
      </c>
      <c r="I7317" s="1" t="s">
        <v>7415</v>
      </c>
      <c r="J7317" s="1" t="s">
        <v>25137</v>
      </c>
      <c r="K7317" s="1" t="s">
        <v>64</v>
      </c>
      <c r="L7317" s="1" t="s">
        <v>25542</v>
      </c>
      <c r="M7317" s="1" t="s">
        <v>5</v>
      </c>
      <c r="N7317" s="1" t="s">
        <v>6</v>
      </c>
      <c r="O7317" s="1" t="s">
        <v>8</v>
      </c>
      <c r="P7317" s="5" t="s">
        <v>31890</v>
      </c>
    </row>
    <row r="7318" spans="1:16" x14ac:dyDescent="0.2">
      <c r="A7318" s="1" t="s">
        <v>42</v>
      </c>
      <c r="B7318" s="1" t="s">
        <v>50</v>
      </c>
      <c r="C7318" s="1" t="s">
        <v>25545</v>
      </c>
      <c r="D7318" s="1" t="s">
        <v>25546</v>
      </c>
      <c r="E7318" s="1"/>
      <c r="F7318" s="1" t="s">
        <v>10</v>
      </c>
      <c r="G7318" s="1" t="s">
        <v>10</v>
      </c>
      <c r="H7318" s="1" t="s">
        <v>10</v>
      </c>
      <c r="I7318" s="1" t="s">
        <v>7415</v>
      </c>
      <c r="J7318" s="1" t="s">
        <v>19</v>
      </c>
      <c r="K7318" s="1" t="s">
        <v>47</v>
      </c>
      <c r="L7318" s="1" t="s">
        <v>25544</v>
      </c>
      <c r="M7318" s="1" t="s">
        <v>5</v>
      </c>
      <c r="N7318" s="1" t="s">
        <v>25</v>
      </c>
      <c r="O7318" s="1" t="s">
        <v>38</v>
      </c>
      <c r="P7318" s="5" t="s">
        <v>30759</v>
      </c>
    </row>
    <row r="7319" spans="1:16" x14ac:dyDescent="0.2">
      <c r="A7319" s="1" t="s">
        <v>66</v>
      </c>
      <c r="B7319" s="1" t="s">
        <v>212</v>
      </c>
      <c r="C7319" s="1" t="s">
        <v>25549</v>
      </c>
      <c r="D7319" s="1" t="s">
        <v>25547</v>
      </c>
      <c r="E7319" s="1"/>
      <c r="F7319" s="1" t="s">
        <v>10</v>
      </c>
      <c r="G7319" s="1" t="s">
        <v>10</v>
      </c>
      <c r="H7319" s="1" t="s">
        <v>10</v>
      </c>
      <c r="I7319" s="1" t="s">
        <v>7415</v>
      </c>
      <c r="J7319" s="1" t="s">
        <v>21769</v>
      </c>
      <c r="K7319" s="1" t="s">
        <v>64</v>
      </c>
      <c r="L7319" s="1" t="s">
        <v>25548</v>
      </c>
      <c r="M7319" s="1" t="s">
        <v>5</v>
      </c>
      <c r="N7319" s="1" t="s">
        <v>1009</v>
      </c>
      <c r="O7319" s="1" t="s">
        <v>38</v>
      </c>
      <c r="P7319" s="5" t="s">
        <v>32328</v>
      </c>
    </row>
    <row r="7320" spans="1:16" x14ac:dyDescent="0.2">
      <c r="A7320" s="1" t="s">
        <v>194</v>
      </c>
      <c r="B7320" s="1" t="s">
        <v>396</v>
      </c>
      <c r="C7320" s="1" t="s">
        <v>25552</v>
      </c>
      <c r="D7320" s="1" t="s">
        <v>25553</v>
      </c>
      <c r="E7320" s="1"/>
      <c r="F7320" s="1" t="s">
        <v>10</v>
      </c>
      <c r="G7320" s="1" t="s">
        <v>10</v>
      </c>
      <c r="H7320" s="1" t="s">
        <v>10</v>
      </c>
      <c r="I7320" s="1" t="s">
        <v>7415</v>
      </c>
      <c r="J7320" s="1" t="s">
        <v>25145</v>
      </c>
      <c r="K7320" s="1" t="s">
        <v>27</v>
      </c>
      <c r="L7320" s="1" t="s">
        <v>25551</v>
      </c>
      <c r="M7320" s="1" t="s">
        <v>5</v>
      </c>
      <c r="N7320" s="1" t="s">
        <v>6</v>
      </c>
      <c r="O7320" s="1" t="s">
        <v>38</v>
      </c>
      <c r="P7320" s="5" t="s">
        <v>32329</v>
      </c>
    </row>
    <row r="7321" spans="1:16" x14ac:dyDescent="0.2">
      <c r="A7321" s="1" t="s">
        <v>194</v>
      </c>
      <c r="B7321" s="1" t="s">
        <v>396</v>
      </c>
      <c r="C7321" s="1" t="s">
        <v>25555</v>
      </c>
      <c r="D7321" s="1" t="s">
        <v>25556</v>
      </c>
      <c r="E7321" s="1"/>
      <c r="F7321" s="1" t="s">
        <v>10</v>
      </c>
      <c r="G7321" s="1" t="s">
        <v>10</v>
      </c>
      <c r="H7321" s="1" t="s">
        <v>10</v>
      </c>
      <c r="I7321" s="1" t="s">
        <v>7415</v>
      </c>
      <c r="J7321" s="1" t="s">
        <v>25145</v>
      </c>
      <c r="K7321" s="1" t="s">
        <v>27</v>
      </c>
      <c r="L7321" s="1" t="s">
        <v>25554</v>
      </c>
      <c r="M7321" s="1" t="s">
        <v>5</v>
      </c>
      <c r="N7321" s="1" t="s">
        <v>6</v>
      </c>
      <c r="O7321" s="1" t="s">
        <v>38</v>
      </c>
      <c r="P7321" s="5" t="s">
        <v>32329</v>
      </c>
    </row>
    <row r="7322" spans="1:16" x14ac:dyDescent="0.2">
      <c r="A7322" s="1" t="s">
        <v>194</v>
      </c>
      <c r="B7322" s="1" t="s">
        <v>396</v>
      </c>
      <c r="C7322" s="1" t="s">
        <v>25558</v>
      </c>
      <c r="D7322" s="1" t="s">
        <v>25559</v>
      </c>
      <c r="E7322" s="1"/>
      <c r="F7322" s="1" t="s">
        <v>10</v>
      </c>
      <c r="G7322" s="1" t="s">
        <v>10</v>
      </c>
      <c r="H7322" s="1" t="s">
        <v>10</v>
      </c>
      <c r="I7322" s="1" t="s">
        <v>7415</v>
      </c>
      <c r="J7322" s="1" t="s">
        <v>25145</v>
      </c>
      <c r="K7322" s="1" t="s">
        <v>27</v>
      </c>
      <c r="L7322" s="1" t="s">
        <v>25557</v>
      </c>
      <c r="M7322" s="1" t="s">
        <v>5</v>
      </c>
      <c r="N7322" s="1" t="s">
        <v>6</v>
      </c>
      <c r="O7322" s="1" t="s">
        <v>38</v>
      </c>
      <c r="P7322" s="5" t="s">
        <v>32321</v>
      </c>
    </row>
    <row r="7323" spans="1:16" x14ac:dyDescent="0.2">
      <c r="A7323" s="1" t="s">
        <v>194</v>
      </c>
      <c r="B7323" s="1" t="s">
        <v>396</v>
      </c>
      <c r="C7323" s="1" t="s">
        <v>25561</v>
      </c>
      <c r="D7323" s="1" t="s">
        <v>25562</v>
      </c>
      <c r="E7323" s="1"/>
      <c r="F7323" s="1" t="s">
        <v>10</v>
      </c>
      <c r="G7323" s="1" t="s">
        <v>10</v>
      </c>
      <c r="H7323" s="1" t="s">
        <v>10</v>
      </c>
      <c r="I7323" s="1" t="s">
        <v>7415</v>
      </c>
      <c r="J7323" s="1" t="s">
        <v>25145</v>
      </c>
      <c r="K7323" s="1" t="s">
        <v>27</v>
      </c>
      <c r="L7323" s="1" t="s">
        <v>25560</v>
      </c>
      <c r="M7323" s="1" t="s">
        <v>5</v>
      </c>
      <c r="N7323" s="1" t="s">
        <v>6</v>
      </c>
      <c r="O7323" s="1" t="s">
        <v>38</v>
      </c>
      <c r="P7323" s="5" t="s">
        <v>32329</v>
      </c>
    </row>
    <row r="7324" spans="1:16" x14ac:dyDescent="0.2">
      <c r="A7324" s="1" t="s">
        <v>66</v>
      </c>
      <c r="B7324" s="1" t="s">
        <v>212</v>
      </c>
      <c r="C7324" s="1" t="s">
        <v>25564</v>
      </c>
      <c r="D7324" s="1" t="s">
        <v>25565</v>
      </c>
      <c r="E7324" s="1"/>
      <c r="F7324" s="1" t="s">
        <v>10</v>
      </c>
      <c r="G7324" s="1" t="s">
        <v>10</v>
      </c>
      <c r="H7324" s="1" t="s">
        <v>10</v>
      </c>
      <c r="I7324" s="1" t="s">
        <v>7415</v>
      </c>
      <c r="J7324" s="1" t="s">
        <v>25141</v>
      </c>
      <c r="K7324" s="1" t="s">
        <v>27</v>
      </c>
      <c r="L7324" s="1" t="s">
        <v>25563</v>
      </c>
      <c r="M7324" s="1" t="s">
        <v>5</v>
      </c>
      <c r="N7324" s="1" t="s">
        <v>1009</v>
      </c>
      <c r="O7324" s="1" t="s">
        <v>38</v>
      </c>
      <c r="P7324" s="5" t="s">
        <v>32330</v>
      </c>
    </row>
    <row r="7325" spans="1:16" x14ac:dyDescent="0.2">
      <c r="A7325" s="1" t="s">
        <v>66</v>
      </c>
      <c r="B7325" s="1" t="s">
        <v>4741</v>
      </c>
      <c r="C7325" s="1" t="s">
        <v>25567</v>
      </c>
      <c r="D7325" s="1" t="s">
        <v>25568</v>
      </c>
      <c r="E7325" s="1" t="s">
        <v>25569</v>
      </c>
      <c r="F7325" s="1" t="s">
        <v>10</v>
      </c>
      <c r="G7325" s="1" t="s">
        <v>10</v>
      </c>
      <c r="H7325" s="1" t="s">
        <v>10</v>
      </c>
      <c r="I7325" s="1" t="s">
        <v>7415</v>
      </c>
      <c r="J7325" s="1" t="s">
        <v>25141</v>
      </c>
      <c r="K7325" s="1" t="s">
        <v>27</v>
      </c>
      <c r="L7325" s="1" t="s">
        <v>25566</v>
      </c>
      <c r="M7325" s="1" t="s">
        <v>5</v>
      </c>
      <c r="N7325" s="1" t="s">
        <v>6</v>
      </c>
      <c r="O7325" s="1" t="s">
        <v>38</v>
      </c>
      <c r="P7325" s="5" t="s">
        <v>32331</v>
      </c>
    </row>
    <row r="7326" spans="1:16" x14ac:dyDescent="0.2">
      <c r="A7326" s="1" t="s">
        <v>66</v>
      </c>
      <c r="B7326" s="1" t="s">
        <v>4741</v>
      </c>
      <c r="C7326" s="1" t="s">
        <v>25571</v>
      </c>
      <c r="D7326" s="1" t="s">
        <v>25572</v>
      </c>
      <c r="E7326" s="1" t="s">
        <v>25573</v>
      </c>
      <c r="F7326" s="1" t="s">
        <v>10</v>
      </c>
      <c r="G7326" s="1" t="s">
        <v>10</v>
      </c>
      <c r="H7326" s="1" t="s">
        <v>10</v>
      </c>
      <c r="I7326" s="1" t="s">
        <v>7415</v>
      </c>
      <c r="J7326" s="1" t="s">
        <v>25141</v>
      </c>
      <c r="K7326" s="1" t="s">
        <v>27</v>
      </c>
      <c r="L7326" s="1" t="s">
        <v>25570</v>
      </c>
      <c r="M7326" s="1" t="s">
        <v>5</v>
      </c>
      <c r="N7326" s="1" t="s">
        <v>6</v>
      </c>
      <c r="O7326" s="1" t="s">
        <v>38</v>
      </c>
      <c r="P7326" s="5" t="s">
        <v>32332</v>
      </c>
    </row>
    <row r="7327" spans="1:16" x14ac:dyDescent="0.2">
      <c r="A7327" s="1" t="s">
        <v>66</v>
      </c>
      <c r="B7327" s="1" t="s">
        <v>212</v>
      </c>
      <c r="C7327" s="1" t="s">
        <v>25575</v>
      </c>
      <c r="D7327" s="1" t="s">
        <v>25576</v>
      </c>
      <c r="E7327" s="1"/>
      <c r="F7327" s="1" t="s">
        <v>10</v>
      </c>
      <c r="G7327" s="1" t="s">
        <v>10</v>
      </c>
      <c r="H7327" s="1" t="s">
        <v>10</v>
      </c>
      <c r="I7327" s="1" t="s">
        <v>7415</v>
      </c>
      <c r="J7327" s="1" t="s">
        <v>25488</v>
      </c>
      <c r="K7327" s="1" t="s">
        <v>11</v>
      </c>
      <c r="L7327" s="1" t="s">
        <v>25574</v>
      </c>
      <c r="M7327" s="1" t="s">
        <v>5</v>
      </c>
      <c r="N7327" s="1" t="s">
        <v>1009</v>
      </c>
      <c r="O7327" s="1" t="s">
        <v>38</v>
      </c>
      <c r="P7327" s="5" t="s">
        <v>32333</v>
      </c>
    </row>
    <row r="7328" spans="1:16" x14ac:dyDescent="0.2">
      <c r="A7328" s="1" t="s">
        <v>66</v>
      </c>
      <c r="B7328" s="1" t="s">
        <v>212</v>
      </c>
      <c r="C7328" s="1" t="s">
        <v>25578</v>
      </c>
      <c r="D7328" s="1" t="s">
        <v>25579</v>
      </c>
      <c r="E7328" s="1"/>
      <c r="F7328" s="1" t="s">
        <v>10</v>
      </c>
      <c r="G7328" s="1" t="s">
        <v>10</v>
      </c>
      <c r="H7328" s="1" t="s">
        <v>10</v>
      </c>
      <c r="I7328" s="1" t="s">
        <v>7415</v>
      </c>
      <c r="J7328" s="1" t="s">
        <v>25141</v>
      </c>
      <c r="K7328" s="1" t="s">
        <v>11</v>
      </c>
      <c r="L7328" s="1" t="s">
        <v>25577</v>
      </c>
      <c r="M7328" s="1" t="s">
        <v>5</v>
      </c>
      <c r="N7328" s="1" t="s">
        <v>1009</v>
      </c>
      <c r="O7328" s="1" t="s">
        <v>38</v>
      </c>
      <c r="P7328" s="5" t="s">
        <v>32334</v>
      </c>
    </row>
    <row r="7329" spans="1:16" x14ac:dyDescent="0.2">
      <c r="A7329" s="1" t="s">
        <v>66</v>
      </c>
      <c r="B7329" s="1" t="s">
        <v>212</v>
      </c>
      <c r="C7329" s="1" t="s">
        <v>25581</v>
      </c>
      <c r="D7329" s="1" t="s">
        <v>25582</v>
      </c>
      <c r="E7329" s="1"/>
      <c r="F7329" s="1" t="s">
        <v>10</v>
      </c>
      <c r="G7329" s="1" t="s">
        <v>10</v>
      </c>
      <c r="H7329" s="1" t="s">
        <v>10</v>
      </c>
      <c r="I7329" s="1" t="s">
        <v>7415</v>
      </c>
      <c r="J7329" s="1" t="s">
        <v>25141</v>
      </c>
      <c r="K7329" s="1" t="s">
        <v>11</v>
      </c>
      <c r="L7329" s="1" t="s">
        <v>25580</v>
      </c>
      <c r="M7329" s="1" t="s">
        <v>5</v>
      </c>
      <c r="N7329" s="1" t="s">
        <v>1009</v>
      </c>
      <c r="O7329" s="1" t="s">
        <v>38</v>
      </c>
      <c r="P7329" s="5" t="s">
        <v>32335</v>
      </c>
    </row>
    <row r="7330" spans="1:16" x14ac:dyDescent="0.2">
      <c r="A7330" s="1" t="s">
        <v>66</v>
      </c>
      <c r="B7330" s="1" t="s">
        <v>212</v>
      </c>
      <c r="C7330" s="1" t="s">
        <v>25584</v>
      </c>
      <c r="D7330" s="1" t="s">
        <v>25585</v>
      </c>
      <c r="E7330" s="1"/>
      <c r="F7330" s="1" t="s">
        <v>10</v>
      </c>
      <c r="G7330" s="1" t="s">
        <v>10</v>
      </c>
      <c r="H7330" s="1" t="s">
        <v>10</v>
      </c>
      <c r="I7330" s="1" t="s">
        <v>7415</v>
      </c>
      <c r="J7330" s="1" t="s">
        <v>25141</v>
      </c>
      <c r="K7330" s="1" t="s">
        <v>11</v>
      </c>
      <c r="L7330" s="1" t="s">
        <v>25583</v>
      </c>
      <c r="M7330" s="1" t="s">
        <v>5</v>
      </c>
      <c r="N7330" s="1" t="s">
        <v>1009</v>
      </c>
      <c r="O7330" s="1" t="s">
        <v>38</v>
      </c>
      <c r="P7330" s="5" t="s">
        <v>32336</v>
      </c>
    </row>
    <row r="7331" spans="1:16" x14ac:dyDescent="0.2">
      <c r="A7331" s="1" t="s">
        <v>66</v>
      </c>
      <c r="B7331" s="1" t="s">
        <v>212</v>
      </c>
      <c r="C7331" s="1" t="s">
        <v>25587</v>
      </c>
      <c r="D7331" s="1" t="s">
        <v>25588</v>
      </c>
      <c r="E7331" s="1"/>
      <c r="F7331" s="1" t="s">
        <v>10</v>
      </c>
      <c r="G7331" s="1" t="s">
        <v>10</v>
      </c>
      <c r="H7331" s="1" t="s">
        <v>10</v>
      </c>
      <c r="I7331" s="1" t="s">
        <v>7415</v>
      </c>
      <c r="J7331" s="1" t="s">
        <v>21769</v>
      </c>
      <c r="K7331" s="1" t="s">
        <v>64</v>
      </c>
      <c r="L7331" s="1" t="s">
        <v>25586</v>
      </c>
      <c r="M7331" s="1" t="s">
        <v>5</v>
      </c>
      <c r="N7331" s="1" t="s">
        <v>960</v>
      </c>
      <c r="O7331" s="1" t="s">
        <v>38</v>
      </c>
      <c r="P7331" s="5" t="s">
        <v>32337</v>
      </c>
    </row>
    <row r="7332" spans="1:16" x14ac:dyDescent="0.2">
      <c r="A7332" s="1" t="s">
        <v>194</v>
      </c>
      <c r="B7332" s="1" t="s">
        <v>6481</v>
      </c>
      <c r="C7332" s="1" t="s">
        <v>25590</v>
      </c>
      <c r="D7332" s="1" t="s">
        <v>25591</v>
      </c>
      <c r="E7332" s="1"/>
      <c r="F7332" s="1" t="s">
        <v>10</v>
      </c>
      <c r="G7332" s="1" t="s">
        <v>10</v>
      </c>
      <c r="H7332" s="1" t="s">
        <v>10</v>
      </c>
      <c r="I7332" s="1" t="s">
        <v>7415</v>
      </c>
      <c r="J7332" s="1" t="s">
        <v>21769</v>
      </c>
      <c r="K7332" s="1" t="s">
        <v>64</v>
      </c>
      <c r="L7332" s="1" t="s">
        <v>25589</v>
      </c>
      <c r="M7332" s="1" t="s">
        <v>5</v>
      </c>
      <c r="N7332" s="1" t="s">
        <v>6</v>
      </c>
      <c r="O7332" s="1" t="s">
        <v>38</v>
      </c>
      <c r="P7332" s="5" t="s">
        <v>32338</v>
      </c>
    </row>
    <row r="7333" spans="1:16" x14ac:dyDescent="0.2">
      <c r="A7333" s="1" t="s">
        <v>487</v>
      </c>
      <c r="B7333" s="1" t="s">
        <v>784</v>
      </c>
      <c r="C7333" s="1" t="s">
        <v>25595</v>
      </c>
      <c r="D7333" s="1" t="s">
        <v>515</v>
      </c>
      <c r="E7333" s="1"/>
      <c r="F7333" s="1" t="s">
        <v>27</v>
      </c>
      <c r="G7333" s="1" t="s">
        <v>10</v>
      </c>
      <c r="H7333" s="1" t="s">
        <v>25596</v>
      </c>
      <c r="I7333" s="1" t="s">
        <v>7415</v>
      </c>
      <c r="J7333" s="1" t="s">
        <v>25137</v>
      </c>
      <c r="K7333" s="1" t="s">
        <v>64</v>
      </c>
      <c r="L7333" s="1" t="s">
        <v>25594</v>
      </c>
      <c r="M7333" s="1" t="s">
        <v>5</v>
      </c>
      <c r="N7333" s="1" t="s">
        <v>25</v>
      </c>
      <c r="O7333" s="1" t="s">
        <v>8</v>
      </c>
      <c r="P7333" s="5"/>
    </row>
    <row r="7334" spans="1:16" x14ac:dyDescent="0.2">
      <c r="A7334" s="1" t="s">
        <v>66</v>
      </c>
      <c r="B7334" s="1" t="s">
        <v>212</v>
      </c>
      <c r="C7334" s="1" t="s">
        <v>25598</v>
      </c>
      <c r="D7334" s="1" t="s">
        <v>25599</v>
      </c>
      <c r="E7334" s="1"/>
      <c r="F7334" s="1" t="s">
        <v>10</v>
      </c>
      <c r="G7334" s="1" t="s">
        <v>10</v>
      </c>
      <c r="H7334" s="1" t="s">
        <v>10</v>
      </c>
      <c r="I7334" s="1" t="s">
        <v>7415</v>
      </c>
      <c r="J7334" s="1" t="s">
        <v>25141</v>
      </c>
      <c r="K7334" s="1" t="s">
        <v>27</v>
      </c>
      <c r="L7334" s="1" t="s">
        <v>25597</v>
      </c>
      <c r="M7334" s="1" t="s">
        <v>5</v>
      </c>
      <c r="N7334" s="1" t="s">
        <v>1009</v>
      </c>
      <c r="O7334" s="1" t="s">
        <v>38</v>
      </c>
      <c r="P7334" s="5" t="s">
        <v>32291</v>
      </c>
    </row>
    <row r="7335" spans="1:16" x14ac:dyDescent="0.2">
      <c r="A7335" s="1" t="s">
        <v>329</v>
      </c>
      <c r="B7335" s="1" t="s">
        <v>2120</v>
      </c>
      <c r="C7335" s="1" t="s">
        <v>25601</v>
      </c>
      <c r="D7335" s="1" t="s">
        <v>25602</v>
      </c>
      <c r="E7335" s="1" t="s">
        <v>25603</v>
      </c>
      <c r="F7335" s="1" t="s">
        <v>10</v>
      </c>
      <c r="G7335" s="1" t="s">
        <v>10</v>
      </c>
      <c r="H7335" s="1" t="s">
        <v>10</v>
      </c>
      <c r="I7335" s="1" t="s">
        <v>7415</v>
      </c>
      <c r="J7335" s="1" t="s">
        <v>19</v>
      </c>
      <c r="K7335" s="1" t="s">
        <v>64</v>
      </c>
      <c r="L7335" s="1" t="s">
        <v>25600</v>
      </c>
      <c r="M7335" s="1" t="s">
        <v>5</v>
      </c>
      <c r="N7335" s="1" t="s">
        <v>25</v>
      </c>
      <c r="O7335" s="1" t="s">
        <v>38</v>
      </c>
      <c r="P7335" s="5" t="s">
        <v>30760</v>
      </c>
    </row>
    <row r="7336" spans="1:16" x14ac:dyDescent="0.2">
      <c r="A7336" s="1" t="s">
        <v>66</v>
      </c>
      <c r="B7336" s="1" t="s">
        <v>1127</v>
      </c>
      <c r="C7336" s="1" t="s">
        <v>25605</v>
      </c>
      <c r="D7336" s="1" t="s">
        <v>25606</v>
      </c>
      <c r="E7336" s="1"/>
      <c r="F7336" s="1" t="s">
        <v>10</v>
      </c>
      <c r="G7336" s="1" t="s">
        <v>10</v>
      </c>
      <c r="H7336" s="1" t="s">
        <v>10</v>
      </c>
      <c r="I7336" s="1" t="s">
        <v>7415</v>
      </c>
      <c r="J7336" s="1" t="s">
        <v>21769</v>
      </c>
      <c r="K7336" s="1" t="s">
        <v>7</v>
      </c>
      <c r="L7336" s="1" t="s">
        <v>25604</v>
      </c>
      <c r="M7336" s="1" t="s">
        <v>5</v>
      </c>
      <c r="N7336" s="1" t="s">
        <v>1009</v>
      </c>
      <c r="O7336" s="1" t="s">
        <v>38</v>
      </c>
      <c r="P7336" s="5" t="s">
        <v>32339</v>
      </c>
    </row>
    <row r="7337" spans="1:16" x14ac:dyDescent="0.2">
      <c r="A7337" s="1" t="s">
        <v>487</v>
      </c>
      <c r="B7337" s="1" t="s">
        <v>488</v>
      </c>
      <c r="C7337" s="1" t="s">
        <v>25608</v>
      </c>
      <c r="D7337" s="1" t="s">
        <v>25609</v>
      </c>
      <c r="E7337" s="1"/>
      <c r="F7337" s="1" t="s">
        <v>27</v>
      </c>
      <c r="G7337" s="1" t="s">
        <v>10</v>
      </c>
      <c r="H7337" s="1" t="s">
        <v>25610</v>
      </c>
      <c r="I7337" s="1" t="s">
        <v>7415</v>
      </c>
      <c r="J7337" s="1" t="s">
        <v>25137</v>
      </c>
      <c r="K7337" s="1" t="s">
        <v>64</v>
      </c>
      <c r="L7337" s="1" t="s">
        <v>25607</v>
      </c>
      <c r="M7337" s="1" t="s">
        <v>5</v>
      </c>
      <c r="N7337" s="1" t="s">
        <v>6</v>
      </c>
      <c r="O7337" s="1" t="s">
        <v>8</v>
      </c>
      <c r="P7337" s="5"/>
    </row>
    <row r="7338" spans="1:16" x14ac:dyDescent="0.2">
      <c r="A7338" s="1" t="s">
        <v>194</v>
      </c>
      <c r="B7338" s="1" t="s">
        <v>195</v>
      </c>
      <c r="C7338" s="1" t="s">
        <v>25612</v>
      </c>
      <c r="D7338" s="1" t="s">
        <v>25613</v>
      </c>
      <c r="E7338" s="1" t="s">
        <v>25614</v>
      </c>
      <c r="F7338" s="1" t="s">
        <v>393</v>
      </c>
      <c r="G7338" s="1" t="s">
        <v>10</v>
      </c>
      <c r="H7338" s="1" t="s">
        <v>10</v>
      </c>
      <c r="I7338" s="1" t="s">
        <v>7415</v>
      </c>
      <c r="J7338" s="1" t="s">
        <v>21769</v>
      </c>
      <c r="K7338" s="1" t="s">
        <v>27</v>
      </c>
      <c r="L7338" s="1" t="s">
        <v>25611</v>
      </c>
      <c r="M7338" s="1" t="s">
        <v>5</v>
      </c>
      <c r="N7338" s="1" t="s">
        <v>25</v>
      </c>
      <c r="O7338" s="1" t="s">
        <v>38</v>
      </c>
      <c r="P7338" s="5" t="s">
        <v>32340</v>
      </c>
    </row>
    <row r="7339" spans="1:16" x14ac:dyDescent="0.2">
      <c r="A7339" s="1" t="s">
        <v>66</v>
      </c>
      <c r="B7339" s="1" t="s">
        <v>212</v>
      </c>
      <c r="C7339" s="1" t="s">
        <v>25617</v>
      </c>
      <c r="D7339" s="1" t="s">
        <v>9279</v>
      </c>
      <c r="E7339" s="1"/>
      <c r="F7339" s="1" t="s">
        <v>10</v>
      </c>
      <c r="G7339" s="1" t="s">
        <v>10</v>
      </c>
      <c r="H7339" s="1" t="s">
        <v>10</v>
      </c>
      <c r="I7339" s="1" t="s">
        <v>7415</v>
      </c>
      <c r="J7339" s="1" t="s">
        <v>25141</v>
      </c>
      <c r="K7339" s="1" t="s">
        <v>11</v>
      </c>
      <c r="L7339" s="1" t="s">
        <v>25616</v>
      </c>
      <c r="M7339" s="1" t="s">
        <v>5</v>
      </c>
      <c r="N7339" s="1" t="s">
        <v>6</v>
      </c>
      <c r="O7339" s="1" t="s">
        <v>38</v>
      </c>
      <c r="P7339" s="5" t="s">
        <v>32341</v>
      </c>
    </row>
    <row r="7340" spans="1:16" x14ac:dyDescent="0.2">
      <c r="A7340" s="1" t="s">
        <v>32</v>
      </c>
      <c r="B7340" s="1" t="s">
        <v>10</v>
      </c>
      <c r="C7340" s="1" t="s">
        <v>25619</v>
      </c>
      <c r="D7340" s="1" t="s">
        <v>25620</v>
      </c>
      <c r="E7340" s="1"/>
      <c r="F7340" s="1" t="s">
        <v>27</v>
      </c>
      <c r="G7340" s="1" t="s">
        <v>10</v>
      </c>
      <c r="H7340" s="1" t="s">
        <v>25620</v>
      </c>
      <c r="I7340" s="1" t="s">
        <v>7415</v>
      </c>
      <c r="J7340" s="1" t="s">
        <v>25137</v>
      </c>
      <c r="K7340" s="1" t="s">
        <v>64</v>
      </c>
      <c r="L7340" s="1" t="s">
        <v>25618</v>
      </c>
      <c r="M7340" s="1" t="s">
        <v>5</v>
      </c>
      <c r="N7340" s="1" t="s">
        <v>6</v>
      </c>
      <c r="O7340" s="1" t="s">
        <v>8</v>
      </c>
      <c r="P7340" s="5" t="s">
        <v>114</v>
      </c>
    </row>
    <row r="7341" spans="1:16" x14ac:dyDescent="0.2">
      <c r="A7341" s="1" t="s">
        <v>194</v>
      </c>
      <c r="B7341" s="1" t="s">
        <v>396</v>
      </c>
      <c r="C7341" s="1" t="s">
        <v>25622</v>
      </c>
      <c r="D7341" s="1" t="s">
        <v>25623</v>
      </c>
      <c r="E7341" s="1"/>
      <c r="F7341" s="1" t="s">
        <v>10</v>
      </c>
      <c r="G7341" s="1" t="s">
        <v>10</v>
      </c>
      <c r="H7341" s="1" t="s">
        <v>10</v>
      </c>
      <c r="I7341" s="1" t="s">
        <v>7415</v>
      </c>
      <c r="J7341" s="1" t="s">
        <v>25145</v>
      </c>
      <c r="K7341" s="1" t="s">
        <v>2555</v>
      </c>
      <c r="L7341" s="1" t="s">
        <v>25621</v>
      </c>
      <c r="M7341" s="1" t="s">
        <v>5</v>
      </c>
      <c r="N7341" s="1" t="s">
        <v>6</v>
      </c>
      <c r="O7341" s="1" t="s">
        <v>38</v>
      </c>
      <c r="P7341" s="5" t="s">
        <v>32283</v>
      </c>
    </row>
    <row r="7342" spans="1:16" x14ac:dyDescent="0.2">
      <c r="A7342" s="1" t="s">
        <v>66</v>
      </c>
      <c r="B7342" s="1" t="s">
        <v>212</v>
      </c>
      <c r="C7342" s="1" t="s">
        <v>25625</v>
      </c>
      <c r="D7342" s="1" t="s">
        <v>25626</v>
      </c>
      <c r="E7342" s="1"/>
      <c r="F7342" s="1" t="s">
        <v>10</v>
      </c>
      <c r="G7342" s="1" t="s">
        <v>10</v>
      </c>
      <c r="H7342" s="1" t="s">
        <v>10</v>
      </c>
      <c r="I7342" s="1" t="s">
        <v>7415</v>
      </c>
      <c r="J7342" s="1" t="s">
        <v>25141</v>
      </c>
      <c r="K7342" s="1" t="s">
        <v>11</v>
      </c>
      <c r="L7342" s="1" t="s">
        <v>25624</v>
      </c>
      <c r="M7342" s="1" t="s">
        <v>5</v>
      </c>
      <c r="N7342" s="1" t="s">
        <v>1009</v>
      </c>
      <c r="O7342" s="1" t="s">
        <v>38</v>
      </c>
      <c r="P7342" s="5" t="s">
        <v>32342</v>
      </c>
    </row>
    <row r="7343" spans="1:16" x14ac:dyDescent="0.2">
      <c r="A7343" s="1" t="s">
        <v>66</v>
      </c>
      <c r="B7343" s="1" t="s">
        <v>212</v>
      </c>
      <c r="C7343" s="1" t="s">
        <v>25628</v>
      </c>
      <c r="D7343" s="1" t="s">
        <v>25629</v>
      </c>
      <c r="E7343" s="1"/>
      <c r="F7343" s="1" t="s">
        <v>10</v>
      </c>
      <c r="G7343" s="1" t="s">
        <v>10</v>
      </c>
      <c r="H7343" s="1" t="s">
        <v>10</v>
      </c>
      <c r="I7343" s="1" t="s">
        <v>7415</v>
      </c>
      <c r="J7343" s="1" t="s">
        <v>25141</v>
      </c>
      <c r="K7343" s="1" t="s">
        <v>11</v>
      </c>
      <c r="L7343" s="1" t="s">
        <v>25627</v>
      </c>
      <c r="M7343" s="1" t="s">
        <v>5</v>
      </c>
      <c r="N7343" s="1" t="s">
        <v>1009</v>
      </c>
      <c r="O7343" s="1" t="s">
        <v>38</v>
      </c>
      <c r="P7343" s="5" t="s">
        <v>32343</v>
      </c>
    </row>
    <row r="7344" spans="1:16" x14ac:dyDescent="0.2">
      <c r="A7344" s="1" t="s">
        <v>20</v>
      </c>
      <c r="B7344" s="1" t="s">
        <v>132</v>
      </c>
      <c r="C7344" s="1" t="s">
        <v>25631</v>
      </c>
      <c r="D7344" s="1" t="s">
        <v>20807</v>
      </c>
      <c r="E7344" s="1" t="s">
        <v>25632</v>
      </c>
      <c r="F7344" s="1" t="s">
        <v>10</v>
      </c>
      <c r="G7344" s="1" t="s">
        <v>10</v>
      </c>
      <c r="H7344" s="1" t="s">
        <v>10</v>
      </c>
      <c r="I7344" s="1" t="s">
        <v>7415</v>
      </c>
      <c r="J7344" s="1" t="s">
        <v>19</v>
      </c>
      <c r="K7344" s="1" t="s">
        <v>14695</v>
      </c>
      <c r="L7344" s="1" t="s">
        <v>25630</v>
      </c>
      <c r="M7344" s="1" t="s">
        <v>5</v>
      </c>
      <c r="N7344" s="1" t="s">
        <v>25</v>
      </c>
      <c r="O7344" s="1" t="s">
        <v>38</v>
      </c>
      <c r="P7344" s="5" t="s">
        <v>30918</v>
      </c>
    </row>
    <row r="7345" spans="1:16" x14ac:dyDescent="0.2">
      <c r="A7345" s="1" t="s">
        <v>20</v>
      </c>
      <c r="B7345" s="1" t="s">
        <v>302</v>
      </c>
      <c r="C7345" s="1" t="s">
        <v>25634</v>
      </c>
      <c r="D7345" s="1" t="s">
        <v>25635</v>
      </c>
      <c r="E7345" s="1"/>
      <c r="F7345" s="1" t="s">
        <v>10</v>
      </c>
      <c r="G7345" s="1" t="s">
        <v>10</v>
      </c>
      <c r="H7345" s="1" t="s">
        <v>10</v>
      </c>
      <c r="I7345" s="1" t="s">
        <v>7415</v>
      </c>
      <c r="J7345" s="1" t="s">
        <v>25141</v>
      </c>
      <c r="K7345" s="1" t="s">
        <v>27</v>
      </c>
      <c r="L7345" s="1" t="s">
        <v>25633</v>
      </c>
      <c r="M7345" s="1" t="s">
        <v>5</v>
      </c>
      <c r="N7345" s="1" t="s">
        <v>1009</v>
      </c>
      <c r="O7345" s="1" t="s">
        <v>38</v>
      </c>
      <c r="P7345" s="5" t="s">
        <v>32274</v>
      </c>
    </row>
    <row r="7346" spans="1:16" x14ac:dyDescent="0.2">
      <c r="A7346" s="1" t="s">
        <v>20</v>
      </c>
      <c r="B7346" s="1" t="s">
        <v>309</v>
      </c>
      <c r="C7346" s="1" t="s">
        <v>25637</v>
      </c>
      <c r="D7346" s="1" t="s">
        <v>25638</v>
      </c>
      <c r="E7346" s="1"/>
      <c r="F7346" s="1" t="s">
        <v>10</v>
      </c>
      <c r="G7346" s="1" t="s">
        <v>10</v>
      </c>
      <c r="H7346" s="1" t="s">
        <v>10</v>
      </c>
      <c r="I7346" s="1" t="s">
        <v>7415</v>
      </c>
      <c r="J7346" s="1" t="s">
        <v>21769</v>
      </c>
      <c r="K7346" s="1" t="s">
        <v>27</v>
      </c>
      <c r="L7346" s="1" t="s">
        <v>25636</v>
      </c>
      <c r="M7346" s="1" t="s">
        <v>5</v>
      </c>
      <c r="N7346" s="1" t="s">
        <v>25</v>
      </c>
      <c r="O7346" s="1" t="s">
        <v>38</v>
      </c>
      <c r="P7346" s="5" t="s">
        <v>30761</v>
      </c>
    </row>
    <row r="7347" spans="1:16" x14ac:dyDescent="0.2">
      <c r="A7347" s="1" t="s">
        <v>487</v>
      </c>
      <c r="B7347" s="1" t="s">
        <v>1651</v>
      </c>
      <c r="C7347" s="1" t="s">
        <v>25640</v>
      </c>
      <c r="D7347" s="1" t="s">
        <v>25641</v>
      </c>
      <c r="E7347" s="1"/>
      <c r="F7347" s="1" t="s">
        <v>10</v>
      </c>
      <c r="G7347" s="1" t="s">
        <v>10</v>
      </c>
      <c r="H7347" s="1" t="s">
        <v>10</v>
      </c>
      <c r="I7347" s="1" t="s">
        <v>7415</v>
      </c>
      <c r="J7347" s="1" t="s">
        <v>21769</v>
      </c>
      <c r="K7347" s="1" t="s">
        <v>11</v>
      </c>
      <c r="L7347" s="1" t="s">
        <v>25639</v>
      </c>
      <c r="M7347" s="1" t="s">
        <v>5</v>
      </c>
      <c r="N7347" s="1" t="s">
        <v>25</v>
      </c>
      <c r="O7347" s="1" t="s">
        <v>38</v>
      </c>
      <c r="P7347" s="5" t="s">
        <v>32344</v>
      </c>
    </row>
    <row r="7348" spans="1:16" x14ac:dyDescent="0.2">
      <c r="A7348" s="1" t="s">
        <v>32</v>
      </c>
      <c r="B7348" s="1" t="s">
        <v>140</v>
      </c>
      <c r="C7348" s="1" t="s">
        <v>25643</v>
      </c>
      <c r="D7348" s="1" t="s">
        <v>19826</v>
      </c>
      <c r="E7348" s="1"/>
      <c r="F7348" s="1" t="s">
        <v>10</v>
      </c>
      <c r="G7348" s="1" t="s">
        <v>10</v>
      </c>
      <c r="H7348" s="1" t="s">
        <v>10</v>
      </c>
      <c r="I7348" s="1" t="s">
        <v>7415</v>
      </c>
      <c r="J7348" s="1" t="s">
        <v>21769</v>
      </c>
      <c r="K7348" s="1" t="s">
        <v>11</v>
      </c>
      <c r="L7348" s="1" t="s">
        <v>25642</v>
      </c>
      <c r="M7348" s="1" t="s">
        <v>5</v>
      </c>
      <c r="N7348" s="1" t="s">
        <v>1009</v>
      </c>
      <c r="O7348" s="1" t="s">
        <v>38</v>
      </c>
      <c r="P7348" s="5" t="s">
        <v>30762</v>
      </c>
    </row>
    <row r="7349" spans="1:16" x14ac:dyDescent="0.2">
      <c r="A7349" s="1" t="s">
        <v>20</v>
      </c>
      <c r="B7349" s="1" t="s">
        <v>93</v>
      </c>
      <c r="C7349" s="1" t="s">
        <v>25645</v>
      </c>
      <c r="D7349" s="1" t="s">
        <v>25646</v>
      </c>
      <c r="E7349" s="1"/>
      <c r="F7349" s="1" t="s">
        <v>27</v>
      </c>
      <c r="G7349" s="1" t="s">
        <v>10</v>
      </c>
      <c r="H7349" s="1" t="s">
        <v>25647</v>
      </c>
      <c r="I7349" s="1" t="s">
        <v>7415</v>
      </c>
      <c r="J7349" s="1" t="s">
        <v>21769</v>
      </c>
      <c r="K7349" s="1" t="s">
        <v>2555</v>
      </c>
      <c r="L7349" s="1" t="s">
        <v>25644</v>
      </c>
      <c r="M7349" s="1" t="s">
        <v>5</v>
      </c>
      <c r="N7349" s="1" t="s">
        <v>6</v>
      </c>
      <c r="O7349" s="1" t="s">
        <v>8</v>
      </c>
      <c r="P7349" s="5" t="s">
        <v>32345</v>
      </c>
    </row>
    <row r="7350" spans="1:16" x14ac:dyDescent="0.2">
      <c r="A7350" s="1" t="s">
        <v>20</v>
      </c>
      <c r="B7350" s="1" t="s">
        <v>253</v>
      </c>
      <c r="C7350" s="1" t="s">
        <v>25651</v>
      </c>
      <c r="D7350" s="1" t="s">
        <v>479</v>
      </c>
      <c r="E7350" s="1"/>
      <c r="F7350" s="1" t="s">
        <v>10</v>
      </c>
      <c r="G7350" s="1" t="s">
        <v>10</v>
      </c>
      <c r="H7350" s="1" t="s">
        <v>10</v>
      </c>
      <c r="I7350" s="1" t="s">
        <v>7415</v>
      </c>
      <c r="J7350" s="1" t="s">
        <v>21769</v>
      </c>
      <c r="K7350" s="1" t="s">
        <v>2555</v>
      </c>
      <c r="L7350" s="1" t="s">
        <v>25650</v>
      </c>
      <c r="M7350" s="1" t="s">
        <v>5</v>
      </c>
      <c r="N7350" s="1" t="s">
        <v>6</v>
      </c>
      <c r="O7350" s="1" t="s">
        <v>38</v>
      </c>
      <c r="P7350" s="5" t="s">
        <v>32345</v>
      </c>
    </row>
    <row r="7351" spans="1:16" x14ac:dyDescent="0.2">
      <c r="A7351" s="1" t="s">
        <v>20</v>
      </c>
      <c r="B7351" s="1" t="s">
        <v>93</v>
      </c>
      <c r="C7351" s="1" t="s">
        <v>25653</v>
      </c>
      <c r="D7351" s="1" t="s">
        <v>25654</v>
      </c>
      <c r="E7351" s="1"/>
      <c r="F7351" s="1" t="s">
        <v>10</v>
      </c>
      <c r="G7351" s="1" t="s">
        <v>10</v>
      </c>
      <c r="H7351" s="1" t="s">
        <v>10</v>
      </c>
      <c r="I7351" s="1" t="s">
        <v>7415</v>
      </c>
      <c r="J7351" s="1" t="s">
        <v>21769</v>
      </c>
      <c r="K7351" s="1" t="s">
        <v>2555</v>
      </c>
      <c r="L7351" s="1" t="s">
        <v>25652</v>
      </c>
      <c r="M7351" s="1" t="s">
        <v>5</v>
      </c>
      <c r="N7351" s="1" t="s">
        <v>25</v>
      </c>
      <c r="O7351" s="1" t="s">
        <v>38</v>
      </c>
      <c r="P7351" s="5" t="s">
        <v>30763</v>
      </c>
    </row>
    <row r="7352" spans="1:16" x14ac:dyDescent="0.2">
      <c r="A7352" s="1" t="s">
        <v>20</v>
      </c>
      <c r="B7352" s="1" t="s">
        <v>309</v>
      </c>
      <c r="C7352" s="1" t="s">
        <v>25656</v>
      </c>
      <c r="D7352" s="1" t="s">
        <v>25657</v>
      </c>
      <c r="E7352" s="1"/>
      <c r="F7352" s="1" t="s">
        <v>10</v>
      </c>
      <c r="G7352" s="1" t="s">
        <v>10</v>
      </c>
      <c r="H7352" s="1" t="s">
        <v>10</v>
      </c>
      <c r="I7352" s="1" t="s">
        <v>7415</v>
      </c>
      <c r="J7352" s="1" t="s">
        <v>21769</v>
      </c>
      <c r="K7352" s="1" t="s">
        <v>11</v>
      </c>
      <c r="L7352" s="1" t="s">
        <v>25655</v>
      </c>
      <c r="M7352" s="1" t="s">
        <v>5</v>
      </c>
      <c r="N7352" s="1" t="s">
        <v>25</v>
      </c>
      <c r="O7352" s="1" t="s">
        <v>38</v>
      </c>
      <c r="P7352" s="5" t="s">
        <v>32344</v>
      </c>
    </row>
    <row r="7353" spans="1:16" x14ac:dyDescent="0.2">
      <c r="A7353" s="1" t="s">
        <v>1385</v>
      </c>
      <c r="B7353" s="1" t="s">
        <v>2028</v>
      </c>
      <c r="C7353" s="1" t="s">
        <v>25659</v>
      </c>
      <c r="D7353" s="1" t="s">
        <v>21780</v>
      </c>
      <c r="E7353" s="1"/>
      <c r="F7353" s="1" t="s">
        <v>10</v>
      </c>
      <c r="G7353" s="1" t="s">
        <v>10</v>
      </c>
      <c r="H7353" s="1" t="s">
        <v>10</v>
      </c>
      <c r="I7353" s="1" t="s">
        <v>7415</v>
      </c>
      <c r="J7353" s="1" t="s">
        <v>25141</v>
      </c>
      <c r="K7353" s="1" t="s">
        <v>64</v>
      </c>
      <c r="L7353" s="1" t="s">
        <v>25658</v>
      </c>
      <c r="M7353" s="1" t="s">
        <v>5</v>
      </c>
      <c r="N7353" s="1" t="s">
        <v>6</v>
      </c>
      <c r="O7353" s="1" t="s">
        <v>38</v>
      </c>
      <c r="P7353" s="5" t="s">
        <v>30764</v>
      </c>
    </row>
    <row r="7354" spans="1:16" x14ac:dyDescent="0.2">
      <c r="A7354" s="1" t="s">
        <v>329</v>
      </c>
      <c r="B7354" s="1" t="s">
        <v>2120</v>
      </c>
      <c r="C7354" s="1" t="s">
        <v>25661</v>
      </c>
      <c r="D7354" s="1" t="s">
        <v>25662</v>
      </c>
      <c r="E7354" s="1"/>
      <c r="F7354" s="1" t="s">
        <v>27</v>
      </c>
      <c r="G7354" s="1" t="s">
        <v>10</v>
      </c>
      <c r="H7354" s="1" t="s">
        <v>10</v>
      </c>
      <c r="I7354" s="1" t="s">
        <v>7415</v>
      </c>
      <c r="J7354" s="1" t="s">
        <v>19</v>
      </c>
      <c r="K7354" s="1" t="s">
        <v>64</v>
      </c>
      <c r="L7354" s="1" t="s">
        <v>25660</v>
      </c>
      <c r="M7354" s="1" t="s">
        <v>5</v>
      </c>
      <c r="N7354" s="1" t="s">
        <v>6</v>
      </c>
      <c r="O7354" s="1" t="s">
        <v>38</v>
      </c>
      <c r="P7354" s="5" t="s">
        <v>30765</v>
      </c>
    </row>
    <row r="7355" spans="1:16" x14ac:dyDescent="0.2">
      <c r="A7355" s="1" t="s">
        <v>329</v>
      </c>
      <c r="B7355" s="1" t="s">
        <v>596</v>
      </c>
      <c r="C7355" s="1" t="s">
        <v>25664</v>
      </c>
      <c r="D7355" s="1" t="s">
        <v>25665</v>
      </c>
      <c r="E7355" s="1"/>
      <c r="F7355" s="1" t="s">
        <v>10</v>
      </c>
      <c r="G7355" s="1" t="s">
        <v>10</v>
      </c>
      <c r="H7355" s="1" t="s">
        <v>10</v>
      </c>
      <c r="I7355" s="1" t="s">
        <v>7415</v>
      </c>
      <c r="J7355" s="1" t="s">
        <v>25141</v>
      </c>
      <c r="K7355" s="1" t="s">
        <v>64</v>
      </c>
      <c r="L7355" s="1" t="s">
        <v>25663</v>
      </c>
      <c r="M7355" s="1" t="s">
        <v>5</v>
      </c>
      <c r="N7355" s="1" t="s">
        <v>25</v>
      </c>
      <c r="O7355" s="1" t="s">
        <v>38</v>
      </c>
      <c r="P7355" s="5" t="s">
        <v>32346</v>
      </c>
    </row>
    <row r="7356" spans="1:16" x14ac:dyDescent="0.2">
      <c r="A7356" s="1" t="s">
        <v>329</v>
      </c>
      <c r="B7356" s="1" t="s">
        <v>2120</v>
      </c>
      <c r="C7356" s="1" t="s">
        <v>25667</v>
      </c>
      <c r="D7356" s="1" t="s">
        <v>25668</v>
      </c>
      <c r="E7356" s="1" t="s">
        <v>25670</v>
      </c>
      <c r="F7356" s="1" t="s">
        <v>10</v>
      </c>
      <c r="G7356" s="1" t="s">
        <v>10</v>
      </c>
      <c r="H7356" s="1" t="s">
        <v>10</v>
      </c>
      <c r="I7356" s="1" t="s">
        <v>7415</v>
      </c>
      <c r="J7356" s="1" t="s">
        <v>21769</v>
      </c>
      <c r="K7356" s="1" t="s">
        <v>25669</v>
      </c>
      <c r="L7356" s="1" t="s">
        <v>25666</v>
      </c>
      <c r="M7356" s="1" t="s">
        <v>5</v>
      </c>
      <c r="N7356" s="1" t="s">
        <v>25</v>
      </c>
      <c r="O7356" s="1" t="s">
        <v>38</v>
      </c>
      <c r="P7356" s="5" t="s">
        <v>30919</v>
      </c>
    </row>
    <row r="7357" spans="1:16" x14ac:dyDescent="0.2">
      <c r="A7357" s="1" t="s">
        <v>194</v>
      </c>
      <c r="B7357" s="1" t="s">
        <v>7145</v>
      </c>
      <c r="C7357" s="1" t="s">
        <v>25672</v>
      </c>
      <c r="D7357" s="1" t="s">
        <v>25673</v>
      </c>
      <c r="E7357" s="1"/>
      <c r="F7357" s="1" t="s">
        <v>10</v>
      </c>
      <c r="G7357" s="1" t="s">
        <v>10</v>
      </c>
      <c r="H7357" s="1" t="s">
        <v>10</v>
      </c>
      <c r="I7357" s="1" t="s">
        <v>7415</v>
      </c>
      <c r="J7357" s="1" t="s">
        <v>25286</v>
      </c>
      <c r="K7357" s="1" t="s">
        <v>2555</v>
      </c>
      <c r="L7357" s="1" t="s">
        <v>25671</v>
      </c>
      <c r="M7357" s="1" t="s">
        <v>5</v>
      </c>
      <c r="N7357" s="1" t="s">
        <v>25</v>
      </c>
      <c r="O7357" s="1" t="s">
        <v>38</v>
      </c>
      <c r="P7357" s="5" t="s">
        <v>32347</v>
      </c>
    </row>
    <row r="7358" spans="1:16" x14ac:dyDescent="0.2">
      <c r="A7358" s="1" t="s">
        <v>487</v>
      </c>
      <c r="B7358" s="1" t="s">
        <v>1651</v>
      </c>
      <c r="C7358" s="1" t="s">
        <v>25675</v>
      </c>
      <c r="D7358" s="1" t="s">
        <v>25676</v>
      </c>
      <c r="E7358" s="1" t="s">
        <v>25677</v>
      </c>
      <c r="F7358" s="1" t="s">
        <v>10</v>
      </c>
      <c r="G7358" s="1" t="s">
        <v>10</v>
      </c>
      <c r="H7358" s="1" t="s">
        <v>10</v>
      </c>
      <c r="I7358" s="1" t="s">
        <v>7415</v>
      </c>
      <c r="J7358" s="1" t="s">
        <v>25286</v>
      </c>
      <c r="K7358" s="1" t="s">
        <v>2555</v>
      </c>
      <c r="L7358" s="1" t="s">
        <v>25674</v>
      </c>
      <c r="M7358" s="1" t="s">
        <v>5</v>
      </c>
      <c r="N7358" s="1" t="s">
        <v>25</v>
      </c>
      <c r="O7358" s="1" t="s">
        <v>38</v>
      </c>
      <c r="P7358" s="5" t="s">
        <v>32348</v>
      </c>
    </row>
    <row r="7359" spans="1:16" x14ac:dyDescent="0.2">
      <c r="A7359" s="1" t="s">
        <v>487</v>
      </c>
      <c r="B7359" s="1" t="s">
        <v>1651</v>
      </c>
      <c r="C7359" s="1" t="s">
        <v>25679</v>
      </c>
      <c r="D7359" s="1" t="s">
        <v>25680</v>
      </c>
      <c r="E7359" s="1" t="s">
        <v>25681</v>
      </c>
      <c r="F7359" s="1" t="s">
        <v>10</v>
      </c>
      <c r="G7359" s="1" t="s">
        <v>10</v>
      </c>
      <c r="H7359" s="1" t="s">
        <v>10</v>
      </c>
      <c r="I7359" s="1" t="s">
        <v>7415</v>
      </c>
      <c r="J7359" s="1" t="s">
        <v>25286</v>
      </c>
      <c r="K7359" s="1" t="s">
        <v>2555</v>
      </c>
      <c r="L7359" s="1" t="s">
        <v>25678</v>
      </c>
      <c r="M7359" s="1" t="s">
        <v>5</v>
      </c>
      <c r="N7359" s="1" t="s">
        <v>25</v>
      </c>
      <c r="O7359" s="1" t="s">
        <v>38</v>
      </c>
      <c r="P7359" s="5" t="s">
        <v>32349</v>
      </c>
    </row>
    <row r="7360" spans="1:16" x14ac:dyDescent="0.2">
      <c r="A7360" s="1" t="s">
        <v>487</v>
      </c>
      <c r="B7360" s="1" t="s">
        <v>1651</v>
      </c>
      <c r="C7360" s="1" t="s">
        <v>25683</v>
      </c>
      <c r="D7360" s="1" t="s">
        <v>25684</v>
      </c>
      <c r="E7360" s="1" t="s">
        <v>25685</v>
      </c>
      <c r="F7360" s="1" t="s">
        <v>10</v>
      </c>
      <c r="G7360" s="1" t="s">
        <v>10</v>
      </c>
      <c r="H7360" s="1" t="s">
        <v>10</v>
      </c>
      <c r="I7360" s="1" t="s">
        <v>7415</v>
      </c>
      <c r="J7360" s="1" t="s">
        <v>25286</v>
      </c>
      <c r="K7360" s="1" t="s">
        <v>2555</v>
      </c>
      <c r="L7360" s="1" t="s">
        <v>25682</v>
      </c>
      <c r="M7360" s="1" t="s">
        <v>5</v>
      </c>
      <c r="N7360" s="1" t="s">
        <v>25</v>
      </c>
      <c r="O7360" s="1" t="s">
        <v>38</v>
      </c>
      <c r="P7360" s="5" t="s">
        <v>32349</v>
      </c>
    </row>
    <row r="7361" spans="1:16" x14ac:dyDescent="0.2">
      <c r="A7361" s="1" t="s">
        <v>487</v>
      </c>
      <c r="B7361" s="1" t="s">
        <v>1651</v>
      </c>
      <c r="C7361" s="1" t="s">
        <v>25687</v>
      </c>
      <c r="D7361" s="1" t="s">
        <v>25688</v>
      </c>
      <c r="E7361" s="1" t="s">
        <v>25689</v>
      </c>
      <c r="F7361" s="1" t="s">
        <v>10</v>
      </c>
      <c r="G7361" s="1" t="s">
        <v>10</v>
      </c>
      <c r="H7361" s="1" t="s">
        <v>10</v>
      </c>
      <c r="I7361" s="1" t="s">
        <v>7415</v>
      </c>
      <c r="J7361" s="1" t="s">
        <v>25286</v>
      </c>
      <c r="K7361" s="1" t="s">
        <v>2555</v>
      </c>
      <c r="L7361" s="1" t="s">
        <v>25686</v>
      </c>
      <c r="M7361" s="1" t="s">
        <v>5</v>
      </c>
      <c r="N7361" s="1" t="s">
        <v>25</v>
      </c>
      <c r="O7361" s="1" t="s">
        <v>38</v>
      </c>
      <c r="P7361" s="5" t="s">
        <v>32349</v>
      </c>
    </row>
    <row r="7362" spans="1:16" x14ac:dyDescent="0.2">
      <c r="A7362" s="1" t="s">
        <v>487</v>
      </c>
      <c r="B7362" s="1" t="s">
        <v>1651</v>
      </c>
      <c r="C7362" s="1" t="s">
        <v>25691</v>
      </c>
      <c r="D7362" s="1" t="s">
        <v>25692</v>
      </c>
      <c r="E7362" s="1" t="s">
        <v>25693</v>
      </c>
      <c r="F7362" s="1" t="s">
        <v>10</v>
      </c>
      <c r="G7362" s="1" t="s">
        <v>10</v>
      </c>
      <c r="H7362" s="1" t="s">
        <v>10</v>
      </c>
      <c r="I7362" s="1" t="s">
        <v>7415</v>
      </c>
      <c r="J7362" s="1" t="s">
        <v>25286</v>
      </c>
      <c r="K7362" s="1" t="s">
        <v>2555</v>
      </c>
      <c r="L7362" s="1" t="s">
        <v>25690</v>
      </c>
      <c r="M7362" s="1" t="s">
        <v>5</v>
      </c>
      <c r="N7362" s="1" t="s">
        <v>25</v>
      </c>
      <c r="O7362" s="1" t="s">
        <v>38</v>
      </c>
      <c r="P7362" s="5" t="s">
        <v>32349</v>
      </c>
    </row>
    <row r="7363" spans="1:16" x14ac:dyDescent="0.2">
      <c r="A7363" s="1" t="s">
        <v>487</v>
      </c>
      <c r="B7363" s="1" t="s">
        <v>1651</v>
      </c>
      <c r="C7363" s="1" t="s">
        <v>25695</v>
      </c>
      <c r="D7363" s="1" t="s">
        <v>25696</v>
      </c>
      <c r="E7363" s="1" t="s">
        <v>25697</v>
      </c>
      <c r="F7363" s="1" t="s">
        <v>10</v>
      </c>
      <c r="G7363" s="1" t="s">
        <v>10</v>
      </c>
      <c r="H7363" s="1" t="s">
        <v>10</v>
      </c>
      <c r="I7363" s="1" t="s">
        <v>7415</v>
      </c>
      <c r="J7363" s="1" t="s">
        <v>25286</v>
      </c>
      <c r="K7363" s="1" t="s">
        <v>2555</v>
      </c>
      <c r="L7363" s="1" t="s">
        <v>25694</v>
      </c>
      <c r="M7363" s="1" t="s">
        <v>5</v>
      </c>
      <c r="N7363" s="1" t="s">
        <v>25</v>
      </c>
      <c r="O7363" s="1" t="s">
        <v>38</v>
      </c>
      <c r="P7363" s="5" t="s">
        <v>32349</v>
      </c>
    </row>
    <row r="7364" spans="1:16" x14ac:dyDescent="0.2">
      <c r="A7364" s="1" t="s">
        <v>487</v>
      </c>
      <c r="B7364" s="1" t="s">
        <v>1651</v>
      </c>
      <c r="C7364" s="1" t="s">
        <v>25699</v>
      </c>
      <c r="D7364" s="1" t="s">
        <v>25700</v>
      </c>
      <c r="E7364" s="1" t="s">
        <v>25701</v>
      </c>
      <c r="F7364" s="1" t="s">
        <v>10</v>
      </c>
      <c r="G7364" s="1" t="s">
        <v>10</v>
      </c>
      <c r="H7364" s="1" t="s">
        <v>10</v>
      </c>
      <c r="I7364" s="1" t="s">
        <v>7415</v>
      </c>
      <c r="J7364" s="1" t="s">
        <v>25286</v>
      </c>
      <c r="K7364" s="1" t="s">
        <v>2555</v>
      </c>
      <c r="L7364" s="1" t="s">
        <v>25698</v>
      </c>
      <c r="M7364" s="1" t="s">
        <v>5</v>
      </c>
      <c r="N7364" s="1" t="s">
        <v>25</v>
      </c>
      <c r="O7364" s="1" t="s">
        <v>38</v>
      </c>
      <c r="P7364" s="5" t="s">
        <v>32349</v>
      </c>
    </row>
    <row r="7365" spans="1:16" x14ac:dyDescent="0.2">
      <c r="A7365" s="1" t="s">
        <v>487</v>
      </c>
      <c r="B7365" s="1" t="s">
        <v>1651</v>
      </c>
      <c r="C7365" s="1" t="s">
        <v>20183</v>
      </c>
      <c r="D7365" s="1" t="s">
        <v>85</v>
      </c>
      <c r="E7365" s="1" t="s">
        <v>25704</v>
      </c>
      <c r="F7365" s="1" t="s">
        <v>27</v>
      </c>
      <c r="G7365" s="1" t="s">
        <v>10</v>
      </c>
      <c r="H7365" s="1" t="s">
        <v>25705</v>
      </c>
      <c r="I7365" s="1" t="s">
        <v>7415</v>
      </c>
      <c r="J7365" s="1" t="s">
        <v>25703</v>
      </c>
      <c r="K7365" s="1" t="s">
        <v>2555</v>
      </c>
      <c r="L7365" s="1" t="s">
        <v>25702</v>
      </c>
      <c r="M7365" s="1" t="s">
        <v>5</v>
      </c>
      <c r="N7365" s="1" t="s">
        <v>25</v>
      </c>
      <c r="O7365" s="1" t="s">
        <v>8</v>
      </c>
      <c r="P7365" s="5" t="s">
        <v>32350</v>
      </c>
    </row>
    <row r="7366" spans="1:16" x14ac:dyDescent="0.2">
      <c r="A7366" s="1" t="s">
        <v>66</v>
      </c>
      <c r="B7366" s="1" t="s">
        <v>212</v>
      </c>
      <c r="C7366" s="1" t="s">
        <v>25707</v>
      </c>
      <c r="D7366" s="1" t="s">
        <v>25708</v>
      </c>
      <c r="E7366" s="1"/>
      <c r="F7366" s="1" t="s">
        <v>27</v>
      </c>
      <c r="G7366" s="1" t="s">
        <v>10</v>
      </c>
      <c r="H7366" s="1" t="s">
        <v>25709</v>
      </c>
      <c r="I7366" s="1" t="s">
        <v>7415</v>
      </c>
      <c r="J7366" s="1" t="s">
        <v>25488</v>
      </c>
      <c r="K7366" s="1" t="s">
        <v>27</v>
      </c>
      <c r="L7366" s="1" t="s">
        <v>25706</v>
      </c>
      <c r="M7366" s="1" t="s">
        <v>5</v>
      </c>
      <c r="N7366" s="1" t="s">
        <v>25</v>
      </c>
      <c r="O7366" s="1" t="s">
        <v>8</v>
      </c>
      <c r="P7366" s="5" t="s">
        <v>32351</v>
      </c>
    </row>
    <row r="7367" spans="1:16" x14ac:dyDescent="0.2">
      <c r="A7367" s="1" t="s">
        <v>487</v>
      </c>
      <c r="B7367" s="1" t="s">
        <v>1651</v>
      </c>
      <c r="C7367" s="1" t="s">
        <v>25711</v>
      </c>
      <c r="D7367" s="1" t="s">
        <v>85</v>
      </c>
      <c r="E7367" s="1" t="s">
        <v>25712</v>
      </c>
      <c r="F7367" s="1" t="s">
        <v>10</v>
      </c>
      <c r="G7367" s="1" t="s">
        <v>10</v>
      </c>
      <c r="H7367" s="1" t="s">
        <v>10</v>
      </c>
      <c r="I7367" s="1" t="s">
        <v>7415</v>
      </c>
      <c r="J7367" s="1" t="s">
        <v>19</v>
      </c>
      <c r="K7367" s="1" t="s">
        <v>6405</v>
      </c>
      <c r="L7367" s="1" t="s">
        <v>25710</v>
      </c>
      <c r="M7367" s="1" t="s">
        <v>5</v>
      </c>
      <c r="N7367" s="1" t="s">
        <v>25</v>
      </c>
      <c r="O7367" s="1" t="s">
        <v>38</v>
      </c>
      <c r="P7367" s="5" t="s">
        <v>32352</v>
      </c>
    </row>
    <row r="7368" spans="1:16" x14ac:dyDescent="0.2">
      <c r="A7368" s="1" t="s">
        <v>66</v>
      </c>
      <c r="B7368" s="1" t="s">
        <v>1127</v>
      </c>
      <c r="C7368" s="1" t="s">
        <v>25714</v>
      </c>
      <c r="D7368" s="1" t="s">
        <v>25715</v>
      </c>
      <c r="E7368" s="1"/>
      <c r="F7368" s="1" t="s">
        <v>10</v>
      </c>
      <c r="G7368" s="1" t="s">
        <v>10</v>
      </c>
      <c r="H7368" s="1" t="s">
        <v>10</v>
      </c>
      <c r="I7368" s="1" t="s">
        <v>7415</v>
      </c>
      <c r="J7368" s="1" t="s">
        <v>21769</v>
      </c>
      <c r="K7368" s="1" t="s">
        <v>7</v>
      </c>
      <c r="L7368" s="1" t="s">
        <v>25713</v>
      </c>
      <c r="M7368" s="1" t="s">
        <v>5</v>
      </c>
      <c r="N7368" s="1" t="s">
        <v>1009</v>
      </c>
      <c r="O7368" s="1" t="s">
        <v>38</v>
      </c>
      <c r="P7368" s="5" t="s">
        <v>32353</v>
      </c>
    </row>
    <row r="7369" spans="1:16" x14ac:dyDescent="0.2">
      <c r="A7369" s="1" t="s">
        <v>194</v>
      </c>
      <c r="B7369" s="1" t="s">
        <v>396</v>
      </c>
      <c r="C7369" s="1" t="s">
        <v>25717</v>
      </c>
      <c r="D7369" s="1" t="s">
        <v>25718</v>
      </c>
      <c r="E7369" s="1"/>
      <c r="F7369" s="1" t="s">
        <v>10</v>
      </c>
      <c r="G7369" s="1" t="s">
        <v>10</v>
      </c>
      <c r="H7369" s="1" t="s">
        <v>10</v>
      </c>
      <c r="I7369" s="1" t="s">
        <v>7415</v>
      </c>
      <c r="J7369" s="1" t="s">
        <v>21769</v>
      </c>
      <c r="K7369" s="1" t="s">
        <v>27</v>
      </c>
      <c r="L7369" s="1" t="s">
        <v>25716</v>
      </c>
      <c r="M7369" s="1" t="s">
        <v>5</v>
      </c>
      <c r="N7369" s="1" t="s">
        <v>1009</v>
      </c>
      <c r="O7369" s="1" t="s">
        <v>38</v>
      </c>
      <c r="P7369" s="5" t="s">
        <v>32354</v>
      </c>
    </row>
    <row r="7370" spans="1:16" x14ac:dyDescent="0.2">
      <c r="A7370" s="1" t="s">
        <v>194</v>
      </c>
      <c r="B7370" s="1" t="s">
        <v>396</v>
      </c>
      <c r="C7370" s="1" t="s">
        <v>25720</v>
      </c>
      <c r="D7370" s="1" t="s">
        <v>25721</v>
      </c>
      <c r="E7370" s="1"/>
      <c r="F7370" s="1" t="s">
        <v>10</v>
      </c>
      <c r="G7370" s="1" t="s">
        <v>10</v>
      </c>
      <c r="H7370" s="1" t="s">
        <v>10</v>
      </c>
      <c r="I7370" s="1" t="s">
        <v>7415</v>
      </c>
      <c r="J7370" s="1" t="s">
        <v>21769</v>
      </c>
      <c r="K7370" s="1" t="s">
        <v>27</v>
      </c>
      <c r="L7370" s="1" t="s">
        <v>25719</v>
      </c>
      <c r="M7370" s="1" t="s">
        <v>5</v>
      </c>
      <c r="N7370" s="1" t="s">
        <v>1009</v>
      </c>
      <c r="O7370" s="1" t="s">
        <v>38</v>
      </c>
      <c r="P7370" s="5" t="s">
        <v>32355</v>
      </c>
    </row>
    <row r="7371" spans="1:16" x14ac:dyDescent="0.2">
      <c r="A7371" s="1" t="s">
        <v>66</v>
      </c>
      <c r="B7371" s="1" t="s">
        <v>212</v>
      </c>
      <c r="C7371" s="1" t="s">
        <v>25723</v>
      </c>
      <c r="D7371" s="1" t="s">
        <v>25724</v>
      </c>
      <c r="E7371" s="1"/>
      <c r="F7371" s="1" t="s">
        <v>27</v>
      </c>
      <c r="G7371" s="1" t="s">
        <v>10</v>
      </c>
      <c r="H7371" s="1" t="s">
        <v>25725</v>
      </c>
      <c r="I7371" s="1" t="s">
        <v>7415</v>
      </c>
      <c r="J7371" s="1" t="s">
        <v>25488</v>
      </c>
      <c r="K7371" s="1" t="s">
        <v>11</v>
      </c>
      <c r="L7371" s="1" t="s">
        <v>25722</v>
      </c>
      <c r="M7371" s="1" t="s">
        <v>5</v>
      </c>
      <c r="N7371" s="1" t="s">
        <v>1009</v>
      </c>
      <c r="O7371" s="1" t="s">
        <v>8</v>
      </c>
      <c r="P7371" s="5" t="s">
        <v>30431</v>
      </c>
    </row>
    <row r="7372" spans="1:16" x14ac:dyDescent="0.2">
      <c r="A7372" s="1" t="s">
        <v>20</v>
      </c>
      <c r="B7372" s="1" t="s">
        <v>4373</v>
      </c>
      <c r="C7372" s="1" t="s">
        <v>25727</v>
      </c>
      <c r="D7372" s="1" t="s">
        <v>298</v>
      </c>
      <c r="E7372" s="1"/>
      <c r="F7372" s="1" t="s">
        <v>27</v>
      </c>
      <c r="G7372" s="1" t="s">
        <v>10</v>
      </c>
      <c r="H7372" s="1" t="s">
        <v>25728</v>
      </c>
      <c r="I7372" s="1" t="s">
        <v>7415</v>
      </c>
      <c r="J7372" s="1" t="s">
        <v>25488</v>
      </c>
      <c r="K7372" s="1" t="s">
        <v>11</v>
      </c>
      <c r="L7372" s="1" t="s">
        <v>25726</v>
      </c>
      <c r="M7372" s="1" t="s">
        <v>5</v>
      </c>
      <c r="N7372" s="1" t="s">
        <v>25</v>
      </c>
      <c r="O7372" s="1" t="s">
        <v>8</v>
      </c>
      <c r="P7372" s="5" t="s">
        <v>32356</v>
      </c>
    </row>
    <row r="7373" spans="1:16" x14ac:dyDescent="0.2">
      <c r="A7373" s="1" t="s">
        <v>329</v>
      </c>
      <c r="B7373" s="1" t="s">
        <v>691</v>
      </c>
      <c r="C7373" s="1" t="s">
        <v>25730</v>
      </c>
      <c r="D7373" s="1" t="s">
        <v>1935</v>
      </c>
      <c r="E7373" s="1"/>
      <c r="F7373" s="1" t="s">
        <v>27</v>
      </c>
      <c r="G7373" s="1" t="s">
        <v>10</v>
      </c>
      <c r="H7373" s="1" t="s">
        <v>25731</v>
      </c>
      <c r="I7373" s="1" t="s">
        <v>7415</v>
      </c>
      <c r="J7373" s="1" t="s">
        <v>21769</v>
      </c>
      <c r="K7373" s="1" t="s">
        <v>27</v>
      </c>
      <c r="L7373" s="1" t="s">
        <v>25729</v>
      </c>
      <c r="M7373" s="1" t="s">
        <v>5</v>
      </c>
      <c r="N7373" s="1" t="s">
        <v>6</v>
      </c>
      <c r="O7373" s="1" t="s">
        <v>8</v>
      </c>
      <c r="P7373" s="5" t="s">
        <v>32052</v>
      </c>
    </row>
    <row r="7374" spans="1:16" x14ac:dyDescent="0.2">
      <c r="A7374" s="1" t="s">
        <v>20</v>
      </c>
      <c r="B7374" s="1" t="s">
        <v>93</v>
      </c>
      <c r="C7374" s="1" t="s">
        <v>25733</v>
      </c>
      <c r="D7374" s="1" t="s">
        <v>25734</v>
      </c>
      <c r="E7374" s="1"/>
      <c r="F7374" s="1" t="s">
        <v>27</v>
      </c>
      <c r="G7374" s="1" t="s">
        <v>10</v>
      </c>
      <c r="H7374" s="1" t="s">
        <v>25735</v>
      </c>
      <c r="I7374" s="1" t="s">
        <v>7415</v>
      </c>
      <c r="J7374" s="1" t="s">
        <v>21769</v>
      </c>
      <c r="K7374" s="1" t="s">
        <v>1548</v>
      </c>
      <c r="L7374" s="1" t="s">
        <v>25732</v>
      </c>
      <c r="M7374" s="1" t="s">
        <v>5</v>
      </c>
      <c r="N7374" s="1" t="s">
        <v>432</v>
      </c>
      <c r="O7374" s="1" t="s">
        <v>8</v>
      </c>
      <c r="P7374" s="5" t="s">
        <v>32357</v>
      </c>
    </row>
    <row r="7375" spans="1:16" x14ac:dyDescent="0.2">
      <c r="A7375" s="1" t="s">
        <v>66</v>
      </c>
      <c r="B7375" s="1" t="s">
        <v>212</v>
      </c>
      <c r="C7375" s="1" t="s">
        <v>25737</v>
      </c>
      <c r="D7375" s="1" t="s">
        <v>25738</v>
      </c>
      <c r="E7375" s="1"/>
      <c r="F7375" s="1" t="s">
        <v>10</v>
      </c>
      <c r="G7375" s="1" t="s">
        <v>10</v>
      </c>
      <c r="H7375" s="1" t="s">
        <v>10</v>
      </c>
      <c r="I7375" s="1" t="s">
        <v>7415</v>
      </c>
      <c r="J7375" s="1" t="s">
        <v>21769</v>
      </c>
      <c r="K7375" s="1" t="s">
        <v>64</v>
      </c>
      <c r="L7375" s="1" t="s">
        <v>25736</v>
      </c>
      <c r="M7375" s="1" t="s">
        <v>5</v>
      </c>
      <c r="N7375" s="1" t="s">
        <v>6</v>
      </c>
      <c r="O7375" s="1" t="s">
        <v>38</v>
      </c>
      <c r="P7375" s="5" t="s">
        <v>32358</v>
      </c>
    </row>
    <row r="7376" spans="1:16" x14ac:dyDescent="0.2">
      <c r="A7376" s="1" t="s">
        <v>487</v>
      </c>
      <c r="B7376" s="1" t="s">
        <v>488</v>
      </c>
      <c r="C7376" s="1" t="s">
        <v>25740</v>
      </c>
      <c r="D7376" s="1" t="s">
        <v>25741</v>
      </c>
      <c r="E7376" s="1"/>
      <c r="F7376" s="1" t="s">
        <v>27</v>
      </c>
      <c r="G7376" s="1" t="s">
        <v>10</v>
      </c>
      <c r="H7376" s="1" t="s">
        <v>10</v>
      </c>
      <c r="I7376" s="1" t="s">
        <v>7415</v>
      </c>
      <c r="J7376" s="1" t="s">
        <v>25137</v>
      </c>
      <c r="K7376" s="1" t="s">
        <v>64</v>
      </c>
      <c r="L7376" s="1" t="s">
        <v>25739</v>
      </c>
      <c r="M7376" s="1" t="s">
        <v>5</v>
      </c>
      <c r="N7376" s="1" t="s">
        <v>6</v>
      </c>
      <c r="O7376" s="1" t="s">
        <v>8</v>
      </c>
      <c r="P7376" s="5"/>
    </row>
    <row r="7377" spans="1:16" x14ac:dyDescent="0.2">
      <c r="A7377" s="1" t="s">
        <v>487</v>
      </c>
      <c r="B7377" s="1" t="s">
        <v>488</v>
      </c>
      <c r="C7377" s="1" t="s">
        <v>25743</v>
      </c>
      <c r="D7377" s="1" t="s">
        <v>25744</v>
      </c>
      <c r="E7377" s="1"/>
      <c r="F7377" s="1" t="s">
        <v>27</v>
      </c>
      <c r="G7377" s="1" t="s">
        <v>10</v>
      </c>
      <c r="H7377" s="1" t="s">
        <v>10</v>
      </c>
      <c r="I7377" s="1" t="s">
        <v>7415</v>
      </c>
      <c r="J7377" s="1" t="s">
        <v>25137</v>
      </c>
      <c r="K7377" s="1" t="s">
        <v>64</v>
      </c>
      <c r="L7377" s="1" t="s">
        <v>25742</v>
      </c>
      <c r="M7377" s="1" t="s">
        <v>5</v>
      </c>
      <c r="N7377" s="1" t="s">
        <v>6</v>
      </c>
      <c r="O7377" s="1" t="s">
        <v>8</v>
      </c>
      <c r="P7377" s="5"/>
    </row>
    <row r="7378" spans="1:16" x14ac:dyDescent="0.2">
      <c r="A7378" s="1" t="s">
        <v>20</v>
      </c>
      <c r="B7378" s="1" t="s">
        <v>253</v>
      </c>
      <c r="C7378" s="1" t="s">
        <v>25746</v>
      </c>
      <c r="D7378" s="1" t="s">
        <v>25747</v>
      </c>
      <c r="E7378" s="1"/>
      <c r="F7378" s="1" t="s">
        <v>10</v>
      </c>
      <c r="G7378" s="1" t="s">
        <v>10</v>
      </c>
      <c r="H7378" s="1" t="s">
        <v>10</v>
      </c>
      <c r="I7378" s="1" t="s">
        <v>7415</v>
      </c>
      <c r="J7378" s="1" t="s">
        <v>25141</v>
      </c>
      <c r="K7378" s="1" t="s">
        <v>27</v>
      </c>
      <c r="L7378" s="1" t="s">
        <v>25745</v>
      </c>
      <c r="M7378" s="1" t="s">
        <v>5</v>
      </c>
      <c r="N7378" s="1" t="s">
        <v>1009</v>
      </c>
      <c r="O7378" s="1" t="s">
        <v>38</v>
      </c>
      <c r="P7378" s="5" t="s">
        <v>32359</v>
      </c>
    </row>
    <row r="7379" spans="1:16" x14ac:dyDescent="0.2">
      <c r="A7379" s="1" t="s">
        <v>20</v>
      </c>
      <c r="B7379" s="1" t="s">
        <v>253</v>
      </c>
      <c r="C7379" s="1" t="s">
        <v>25749</v>
      </c>
      <c r="D7379" s="1" t="s">
        <v>25750</v>
      </c>
      <c r="E7379" s="1"/>
      <c r="F7379" s="1" t="s">
        <v>10</v>
      </c>
      <c r="G7379" s="1" t="s">
        <v>10</v>
      </c>
      <c r="H7379" s="1" t="s">
        <v>10</v>
      </c>
      <c r="I7379" s="1" t="s">
        <v>7415</v>
      </c>
      <c r="J7379" s="1" t="s">
        <v>25145</v>
      </c>
      <c r="K7379" s="1" t="s">
        <v>27</v>
      </c>
      <c r="L7379" s="1" t="s">
        <v>25748</v>
      </c>
      <c r="M7379" s="1" t="s">
        <v>5</v>
      </c>
      <c r="N7379" s="1" t="s">
        <v>1009</v>
      </c>
      <c r="O7379" s="1" t="s">
        <v>38</v>
      </c>
      <c r="P7379" s="5" t="s">
        <v>32359</v>
      </c>
    </row>
    <row r="7380" spans="1:16" x14ac:dyDescent="0.2">
      <c r="A7380" s="1" t="s">
        <v>20</v>
      </c>
      <c r="B7380" s="1" t="s">
        <v>253</v>
      </c>
      <c r="C7380" s="1" t="s">
        <v>25752</v>
      </c>
      <c r="D7380" s="1" t="s">
        <v>25753</v>
      </c>
      <c r="E7380" s="1"/>
      <c r="F7380" s="1" t="s">
        <v>10</v>
      </c>
      <c r="G7380" s="1" t="s">
        <v>10</v>
      </c>
      <c r="H7380" s="1" t="s">
        <v>10</v>
      </c>
      <c r="I7380" s="1" t="s">
        <v>7415</v>
      </c>
      <c r="J7380" s="1" t="s">
        <v>25178</v>
      </c>
      <c r="K7380" s="1" t="s">
        <v>27</v>
      </c>
      <c r="L7380" s="1" t="s">
        <v>25751</v>
      </c>
      <c r="M7380" s="1" t="s">
        <v>5</v>
      </c>
      <c r="N7380" s="1" t="s">
        <v>1009</v>
      </c>
      <c r="O7380" s="1" t="s">
        <v>38</v>
      </c>
      <c r="P7380" s="5" t="s">
        <v>32360</v>
      </c>
    </row>
    <row r="7381" spans="1:16" x14ac:dyDescent="0.2">
      <c r="A7381" s="1" t="s">
        <v>487</v>
      </c>
      <c r="B7381" s="1" t="s">
        <v>488</v>
      </c>
      <c r="C7381" s="1" t="s">
        <v>25755</v>
      </c>
      <c r="D7381" s="1" t="s">
        <v>25756</v>
      </c>
      <c r="E7381" s="1"/>
      <c r="F7381" s="1" t="s">
        <v>27</v>
      </c>
      <c r="G7381" s="1" t="s">
        <v>10</v>
      </c>
      <c r="H7381" s="1" t="s">
        <v>25757</v>
      </c>
      <c r="I7381" s="1" t="s">
        <v>7415</v>
      </c>
      <c r="J7381" s="1" t="s">
        <v>25137</v>
      </c>
      <c r="K7381" s="1" t="s">
        <v>64</v>
      </c>
      <c r="L7381" s="1" t="s">
        <v>25754</v>
      </c>
      <c r="M7381" s="1" t="s">
        <v>5</v>
      </c>
      <c r="N7381" s="1" t="s">
        <v>6</v>
      </c>
      <c r="O7381" s="1" t="s">
        <v>8</v>
      </c>
      <c r="P7381" s="5"/>
    </row>
    <row r="7382" spans="1:16" x14ac:dyDescent="0.2">
      <c r="A7382" s="1" t="s">
        <v>487</v>
      </c>
      <c r="B7382" s="1" t="s">
        <v>759</v>
      </c>
      <c r="C7382" s="1" t="s">
        <v>21399</v>
      </c>
      <c r="D7382" s="1" t="s">
        <v>25759</v>
      </c>
      <c r="E7382" s="1"/>
      <c r="F7382" s="1" t="s">
        <v>27</v>
      </c>
      <c r="G7382" s="1" t="s">
        <v>10</v>
      </c>
      <c r="H7382" s="1" t="s">
        <v>25760</v>
      </c>
      <c r="I7382" s="1" t="s">
        <v>7415</v>
      </c>
      <c r="J7382" s="1" t="s">
        <v>25137</v>
      </c>
      <c r="K7382" s="1" t="s">
        <v>64</v>
      </c>
      <c r="L7382" s="1" t="s">
        <v>25758</v>
      </c>
      <c r="M7382" s="1" t="s">
        <v>5</v>
      </c>
      <c r="N7382" s="1" t="s">
        <v>6</v>
      </c>
      <c r="O7382" s="1" t="s">
        <v>8</v>
      </c>
      <c r="P7382" s="5"/>
    </row>
    <row r="7383" spans="1:16" x14ac:dyDescent="0.2">
      <c r="A7383" s="1" t="s">
        <v>32</v>
      </c>
      <c r="B7383" s="1" t="s">
        <v>3895</v>
      </c>
      <c r="C7383" s="1" t="s">
        <v>25762</v>
      </c>
      <c r="D7383" s="1" t="s">
        <v>25763</v>
      </c>
      <c r="E7383" s="1"/>
      <c r="F7383" s="1" t="s">
        <v>27</v>
      </c>
      <c r="G7383" s="1" t="s">
        <v>10</v>
      </c>
      <c r="H7383" s="1" t="s">
        <v>767</v>
      </c>
      <c r="I7383" s="1" t="s">
        <v>7415</v>
      </c>
      <c r="J7383" s="1" t="s">
        <v>25137</v>
      </c>
      <c r="K7383" s="1" t="s">
        <v>64</v>
      </c>
      <c r="L7383" s="1" t="s">
        <v>25761</v>
      </c>
      <c r="M7383" s="1" t="s">
        <v>5</v>
      </c>
      <c r="N7383" s="1" t="s">
        <v>6</v>
      </c>
      <c r="O7383" s="1" t="s">
        <v>8</v>
      </c>
      <c r="P7383" s="5"/>
    </row>
    <row r="7384" spans="1:16" x14ac:dyDescent="0.2">
      <c r="A7384" s="1" t="s">
        <v>20</v>
      </c>
      <c r="B7384" s="1" t="s">
        <v>1047</v>
      </c>
      <c r="C7384" s="1" t="s">
        <v>25765</v>
      </c>
      <c r="D7384" s="1" t="s">
        <v>10</v>
      </c>
      <c r="E7384" s="1"/>
      <c r="F7384" s="1" t="s">
        <v>27</v>
      </c>
      <c r="G7384" s="1" t="s">
        <v>10</v>
      </c>
      <c r="H7384" s="1" t="s">
        <v>25766</v>
      </c>
      <c r="I7384" s="1" t="s">
        <v>7415</v>
      </c>
      <c r="J7384" s="1" t="s">
        <v>25137</v>
      </c>
      <c r="K7384" s="1" t="s">
        <v>27</v>
      </c>
      <c r="L7384" s="1" t="s">
        <v>25764</v>
      </c>
      <c r="M7384" s="1" t="s">
        <v>5</v>
      </c>
      <c r="N7384" s="1" t="s">
        <v>6</v>
      </c>
      <c r="O7384" s="1" t="s">
        <v>8</v>
      </c>
      <c r="P7384" s="5" t="s">
        <v>10</v>
      </c>
    </row>
    <row r="7385" spans="1:16" x14ac:dyDescent="0.2">
      <c r="A7385" s="1" t="s">
        <v>20</v>
      </c>
      <c r="B7385" s="1" t="s">
        <v>302</v>
      </c>
      <c r="C7385" s="1" t="s">
        <v>25768</v>
      </c>
      <c r="D7385" s="1" t="s">
        <v>10</v>
      </c>
      <c r="E7385" s="1"/>
      <c r="F7385" s="1" t="s">
        <v>27</v>
      </c>
      <c r="G7385" s="1" t="s">
        <v>10</v>
      </c>
      <c r="H7385" s="1" t="s">
        <v>25769</v>
      </c>
      <c r="I7385" s="1" t="s">
        <v>7415</v>
      </c>
      <c r="J7385" s="1" t="s">
        <v>25137</v>
      </c>
      <c r="K7385" s="1" t="s">
        <v>64</v>
      </c>
      <c r="L7385" s="1" t="s">
        <v>25767</v>
      </c>
      <c r="M7385" s="1" t="s">
        <v>5</v>
      </c>
      <c r="N7385" s="1" t="s">
        <v>25</v>
      </c>
      <c r="O7385" s="1" t="s">
        <v>8</v>
      </c>
      <c r="P7385" s="5" t="s">
        <v>10</v>
      </c>
    </row>
    <row r="7386" spans="1:16" x14ac:dyDescent="0.2">
      <c r="A7386" s="1" t="s">
        <v>487</v>
      </c>
      <c r="B7386" s="1" t="s">
        <v>759</v>
      </c>
      <c r="C7386" s="1" t="s">
        <v>25771</v>
      </c>
      <c r="D7386" s="1" t="s">
        <v>10</v>
      </c>
      <c r="E7386" s="1"/>
      <c r="F7386" s="1" t="s">
        <v>27</v>
      </c>
      <c r="G7386" s="1" t="s">
        <v>10</v>
      </c>
      <c r="H7386" s="1" t="s">
        <v>25772</v>
      </c>
      <c r="I7386" s="1" t="s">
        <v>7415</v>
      </c>
      <c r="J7386" s="1" t="s">
        <v>25137</v>
      </c>
      <c r="K7386" s="1" t="s">
        <v>64</v>
      </c>
      <c r="L7386" s="1" t="s">
        <v>25770</v>
      </c>
      <c r="M7386" s="1" t="s">
        <v>5</v>
      </c>
      <c r="N7386" s="1" t="s">
        <v>6</v>
      </c>
      <c r="O7386" s="1" t="s">
        <v>8</v>
      </c>
      <c r="P7386" s="5" t="s">
        <v>10</v>
      </c>
    </row>
    <row r="7387" spans="1:16" x14ac:dyDescent="0.2">
      <c r="A7387" s="1" t="s">
        <v>487</v>
      </c>
      <c r="B7387" s="1" t="s">
        <v>10</v>
      </c>
      <c r="C7387" s="1" t="s">
        <v>25774</v>
      </c>
      <c r="D7387" s="1" t="s">
        <v>10</v>
      </c>
      <c r="E7387" s="1"/>
      <c r="F7387" s="1" t="s">
        <v>27</v>
      </c>
      <c r="G7387" s="1" t="s">
        <v>10</v>
      </c>
      <c r="H7387" s="1" t="s">
        <v>20165</v>
      </c>
      <c r="I7387" s="1" t="s">
        <v>7415</v>
      </c>
      <c r="J7387" s="1" t="s">
        <v>21769</v>
      </c>
      <c r="K7387" s="1" t="s">
        <v>64</v>
      </c>
      <c r="L7387" s="1" t="s">
        <v>25773</v>
      </c>
      <c r="M7387" s="1" t="s">
        <v>5</v>
      </c>
      <c r="N7387" s="1" t="s">
        <v>1009</v>
      </c>
      <c r="O7387" s="1" t="s">
        <v>8</v>
      </c>
      <c r="P7387" s="5" t="s">
        <v>10</v>
      </c>
    </row>
    <row r="7388" spans="1:16" x14ac:dyDescent="0.2">
      <c r="A7388" s="1" t="s">
        <v>487</v>
      </c>
      <c r="B7388" s="1" t="s">
        <v>488</v>
      </c>
      <c r="C7388" s="1" t="s">
        <v>25776</v>
      </c>
      <c r="D7388" s="1" t="s">
        <v>25777</v>
      </c>
      <c r="E7388" s="1"/>
      <c r="F7388" s="1" t="s">
        <v>27</v>
      </c>
      <c r="G7388" s="1" t="s">
        <v>10</v>
      </c>
      <c r="H7388" s="1" t="s">
        <v>25778</v>
      </c>
      <c r="I7388" s="1" t="s">
        <v>7415</v>
      </c>
      <c r="J7388" s="1" t="s">
        <v>25137</v>
      </c>
      <c r="K7388" s="1" t="s">
        <v>64</v>
      </c>
      <c r="L7388" s="1" t="s">
        <v>25775</v>
      </c>
      <c r="M7388" s="1" t="s">
        <v>5</v>
      </c>
      <c r="N7388" s="1" t="s">
        <v>6</v>
      </c>
      <c r="O7388" s="1" t="s">
        <v>8</v>
      </c>
      <c r="P7388" s="5" t="s">
        <v>10</v>
      </c>
    </row>
    <row r="7389" spans="1:16" x14ac:dyDescent="0.2">
      <c r="A7389" s="1" t="s">
        <v>487</v>
      </c>
      <c r="B7389" s="1" t="s">
        <v>488</v>
      </c>
      <c r="C7389" s="1" t="s">
        <v>558</v>
      </c>
      <c r="D7389" s="1" t="s">
        <v>10</v>
      </c>
      <c r="E7389" s="1"/>
      <c r="F7389" s="1" t="s">
        <v>27</v>
      </c>
      <c r="G7389" s="1" t="s">
        <v>10</v>
      </c>
      <c r="H7389" s="1" t="s">
        <v>10</v>
      </c>
      <c r="I7389" s="1" t="s">
        <v>7415</v>
      </c>
      <c r="J7389" s="1" t="s">
        <v>25137</v>
      </c>
      <c r="K7389" s="1" t="s">
        <v>64</v>
      </c>
      <c r="L7389" s="1" t="s">
        <v>25779</v>
      </c>
      <c r="M7389" s="1" t="s">
        <v>5</v>
      </c>
      <c r="N7389" s="1" t="s">
        <v>6</v>
      </c>
      <c r="O7389" s="1" t="s">
        <v>8</v>
      </c>
      <c r="P7389" s="5"/>
    </row>
    <row r="7390" spans="1:16" x14ac:dyDescent="0.2">
      <c r="A7390" s="1" t="s">
        <v>20</v>
      </c>
      <c r="B7390" s="1" t="s">
        <v>253</v>
      </c>
      <c r="C7390" s="1" t="s">
        <v>25781</v>
      </c>
      <c r="D7390" s="1" t="s">
        <v>762</v>
      </c>
      <c r="E7390" s="1"/>
      <c r="F7390" s="1" t="s">
        <v>27</v>
      </c>
      <c r="G7390" s="1" t="s">
        <v>10</v>
      </c>
      <c r="H7390" s="1" t="s">
        <v>16670</v>
      </c>
      <c r="I7390" s="1" t="s">
        <v>7415</v>
      </c>
      <c r="J7390" s="1" t="s">
        <v>25137</v>
      </c>
      <c r="K7390" s="1" t="s">
        <v>2555</v>
      </c>
      <c r="L7390" s="1" t="s">
        <v>25780</v>
      </c>
      <c r="M7390" s="1" t="s">
        <v>5</v>
      </c>
      <c r="N7390" s="1" t="s">
        <v>25</v>
      </c>
      <c r="O7390" s="1" t="s">
        <v>8</v>
      </c>
      <c r="P7390" s="5"/>
    </row>
    <row r="7391" spans="1:16" x14ac:dyDescent="0.2">
      <c r="A7391" s="1" t="s">
        <v>66</v>
      </c>
      <c r="B7391" s="1" t="s">
        <v>212</v>
      </c>
      <c r="C7391" s="1" t="s">
        <v>25783</v>
      </c>
      <c r="D7391" s="1" t="s">
        <v>25784</v>
      </c>
      <c r="E7391" s="1"/>
      <c r="F7391" s="1" t="s">
        <v>10</v>
      </c>
      <c r="G7391" s="1" t="s">
        <v>10</v>
      </c>
      <c r="H7391" s="1" t="s">
        <v>10</v>
      </c>
      <c r="I7391" s="1" t="s">
        <v>7415</v>
      </c>
      <c r="J7391" s="1" t="s">
        <v>25141</v>
      </c>
      <c r="K7391" s="1" t="s">
        <v>27</v>
      </c>
      <c r="L7391" s="1" t="s">
        <v>25782</v>
      </c>
      <c r="M7391" s="1" t="s">
        <v>5</v>
      </c>
      <c r="N7391" s="1" t="s">
        <v>1009</v>
      </c>
      <c r="O7391" s="1" t="s">
        <v>38</v>
      </c>
      <c r="P7391" s="5" t="s">
        <v>32361</v>
      </c>
    </row>
    <row r="7392" spans="1:16" x14ac:dyDescent="0.2">
      <c r="A7392" s="1" t="s">
        <v>66</v>
      </c>
      <c r="B7392" s="1" t="s">
        <v>212</v>
      </c>
      <c r="C7392" s="1" t="s">
        <v>25786</v>
      </c>
      <c r="D7392" s="1" t="s">
        <v>25787</v>
      </c>
      <c r="E7392" s="1"/>
      <c r="F7392" s="1" t="s">
        <v>10</v>
      </c>
      <c r="G7392" s="1" t="s">
        <v>10</v>
      </c>
      <c r="H7392" s="1" t="s">
        <v>10</v>
      </c>
      <c r="I7392" s="1" t="s">
        <v>7415</v>
      </c>
      <c r="J7392" s="1" t="s">
        <v>25141</v>
      </c>
      <c r="K7392" s="1" t="s">
        <v>11</v>
      </c>
      <c r="L7392" s="1" t="s">
        <v>25785</v>
      </c>
      <c r="M7392" s="1" t="s">
        <v>5</v>
      </c>
      <c r="N7392" s="1" t="s">
        <v>1009</v>
      </c>
      <c r="O7392" s="1" t="s">
        <v>38</v>
      </c>
      <c r="P7392" s="5" t="s">
        <v>32362</v>
      </c>
    </row>
    <row r="7393" spans="1:16" x14ac:dyDescent="0.2">
      <c r="A7393" s="1" t="s">
        <v>487</v>
      </c>
      <c r="B7393" s="1" t="s">
        <v>10</v>
      </c>
      <c r="C7393" s="1" t="s">
        <v>25789</v>
      </c>
      <c r="D7393" s="1" t="s">
        <v>10</v>
      </c>
      <c r="E7393" s="1"/>
      <c r="F7393" s="1" t="s">
        <v>27</v>
      </c>
      <c r="G7393" s="1" t="s">
        <v>10</v>
      </c>
      <c r="H7393" s="1" t="s">
        <v>10</v>
      </c>
      <c r="I7393" s="1" t="s">
        <v>7415</v>
      </c>
      <c r="J7393" s="1" t="s">
        <v>21769</v>
      </c>
      <c r="K7393" s="1" t="s">
        <v>64</v>
      </c>
      <c r="L7393" s="1" t="s">
        <v>25788</v>
      </c>
      <c r="M7393" s="1" t="s">
        <v>5</v>
      </c>
      <c r="N7393" s="1" t="s">
        <v>1009</v>
      </c>
      <c r="O7393" s="1" t="s">
        <v>8</v>
      </c>
      <c r="P7393" s="5" t="s">
        <v>10</v>
      </c>
    </row>
    <row r="7394" spans="1:16" x14ac:dyDescent="0.2">
      <c r="A7394" s="1" t="s">
        <v>487</v>
      </c>
      <c r="B7394" s="1" t="s">
        <v>765</v>
      </c>
      <c r="C7394" s="1" t="s">
        <v>25791</v>
      </c>
      <c r="D7394" s="1" t="s">
        <v>25791</v>
      </c>
      <c r="E7394" s="1"/>
      <c r="F7394" s="1" t="s">
        <v>27</v>
      </c>
      <c r="G7394" s="1" t="s">
        <v>10</v>
      </c>
      <c r="H7394" s="1" t="s">
        <v>25792</v>
      </c>
      <c r="I7394" s="1" t="s">
        <v>7415</v>
      </c>
      <c r="J7394" s="1" t="s">
        <v>25137</v>
      </c>
      <c r="K7394" s="1" t="s">
        <v>64</v>
      </c>
      <c r="L7394" s="1" t="s">
        <v>25790</v>
      </c>
      <c r="M7394" s="1" t="s">
        <v>5</v>
      </c>
      <c r="N7394" s="1" t="s">
        <v>25</v>
      </c>
      <c r="O7394" s="1" t="s">
        <v>8</v>
      </c>
      <c r="P7394" s="5"/>
    </row>
    <row r="7395" spans="1:16" x14ac:dyDescent="0.2">
      <c r="A7395" s="1" t="s">
        <v>66</v>
      </c>
      <c r="B7395" s="1" t="s">
        <v>212</v>
      </c>
      <c r="C7395" s="1" t="s">
        <v>25794</v>
      </c>
      <c r="D7395" s="1" t="s">
        <v>25795</v>
      </c>
      <c r="E7395" s="1"/>
      <c r="F7395" s="1" t="s">
        <v>10</v>
      </c>
      <c r="G7395" s="1" t="s">
        <v>10</v>
      </c>
      <c r="H7395" s="1" t="s">
        <v>10</v>
      </c>
      <c r="I7395" s="1" t="s">
        <v>7415</v>
      </c>
      <c r="J7395" s="1" t="s">
        <v>21769</v>
      </c>
      <c r="K7395" s="1" t="s">
        <v>64</v>
      </c>
      <c r="L7395" s="1" t="s">
        <v>25793</v>
      </c>
      <c r="M7395" s="1" t="s">
        <v>5</v>
      </c>
      <c r="N7395" s="1" t="s">
        <v>6</v>
      </c>
      <c r="O7395" s="1" t="s">
        <v>38</v>
      </c>
      <c r="P7395" s="5" t="s">
        <v>32358</v>
      </c>
    </row>
    <row r="7396" spans="1:16" x14ac:dyDescent="0.2">
      <c r="A7396" s="1" t="s">
        <v>487</v>
      </c>
      <c r="B7396" s="1" t="s">
        <v>10</v>
      </c>
      <c r="C7396" s="1" t="s">
        <v>25797</v>
      </c>
      <c r="D7396" s="1" t="s">
        <v>10</v>
      </c>
      <c r="E7396" s="1"/>
      <c r="F7396" s="1" t="s">
        <v>27</v>
      </c>
      <c r="G7396" s="1" t="s">
        <v>10</v>
      </c>
      <c r="H7396" s="1" t="s">
        <v>10</v>
      </c>
      <c r="I7396" s="1" t="s">
        <v>7415</v>
      </c>
      <c r="J7396" s="1" t="s">
        <v>10</v>
      </c>
      <c r="K7396" s="1" t="s">
        <v>64</v>
      </c>
      <c r="L7396" s="1" t="s">
        <v>25796</v>
      </c>
      <c r="M7396" s="1" t="s">
        <v>5</v>
      </c>
      <c r="N7396" s="1" t="s">
        <v>6</v>
      </c>
      <c r="O7396" s="1" t="s">
        <v>8</v>
      </c>
      <c r="P7396" s="5" t="s">
        <v>10</v>
      </c>
    </row>
    <row r="7397" spans="1:16" x14ac:dyDescent="0.2">
      <c r="A7397" s="1" t="s">
        <v>66</v>
      </c>
      <c r="B7397" s="1" t="s">
        <v>1117</v>
      </c>
      <c r="C7397" s="1" t="s">
        <v>25799</v>
      </c>
      <c r="D7397" s="1" t="s">
        <v>786</v>
      </c>
      <c r="E7397" s="1"/>
      <c r="F7397" s="1" t="s">
        <v>414</v>
      </c>
      <c r="G7397" s="1" t="s">
        <v>786</v>
      </c>
      <c r="H7397" s="1" t="s">
        <v>10</v>
      </c>
      <c r="I7397" s="1" t="s">
        <v>7415</v>
      </c>
      <c r="J7397" s="1" t="s">
        <v>25137</v>
      </c>
      <c r="K7397" s="1" t="s">
        <v>64</v>
      </c>
      <c r="L7397" s="1" t="s">
        <v>25798</v>
      </c>
      <c r="M7397" s="1" t="s">
        <v>5</v>
      </c>
      <c r="N7397" s="1" t="s">
        <v>6</v>
      </c>
      <c r="O7397" s="1" t="s">
        <v>8</v>
      </c>
      <c r="P7397" s="5" t="s">
        <v>32363</v>
      </c>
    </row>
    <row r="7398" spans="1:16" x14ac:dyDescent="0.2">
      <c r="A7398" s="1" t="s">
        <v>66</v>
      </c>
      <c r="B7398" s="1" t="s">
        <v>1117</v>
      </c>
      <c r="C7398" s="1" t="s">
        <v>25801</v>
      </c>
      <c r="D7398" s="1" t="s">
        <v>8042</v>
      </c>
      <c r="E7398" s="1"/>
      <c r="F7398" s="1" t="s">
        <v>414</v>
      </c>
      <c r="G7398" s="1" t="s">
        <v>10</v>
      </c>
      <c r="H7398" s="1" t="s">
        <v>10</v>
      </c>
      <c r="I7398" s="1" t="s">
        <v>7415</v>
      </c>
      <c r="J7398" s="1" t="s">
        <v>25137</v>
      </c>
      <c r="K7398" s="1" t="s">
        <v>64</v>
      </c>
      <c r="L7398" s="1" t="s">
        <v>25800</v>
      </c>
      <c r="M7398" s="1" t="s">
        <v>5</v>
      </c>
      <c r="N7398" s="1" t="s">
        <v>25</v>
      </c>
      <c r="O7398" s="1" t="s">
        <v>8</v>
      </c>
      <c r="P7398" s="5" t="s">
        <v>32326</v>
      </c>
    </row>
    <row r="7399" spans="1:16" x14ac:dyDescent="0.2">
      <c r="A7399" s="1" t="s">
        <v>66</v>
      </c>
      <c r="B7399" s="1" t="s">
        <v>1117</v>
      </c>
      <c r="C7399" s="1" t="s">
        <v>25803</v>
      </c>
      <c r="D7399" s="1" t="s">
        <v>8331</v>
      </c>
      <c r="E7399" s="1"/>
      <c r="F7399" s="1" t="s">
        <v>27</v>
      </c>
      <c r="G7399" s="1" t="s">
        <v>10</v>
      </c>
      <c r="H7399" s="1" t="s">
        <v>1116</v>
      </c>
      <c r="I7399" s="1" t="s">
        <v>7415</v>
      </c>
      <c r="J7399" s="1" t="s">
        <v>25137</v>
      </c>
      <c r="K7399" s="1" t="s">
        <v>64</v>
      </c>
      <c r="L7399" s="1" t="s">
        <v>25802</v>
      </c>
      <c r="M7399" s="1" t="s">
        <v>5</v>
      </c>
      <c r="N7399" s="1" t="s">
        <v>6</v>
      </c>
      <c r="O7399" s="1" t="s">
        <v>8</v>
      </c>
      <c r="P7399" s="5" t="s">
        <v>31890</v>
      </c>
    </row>
    <row r="7400" spans="1:16" x14ac:dyDescent="0.2">
      <c r="A7400" s="1" t="s">
        <v>66</v>
      </c>
      <c r="B7400" s="1" t="s">
        <v>1117</v>
      </c>
      <c r="C7400" s="1" t="s">
        <v>25805</v>
      </c>
      <c r="D7400" s="1" t="s">
        <v>8331</v>
      </c>
      <c r="E7400" s="1"/>
      <c r="F7400" s="1" t="s">
        <v>27</v>
      </c>
      <c r="G7400" s="1" t="s">
        <v>10</v>
      </c>
      <c r="H7400" s="1" t="s">
        <v>1116</v>
      </c>
      <c r="I7400" s="1" t="s">
        <v>7415</v>
      </c>
      <c r="J7400" s="1" t="s">
        <v>25137</v>
      </c>
      <c r="K7400" s="1" t="s">
        <v>64</v>
      </c>
      <c r="L7400" s="1" t="s">
        <v>25804</v>
      </c>
      <c r="M7400" s="1" t="s">
        <v>5</v>
      </c>
      <c r="N7400" s="1" t="s">
        <v>6</v>
      </c>
      <c r="O7400" s="1" t="s">
        <v>8</v>
      </c>
      <c r="P7400" s="5" t="s">
        <v>31890</v>
      </c>
    </row>
    <row r="7401" spans="1:16" x14ac:dyDescent="0.2">
      <c r="A7401" s="1" t="s">
        <v>66</v>
      </c>
      <c r="B7401" s="1" t="s">
        <v>1117</v>
      </c>
      <c r="C7401" s="1" t="s">
        <v>25807</v>
      </c>
      <c r="D7401" s="1" t="s">
        <v>8331</v>
      </c>
      <c r="E7401" s="1"/>
      <c r="F7401" s="1" t="s">
        <v>27</v>
      </c>
      <c r="G7401" s="1" t="s">
        <v>10</v>
      </c>
      <c r="H7401" s="1" t="s">
        <v>1116</v>
      </c>
      <c r="I7401" s="1" t="s">
        <v>7415</v>
      </c>
      <c r="J7401" s="1" t="s">
        <v>25137</v>
      </c>
      <c r="K7401" s="1" t="s">
        <v>64</v>
      </c>
      <c r="L7401" s="1" t="s">
        <v>25806</v>
      </c>
      <c r="M7401" s="1" t="s">
        <v>5</v>
      </c>
      <c r="N7401" s="1" t="s">
        <v>6</v>
      </c>
      <c r="O7401" s="1" t="s">
        <v>8</v>
      </c>
      <c r="P7401" s="5" t="s">
        <v>31890</v>
      </c>
    </row>
    <row r="7402" spans="1:16" x14ac:dyDescent="0.2">
      <c r="A7402" s="1" t="s">
        <v>66</v>
      </c>
      <c r="B7402" s="1" t="s">
        <v>1117</v>
      </c>
      <c r="C7402" s="1" t="s">
        <v>25809</v>
      </c>
      <c r="D7402" s="1" t="s">
        <v>8331</v>
      </c>
      <c r="E7402" s="1"/>
      <c r="F7402" s="1" t="s">
        <v>27</v>
      </c>
      <c r="G7402" s="1" t="s">
        <v>10</v>
      </c>
      <c r="H7402" s="1" t="s">
        <v>1116</v>
      </c>
      <c r="I7402" s="1" t="s">
        <v>7415</v>
      </c>
      <c r="J7402" s="1" t="s">
        <v>25137</v>
      </c>
      <c r="K7402" s="1" t="s">
        <v>64</v>
      </c>
      <c r="L7402" s="1" t="s">
        <v>25808</v>
      </c>
      <c r="M7402" s="1" t="s">
        <v>5</v>
      </c>
      <c r="N7402" s="1" t="s">
        <v>6</v>
      </c>
      <c r="O7402" s="1" t="s">
        <v>8</v>
      </c>
      <c r="P7402" s="5" t="s">
        <v>31890</v>
      </c>
    </row>
    <row r="7403" spans="1:16" x14ac:dyDescent="0.2">
      <c r="A7403" s="1" t="s">
        <v>66</v>
      </c>
      <c r="B7403" s="1" t="s">
        <v>1117</v>
      </c>
      <c r="C7403" s="1" t="s">
        <v>25811</v>
      </c>
      <c r="D7403" s="1" t="s">
        <v>25812</v>
      </c>
      <c r="E7403" s="1"/>
      <c r="F7403" s="1" t="s">
        <v>414</v>
      </c>
      <c r="G7403" s="1" t="s">
        <v>10</v>
      </c>
      <c r="H7403" s="1" t="s">
        <v>10</v>
      </c>
      <c r="I7403" s="1" t="s">
        <v>7415</v>
      </c>
      <c r="J7403" s="1" t="s">
        <v>25137</v>
      </c>
      <c r="K7403" s="1" t="s">
        <v>64</v>
      </c>
      <c r="L7403" s="1" t="s">
        <v>25810</v>
      </c>
      <c r="M7403" s="1" t="s">
        <v>5</v>
      </c>
      <c r="N7403" s="1" t="s">
        <v>6</v>
      </c>
      <c r="O7403" s="1" t="s">
        <v>8</v>
      </c>
      <c r="P7403" s="5" t="s">
        <v>32326</v>
      </c>
    </row>
    <row r="7404" spans="1:16" x14ac:dyDescent="0.2">
      <c r="A7404" s="1" t="s">
        <v>194</v>
      </c>
      <c r="B7404" s="1" t="s">
        <v>4492</v>
      </c>
      <c r="C7404" s="1" t="s">
        <v>25814</v>
      </c>
      <c r="D7404" s="1" t="s">
        <v>10935</v>
      </c>
      <c r="E7404" s="1"/>
      <c r="F7404" s="1" t="s">
        <v>474</v>
      </c>
      <c r="G7404" s="1" t="s">
        <v>476</v>
      </c>
      <c r="H7404" s="1" t="s">
        <v>10</v>
      </c>
      <c r="I7404" s="1" t="s">
        <v>7415</v>
      </c>
      <c r="J7404" s="1" t="s">
        <v>25137</v>
      </c>
      <c r="K7404" s="1" t="s">
        <v>64</v>
      </c>
      <c r="L7404" s="1" t="s">
        <v>25813</v>
      </c>
      <c r="M7404" s="1" t="s">
        <v>5</v>
      </c>
      <c r="N7404" s="1" t="s">
        <v>1009</v>
      </c>
      <c r="O7404" s="1" t="s">
        <v>8</v>
      </c>
      <c r="P7404" s="5" t="s">
        <v>32364</v>
      </c>
    </row>
    <row r="7405" spans="1:16" x14ac:dyDescent="0.2">
      <c r="A7405" s="1" t="s">
        <v>487</v>
      </c>
      <c r="B7405" s="1" t="s">
        <v>488</v>
      </c>
      <c r="C7405" s="1" t="s">
        <v>25816</v>
      </c>
      <c r="D7405" s="1" t="s">
        <v>25199</v>
      </c>
      <c r="E7405" s="1"/>
      <c r="F7405" s="1" t="s">
        <v>27</v>
      </c>
      <c r="G7405" s="1" t="s">
        <v>10</v>
      </c>
      <c r="H7405" s="1" t="s">
        <v>25199</v>
      </c>
      <c r="I7405" s="1" t="s">
        <v>7415</v>
      </c>
      <c r="J7405" s="1" t="s">
        <v>25137</v>
      </c>
      <c r="K7405" s="1" t="s">
        <v>64</v>
      </c>
      <c r="L7405" s="1" t="s">
        <v>25815</v>
      </c>
      <c r="M7405" s="1" t="s">
        <v>5</v>
      </c>
      <c r="N7405" s="1" t="s">
        <v>6</v>
      </c>
      <c r="O7405" s="1" t="s">
        <v>8</v>
      </c>
      <c r="P7405" s="5"/>
    </row>
    <row r="7406" spans="1:16" x14ac:dyDescent="0.2">
      <c r="A7406" s="1" t="s">
        <v>32</v>
      </c>
      <c r="B7406" s="1" t="s">
        <v>33</v>
      </c>
      <c r="C7406" s="1" t="s">
        <v>25818</v>
      </c>
      <c r="D7406" s="1" t="s">
        <v>25819</v>
      </c>
      <c r="E7406" s="1"/>
      <c r="F7406" s="1" t="s">
        <v>27</v>
      </c>
      <c r="G7406" s="1" t="s">
        <v>10</v>
      </c>
      <c r="H7406" s="1" t="s">
        <v>25820</v>
      </c>
      <c r="I7406" s="1" t="s">
        <v>7415</v>
      </c>
      <c r="J7406" s="1" t="s">
        <v>25137</v>
      </c>
      <c r="K7406" s="1" t="s">
        <v>64</v>
      </c>
      <c r="L7406" s="1" t="s">
        <v>25817</v>
      </c>
      <c r="M7406" s="1" t="s">
        <v>5</v>
      </c>
      <c r="N7406" s="1" t="s">
        <v>6</v>
      </c>
      <c r="O7406" s="1" t="s">
        <v>8</v>
      </c>
      <c r="P7406" s="5"/>
    </row>
    <row r="7407" spans="1:16" x14ac:dyDescent="0.2">
      <c r="A7407" s="1" t="s">
        <v>487</v>
      </c>
      <c r="B7407" s="1" t="s">
        <v>488</v>
      </c>
      <c r="C7407" s="1" t="s">
        <v>25822</v>
      </c>
      <c r="D7407" s="1" t="s">
        <v>10</v>
      </c>
      <c r="E7407" s="1"/>
      <c r="F7407" s="1" t="s">
        <v>27</v>
      </c>
      <c r="G7407" s="1" t="s">
        <v>10</v>
      </c>
      <c r="H7407" s="1" t="s">
        <v>25823</v>
      </c>
      <c r="I7407" s="1" t="s">
        <v>7415</v>
      </c>
      <c r="J7407" s="1" t="s">
        <v>25137</v>
      </c>
      <c r="K7407" s="1" t="s">
        <v>64</v>
      </c>
      <c r="L7407" s="1" t="s">
        <v>25821</v>
      </c>
      <c r="M7407" s="1" t="s">
        <v>5</v>
      </c>
      <c r="N7407" s="1" t="s">
        <v>6</v>
      </c>
      <c r="O7407" s="1" t="s">
        <v>8</v>
      </c>
      <c r="P7407" s="5"/>
    </row>
    <row r="7408" spans="1:16" x14ac:dyDescent="0.2">
      <c r="A7408" s="1" t="s">
        <v>487</v>
      </c>
      <c r="B7408" s="1" t="s">
        <v>10</v>
      </c>
      <c r="C7408" s="1" t="s">
        <v>25825</v>
      </c>
      <c r="D7408" s="1" t="s">
        <v>10</v>
      </c>
      <c r="E7408" s="1"/>
      <c r="F7408" s="1" t="s">
        <v>10</v>
      </c>
      <c r="G7408" s="1" t="s">
        <v>10</v>
      </c>
      <c r="H7408" s="1" t="s">
        <v>10</v>
      </c>
      <c r="I7408" s="1" t="s">
        <v>7415</v>
      </c>
      <c r="J7408" s="1" t="s">
        <v>10</v>
      </c>
      <c r="K7408" s="1" t="s">
        <v>64</v>
      </c>
      <c r="L7408" s="1" t="s">
        <v>25824</v>
      </c>
      <c r="M7408" s="1" t="s">
        <v>5</v>
      </c>
      <c r="N7408" s="1" t="s">
        <v>6</v>
      </c>
      <c r="O7408" s="1" t="s">
        <v>38</v>
      </c>
      <c r="P7408" s="5" t="s">
        <v>10</v>
      </c>
    </row>
    <row r="7409" spans="1:16" x14ac:dyDescent="0.2">
      <c r="A7409" s="1" t="s">
        <v>66</v>
      </c>
      <c r="B7409" s="1" t="s">
        <v>1117</v>
      </c>
      <c r="C7409" s="1" t="s">
        <v>25827</v>
      </c>
      <c r="D7409" s="1" t="s">
        <v>8331</v>
      </c>
      <c r="E7409" s="1"/>
      <c r="F7409" s="1" t="s">
        <v>27</v>
      </c>
      <c r="G7409" s="1" t="s">
        <v>10</v>
      </c>
      <c r="H7409" s="1" t="s">
        <v>1116</v>
      </c>
      <c r="I7409" s="1" t="s">
        <v>7415</v>
      </c>
      <c r="J7409" s="1" t="s">
        <v>25137</v>
      </c>
      <c r="K7409" s="1" t="s">
        <v>64</v>
      </c>
      <c r="L7409" s="1" t="s">
        <v>25826</v>
      </c>
      <c r="M7409" s="1" t="s">
        <v>5</v>
      </c>
      <c r="N7409" s="1" t="s">
        <v>6</v>
      </c>
      <c r="O7409" s="1" t="s">
        <v>8</v>
      </c>
      <c r="P7409" s="5" t="s">
        <v>31890</v>
      </c>
    </row>
    <row r="7410" spans="1:16" x14ac:dyDescent="0.2">
      <c r="A7410" s="1" t="s">
        <v>1385</v>
      </c>
      <c r="B7410" s="1" t="s">
        <v>1490</v>
      </c>
      <c r="C7410" s="1" t="s">
        <v>25829</v>
      </c>
      <c r="D7410" s="1" t="s">
        <v>10</v>
      </c>
      <c r="E7410" s="1"/>
      <c r="F7410" s="1" t="s">
        <v>522</v>
      </c>
      <c r="G7410" s="1" t="s">
        <v>10</v>
      </c>
      <c r="H7410" s="1" t="s">
        <v>25830</v>
      </c>
      <c r="I7410" s="1" t="s">
        <v>7415</v>
      </c>
      <c r="J7410" s="1" t="s">
        <v>25137</v>
      </c>
      <c r="K7410" s="1" t="s">
        <v>64</v>
      </c>
      <c r="L7410" s="1" t="s">
        <v>25828</v>
      </c>
      <c r="M7410" s="1" t="s">
        <v>5</v>
      </c>
      <c r="N7410" s="1" t="s">
        <v>1009</v>
      </c>
      <c r="O7410" s="1" t="s">
        <v>8</v>
      </c>
      <c r="P7410" s="5" t="s">
        <v>10</v>
      </c>
    </row>
    <row r="7411" spans="1:16" x14ac:dyDescent="0.2">
      <c r="A7411" s="1" t="s">
        <v>487</v>
      </c>
      <c r="B7411" s="1" t="s">
        <v>488</v>
      </c>
      <c r="C7411" s="1" t="s">
        <v>25832</v>
      </c>
      <c r="D7411" s="1" t="s">
        <v>10</v>
      </c>
      <c r="E7411" s="1"/>
      <c r="F7411" s="1" t="s">
        <v>27</v>
      </c>
      <c r="G7411" s="1" t="s">
        <v>10</v>
      </c>
      <c r="H7411" s="1" t="s">
        <v>15</v>
      </c>
      <c r="I7411" s="1" t="s">
        <v>7415</v>
      </c>
      <c r="J7411" s="1" t="s">
        <v>25137</v>
      </c>
      <c r="K7411" s="1" t="s">
        <v>64</v>
      </c>
      <c r="L7411" s="1" t="s">
        <v>25831</v>
      </c>
      <c r="M7411" s="1" t="s">
        <v>5</v>
      </c>
      <c r="N7411" s="1" t="s">
        <v>6</v>
      </c>
      <c r="O7411" s="1" t="s">
        <v>8</v>
      </c>
      <c r="P7411" s="5" t="s">
        <v>39</v>
      </c>
    </row>
    <row r="7412" spans="1:16" x14ac:dyDescent="0.2">
      <c r="A7412" s="1" t="s">
        <v>194</v>
      </c>
      <c r="B7412" s="1" t="s">
        <v>396</v>
      </c>
      <c r="C7412" s="1" t="s">
        <v>25834</v>
      </c>
      <c r="D7412" s="1" t="s">
        <v>25835</v>
      </c>
      <c r="E7412" s="1"/>
      <c r="F7412" s="1" t="s">
        <v>393</v>
      </c>
      <c r="G7412" s="1" t="s">
        <v>10</v>
      </c>
      <c r="H7412" s="1" t="s">
        <v>25834</v>
      </c>
      <c r="I7412" s="1" t="s">
        <v>7415</v>
      </c>
      <c r="J7412" s="1" t="s">
        <v>25137</v>
      </c>
      <c r="K7412" s="1" t="s">
        <v>64</v>
      </c>
      <c r="L7412" s="1" t="s">
        <v>25833</v>
      </c>
      <c r="M7412" s="1" t="s">
        <v>5</v>
      </c>
      <c r="N7412" s="1" t="s">
        <v>6</v>
      </c>
      <c r="O7412" s="1" t="s">
        <v>8</v>
      </c>
      <c r="P7412" s="5" t="s">
        <v>30749</v>
      </c>
    </row>
    <row r="7413" spans="1:16" x14ac:dyDescent="0.2">
      <c r="A7413" s="1" t="s">
        <v>487</v>
      </c>
      <c r="B7413" s="1" t="s">
        <v>10</v>
      </c>
      <c r="C7413" s="1" t="s">
        <v>25837</v>
      </c>
      <c r="D7413" s="1" t="s">
        <v>25838</v>
      </c>
      <c r="E7413" s="1"/>
      <c r="F7413" s="1" t="s">
        <v>393</v>
      </c>
      <c r="G7413" s="1" t="s">
        <v>10</v>
      </c>
      <c r="H7413" s="1" t="s">
        <v>10</v>
      </c>
      <c r="I7413" s="1" t="s">
        <v>7415</v>
      </c>
      <c r="J7413" s="1" t="s">
        <v>21769</v>
      </c>
      <c r="K7413" s="1" t="s">
        <v>64</v>
      </c>
      <c r="L7413" s="1" t="s">
        <v>25836</v>
      </c>
      <c r="M7413" s="1" t="s">
        <v>5</v>
      </c>
      <c r="N7413" s="1" t="s">
        <v>6</v>
      </c>
      <c r="O7413" s="1" t="s">
        <v>8</v>
      </c>
      <c r="P7413" s="5" t="s">
        <v>10</v>
      </c>
    </row>
    <row r="7414" spans="1:16" x14ac:dyDescent="0.2">
      <c r="A7414" s="1" t="s">
        <v>194</v>
      </c>
      <c r="B7414" s="1" t="s">
        <v>396</v>
      </c>
      <c r="C7414" s="1" t="s">
        <v>25840</v>
      </c>
      <c r="D7414" s="1" t="s">
        <v>25841</v>
      </c>
      <c r="E7414" s="1"/>
      <c r="F7414" s="1" t="s">
        <v>393</v>
      </c>
      <c r="G7414" s="1" t="s">
        <v>10</v>
      </c>
      <c r="H7414" s="1" t="s">
        <v>10</v>
      </c>
      <c r="I7414" s="1" t="s">
        <v>7415</v>
      </c>
      <c r="J7414" s="1" t="s">
        <v>21769</v>
      </c>
      <c r="K7414" s="1" t="s">
        <v>64</v>
      </c>
      <c r="L7414" s="1" t="s">
        <v>25839</v>
      </c>
      <c r="M7414" s="1" t="s">
        <v>5</v>
      </c>
      <c r="N7414" s="1" t="s">
        <v>6</v>
      </c>
      <c r="O7414" s="1" t="s">
        <v>8</v>
      </c>
      <c r="P7414" s="5" t="s">
        <v>10</v>
      </c>
    </row>
    <row r="7415" spans="1:16" x14ac:dyDescent="0.2">
      <c r="A7415" s="1" t="s">
        <v>487</v>
      </c>
      <c r="B7415" s="1" t="s">
        <v>488</v>
      </c>
      <c r="C7415" s="1" t="s">
        <v>25843</v>
      </c>
      <c r="D7415" s="1" t="s">
        <v>6376</v>
      </c>
      <c r="E7415" s="1"/>
      <c r="F7415" s="1" t="s">
        <v>393</v>
      </c>
      <c r="G7415" s="1" t="s">
        <v>10</v>
      </c>
      <c r="H7415" s="1" t="s">
        <v>10</v>
      </c>
      <c r="I7415" s="1" t="s">
        <v>7415</v>
      </c>
      <c r="J7415" s="1" t="s">
        <v>21769</v>
      </c>
      <c r="K7415" s="1" t="s">
        <v>64</v>
      </c>
      <c r="L7415" s="1" t="s">
        <v>25842</v>
      </c>
      <c r="M7415" s="1" t="s">
        <v>5</v>
      </c>
      <c r="N7415" s="1" t="s">
        <v>6</v>
      </c>
      <c r="O7415" s="1" t="s">
        <v>8</v>
      </c>
      <c r="P7415" s="5" t="s">
        <v>10</v>
      </c>
    </row>
    <row r="7416" spans="1:16" ht="89.25" x14ac:dyDescent="0.2">
      <c r="A7416" s="1" t="s">
        <v>194</v>
      </c>
      <c r="B7416" s="1" t="s">
        <v>396</v>
      </c>
      <c r="C7416" s="1" t="s">
        <v>25845</v>
      </c>
      <c r="D7416" s="1" t="s">
        <v>25846</v>
      </c>
      <c r="E7416" s="1"/>
      <c r="F7416" s="1" t="s">
        <v>393</v>
      </c>
      <c r="G7416" s="1" t="s">
        <v>10</v>
      </c>
      <c r="H7416" s="1" t="s">
        <v>10</v>
      </c>
      <c r="I7416" s="1" t="s">
        <v>7415</v>
      </c>
      <c r="J7416" s="1" t="s">
        <v>25137</v>
      </c>
      <c r="K7416" s="1" t="s">
        <v>64</v>
      </c>
      <c r="L7416" s="1" t="s">
        <v>25844</v>
      </c>
      <c r="M7416" s="1" t="s">
        <v>5</v>
      </c>
      <c r="N7416" s="1" t="s">
        <v>960</v>
      </c>
      <c r="O7416" s="1" t="s">
        <v>8</v>
      </c>
      <c r="P7416" s="9" t="s">
        <v>32365</v>
      </c>
    </row>
    <row r="7417" spans="1:16" x14ac:dyDescent="0.2">
      <c r="A7417" s="1" t="s">
        <v>487</v>
      </c>
      <c r="B7417" s="1" t="s">
        <v>10</v>
      </c>
      <c r="C7417" s="1" t="s">
        <v>25848</v>
      </c>
      <c r="D7417" s="1" t="s">
        <v>25849</v>
      </c>
      <c r="E7417" s="1"/>
      <c r="F7417" s="1" t="s">
        <v>393</v>
      </c>
      <c r="G7417" s="1" t="s">
        <v>10</v>
      </c>
      <c r="H7417" s="1" t="s">
        <v>10</v>
      </c>
      <c r="I7417" s="1" t="s">
        <v>7415</v>
      </c>
      <c r="J7417" s="1" t="s">
        <v>21769</v>
      </c>
      <c r="K7417" s="1" t="s">
        <v>64</v>
      </c>
      <c r="L7417" s="1" t="s">
        <v>25847</v>
      </c>
      <c r="M7417" s="1" t="s">
        <v>5</v>
      </c>
      <c r="N7417" s="1" t="s">
        <v>6</v>
      </c>
      <c r="O7417" s="1" t="s">
        <v>8</v>
      </c>
      <c r="P7417" s="5" t="s">
        <v>10</v>
      </c>
    </row>
    <row r="7418" spans="1:16" x14ac:dyDescent="0.2">
      <c r="A7418" s="1" t="s">
        <v>487</v>
      </c>
      <c r="B7418" s="1" t="s">
        <v>10</v>
      </c>
      <c r="C7418" s="1" t="s">
        <v>25851</v>
      </c>
      <c r="D7418" s="1" t="s">
        <v>25851</v>
      </c>
      <c r="E7418" s="1"/>
      <c r="F7418" s="1" t="s">
        <v>393</v>
      </c>
      <c r="G7418" s="1" t="s">
        <v>10</v>
      </c>
      <c r="H7418" s="1" t="s">
        <v>10</v>
      </c>
      <c r="I7418" s="1" t="s">
        <v>7415</v>
      </c>
      <c r="J7418" s="1" t="s">
        <v>21769</v>
      </c>
      <c r="K7418" s="1" t="s">
        <v>64</v>
      </c>
      <c r="L7418" s="1" t="s">
        <v>25850</v>
      </c>
      <c r="M7418" s="1" t="s">
        <v>5</v>
      </c>
      <c r="N7418" s="1" t="s">
        <v>6</v>
      </c>
      <c r="O7418" s="1" t="s">
        <v>8</v>
      </c>
      <c r="P7418" s="5" t="s">
        <v>10</v>
      </c>
    </row>
    <row r="7419" spans="1:16" x14ac:dyDescent="0.2">
      <c r="A7419" s="1" t="s">
        <v>487</v>
      </c>
      <c r="B7419" s="1" t="s">
        <v>488</v>
      </c>
      <c r="C7419" s="1" t="s">
        <v>25853</v>
      </c>
      <c r="D7419" s="1" t="s">
        <v>10</v>
      </c>
      <c r="E7419" s="1"/>
      <c r="F7419" s="1" t="s">
        <v>393</v>
      </c>
      <c r="G7419" s="1" t="s">
        <v>10</v>
      </c>
      <c r="H7419" s="1" t="s">
        <v>10</v>
      </c>
      <c r="I7419" s="1" t="s">
        <v>7415</v>
      </c>
      <c r="J7419" s="1" t="s">
        <v>21769</v>
      </c>
      <c r="K7419" s="1" t="s">
        <v>64</v>
      </c>
      <c r="L7419" s="1" t="s">
        <v>25852</v>
      </c>
      <c r="M7419" s="1" t="s">
        <v>5</v>
      </c>
      <c r="N7419" s="1" t="s">
        <v>6</v>
      </c>
      <c r="O7419" s="1" t="s">
        <v>8</v>
      </c>
      <c r="P7419" s="5" t="s">
        <v>10</v>
      </c>
    </row>
    <row r="7420" spans="1:16" x14ac:dyDescent="0.2">
      <c r="A7420" s="1" t="s">
        <v>487</v>
      </c>
      <c r="B7420" s="1" t="s">
        <v>488</v>
      </c>
      <c r="C7420" s="1" t="s">
        <v>25855</v>
      </c>
      <c r="D7420" s="1" t="s">
        <v>25856</v>
      </c>
      <c r="E7420" s="1"/>
      <c r="F7420" s="1" t="s">
        <v>522</v>
      </c>
      <c r="G7420" s="1" t="s">
        <v>25857</v>
      </c>
      <c r="H7420" s="1" t="s">
        <v>10</v>
      </c>
      <c r="I7420" s="1" t="s">
        <v>7415</v>
      </c>
      <c r="J7420" s="1" t="s">
        <v>25137</v>
      </c>
      <c r="K7420" s="1" t="s">
        <v>64</v>
      </c>
      <c r="L7420" s="1" t="s">
        <v>25854</v>
      </c>
      <c r="M7420" s="1" t="s">
        <v>5</v>
      </c>
      <c r="N7420" s="1" t="s">
        <v>6</v>
      </c>
      <c r="O7420" s="1" t="s">
        <v>8</v>
      </c>
      <c r="P7420" s="5" t="s">
        <v>114</v>
      </c>
    </row>
    <row r="7421" spans="1:16" x14ac:dyDescent="0.2">
      <c r="A7421" s="1" t="s">
        <v>194</v>
      </c>
      <c r="B7421" s="1" t="s">
        <v>4492</v>
      </c>
      <c r="C7421" s="1" t="s">
        <v>23415</v>
      </c>
      <c r="D7421" s="1" t="s">
        <v>25859</v>
      </c>
      <c r="E7421" s="1"/>
      <c r="F7421" s="1" t="s">
        <v>4361</v>
      </c>
      <c r="G7421" s="1" t="s">
        <v>15920</v>
      </c>
      <c r="H7421" s="1" t="s">
        <v>10</v>
      </c>
      <c r="I7421" s="1" t="s">
        <v>7415</v>
      </c>
      <c r="J7421" s="1" t="s">
        <v>21769</v>
      </c>
      <c r="K7421" s="1" t="s">
        <v>64</v>
      </c>
      <c r="L7421" s="1" t="s">
        <v>25858</v>
      </c>
      <c r="M7421" s="1" t="s">
        <v>5</v>
      </c>
      <c r="N7421" s="1" t="s">
        <v>6</v>
      </c>
      <c r="O7421" s="1" t="s">
        <v>8</v>
      </c>
      <c r="P7421" s="5"/>
    </row>
    <row r="7422" spans="1:16" x14ac:dyDescent="0.2">
      <c r="A7422" s="1" t="s">
        <v>194</v>
      </c>
      <c r="B7422" s="1" t="s">
        <v>4492</v>
      </c>
      <c r="C7422" s="1" t="s">
        <v>25861</v>
      </c>
      <c r="D7422" s="1" t="s">
        <v>11493</v>
      </c>
      <c r="E7422" s="1"/>
      <c r="F7422" s="1" t="s">
        <v>27</v>
      </c>
      <c r="G7422" s="1" t="s">
        <v>10</v>
      </c>
      <c r="H7422" s="1" t="s">
        <v>25862</v>
      </c>
      <c r="I7422" s="1" t="s">
        <v>7415</v>
      </c>
      <c r="J7422" s="1" t="s">
        <v>21769</v>
      </c>
      <c r="K7422" s="1" t="s">
        <v>64</v>
      </c>
      <c r="L7422" s="1" t="s">
        <v>25860</v>
      </c>
      <c r="M7422" s="1" t="s">
        <v>5</v>
      </c>
      <c r="N7422" s="1" t="s">
        <v>6</v>
      </c>
      <c r="O7422" s="1" t="s">
        <v>8</v>
      </c>
      <c r="P7422" s="5"/>
    </row>
    <row r="7423" spans="1:16" x14ac:dyDescent="0.2">
      <c r="A7423" s="1" t="s">
        <v>487</v>
      </c>
      <c r="B7423" s="1" t="s">
        <v>488</v>
      </c>
      <c r="C7423" s="1" t="s">
        <v>25864</v>
      </c>
      <c r="D7423" s="1" t="s">
        <v>1107</v>
      </c>
      <c r="E7423" s="1"/>
      <c r="F7423" s="1" t="s">
        <v>522</v>
      </c>
      <c r="G7423" s="1" t="s">
        <v>25857</v>
      </c>
      <c r="H7423" s="1" t="s">
        <v>10</v>
      </c>
      <c r="I7423" s="1" t="s">
        <v>7415</v>
      </c>
      <c r="J7423" s="1" t="s">
        <v>25137</v>
      </c>
      <c r="K7423" s="1" t="s">
        <v>64</v>
      </c>
      <c r="L7423" s="1" t="s">
        <v>25863</v>
      </c>
      <c r="M7423" s="1" t="s">
        <v>5</v>
      </c>
      <c r="N7423" s="1" t="s">
        <v>6</v>
      </c>
      <c r="O7423" s="1" t="s">
        <v>8</v>
      </c>
      <c r="P7423" s="5" t="s">
        <v>114</v>
      </c>
    </row>
    <row r="7424" spans="1:16" x14ac:dyDescent="0.2">
      <c r="A7424" s="1" t="s">
        <v>194</v>
      </c>
      <c r="B7424" s="1" t="s">
        <v>396</v>
      </c>
      <c r="C7424" s="1" t="s">
        <v>25866</v>
      </c>
      <c r="D7424" s="1" t="s">
        <v>7754</v>
      </c>
      <c r="E7424" s="1"/>
      <c r="F7424" s="1" t="s">
        <v>10</v>
      </c>
      <c r="G7424" s="1" t="s">
        <v>10</v>
      </c>
      <c r="H7424" s="1" t="s">
        <v>10</v>
      </c>
      <c r="I7424" s="1" t="s">
        <v>7415</v>
      </c>
      <c r="J7424" s="1" t="s">
        <v>25145</v>
      </c>
      <c r="K7424" s="1" t="s">
        <v>2555</v>
      </c>
      <c r="L7424" s="1" t="s">
        <v>25865</v>
      </c>
      <c r="M7424" s="1" t="s">
        <v>5</v>
      </c>
      <c r="N7424" s="1" t="s">
        <v>1009</v>
      </c>
      <c r="O7424" s="1" t="s">
        <v>38</v>
      </c>
      <c r="P7424" s="5" t="s">
        <v>32366</v>
      </c>
    </row>
    <row r="7425" spans="1:16" x14ac:dyDescent="0.2">
      <c r="A7425" s="1" t="s">
        <v>487</v>
      </c>
      <c r="B7425" s="1" t="s">
        <v>488</v>
      </c>
      <c r="C7425" s="1" t="s">
        <v>25868</v>
      </c>
      <c r="D7425" s="1" t="s">
        <v>10</v>
      </c>
      <c r="E7425" s="1"/>
      <c r="F7425" s="1" t="s">
        <v>27</v>
      </c>
      <c r="G7425" s="1" t="s">
        <v>10</v>
      </c>
      <c r="H7425" s="1" t="s">
        <v>25868</v>
      </c>
      <c r="I7425" s="1" t="s">
        <v>7415</v>
      </c>
      <c r="J7425" s="1" t="s">
        <v>25137</v>
      </c>
      <c r="K7425" s="1" t="s">
        <v>64</v>
      </c>
      <c r="L7425" s="1" t="s">
        <v>25867</v>
      </c>
      <c r="M7425" s="1" t="s">
        <v>5</v>
      </c>
      <c r="N7425" s="1" t="s">
        <v>6</v>
      </c>
      <c r="O7425" s="1" t="s">
        <v>8</v>
      </c>
      <c r="P7425" s="5" t="s">
        <v>114</v>
      </c>
    </row>
    <row r="7426" spans="1:16" x14ac:dyDescent="0.2">
      <c r="A7426" s="1" t="s">
        <v>487</v>
      </c>
      <c r="B7426" s="1" t="s">
        <v>488</v>
      </c>
      <c r="C7426" s="1" t="s">
        <v>25870</v>
      </c>
      <c r="D7426" s="1" t="s">
        <v>10</v>
      </c>
      <c r="E7426" s="1"/>
      <c r="F7426" s="1" t="s">
        <v>27</v>
      </c>
      <c r="G7426" s="1" t="s">
        <v>10</v>
      </c>
      <c r="H7426" s="1" t="s">
        <v>25870</v>
      </c>
      <c r="I7426" s="1" t="s">
        <v>7415</v>
      </c>
      <c r="J7426" s="1" t="s">
        <v>25137</v>
      </c>
      <c r="K7426" s="1" t="s">
        <v>64</v>
      </c>
      <c r="L7426" s="1" t="s">
        <v>25869</v>
      </c>
      <c r="M7426" s="1" t="s">
        <v>5</v>
      </c>
      <c r="N7426" s="1" t="s">
        <v>6</v>
      </c>
      <c r="O7426" s="1" t="s">
        <v>8</v>
      </c>
      <c r="P7426" s="5" t="s">
        <v>114</v>
      </c>
    </row>
    <row r="7427" spans="1:16" x14ac:dyDescent="0.2">
      <c r="A7427" s="1" t="s">
        <v>66</v>
      </c>
      <c r="B7427" s="1" t="s">
        <v>212</v>
      </c>
      <c r="C7427" s="1" t="s">
        <v>25872</v>
      </c>
      <c r="D7427" s="1" t="s">
        <v>25484</v>
      </c>
      <c r="E7427" s="1"/>
      <c r="F7427" s="1" t="s">
        <v>10</v>
      </c>
      <c r="G7427" s="1" t="s">
        <v>10</v>
      </c>
      <c r="H7427" s="1" t="s">
        <v>10</v>
      </c>
      <c r="I7427" s="1" t="s">
        <v>7415</v>
      </c>
      <c r="J7427" s="1" t="s">
        <v>21769</v>
      </c>
      <c r="K7427" s="1" t="s">
        <v>64</v>
      </c>
      <c r="L7427" s="1" t="s">
        <v>25871</v>
      </c>
      <c r="M7427" s="1" t="s">
        <v>5</v>
      </c>
      <c r="N7427" s="1" t="s">
        <v>960</v>
      </c>
      <c r="O7427" s="1" t="s">
        <v>38</v>
      </c>
      <c r="P7427" s="5" t="s">
        <v>32337</v>
      </c>
    </row>
    <row r="7428" spans="1:16" x14ac:dyDescent="0.2">
      <c r="A7428" s="1" t="s">
        <v>42</v>
      </c>
      <c r="B7428" s="1" t="s">
        <v>118</v>
      </c>
      <c r="C7428" s="1" t="s">
        <v>25874</v>
      </c>
      <c r="D7428" s="1" t="s">
        <v>10</v>
      </c>
      <c r="E7428" s="1"/>
      <c r="F7428" s="1" t="s">
        <v>27</v>
      </c>
      <c r="G7428" s="1" t="s">
        <v>10</v>
      </c>
      <c r="H7428" s="1" t="s">
        <v>10</v>
      </c>
      <c r="I7428" s="1" t="s">
        <v>7415</v>
      </c>
      <c r="J7428" s="1" t="s">
        <v>25137</v>
      </c>
      <c r="K7428" s="1" t="s">
        <v>64</v>
      </c>
      <c r="L7428" s="1" t="s">
        <v>25873</v>
      </c>
      <c r="M7428" s="1" t="s">
        <v>5</v>
      </c>
      <c r="N7428" s="1" t="s">
        <v>6</v>
      </c>
      <c r="O7428" s="1" t="s">
        <v>8</v>
      </c>
      <c r="P7428" s="5"/>
    </row>
    <row r="7429" spans="1:16" x14ac:dyDescent="0.2">
      <c r="A7429" s="1" t="s">
        <v>194</v>
      </c>
      <c r="B7429" s="1" t="s">
        <v>396</v>
      </c>
      <c r="C7429" s="1" t="s">
        <v>25876</v>
      </c>
      <c r="D7429" s="1" t="s">
        <v>25877</v>
      </c>
      <c r="E7429" s="1"/>
      <c r="F7429" s="1" t="s">
        <v>10</v>
      </c>
      <c r="G7429" s="1" t="s">
        <v>10</v>
      </c>
      <c r="H7429" s="1" t="s">
        <v>10</v>
      </c>
      <c r="I7429" s="1" t="s">
        <v>7415</v>
      </c>
      <c r="J7429" s="1" t="s">
        <v>25145</v>
      </c>
      <c r="K7429" s="1" t="s">
        <v>27</v>
      </c>
      <c r="L7429" s="1" t="s">
        <v>25875</v>
      </c>
      <c r="M7429" s="1" t="s">
        <v>5</v>
      </c>
      <c r="N7429" s="1" t="s">
        <v>6</v>
      </c>
      <c r="O7429" s="1" t="s">
        <v>38</v>
      </c>
      <c r="P7429" s="5" t="s">
        <v>32367</v>
      </c>
    </row>
    <row r="7430" spans="1:16" x14ac:dyDescent="0.2">
      <c r="A7430" s="1" t="s">
        <v>194</v>
      </c>
      <c r="B7430" s="1" t="s">
        <v>396</v>
      </c>
      <c r="C7430" s="1" t="s">
        <v>25879</v>
      </c>
      <c r="D7430" s="1" t="s">
        <v>25880</v>
      </c>
      <c r="E7430" s="1"/>
      <c r="F7430" s="1" t="s">
        <v>10</v>
      </c>
      <c r="G7430" s="1" t="s">
        <v>10</v>
      </c>
      <c r="H7430" s="1" t="s">
        <v>10</v>
      </c>
      <c r="I7430" s="1" t="s">
        <v>7415</v>
      </c>
      <c r="J7430" s="1" t="s">
        <v>25145</v>
      </c>
      <c r="K7430" s="1" t="s">
        <v>27</v>
      </c>
      <c r="L7430" s="1" t="s">
        <v>25878</v>
      </c>
      <c r="M7430" s="1" t="s">
        <v>5</v>
      </c>
      <c r="N7430" s="1" t="s">
        <v>6</v>
      </c>
      <c r="O7430" s="1" t="s">
        <v>38</v>
      </c>
      <c r="P7430" s="5" t="s">
        <v>32368</v>
      </c>
    </row>
    <row r="7431" spans="1:16" x14ac:dyDescent="0.2">
      <c r="A7431" s="1" t="s">
        <v>487</v>
      </c>
      <c r="B7431" s="1" t="s">
        <v>488</v>
      </c>
      <c r="C7431" s="1" t="s">
        <v>25882</v>
      </c>
      <c r="D7431" s="1" t="s">
        <v>25883</v>
      </c>
      <c r="E7431" s="1"/>
      <c r="F7431" s="1" t="s">
        <v>27</v>
      </c>
      <c r="G7431" s="1" t="s">
        <v>10</v>
      </c>
      <c r="H7431" s="1" t="s">
        <v>25884</v>
      </c>
      <c r="I7431" s="1" t="s">
        <v>7415</v>
      </c>
      <c r="J7431" s="1" t="s">
        <v>25137</v>
      </c>
      <c r="K7431" s="1" t="s">
        <v>64</v>
      </c>
      <c r="L7431" s="1" t="s">
        <v>25881</v>
      </c>
      <c r="M7431" s="1" t="s">
        <v>5</v>
      </c>
      <c r="N7431" s="1" t="s">
        <v>6</v>
      </c>
      <c r="O7431" s="1" t="s">
        <v>8</v>
      </c>
      <c r="P7431" s="5" t="s">
        <v>14</v>
      </c>
    </row>
    <row r="7432" spans="1:16" x14ac:dyDescent="0.2">
      <c r="A7432" s="1" t="s">
        <v>66</v>
      </c>
      <c r="B7432" s="1" t="s">
        <v>212</v>
      </c>
      <c r="C7432" s="1" t="s">
        <v>25886</v>
      </c>
      <c r="D7432" s="1" t="s">
        <v>25887</v>
      </c>
      <c r="E7432" s="1"/>
      <c r="F7432" s="1" t="s">
        <v>10</v>
      </c>
      <c r="G7432" s="1" t="s">
        <v>10</v>
      </c>
      <c r="H7432" s="1" t="s">
        <v>10</v>
      </c>
      <c r="I7432" s="1" t="s">
        <v>7415</v>
      </c>
      <c r="J7432" s="1" t="s">
        <v>25141</v>
      </c>
      <c r="K7432" s="1" t="s">
        <v>11</v>
      </c>
      <c r="L7432" s="1" t="s">
        <v>25885</v>
      </c>
      <c r="M7432" s="1" t="s">
        <v>5</v>
      </c>
      <c r="N7432" s="1" t="s">
        <v>1009</v>
      </c>
      <c r="O7432" s="1" t="s">
        <v>38</v>
      </c>
      <c r="P7432" s="5" t="s">
        <v>32369</v>
      </c>
    </row>
    <row r="7433" spans="1:16" x14ac:dyDescent="0.2">
      <c r="A7433" s="1" t="s">
        <v>329</v>
      </c>
      <c r="B7433" s="1" t="s">
        <v>10</v>
      </c>
      <c r="C7433" s="1" t="s">
        <v>25889</v>
      </c>
      <c r="D7433" s="1" t="s">
        <v>10</v>
      </c>
      <c r="E7433" s="1"/>
      <c r="F7433" s="1" t="s">
        <v>27</v>
      </c>
      <c r="G7433" s="1" t="s">
        <v>10</v>
      </c>
      <c r="H7433" s="1" t="s">
        <v>10</v>
      </c>
      <c r="I7433" s="1" t="s">
        <v>7415</v>
      </c>
      <c r="J7433" s="1" t="s">
        <v>25137</v>
      </c>
      <c r="K7433" s="1" t="s">
        <v>64</v>
      </c>
      <c r="L7433" s="1" t="s">
        <v>25888</v>
      </c>
      <c r="M7433" s="1" t="s">
        <v>5</v>
      </c>
      <c r="N7433" s="1" t="s">
        <v>6</v>
      </c>
      <c r="O7433" s="1" t="s">
        <v>8</v>
      </c>
      <c r="P7433" s="5"/>
    </row>
    <row r="7434" spans="1:16" x14ac:dyDescent="0.2">
      <c r="A7434" s="1" t="s">
        <v>194</v>
      </c>
      <c r="B7434" s="1" t="s">
        <v>396</v>
      </c>
      <c r="C7434" s="1" t="s">
        <v>25891</v>
      </c>
      <c r="D7434" s="1" t="s">
        <v>25892</v>
      </c>
      <c r="E7434" s="1"/>
      <c r="F7434" s="1" t="s">
        <v>393</v>
      </c>
      <c r="G7434" s="1" t="s">
        <v>10</v>
      </c>
      <c r="H7434" s="1" t="s">
        <v>10</v>
      </c>
      <c r="I7434" s="1" t="s">
        <v>7415</v>
      </c>
      <c r="J7434" s="1" t="s">
        <v>25137</v>
      </c>
      <c r="K7434" s="1" t="s">
        <v>64</v>
      </c>
      <c r="L7434" s="1" t="s">
        <v>25890</v>
      </c>
      <c r="M7434" s="1" t="s">
        <v>5</v>
      </c>
      <c r="N7434" s="1" t="s">
        <v>6</v>
      </c>
      <c r="O7434" s="1" t="s">
        <v>8</v>
      </c>
      <c r="P7434" s="5" t="s">
        <v>30766</v>
      </c>
    </row>
    <row r="7435" spans="1:16" x14ac:dyDescent="0.2">
      <c r="A7435" s="1" t="s">
        <v>194</v>
      </c>
      <c r="B7435" s="1" t="s">
        <v>396</v>
      </c>
      <c r="C7435" s="1" t="s">
        <v>25894</v>
      </c>
      <c r="D7435" s="1" t="s">
        <v>25895</v>
      </c>
      <c r="E7435" s="1"/>
      <c r="F7435" s="1" t="s">
        <v>393</v>
      </c>
      <c r="G7435" s="1" t="s">
        <v>10</v>
      </c>
      <c r="H7435" s="1" t="s">
        <v>10</v>
      </c>
      <c r="I7435" s="1" t="s">
        <v>7415</v>
      </c>
      <c r="J7435" s="1" t="s">
        <v>25137</v>
      </c>
      <c r="K7435" s="1" t="s">
        <v>64</v>
      </c>
      <c r="L7435" s="1" t="s">
        <v>25893</v>
      </c>
      <c r="M7435" s="1" t="s">
        <v>5</v>
      </c>
      <c r="N7435" s="1" t="s">
        <v>6</v>
      </c>
      <c r="O7435" s="1" t="s">
        <v>8</v>
      </c>
      <c r="P7435" s="5" t="s">
        <v>10</v>
      </c>
    </row>
    <row r="7436" spans="1:16" x14ac:dyDescent="0.2">
      <c r="A7436" s="1" t="s">
        <v>329</v>
      </c>
      <c r="B7436" s="1" t="s">
        <v>330</v>
      </c>
      <c r="C7436" s="1" t="s">
        <v>25897</v>
      </c>
      <c r="D7436" s="1" t="s">
        <v>25898</v>
      </c>
      <c r="E7436" s="1"/>
      <c r="F7436" s="1" t="s">
        <v>27</v>
      </c>
      <c r="G7436" s="1" t="s">
        <v>10</v>
      </c>
      <c r="H7436" s="1" t="s">
        <v>25899</v>
      </c>
      <c r="I7436" s="1" t="s">
        <v>7415</v>
      </c>
      <c r="J7436" s="1" t="s">
        <v>25141</v>
      </c>
      <c r="K7436" s="1" t="s">
        <v>64</v>
      </c>
      <c r="L7436" s="1" t="s">
        <v>25896</v>
      </c>
      <c r="M7436" s="1" t="s">
        <v>5</v>
      </c>
      <c r="N7436" s="1" t="s">
        <v>1009</v>
      </c>
      <c r="O7436" s="1" t="s">
        <v>8</v>
      </c>
      <c r="P7436" s="5" t="s">
        <v>30767</v>
      </c>
    </row>
    <row r="7437" spans="1:16" x14ac:dyDescent="0.2">
      <c r="A7437" s="1" t="s">
        <v>20</v>
      </c>
      <c r="B7437" s="1" t="s">
        <v>99</v>
      </c>
      <c r="C7437" s="1" t="s">
        <v>25901</v>
      </c>
      <c r="D7437" s="1" t="s">
        <v>25902</v>
      </c>
      <c r="E7437" s="1"/>
      <c r="F7437" s="1" t="s">
        <v>10</v>
      </c>
      <c r="G7437" s="1" t="s">
        <v>10</v>
      </c>
      <c r="H7437" s="1" t="s">
        <v>10</v>
      </c>
      <c r="I7437" s="1" t="s">
        <v>7415</v>
      </c>
      <c r="J7437" s="1" t="s">
        <v>25286</v>
      </c>
      <c r="K7437" s="1" t="s">
        <v>27</v>
      </c>
      <c r="L7437" s="1" t="s">
        <v>25900</v>
      </c>
      <c r="M7437" s="1" t="s">
        <v>5</v>
      </c>
      <c r="N7437" s="1" t="s">
        <v>1009</v>
      </c>
      <c r="O7437" s="1" t="s">
        <v>38</v>
      </c>
      <c r="P7437" s="5" t="s">
        <v>32370</v>
      </c>
    </row>
    <row r="7438" spans="1:16" x14ac:dyDescent="0.2">
      <c r="A7438" s="1" t="s">
        <v>66</v>
      </c>
      <c r="B7438" s="1" t="s">
        <v>212</v>
      </c>
      <c r="C7438" s="1" t="s">
        <v>25904</v>
      </c>
      <c r="D7438" s="1" t="s">
        <v>25905</v>
      </c>
      <c r="E7438" s="1"/>
      <c r="F7438" s="1" t="s">
        <v>10</v>
      </c>
      <c r="G7438" s="1" t="s">
        <v>10</v>
      </c>
      <c r="H7438" s="1" t="s">
        <v>10</v>
      </c>
      <c r="I7438" s="1" t="s">
        <v>7415</v>
      </c>
      <c r="J7438" s="1" t="s">
        <v>25141</v>
      </c>
      <c r="K7438" s="1" t="s">
        <v>11</v>
      </c>
      <c r="L7438" s="1" t="s">
        <v>25903</v>
      </c>
      <c r="M7438" s="1" t="s">
        <v>3905</v>
      </c>
      <c r="N7438" s="1" t="s">
        <v>25</v>
      </c>
      <c r="O7438" s="1" t="s">
        <v>38</v>
      </c>
      <c r="P7438" s="5" t="s">
        <v>30768</v>
      </c>
    </row>
    <row r="7439" spans="1:16" x14ac:dyDescent="0.2">
      <c r="A7439" s="1" t="s">
        <v>66</v>
      </c>
      <c r="B7439" s="1" t="s">
        <v>212</v>
      </c>
      <c r="C7439" s="1" t="s">
        <v>25907</v>
      </c>
      <c r="D7439" s="1" t="s">
        <v>25908</v>
      </c>
      <c r="E7439" s="1"/>
      <c r="F7439" s="1" t="s">
        <v>27</v>
      </c>
      <c r="G7439" s="1" t="s">
        <v>10</v>
      </c>
      <c r="H7439" s="1" t="s">
        <v>25909</v>
      </c>
      <c r="I7439" s="1" t="s">
        <v>7415</v>
      </c>
      <c r="J7439" s="1" t="s">
        <v>25488</v>
      </c>
      <c r="K7439" s="1" t="s">
        <v>11</v>
      </c>
      <c r="L7439" s="1" t="s">
        <v>25906</v>
      </c>
      <c r="M7439" s="1" t="s">
        <v>5</v>
      </c>
      <c r="N7439" s="1" t="s">
        <v>6</v>
      </c>
      <c r="O7439" s="1" t="s">
        <v>8</v>
      </c>
      <c r="P7439" s="5" t="s">
        <v>32371</v>
      </c>
    </row>
    <row r="7440" spans="1:16" x14ac:dyDescent="0.2">
      <c r="A7440" s="1" t="s">
        <v>66</v>
      </c>
      <c r="B7440" s="1" t="s">
        <v>212</v>
      </c>
      <c r="C7440" s="1" t="s">
        <v>25911</v>
      </c>
      <c r="D7440" s="1" t="s">
        <v>25912</v>
      </c>
      <c r="E7440" s="1"/>
      <c r="F7440" s="1" t="s">
        <v>27</v>
      </c>
      <c r="G7440" s="1" t="s">
        <v>10</v>
      </c>
      <c r="H7440" s="1" t="s">
        <v>25909</v>
      </c>
      <c r="I7440" s="1" t="s">
        <v>7415</v>
      </c>
      <c r="J7440" s="1" t="s">
        <v>25488</v>
      </c>
      <c r="K7440" s="1" t="s">
        <v>11</v>
      </c>
      <c r="L7440" s="1" t="s">
        <v>25910</v>
      </c>
      <c r="M7440" s="1" t="s">
        <v>5</v>
      </c>
      <c r="N7440" s="1" t="s">
        <v>6</v>
      </c>
      <c r="O7440" s="1" t="s">
        <v>8</v>
      </c>
      <c r="P7440" s="5" t="s">
        <v>32371</v>
      </c>
    </row>
    <row r="7441" spans="1:16" x14ac:dyDescent="0.2">
      <c r="A7441" s="1" t="s">
        <v>66</v>
      </c>
      <c r="B7441" s="1" t="s">
        <v>212</v>
      </c>
      <c r="C7441" s="1" t="s">
        <v>25914</v>
      </c>
      <c r="D7441" s="1" t="s">
        <v>25915</v>
      </c>
      <c r="E7441" s="1"/>
      <c r="F7441" s="1" t="s">
        <v>27</v>
      </c>
      <c r="G7441" s="1" t="s">
        <v>10</v>
      </c>
      <c r="H7441" s="1" t="s">
        <v>25916</v>
      </c>
      <c r="I7441" s="1" t="s">
        <v>7415</v>
      </c>
      <c r="J7441" s="1" t="s">
        <v>25488</v>
      </c>
      <c r="K7441" s="1" t="s">
        <v>11</v>
      </c>
      <c r="L7441" s="1" t="s">
        <v>25913</v>
      </c>
      <c r="M7441" s="1" t="s">
        <v>5</v>
      </c>
      <c r="N7441" s="1" t="s">
        <v>6</v>
      </c>
      <c r="O7441" s="1" t="s">
        <v>8</v>
      </c>
      <c r="P7441" s="5" t="s">
        <v>32372</v>
      </c>
    </row>
    <row r="7442" spans="1:16" x14ac:dyDescent="0.2">
      <c r="A7442" s="1" t="s">
        <v>194</v>
      </c>
      <c r="B7442" s="1" t="s">
        <v>4492</v>
      </c>
      <c r="C7442" s="1" t="s">
        <v>25918</v>
      </c>
      <c r="D7442" s="1" t="s">
        <v>12040</v>
      </c>
      <c r="E7442" s="1"/>
      <c r="F7442" s="1" t="s">
        <v>474</v>
      </c>
      <c r="G7442" s="1" t="s">
        <v>476</v>
      </c>
      <c r="H7442" s="1" t="s">
        <v>10</v>
      </c>
      <c r="I7442" s="1" t="s">
        <v>7415</v>
      </c>
      <c r="J7442" s="1" t="s">
        <v>21769</v>
      </c>
      <c r="K7442" s="1" t="s">
        <v>64</v>
      </c>
      <c r="L7442" s="1" t="s">
        <v>25917</v>
      </c>
      <c r="M7442" s="1" t="s">
        <v>5</v>
      </c>
      <c r="N7442" s="1" t="s">
        <v>6</v>
      </c>
      <c r="O7442" s="1" t="s">
        <v>8</v>
      </c>
      <c r="P7442" s="5"/>
    </row>
    <row r="7443" spans="1:16" x14ac:dyDescent="0.2">
      <c r="A7443" s="1" t="s">
        <v>487</v>
      </c>
      <c r="B7443" s="1" t="s">
        <v>488</v>
      </c>
      <c r="C7443" s="1" t="s">
        <v>25920</v>
      </c>
      <c r="D7443" s="1" t="s">
        <v>25921</v>
      </c>
      <c r="E7443" s="1"/>
      <c r="F7443" s="1" t="s">
        <v>27</v>
      </c>
      <c r="G7443" s="1" t="s">
        <v>10</v>
      </c>
      <c r="H7443" s="1" t="s">
        <v>25922</v>
      </c>
      <c r="I7443" s="1" t="s">
        <v>7415</v>
      </c>
      <c r="J7443" s="1" t="s">
        <v>25137</v>
      </c>
      <c r="K7443" s="1" t="s">
        <v>64</v>
      </c>
      <c r="L7443" s="1" t="s">
        <v>25919</v>
      </c>
      <c r="M7443" s="1" t="s">
        <v>5</v>
      </c>
      <c r="N7443" s="1" t="s">
        <v>6</v>
      </c>
      <c r="O7443" s="1" t="s">
        <v>8</v>
      </c>
      <c r="P7443" s="5"/>
    </row>
    <row r="7444" spans="1:16" x14ac:dyDescent="0.2">
      <c r="A7444" s="1" t="s">
        <v>32</v>
      </c>
      <c r="B7444" s="1" t="s">
        <v>33</v>
      </c>
      <c r="C7444" s="1" t="s">
        <v>25924</v>
      </c>
      <c r="D7444" s="1" t="s">
        <v>25136</v>
      </c>
      <c r="E7444" s="1"/>
      <c r="F7444" s="1" t="s">
        <v>27</v>
      </c>
      <c r="G7444" s="1" t="s">
        <v>10</v>
      </c>
      <c r="H7444" s="1" t="s">
        <v>11011</v>
      </c>
      <c r="I7444" s="1" t="s">
        <v>7415</v>
      </c>
      <c r="J7444" s="1" t="s">
        <v>25137</v>
      </c>
      <c r="K7444" s="1" t="s">
        <v>64</v>
      </c>
      <c r="L7444" s="1" t="s">
        <v>25923</v>
      </c>
      <c r="M7444" s="1" t="s">
        <v>5</v>
      </c>
      <c r="N7444" s="1" t="s">
        <v>6</v>
      </c>
      <c r="O7444" s="1" t="s">
        <v>8</v>
      </c>
      <c r="P7444" s="5"/>
    </row>
    <row r="7445" spans="1:16" x14ac:dyDescent="0.2">
      <c r="A7445" s="1" t="s">
        <v>32</v>
      </c>
      <c r="B7445" s="1" t="s">
        <v>33</v>
      </c>
      <c r="C7445" s="1" t="s">
        <v>25926</v>
      </c>
      <c r="D7445" s="1" t="s">
        <v>25927</v>
      </c>
      <c r="E7445" s="1"/>
      <c r="F7445" s="1" t="s">
        <v>27</v>
      </c>
      <c r="G7445" s="1" t="s">
        <v>10</v>
      </c>
      <c r="H7445" s="1" t="s">
        <v>25928</v>
      </c>
      <c r="I7445" s="1" t="s">
        <v>7415</v>
      </c>
      <c r="J7445" s="1" t="s">
        <v>25137</v>
      </c>
      <c r="K7445" s="1" t="s">
        <v>64</v>
      </c>
      <c r="L7445" s="1" t="s">
        <v>25925</v>
      </c>
      <c r="M7445" s="1" t="s">
        <v>5</v>
      </c>
      <c r="N7445" s="1" t="s">
        <v>25</v>
      </c>
      <c r="O7445" s="1" t="s">
        <v>8</v>
      </c>
      <c r="P7445" s="5"/>
    </row>
    <row r="7446" spans="1:16" x14ac:dyDescent="0.2">
      <c r="A7446" s="1" t="s">
        <v>487</v>
      </c>
      <c r="B7446" s="1" t="s">
        <v>488</v>
      </c>
      <c r="C7446" s="1" t="s">
        <v>25930</v>
      </c>
      <c r="D7446" s="1" t="s">
        <v>10</v>
      </c>
      <c r="E7446" s="1"/>
      <c r="F7446" s="1" t="s">
        <v>393</v>
      </c>
      <c r="G7446" s="1" t="s">
        <v>10</v>
      </c>
      <c r="H7446" s="1" t="s">
        <v>10</v>
      </c>
      <c r="I7446" s="1" t="s">
        <v>7415</v>
      </c>
      <c r="J7446" s="1" t="s">
        <v>21769</v>
      </c>
      <c r="K7446" s="1" t="s">
        <v>64</v>
      </c>
      <c r="L7446" s="1" t="s">
        <v>25929</v>
      </c>
      <c r="M7446" s="1" t="s">
        <v>5</v>
      </c>
      <c r="N7446" s="1" t="s">
        <v>6</v>
      </c>
      <c r="O7446" s="1" t="s">
        <v>8</v>
      </c>
      <c r="P7446" s="5" t="s">
        <v>10</v>
      </c>
    </row>
    <row r="7447" spans="1:16" x14ac:dyDescent="0.2">
      <c r="A7447" s="1" t="s">
        <v>487</v>
      </c>
      <c r="B7447" s="1" t="s">
        <v>10</v>
      </c>
      <c r="C7447" s="1" t="s">
        <v>25932</v>
      </c>
      <c r="D7447" s="1" t="s">
        <v>25933</v>
      </c>
      <c r="E7447" s="1"/>
      <c r="F7447" s="1" t="s">
        <v>393</v>
      </c>
      <c r="G7447" s="1" t="s">
        <v>10</v>
      </c>
      <c r="H7447" s="1" t="s">
        <v>10</v>
      </c>
      <c r="I7447" s="1" t="s">
        <v>7415</v>
      </c>
      <c r="J7447" s="1" t="s">
        <v>21769</v>
      </c>
      <c r="K7447" s="1" t="s">
        <v>64</v>
      </c>
      <c r="L7447" s="1" t="s">
        <v>25931</v>
      </c>
      <c r="M7447" s="1" t="s">
        <v>5</v>
      </c>
      <c r="N7447" s="1" t="s">
        <v>6</v>
      </c>
      <c r="O7447" s="1" t="s">
        <v>8</v>
      </c>
      <c r="P7447" s="5" t="s">
        <v>10</v>
      </c>
    </row>
    <row r="7448" spans="1:16" x14ac:dyDescent="0.2">
      <c r="A7448" s="1" t="s">
        <v>487</v>
      </c>
      <c r="B7448" s="1" t="s">
        <v>10</v>
      </c>
      <c r="C7448" s="1" t="s">
        <v>25935</v>
      </c>
      <c r="D7448" s="1" t="s">
        <v>25936</v>
      </c>
      <c r="E7448" s="1"/>
      <c r="F7448" s="1" t="s">
        <v>393</v>
      </c>
      <c r="G7448" s="1" t="s">
        <v>10</v>
      </c>
      <c r="H7448" s="1" t="s">
        <v>10</v>
      </c>
      <c r="I7448" s="1" t="s">
        <v>7415</v>
      </c>
      <c r="J7448" s="1" t="s">
        <v>21769</v>
      </c>
      <c r="K7448" s="1" t="s">
        <v>64</v>
      </c>
      <c r="L7448" s="1" t="s">
        <v>25934</v>
      </c>
      <c r="M7448" s="1" t="s">
        <v>5</v>
      </c>
      <c r="N7448" s="1" t="s">
        <v>6</v>
      </c>
      <c r="O7448" s="1" t="s">
        <v>8</v>
      </c>
      <c r="P7448" s="5" t="s">
        <v>10</v>
      </c>
    </row>
    <row r="7449" spans="1:16" x14ac:dyDescent="0.2">
      <c r="A7449" s="1" t="s">
        <v>194</v>
      </c>
      <c r="B7449" s="1" t="s">
        <v>4492</v>
      </c>
      <c r="C7449" s="1" t="s">
        <v>25938</v>
      </c>
      <c r="D7449" s="1" t="s">
        <v>12040</v>
      </c>
      <c r="E7449" s="1"/>
      <c r="F7449" s="1" t="s">
        <v>474</v>
      </c>
      <c r="G7449" s="1" t="s">
        <v>476</v>
      </c>
      <c r="H7449" s="1" t="s">
        <v>10</v>
      </c>
      <c r="I7449" s="1" t="s">
        <v>7415</v>
      </c>
      <c r="J7449" s="1" t="s">
        <v>21769</v>
      </c>
      <c r="K7449" s="1" t="s">
        <v>64</v>
      </c>
      <c r="L7449" s="1" t="s">
        <v>25937</v>
      </c>
      <c r="M7449" s="1" t="s">
        <v>5</v>
      </c>
      <c r="N7449" s="1" t="s">
        <v>6</v>
      </c>
      <c r="O7449" s="1" t="s">
        <v>8</v>
      </c>
      <c r="P7449" s="5"/>
    </row>
    <row r="7450" spans="1:16" x14ac:dyDescent="0.2">
      <c r="A7450" s="1" t="s">
        <v>487</v>
      </c>
      <c r="B7450" s="1" t="s">
        <v>488</v>
      </c>
      <c r="C7450" s="1" t="s">
        <v>25940</v>
      </c>
      <c r="D7450" s="1" t="s">
        <v>10</v>
      </c>
      <c r="E7450" s="1"/>
      <c r="F7450" s="1" t="s">
        <v>393</v>
      </c>
      <c r="G7450" s="1" t="s">
        <v>10</v>
      </c>
      <c r="H7450" s="1" t="s">
        <v>10</v>
      </c>
      <c r="I7450" s="1" t="s">
        <v>7415</v>
      </c>
      <c r="J7450" s="1" t="s">
        <v>21769</v>
      </c>
      <c r="K7450" s="1" t="s">
        <v>64</v>
      </c>
      <c r="L7450" s="1" t="s">
        <v>25939</v>
      </c>
      <c r="M7450" s="1" t="s">
        <v>5</v>
      </c>
      <c r="N7450" s="1" t="s">
        <v>6</v>
      </c>
      <c r="O7450" s="1" t="s">
        <v>8</v>
      </c>
      <c r="P7450" s="5" t="s">
        <v>10</v>
      </c>
    </row>
    <row r="7451" spans="1:16" x14ac:dyDescent="0.2">
      <c r="A7451" s="1" t="s">
        <v>487</v>
      </c>
      <c r="B7451" s="1" t="s">
        <v>765</v>
      </c>
      <c r="C7451" s="1" t="s">
        <v>25942</v>
      </c>
      <c r="D7451" s="1" t="s">
        <v>25943</v>
      </c>
      <c r="E7451" s="1"/>
      <c r="F7451" s="1" t="s">
        <v>27</v>
      </c>
      <c r="G7451" s="1" t="s">
        <v>10</v>
      </c>
      <c r="H7451" s="1" t="s">
        <v>25943</v>
      </c>
      <c r="I7451" s="1" t="s">
        <v>7415</v>
      </c>
      <c r="J7451" s="1" t="s">
        <v>25137</v>
      </c>
      <c r="K7451" s="1" t="s">
        <v>64</v>
      </c>
      <c r="L7451" s="1" t="s">
        <v>25941</v>
      </c>
      <c r="M7451" s="1" t="s">
        <v>5</v>
      </c>
      <c r="N7451" s="1" t="s">
        <v>25</v>
      </c>
      <c r="O7451" s="1" t="s">
        <v>8</v>
      </c>
      <c r="P7451" s="5"/>
    </row>
    <row r="7452" spans="1:16" x14ac:dyDescent="0.2">
      <c r="A7452" s="1" t="s">
        <v>487</v>
      </c>
      <c r="B7452" s="1" t="s">
        <v>765</v>
      </c>
      <c r="C7452" s="1" t="s">
        <v>25945</v>
      </c>
      <c r="D7452" s="1" t="s">
        <v>25945</v>
      </c>
      <c r="E7452" s="1"/>
      <c r="F7452" s="1" t="s">
        <v>27</v>
      </c>
      <c r="G7452" s="1" t="s">
        <v>10</v>
      </c>
      <c r="H7452" s="1" t="s">
        <v>25946</v>
      </c>
      <c r="I7452" s="1" t="s">
        <v>7415</v>
      </c>
      <c r="J7452" s="1" t="s">
        <v>25137</v>
      </c>
      <c r="K7452" s="1" t="s">
        <v>64</v>
      </c>
      <c r="L7452" s="1" t="s">
        <v>25944</v>
      </c>
      <c r="M7452" s="1" t="s">
        <v>5</v>
      </c>
      <c r="N7452" s="1" t="s">
        <v>6</v>
      </c>
      <c r="O7452" s="1" t="s">
        <v>8</v>
      </c>
      <c r="P7452" s="5"/>
    </row>
    <row r="7453" spans="1:16" x14ac:dyDescent="0.2">
      <c r="A7453" s="1" t="s">
        <v>1086</v>
      </c>
      <c r="B7453" s="1" t="s">
        <v>1181</v>
      </c>
      <c r="C7453" s="1" t="s">
        <v>25948</v>
      </c>
      <c r="D7453" s="1" t="s">
        <v>10</v>
      </c>
      <c r="E7453" s="1"/>
      <c r="F7453" s="1" t="s">
        <v>10</v>
      </c>
      <c r="G7453" s="1" t="s">
        <v>10</v>
      </c>
      <c r="H7453" s="1" t="s">
        <v>794</v>
      </c>
      <c r="I7453" s="1" t="s">
        <v>7415</v>
      </c>
      <c r="J7453" s="1" t="s">
        <v>15496</v>
      </c>
      <c r="K7453" s="1" t="s">
        <v>37</v>
      </c>
      <c r="L7453" s="1" t="s">
        <v>25947</v>
      </c>
      <c r="M7453" s="1" t="s">
        <v>5</v>
      </c>
      <c r="N7453" s="1" t="s">
        <v>6</v>
      </c>
      <c r="O7453" s="1" t="s">
        <v>8</v>
      </c>
      <c r="P7453" s="5"/>
    </row>
    <row r="7454" spans="1:16" x14ac:dyDescent="0.2">
      <c r="A7454" s="1" t="s">
        <v>194</v>
      </c>
      <c r="B7454" s="1" t="s">
        <v>396</v>
      </c>
      <c r="C7454" s="1" t="s">
        <v>25950</v>
      </c>
      <c r="D7454" s="1" t="s">
        <v>25951</v>
      </c>
      <c r="E7454" s="1"/>
      <c r="F7454" s="1" t="s">
        <v>10</v>
      </c>
      <c r="G7454" s="1" t="s">
        <v>10</v>
      </c>
      <c r="H7454" s="1" t="s">
        <v>10</v>
      </c>
      <c r="I7454" s="1" t="s">
        <v>7415</v>
      </c>
      <c r="J7454" s="1" t="s">
        <v>21769</v>
      </c>
      <c r="K7454" s="1" t="s">
        <v>27</v>
      </c>
      <c r="L7454" s="1" t="s">
        <v>25949</v>
      </c>
      <c r="M7454" s="1" t="s">
        <v>5</v>
      </c>
      <c r="N7454" s="1" t="s">
        <v>1009</v>
      </c>
      <c r="O7454" s="1" t="s">
        <v>38</v>
      </c>
      <c r="P7454" s="5" t="s">
        <v>32373</v>
      </c>
    </row>
    <row r="7455" spans="1:16" x14ac:dyDescent="0.2">
      <c r="A7455" s="1" t="s">
        <v>194</v>
      </c>
      <c r="B7455" s="1" t="s">
        <v>195</v>
      </c>
      <c r="C7455" s="1" t="s">
        <v>25953</v>
      </c>
      <c r="D7455" s="1" t="s">
        <v>25954</v>
      </c>
      <c r="E7455" s="1" t="s">
        <v>25955</v>
      </c>
      <c r="F7455" s="1" t="s">
        <v>474</v>
      </c>
      <c r="G7455" s="1" t="s">
        <v>10</v>
      </c>
      <c r="H7455" s="1" t="s">
        <v>10</v>
      </c>
      <c r="I7455" s="1" t="s">
        <v>7415</v>
      </c>
      <c r="J7455" s="1" t="s">
        <v>21769</v>
      </c>
      <c r="K7455" s="1" t="s">
        <v>27</v>
      </c>
      <c r="L7455" s="1" t="s">
        <v>25952</v>
      </c>
      <c r="M7455" s="1" t="s">
        <v>5</v>
      </c>
      <c r="N7455" s="1" t="s">
        <v>25</v>
      </c>
      <c r="O7455" s="1" t="s">
        <v>38</v>
      </c>
      <c r="P7455" s="5" t="s">
        <v>32374</v>
      </c>
    </row>
    <row r="7456" spans="1:16" x14ac:dyDescent="0.2">
      <c r="A7456" s="1" t="s">
        <v>194</v>
      </c>
      <c r="B7456" s="1" t="s">
        <v>195</v>
      </c>
      <c r="C7456" s="1" t="s">
        <v>25957</v>
      </c>
      <c r="D7456" s="1" t="s">
        <v>25958</v>
      </c>
      <c r="E7456" s="1" t="s">
        <v>25959</v>
      </c>
      <c r="F7456" s="1" t="s">
        <v>474</v>
      </c>
      <c r="G7456" s="1" t="s">
        <v>10</v>
      </c>
      <c r="H7456" s="1" t="s">
        <v>10</v>
      </c>
      <c r="I7456" s="1" t="s">
        <v>7415</v>
      </c>
      <c r="J7456" s="1" t="s">
        <v>21769</v>
      </c>
      <c r="K7456" s="1" t="s">
        <v>27</v>
      </c>
      <c r="L7456" s="1" t="s">
        <v>25956</v>
      </c>
      <c r="M7456" s="1" t="s">
        <v>5</v>
      </c>
      <c r="N7456" s="1" t="s">
        <v>25</v>
      </c>
      <c r="O7456" s="1" t="s">
        <v>38</v>
      </c>
      <c r="P7456" s="5" t="s">
        <v>32374</v>
      </c>
    </row>
    <row r="7457" spans="1:16" x14ac:dyDescent="0.2">
      <c r="A7457" s="1" t="s">
        <v>32</v>
      </c>
      <c r="B7457" s="1" t="s">
        <v>33</v>
      </c>
      <c r="C7457" s="1" t="s">
        <v>8834</v>
      </c>
      <c r="D7457" s="1" t="s">
        <v>25961</v>
      </c>
      <c r="E7457" s="1"/>
      <c r="F7457" s="1" t="s">
        <v>27</v>
      </c>
      <c r="G7457" s="1" t="s">
        <v>10</v>
      </c>
      <c r="H7457" s="1" t="s">
        <v>25962</v>
      </c>
      <c r="I7457" s="1" t="s">
        <v>7415</v>
      </c>
      <c r="J7457" s="1" t="s">
        <v>25137</v>
      </c>
      <c r="K7457" s="1" t="s">
        <v>64</v>
      </c>
      <c r="L7457" s="1" t="s">
        <v>25960</v>
      </c>
      <c r="M7457" s="1" t="s">
        <v>5</v>
      </c>
      <c r="N7457" s="1" t="s">
        <v>6</v>
      </c>
      <c r="O7457" s="1" t="s">
        <v>8</v>
      </c>
      <c r="P7457" s="5"/>
    </row>
    <row r="7458" spans="1:16" x14ac:dyDescent="0.2">
      <c r="A7458" s="1" t="s">
        <v>66</v>
      </c>
      <c r="B7458" s="1" t="s">
        <v>212</v>
      </c>
      <c r="C7458" s="1" t="s">
        <v>25964</v>
      </c>
      <c r="D7458" s="1" t="s">
        <v>25550</v>
      </c>
      <c r="E7458" s="1"/>
      <c r="F7458" s="1" t="s">
        <v>10</v>
      </c>
      <c r="G7458" s="1" t="s">
        <v>10</v>
      </c>
      <c r="H7458" s="1" t="s">
        <v>10</v>
      </c>
      <c r="I7458" s="1" t="s">
        <v>7415</v>
      </c>
      <c r="J7458" s="1" t="s">
        <v>21769</v>
      </c>
      <c r="K7458" s="1" t="s">
        <v>64</v>
      </c>
      <c r="L7458" s="1" t="s">
        <v>25963</v>
      </c>
      <c r="M7458" s="1" t="s">
        <v>5</v>
      </c>
      <c r="N7458" s="1" t="s">
        <v>1009</v>
      </c>
      <c r="O7458" s="1" t="s">
        <v>38</v>
      </c>
      <c r="P7458" s="5" t="s">
        <v>32375</v>
      </c>
    </row>
    <row r="7459" spans="1:16" x14ac:dyDescent="0.2">
      <c r="A7459" s="1" t="s">
        <v>20</v>
      </c>
      <c r="B7459" s="1" t="s">
        <v>253</v>
      </c>
      <c r="C7459" s="1" t="s">
        <v>25966</v>
      </c>
      <c r="D7459" s="1" t="s">
        <v>25456</v>
      </c>
      <c r="E7459" s="1"/>
      <c r="F7459" s="1" t="s">
        <v>10</v>
      </c>
      <c r="G7459" s="1" t="s">
        <v>10</v>
      </c>
      <c r="H7459" s="1" t="s">
        <v>10</v>
      </c>
      <c r="I7459" s="1" t="s">
        <v>7415</v>
      </c>
      <c r="J7459" s="1" t="s">
        <v>25141</v>
      </c>
      <c r="K7459" s="1" t="s">
        <v>27</v>
      </c>
      <c r="L7459" s="1" t="s">
        <v>25965</v>
      </c>
      <c r="M7459" s="1" t="s">
        <v>5</v>
      </c>
      <c r="N7459" s="1" t="s">
        <v>1009</v>
      </c>
      <c r="O7459" s="1" t="s">
        <v>38</v>
      </c>
      <c r="P7459" s="5" t="s">
        <v>32376</v>
      </c>
    </row>
    <row r="7460" spans="1:16" x14ac:dyDescent="0.2">
      <c r="A7460" s="1" t="s">
        <v>487</v>
      </c>
      <c r="B7460" s="1" t="s">
        <v>488</v>
      </c>
      <c r="C7460" s="1" t="s">
        <v>25968</v>
      </c>
      <c r="D7460" s="1" t="s">
        <v>25969</v>
      </c>
      <c r="E7460" s="1"/>
      <c r="F7460" s="1" t="s">
        <v>27</v>
      </c>
      <c r="G7460" s="1" t="s">
        <v>10</v>
      </c>
      <c r="H7460" s="1" t="s">
        <v>25970</v>
      </c>
      <c r="I7460" s="1" t="s">
        <v>7415</v>
      </c>
      <c r="J7460" s="1" t="s">
        <v>21769</v>
      </c>
      <c r="K7460" s="1" t="s">
        <v>64</v>
      </c>
      <c r="L7460" s="1" t="s">
        <v>25967</v>
      </c>
      <c r="M7460" s="1" t="s">
        <v>5</v>
      </c>
      <c r="N7460" s="1" t="s">
        <v>1009</v>
      </c>
      <c r="O7460" s="1" t="s">
        <v>8</v>
      </c>
      <c r="P7460" s="5" t="s">
        <v>32377</v>
      </c>
    </row>
    <row r="7461" spans="1:16" x14ac:dyDescent="0.2">
      <c r="A7461" s="1" t="s">
        <v>20</v>
      </c>
      <c r="B7461" s="1" t="s">
        <v>10</v>
      </c>
      <c r="C7461" s="1" t="s">
        <v>25972</v>
      </c>
      <c r="D7461" s="1" t="s">
        <v>10</v>
      </c>
      <c r="E7461" s="1"/>
      <c r="F7461" s="1" t="s">
        <v>27</v>
      </c>
      <c r="G7461" s="1" t="s">
        <v>10</v>
      </c>
      <c r="H7461" s="1" t="s">
        <v>1760</v>
      </c>
      <c r="I7461" s="1" t="s">
        <v>7415</v>
      </c>
      <c r="J7461" s="1" t="s">
        <v>25137</v>
      </c>
      <c r="K7461" s="1" t="s">
        <v>64</v>
      </c>
      <c r="L7461" s="1" t="s">
        <v>25971</v>
      </c>
      <c r="M7461" s="1" t="s">
        <v>5</v>
      </c>
      <c r="N7461" s="1" t="s">
        <v>25</v>
      </c>
      <c r="O7461" s="1" t="s">
        <v>8</v>
      </c>
      <c r="P7461" s="5" t="s">
        <v>10</v>
      </c>
    </row>
    <row r="7462" spans="1:16" x14ac:dyDescent="0.2">
      <c r="A7462" s="1" t="s">
        <v>20</v>
      </c>
      <c r="B7462" s="1" t="s">
        <v>253</v>
      </c>
      <c r="C7462" s="1" t="s">
        <v>25974</v>
      </c>
      <c r="D7462" s="1" t="s">
        <v>25975</v>
      </c>
      <c r="E7462" s="1"/>
      <c r="F7462" s="1" t="s">
        <v>10</v>
      </c>
      <c r="G7462" s="1" t="s">
        <v>10</v>
      </c>
      <c r="H7462" s="1" t="s">
        <v>10</v>
      </c>
      <c r="I7462" s="1" t="s">
        <v>7415</v>
      </c>
      <c r="J7462" s="1" t="s">
        <v>21769</v>
      </c>
      <c r="K7462" s="1" t="s">
        <v>27</v>
      </c>
      <c r="L7462" s="1" t="s">
        <v>25973</v>
      </c>
      <c r="M7462" s="1" t="s">
        <v>5</v>
      </c>
      <c r="N7462" s="1" t="s">
        <v>25</v>
      </c>
      <c r="O7462" s="1" t="s">
        <v>38</v>
      </c>
      <c r="P7462" s="5" t="s">
        <v>30769</v>
      </c>
    </row>
    <row r="7463" spans="1:16" x14ac:dyDescent="0.2">
      <c r="A7463" s="1" t="s">
        <v>194</v>
      </c>
      <c r="B7463" s="1" t="s">
        <v>396</v>
      </c>
      <c r="C7463" s="1" t="s">
        <v>25977</v>
      </c>
      <c r="D7463" s="1" t="s">
        <v>25285</v>
      </c>
      <c r="E7463" s="1"/>
      <c r="F7463" s="1" t="s">
        <v>10</v>
      </c>
      <c r="G7463" s="1" t="s">
        <v>10</v>
      </c>
      <c r="H7463" s="1" t="s">
        <v>10</v>
      </c>
      <c r="I7463" s="1" t="s">
        <v>7415</v>
      </c>
      <c r="J7463" s="1" t="s">
        <v>25286</v>
      </c>
      <c r="K7463" s="1" t="s">
        <v>27</v>
      </c>
      <c r="L7463" s="1" t="s">
        <v>25976</v>
      </c>
      <c r="M7463" s="1" t="s">
        <v>5</v>
      </c>
      <c r="N7463" s="1" t="s">
        <v>1009</v>
      </c>
      <c r="O7463" s="1" t="s">
        <v>38</v>
      </c>
      <c r="P7463" s="5" t="s">
        <v>32378</v>
      </c>
    </row>
    <row r="7464" spans="1:16" x14ac:dyDescent="0.2">
      <c r="A7464" s="1" t="s">
        <v>194</v>
      </c>
      <c r="B7464" s="1" t="s">
        <v>6481</v>
      </c>
      <c r="C7464" s="1" t="s">
        <v>25979</v>
      </c>
      <c r="D7464" s="1" t="s">
        <v>25980</v>
      </c>
      <c r="E7464" s="1"/>
      <c r="F7464" s="1" t="s">
        <v>10</v>
      </c>
      <c r="G7464" s="1" t="s">
        <v>10</v>
      </c>
      <c r="H7464" s="1" t="s">
        <v>10</v>
      </c>
      <c r="I7464" s="1" t="s">
        <v>7415</v>
      </c>
      <c r="J7464" s="1" t="s">
        <v>25286</v>
      </c>
      <c r="K7464" s="1" t="s">
        <v>27</v>
      </c>
      <c r="L7464" s="1" t="s">
        <v>25978</v>
      </c>
      <c r="M7464" s="1" t="s">
        <v>5</v>
      </c>
      <c r="N7464" s="1" t="s">
        <v>1009</v>
      </c>
      <c r="O7464" s="1" t="s">
        <v>38</v>
      </c>
      <c r="P7464" s="5" t="s">
        <v>32379</v>
      </c>
    </row>
    <row r="7465" spans="1:16" x14ac:dyDescent="0.2">
      <c r="A7465" s="1" t="s">
        <v>194</v>
      </c>
      <c r="B7465" s="1" t="s">
        <v>195</v>
      </c>
      <c r="C7465" s="1" t="s">
        <v>25982</v>
      </c>
      <c r="D7465" s="1" t="s">
        <v>25983</v>
      </c>
      <c r="E7465" s="1" t="s">
        <v>25984</v>
      </c>
      <c r="F7465" s="1" t="s">
        <v>474</v>
      </c>
      <c r="G7465" s="1" t="s">
        <v>10</v>
      </c>
      <c r="H7465" s="1" t="s">
        <v>10</v>
      </c>
      <c r="I7465" s="1" t="s">
        <v>7415</v>
      </c>
      <c r="J7465" s="1" t="s">
        <v>21769</v>
      </c>
      <c r="K7465" s="1" t="s">
        <v>27</v>
      </c>
      <c r="L7465" s="1" t="s">
        <v>25981</v>
      </c>
      <c r="M7465" s="1" t="s">
        <v>5</v>
      </c>
      <c r="N7465" s="1" t="s">
        <v>25</v>
      </c>
      <c r="O7465" s="1" t="s">
        <v>38</v>
      </c>
      <c r="P7465" s="5" t="s">
        <v>32380</v>
      </c>
    </row>
    <row r="7466" spans="1:16" x14ac:dyDescent="0.2">
      <c r="A7466" s="1" t="s">
        <v>194</v>
      </c>
      <c r="B7466" s="1" t="s">
        <v>6481</v>
      </c>
      <c r="C7466" s="1" t="s">
        <v>25986</v>
      </c>
      <c r="D7466" s="1" t="s">
        <v>25987</v>
      </c>
      <c r="E7466" s="1"/>
      <c r="F7466" s="1" t="s">
        <v>10</v>
      </c>
      <c r="G7466" s="1" t="s">
        <v>10</v>
      </c>
      <c r="H7466" s="1" t="s">
        <v>10</v>
      </c>
      <c r="I7466" s="1" t="s">
        <v>7415</v>
      </c>
      <c r="J7466" s="1" t="s">
        <v>25286</v>
      </c>
      <c r="K7466" s="1" t="s">
        <v>27</v>
      </c>
      <c r="L7466" s="1" t="s">
        <v>25985</v>
      </c>
      <c r="M7466" s="1" t="s">
        <v>5</v>
      </c>
      <c r="N7466" s="1" t="s">
        <v>1009</v>
      </c>
      <c r="O7466" s="1" t="s">
        <v>38</v>
      </c>
      <c r="P7466" s="5" t="s">
        <v>32381</v>
      </c>
    </row>
    <row r="7467" spans="1:16" x14ac:dyDescent="0.2">
      <c r="A7467" s="1" t="s">
        <v>194</v>
      </c>
      <c r="B7467" s="1" t="s">
        <v>396</v>
      </c>
      <c r="C7467" s="1" t="s">
        <v>25989</v>
      </c>
      <c r="D7467" s="1" t="s">
        <v>8838</v>
      </c>
      <c r="E7467" s="1"/>
      <c r="F7467" s="1" t="s">
        <v>10</v>
      </c>
      <c r="G7467" s="1" t="s">
        <v>10</v>
      </c>
      <c r="H7467" s="1" t="s">
        <v>10</v>
      </c>
      <c r="I7467" s="1" t="s">
        <v>7415</v>
      </c>
      <c r="J7467" s="1" t="s">
        <v>25141</v>
      </c>
      <c r="K7467" s="1" t="s">
        <v>64</v>
      </c>
      <c r="L7467" s="1" t="s">
        <v>25988</v>
      </c>
      <c r="M7467" s="1" t="s">
        <v>5</v>
      </c>
      <c r="N7467" s="1" t="s">
        <v>6</v>
      </c>
      <c r="O7467" s="1" t="s">
        <v>38</v>
      </c>
      <c r="P7467" s="5" t="s">
        <v>32382</v>
      </c>
    </row>
    <row r="7468" spans="1:16" x14ac:dyDescent="0.2">
      <c r="A7468" s="1" t="s">
        <v>20</v>
      </c>
      <c r="B7468" s="1" t="s">
        <v>132</v>
      </c>
      <c r="C7468" s="1" t="s">
        <v>25991</v>
      </c>
      <c r="D7468" s="1" t="s">
        <v>25992</v>
      </c>
      <c r="E7468" s="1"/>
      <c r="F7468" s="1" t="s">
        <v>10</v>
      </c>
      <c r="G7468" s="1" t="s">
        <v>10</v>
      </c>
      <c r="H7468" s="1" t="s">
        <v>10</v>
      </c>
      <c r="I7468" s="1" t="s">
        <v>7415</v>
      </c>
      <c r="J7468" s="1" t="s">
        <v>25286</v>
      </c>
      <c r="K7468" s="1" t="s">
        <v>27</v>
      </c>
      <c r="L7468" s="1" t="s">
        <v>25990</v>
      </c>
      <c r="M7468" s="1" t="s">
        <v>5</v>
      </c>
      <c r="N7468" s="1" t="s">
        <v>1009</v>
      </c>
      <c r="O7468" s="1" t="s">
        <v>38</v>
      </c>
      <c r="P7468" s="5" t="s">
        <v>32199</v>
      </c>
    </row>
    <row r="7469" spans="1:16" x14ac:dyDescent="0.2">
      <c r="A7469" s="1" t="s">
        <v>194</v>
      </c>
      <c r="B7469" s="1" t="s">
        <v>396</v>
      </c>
      <c r="C7469" s="1" t="s">
        <v>25994</v>
      </c>
      <c r="D7469" s="1" t="s">
        <v>25188</v>
      </c>
      <c r="E7469" s="1"/>
      <c r="F7469" s="1" t="s">
        <v>10</v>
      </c>
      <c r="G7469" s="1" t="s">
        <v>10</v>
      </c>
      <c r="H7469" s="1" t="s">
        <v>10</v>
      </c>
      <c r="I7469" s="1" t="s">
        <v>7415</v>
      </c>
      <c r="J7469" s="1" t="s">
        <v>25145</v>
      </c>
      <c r="K7469" s="1" t="s">
        <v>27</v>
      </c>
      <c r="L7469" s="1" t="s">
        <v>25993</v>
      </c>
      <c r="M7469" s="1" t="s">
        <v>5</v>
      </c>
      <c r="N7469" s="1" t="s">
        <v>6</v>
      </c>
      <c r="O7469" s="1" t="s">
        <v>38</v>
      </c>
      <c r="P7469" s="5" t="s">
        <v>32383</v>
      </c>
    </row>
    <row r="7470" spans="1:16" x14ac:dyDescent="0.2">
      <c r="A7470" s="1" t="s">
        <v>487</v>
      </c>
      <c r="B7470" s="1" t="s">
        <v>488</v>
      </c>
      <c r="C7470" s="1" t="s">
        <v>25996</v>
      </c>
      <c r="D7470" s="1" t="s">
        <v>10</v>
      </c>
      <c r="E7470" s="1"/>
      <c r="F7470" s="1" t="s">
        <v>27</v>
      </c>
      <c r="G7470" s="1" t="s">
        <v>10</v>
      </c>
      <c r="H7470" s="1" t="s">
        <v>25422</v>
      </c>
      <c r="I7470" s="1" t="s">
        <v>7415</v>
      </c>
      <c r="J7470" s="1" t="s">
        <v>25137</v>
      </c>
      <c r="K7470" s="1" t="s">
        <v>64</v>
      </c>
      <c r="L7470" s="1" t="s">
        <v>25995</v>
      </c>
      <c r="M7470" s="1" t="s">
        <v>5</v>
      </c>
      <c r="N7470" s="1" t="s">
        <v>6</v>
      </c>
      <c r="O7470" s="1" t="s">
        <v>8</v>
      </c>
      <c r="P7470" s="5"/>
    </row>
    <row r="7471" spans="1:16" x14ac:dyDescent="0.2">
      <c r="A7471" s="1" t="s">
        <v>194</v>
      </c>
      <c r="B7471" s="1" t="s">
        <v>4492</v>
      </c>
      <c r="C7471" s="1" t="s">
        <v>25998</v>
      </c>
      <c r="D7471" s="1" t="s">
        <v>21420</v>
      </c>
      <c r="E7471" s="1"/>
      <c r="F7471" s="1" t="s">
        <v>683</v>
      </c>
      <c r="G7471" s="1" t="s">
        <v>685</v>
      </c>
      <c r="H7471" s="1" t="s">
        <v>10</v>
      </c>
      <c r="I7471" s="1" t="s">
        <v>7415</v>
      </c>
      <c r="J7471" s="1" t="s">
        <v>21769</v>
      </c>
      <c r="K7471" s="1" t="s">
        <v>64</v>
      </c>
      <c r="L7471" s="1" t="s">
        <v>25997</v>
      </c>
      <c r="M7471" s="1" t="s">
        <v>5</v>
      </c>
      <c r="N7471" s="1" t="s">
        <v>6</v>
      </c>
      <c r="O7471" s="1" t="s">
        <v>8</v>
      </c>
      <c r="P7471" s="5"/>
    </row>
    <row r="7472" spans="1:16" x14ac:dyDescent="0.2">
      <c r="A7472" s="1" t="s">
        <v>66</v>
      </c>
      <c r="B7472" s="1" t="s">
        <v>212</v>
      </c>
      <c r="C7472" s="1" t="s">
        <v>26000</v>
      </c>
      <c r="D7472" s="1" t="s">
        <v>26001</v>
      </c>
      <c r="E7472" s="1"/>
      <c r="F7472" s="1" t="s">
        <v>10</v>
      </c>
      <c r="G7472" s="1" t="s">
        <v>10</v>
      </c>
      <c r="H7472" s="1" t="s">
        <v>10</v>
      </c>
      <c r="I7472" s="1" t="s">
        <v>7415</v>
      </c>
      <c r="J7472" s="1" t="s">
        <v>25141</v>
      </c>
      <c r="K7472" s="1" t="s">
        <v>27</v>
      </c>
      <c r="L7472" s="1" t="s">
        <v>25999</v>
      </c>
      <c r="M7472" s="1" t="s">
        <v>5</v>
      </c>
      <c r="N7472" s="1" t="s">
        <v>1009</v>
      </c>
      <c r="O7472" s="1" t="s">
        <v>38</v>
      </c>
      <c r="P7472" s="5" t="s">
        <v>32384</v>
      </c>
    </row>
    <row r="7473" spans="1:16" x14ac:dyDescent="0.2">
      <c r="A7473" s="1" t="s">
        <v>194</v>
      </c>
      <c r="B7473" s="1" t="s">
        <v>396</v>
      </c>
      <c r="C7473" s="1" t="s">
        <v>26003</v>
      </c>
      <c r="D7473" s="1" t="s">
        <v>26004</v>
      </c>
      <c r="E7473" s="1"/>
      <c r="F7473" s="1" t="s">
        <v>10</v>
      </c>
      <c r="G7473" s="1" t="s">
        <v>10</v>
      </c>
      <c r="H7473" s="1" t="s">
        <v>10</v>
      </c>
      <c r="I7473" s="1" t="s">
        <v>7415</v>
      </c>
      <c r="J7473" s="1" t="s">
        <v>25141</v>
      </c>
      <c r="K7473" s="1" t="s">
        <v>64</v>
      </c>
      <c r="L7473" s="1" t="s">
        <v>26002</v>
      </c>
      <c r="M7473" s="1" t="s">
        <v>5</v>
      </c>
      <c r="N7473" s="1" t="s">
        <v>6</v>
      </c>
      <c r="O7473" s="1" t="s">
        <v>38</v>
      </c>
      <c r="P7473" s="5" t="s">
        <v>32385</v>
      </c>
    </row>
    <row r="7474" spans="1:16" x14ac:dyDescent="0.2">
      <c r="A7474" s="1" t="s">
        <v>66</v>
      </c>
      <c r="B7474" s="1" t="s">
        <v>212</v>
      </c>
      <c r="C7474" s="1" t="s">
        <v>26006</v>
      </c>
      <c r="D7474" s="1" t="s">
        <v>85</v>
      </c>
      <c r="E7474" s="1"/>
      <c r="F7474" s="1" t="s">
        <v>10</v>
      </c>
      <c r="G7474" s="1" t="s">
        <v>10</v>
      </c>
      <c r="H7474" s="1" t="s">
        <v>10</v>
      </c>
      <c r="I7474" s="1" t="s">
        <v>7415</v>
      </c>
      <c r="J7474" s="1" t="s">
        <v>25141</v>
      </c>
      <c r="K7474" s="1" t="s">
        <v>11</v>
      </c>
      <c r="L7474" s="1" t="s">
        <v>26005</v>
      </c>
      <c r="M7474" s="1" t="s">
        <v>5</v>
      </c>
      <c r="N7474" s="1" t="s">
        <v>1009</v>
      </c>
      <c r="O7474" s="1" t="s">
        <v>38</v>
      </c>
      <c r="P7474" s="5" t="s">
        <v>32386</v>
      </c>
    </row>
    <row r="7475" spans="1:16" x14ac:dyDescent="0.2">
      <c r="A7475" s="1" t="s">
        <v>66</v>
      </c>
      <c r="B7475" s="1" t="s">
        <v>212</v>
      </c>
      <c r="C7475" s="1" t="s">
        <v>26008</v>
      </c>
      <c r="D7475" s="1" t="s">
        <v>85</v>
      </c>
      <c r="E7475" s="1"/>
      <c r="F7475" s="1" t="s">
        <v>10</v>
      </c>
      <c r="G7475" s="1" t="s">
        <v>10</v>
      </c>
      <c r="H7475" s="1" t="s">
        <v>10</v>
      </c>
      <c r="I7475" s="1" t="s">
        <v>7415</v>
      </c>
      <c r="J7475" s="1" t="s">
        <v>25141</v>
      </c>
      <c r="K7475" s="1" t="s">
        <v>11</v>
      </c>
      <c r="L7475" s="1" t="s">
        <v>26007</v>
      </c>
      <c r="M7475" s="1" t="s">
        <v>5</v>
      </c>
      <c r="N7475" s="1" t="s">
        <v>1009</v>
      </c>
      <c r="O7475" s="1" t="s">
        <v>38</v>
      </c>
      <c r="P7475" s="5" t="s">
        <v>32386</v>
      </c>
    </row>
    <row r="7476" spans="1:16" x14ac:dyDescent="0.2">
      <c r="A7476" s="1" t="s">
        <v>194</v>
      </c>
      <c r="B7476" s="1" t="s">
        <v>396</v>
      </c>
      <c r="C7476" s="1" t="s">
        <v>26010</v>
      </c>
      <c r="D7476" s="1" t="s">
        <v>26011</v>
      </c>
      <c r="E7476" s="1"/>
      <c r="F7476" s="1" t="s">
        <v>10</v>
      </c>
      <c r="G7476" s="1" t="s">
        <v>10</v>
      </c>
      <c r="H7476" s="1" t="s">
        <v>10</v>
      </c>
      <c r="I7476" s="1" t="s">
        <v>7415</v>
      </c>
      <c r="J7476" s="1" t="s">
        <v>25141</v>
      </c>
      <c r="K7476" s="1" t="s">
        <v>64</v>
      </c>
      <c r="L7476" s="1" t="s">
        <v>26009</v>
      </c>
      <c r="M7476" s="1" t="s">
        <v>5</v>
      </c>
      <c r="N7476" s="1" t="s">
        <v>6</v>
      </c>
      <c r="O7476" s="1" t="s">
        <v>38</v>
      </c>
      <c r="P7476" s="5" t="s">
        <v>32387</v>
      </c>
    </row>
    <row r="7477" spans="1:16" x14ac:dyDescent="0.2">
      <c r="A7477" s="1" t="s">
        <v>66</v>
      </c>
      <c r="B7477" s="1" t="s">
        <v>1127</v>
      </c>
      <c r="C7477" s="1" t="s">
        <v>26013</v>
      </c>
      <c r="D7477" s="1" t="s">
        <v>26014</v>
      </c>
      <c r="E7477" s="1"/>
      <c r="F7477" s="1" t="s">
        <v>10</v>
      </c>
      <c r="G7477" s="1" t="s">
        <v>10</v>
      </c>
      <c r="H7477" s="1" t="s">
        <v>10</v>
      </c>
      <c r="I7477" s="1" t="s">
        <v>7415</v>
      </c>
      <c r="J7477" s="1" t="s">
        <v>25141</v>
      </c>
      <c r="K7477" s="1" t="s">
        <v>27</v>
      </c>
      <c r="L7477" s="1" t="s">
        <v>26012</v>
      </c>
      <c r="M7477" s="1" t="s">
        <v>5</v>
      </c>
      <c r="N7477" s="1" t="s">
        <v>1009</v>
      </c>
      <c r="O7477" s="1" t="s">
        <v>38</v>
      </c>
      <c r="P7477" s="5" t="s">
        <v>32388</v>
      </c>
    </row>
    <row r="7478" spans="1:16" x14ac:dyDescent="0.2">
      <c r="A7478" s="1" t="s">
        <v>66</v>
      </c>
      <c r="B7478" s="1" t="s">
        <v>574</v>
      </c>
      <c r="C7478" s="1" t="s">
        <v>26016</v>
      </c>
      <c r="D7478" s="1" t="s">
        <v>6808</v>
      </c>
      <c r="E7478" s="1"/>
      <c r="F7478" s="1" t="s">
        <v>27</v>
      </c>
      <c r="G7478" s="1" t="s">
        <v>10</v>
      </c>
      <c r="H7478" s="1" t="s">
        <v>6808</v>
      </c>
      <c r="I7478" s="1" t="s">
        <v>7415</v>
      </c>
      <c r="J7478" s="1" t="s">
        <v>25137</v>
      </c>
      <c r="K7478" s="1" t="s">
        <v>27</v>
      </c>
      <c r="L7478" s="1" t="s">
        <v>26015</v>
      </c>
      <c r="M7478" s="1" t="s">
        <v>5</v>
      </c>
      <c r="N7478" s="1" t="s">
        <v>6</v>
      </c>
      <c r="O7478" s="1" t="s">
        <v>8</v>
      </c>
      <c r="P7478" s="5" t="s">
        <v>30173</v>
      </c>
    </row>
    <row r="7479" spans="1:16" x14ac:dyDescent="0.2">
      <c r="A7479" s="1" t="s">
        <v>66</v>
      </c>
      <c r="B7479" s="1" t="s">
        <v>574</v>
      </c>
      <c r="C7479" s="1" t="s">
        <v>26018</v>
      </c>
      <c r="D7479" s="1" t="s">
        <v>6808</v>
      </c>
      <c r="E7479" s="1"/>
      <c r="F7479" s="1" t="s">
        <v>27</v>
      </c>
      <c r="G7479" s="1" t="s">
        <v>10</v>
      </c>
      <c r="H7479" s="1" t="s">
        <v>6808</v>
      </c>
      <c r="I7479" s="1" t="s">
        <v>7415</v>
      </c>
      <c r="J7479" s="1" t="s">
        <v>25137</v>
      </c>
      <c r="K7479" s="1" t="s">
        <v>27</v>
      </c>
      <c r="L7479" s="1" t="s">
        <v>26017</v>
      </c>
      <c r="M7479" s="1" t="s">
        <v>5</v>
      </c>
      <c r="N7479" s="1" t="s">
        <v>6</v>
      </c>
      <c r="O7479" s="1" t="s">
        <v>8</v>
      </c>
      <c r="P7479" s="5" t="s">
        <v>30173</v>
      </c>
    </row>
    <row r="7480" spans="1:16" x14ac:dyDescent="0.2">
      <c r="A7480" s="1" t="s">
        <v>42</v>
      </c>
      <c r="B7480" s="1" t="s">
        <v>43</v>
      </c>
      <c r="C7480" s="1" t="s">
        <v>26020</v>
      </c>
      <c r="D7480" s="1" t="s">
        <v>1188</v>
      </c>
      <c r="E7480" s="1"/>
      <c r="F7480" s="1" t="s">
        <v>10</v>
      </c>
      <c r="G7480" s="1" t="s">
        <v>10</v>
      </c>
      <c r="H7480" s="1" t="s">
        <v>10</v>
      </c>
      <c r="I7480" s="1" t="s">
        <v>7415</v>
      </c>
      <c r="J7480" s="1" t="s">
        <v>19</v>
      </c>
      <c r="K7480" s="1" t="s">
        <v>37</v>
      </c>
      <c r="L7480" s="1" t="s">
        <v>26019</v>
      </c>
      <c r="M7480" s="1" t="s">
        <v>5</v>
      </c>
      <c r="N7480" s="1" t="s">
        <v>1009</v>
      </c>
      <c r="O7480" s="1" t="s">
        <v>38</v>
      </c>
      <c r="P7480" s="5" t="s">
        <v>30770</v>
      </c>
    </row>
    <row r="7481" spans="1:16" x14ac:dyDescent="0.2">
      <c r="A7481" s="1" t="s">
        <v>42</v>
      </c>
      <c r="B7481" s="1" t="s">
        <v>50</v>
      </c>
      <c r="C7481" s="1" t="s">
        <v>26022</v>
      </c>
      <c r="D7481" s="1" t="s">
        <v>26023</v>
      </c>
      <c r="E7481" s="1"/>
      <c r="F7481" s="1" t="s">
        <v>10</v>
      </c>
      <c r="G7481" s="1" t="s">
        <v>10</v>
      </c>
      <c r="H7481" s="1" t="s">
        <v>10</v>
      </c>
      <c r="I7481" s="1" t="s">
        <v>7415</v>
      </c>
      <c r="J7481" s="1" t="s">
        <v>19</v>
      </c>
      <c r="K7481" s="1" t="s">
        <v>47</v>
      </c>
      <c r="L7481" s="1" t="s">
        <v>26021</v>
      </c>
      <c r="M7481" s="1" t="s">
        <v>5</v>
      </c>
      <c r="N7481" s="1" t="s">
        <v>6</v>
      </c>
      <c r="O7481" s="1" t="s">
        <v>38</v>
      </c>
      <c r="P7481" s="5" t="s">
        <v>32389</v>
      </c>
    </row>
    <row r="7482" spans="1:16" x14ac:dyDescent="0.2">
      <c r="A7482" s="1" t="s">
        <v>487</v>
      </c>
      <c r="B7482" s="1" t="s">
        <v>784</v>
      </c>
      <c r="C7482" s="1" t="s">
        <v>26025</v>
      </c>
      <c r="D7482" s="1" t="s">
        <v>25457</v>
      </c>
      <c r="E7482" s="1"/>
      <c r="F7482" s="1" t="s">
        <v>27</v>
      </c>
      <c r="G7482" s="1" t="s">
        <v>10</v>
      </c>
      <c r="H7482" s="1" t="s">
        <v>25458</v>
      </c>
      <c r="I7482" s="1" t="s">
        <v>7415</v>
      </c>
      <c r="J7482" s="1" t="s">
        <v>21769</v>
      </c>
      <c r="K7482" s="1" t="s">
        <v>64</v>
      </c>
      <c r="L7482" s="1" t="s">
        <v>26024</v>
      </c>
      <c r="M7482" s="1" t="s">
        <v>5</v>
      </c>
      <c r="N7482" s="1" t="s">
        <v>1009</v>
      </c>
      <c r="O7482" s="1" t="s">
        <v>8</v>
      </c>
      <c r="P7482" s="5" t="s">
        <v>32390</v>
      </c>
    </row>
    <row r="7483" spans="1:16" x14ac:dyDescent="0.2">
      <c r="A7483" s="1" t="s">
        <v>20</v>
      </c>
      <c r="B7483" s="1" t="s">
        <v>445</v>
      </c>
      <c r="C7483" s="1" t="s">
        <v>26027</v>
      </c>
      <c r="D7483" s="1" t="s">
        <v>1280</v>
      </c>
      <c r="E7483" s="1"/>
      <c r="F7483" s="1" t="s">
        <v>10</v>
      </c>
      <c r="G7483" s="1" t="s">
        <v>10</v>
      </c>
      <c r="H7483" s="1" t="s">
        <v>10</v>
      </c>
      <c r="I7483" s="1" t="s">
        <v>7415</v>
      </c>
      <c r="J7483" s="1" t="s">
        <v>19</v>
      </c>
      <c r="K7483" s="1" t="s">
        <v>7</v>
      </c>
      <c r="L7483" s="1" t="s">
        <v>26026</v>
      </c>
      <c r="M7483" s="1" t="s">
        <v>5</v>
      </c>
      <c r="N7483" s="1" t="s">
        <v>1009</v>
      </c>
      <c r="O7483" s="1" t="s">
        <v>38</v>
      </c>
      <c r="P7483" s="5" t="s">
        <v>32391</v>
      </c>
    </row>
    <row r="7484" spans="1:16" x14ac:dyDescent="0.2">
      <c r="A7484" s="1" t="s">
        <v>66</v>
      </c>
      <c r="B7484" s="1" t="s">
        <v>212</v>
      </c>
      <c r="C7484" s="1" t="s">
        <v>26029</v>
      </c>
      <c r="D7484" s="1" t="s">
        <v>25592</v>
      </c>
      <c r="E7484" s="1"/>
      <c r="F7484" s="1" t="s">
        <v>10</v>
      </c>
      <c r="G7484" s="1" t="s">
        <v>10</v>
      </c>
      <c r="H7484" s="1" t="s">
        <v>10</v>
      </c>
      <c r="I7484" s="1" t="s">
        <v>7415</v>
      </c>
      <c r="J7484" s="1" t="s">
        <v>21769</v>
      </c>
      <c r="K7484" s="1" t="s">
        <v>64</v>
      </c>
      <c r="L7484" s="1" t="s">
        <v>26028</v>
      </c>
      <c r="M7484" s="1" t="s">
        <v>5</v>
      </c>
      <c r="N7484" s="1" t="s">
        <v>960</v>
      </c>
      <c r="O7484" s="1" t="s">
        <v>38</v>
      </c>
      <c r="P7484" s="5" t="s">
        <v>32392</v>
      </c>
    </row>
    <row r="7485" spans="1:16" x14ac:dyDescent="0.2">
      <c r="A7485" s="1" t="s">
        <v>66</v>
      </c>
      <c r="B7485" s="1" t="s">
        <v>574</v>
      </c>
      <c r="C7485" s="1" t="s">
        <v>26031</v>
      </c>
      <c r="D7485" s="1" t="s">
        <v>1442</v>
      </c>
      <c r="E7485" s="1"/>
      <c r="F7485" s="1" t="s">
        <v>10</v>
      </c>
      <c r="G7485" s="1" t="s">
        <v>10</v>
      </c>
      <c r="H7485" s="1" t="s">
        <v>10</v>
      </c>
      <c r="I7485" s="1" t="s">
        <v>7415</v>
      </c>
      <c r="J7485" s="1" t="s">
        <v>25286</v>
      </c>
      <c r="K7485" s="1" t="s">
        <v>27</v>
      </c>
      <c r="L7485" s="1" t="s">
        <v>26030</v>
      </c>
      <c r="M7485" s="1" t="s">
        <v>5</v>
      </c>
      <c r="N7485" s="1" t="s">
        <v>1009</v>
      </c>
      <c r="O7485" s="1" t="s">
        <v>38</v>
      </c>
      <c r="P7485" s="5" t="s">
        <v>32393</v>
      </c>
    </row>
    <row r="7486" spans="1:16" x14ac:dyDescent="0.2">
      <c r="A7486" s="1" t="s">
        <v>487</v>
      </c>
      <c r="B7486" s="1" t="s">
        <v>488</v>
      </c>
      <c r="C7486" s="1" t="s">
        <v>26033</v>
      </c>
      <c r="D7486" s="1" t="s">
        <v>10</v>
      </c>
      <c r="E7486" s="1"/>
      <c r="F7486" s="1" t="s">
        <v>27</v>
      </c>
      <c r="G7486" s="1" t="s">
        <v>10</v>
      </c>
      <c r="H7486" s="1" t="s">
        <v>799</v>
      </c>
      <c r="I7486" s="1" t="s">
        <v>7415</v>
      </c>
      <c r="J7486" s="1" t="s">
        <v>25137</v>
      </c>
      <c r="K7486" s="1" t="s">
        <v>64</v>
      </c>
      <c r="L7486" s="1" t="s">
        <v>26032</v>
      </c>
      <c r="M7486" s="1" t="s">
        <v>5</v>
      </c>
      <c r="N7486" s="1" t="s">
        <v>25</v>
      </c>
      <c r="O7486" s="1" t="s">
        <v>8</v>
      </c>
      <c r="P7486" s="5" t="s">
        <v>10</v>
      </c>
    </row>
    <row r="7487" spans="1:16" x14ac:dyDescent="0.2">
      <c r="A7487" s="1" t="s">
        <v>20</v>
      </c>
      <c r="B7487" s="1" t="s">
        <v>93</v>
      </c>
      <c r="C7487" s="1" t="s">
        <v>26035</v>
      </c>
      <c r="D7487" s="1" t="s">
        <v>26036</v>
      </c>
      <c r="E7487" s="1"/>
      <c r="F7487" s="1" t="s">
        <v>10</v>
      </c>
      <c r="G7487" s="1" t="s">
        <v>10</v>
      </c>
      <c r="H7487" s="1" t="s">
        <v>10</v>
      </c>
      <c r="I7487" s="1" t="s">
        <v>7415</v>
      </c>
      <c r="J7487" s="1" t="s">
        <v>19</v>
      </c>
      <c r="K7487" s="1" t="s">
        <v>7</v>
      </c>
      <c r="L7487" s="1" t="s">
        <v>26034</v>
      </c>
      <c r="M7487" s="1" t="s">
        <v>5</v>
      </c>
      <c r="N7487" s="1" t="s">
        <v>6</v>
      </c>
      <c r="O7487" s="1" t="s">
        <v>38</v>
      </c>
      <c r="P7487" s="5" t="s">
        <v>30771</v>
      </c>
    </row>
    <row r="7488" spans="1:16" x14ac:dyDescent="0.2">
      <c r="A7488" s="1" t="s">
        <v>20</v>
      </c>
      <c r="B7488" s="1" t="s">
        <v>172</v>
      </c>
      <c r="C7488" s="1" t="s">
        <v>26038</v>
      </c>
      <c r="D7488" s="1" t="s">
        <v>26039</v>
      </c>
      <c r="E7488" s="1"/>
      <c r="F7488" s="1" t="s">
        <v>10</v>
      </c>
      <c r="G7488" s="1" t="s">
        <v>10</v>
      </c>
      <c r="H7488" s="1" t="s">
        <v>10</v>
      </c>
      <c r="I7488" s="1" t="s">
        <v>7415</v>
      </c>
      <c r="J7488" s="1" t="s">
        <v>19</v>
      </c>
      <c r="K7488" s="1" t="s">
        <v>231</v>
      </c>
      <c r="L7488" s="1" t="s">
        <v>26037</v>
      </c>
      <c r="M7488" s="1" t="s">
        <v>5</v>
      </c>
      <c r="N7488" s="1" t="s">
        <v>1009</v>
      </c>
      <c r="O7488" s="1" t="s">
        <v>38</v>
      </c>
      <c r="P7488" s="5" t="s">
        <v>32394</v>
      </c>
    </row>
    <row r="7489" spans="1:16" x14ac:dyDescent="0.2">
      <c r="A7489" s="1" t="s">
        <v>20</v>
      </c>
      <c r="B7489" s="1" t="s">
        <v>172</v>
      </c>
      <c r="C7489" s="1" t="s">
        <v>26041</v>
      </c>
      <c r="D7489" s="1" t="s">
        <v>26042</v>
      </c>
      <c r="E7489" s="1"/>
      <c r="F7489" s="1" t="s">
        <v>10</v>
      </c>
      <c r="G7489" s="1" t="s">
        <v>10</v>
      </c>
      <c r="H7489" s="1" t="s">
        <v>10</v>
      </c>
      <c r="I7489" s="1" t="s">
        <v>7415</v>
      </c>
      <c r="J7489" s="1" t="s">
        <v>19</v>
      </c>
      <c r="K7489" s="1" t="s">
        <v>7</v>
      </c>
      <c r="L7489" s="1" t="s">
        <v>26040</v>
      </c>
      <c r="M7489" s="1" t="s">
        <v>5</v>
      </c>
      <c r="N7489" s="1" t="s">
        <v>1009</v>
      </c>
      <c r="O7489" s="1" t="s">
        <v>38</v>
      </c>
      <c r="P7489" s="5" t="s">
        <v>32395</v>
      </c>
    </row>
    <row r="7490" spans="1:16" x14ac:dyDescent="0.2">
      <c r="A7490" s="1" t="s">
        <v>66</v>
      </c>
      <c r="B7490" s="1" t="s">
        <v>212</v>
      </c>
      <c r="C7490" s="1" t="s">
        <v>26044</v>
      </c>
      <c r="D7490" s="1" t="s">
        <v>26045</v>
      </c>
      <c r="E7490" s="1"/>
      <c r="F7490" s="1" t="s">
        <v>10</v>
      </c>
      <c r="G7490" s="1" t="s">
        <v>10</v>
      </c>
      <c r="H7490" s="1" t="s">
        <v>10</v>
      </c>
      <c r="I7490" s="1" t="s">
        <v>7415</v>
      </c>
      <c r="J7490" s="1" t="s">
        <v>25141</v>
      </c>
      <c r="K7490" s="1" t="s">
        <v>27</v>
      </c>
      <c r="L7490" s="1" t="s">
        <v>26043</v>
      </c>
      <c r="M7490" s="1" t="s">
        <v>5</v>
      </c>
      <c r="N7490" s="1" t="s">
        <v>6</v>
      </c>
      <c r="O7490" s="1" t="s">
        <v>38</v>
      </c>
      <c r="P7490" s="5" t="s">
        <v>32396</v>
      </c>
    </row>
    <row r="7491" spans="1:16" x14ac:dyDescent="0.2">
      <c r="A7491" s="1" t="s">
        <v>194</v>
      </c>
      <c r="B7491" s="1" t="s">
        <v>396</v>
      </c>
      <c r="C7491" s="1" t="s">
        <v>26047</v>
      </c>
      <c r="D7491" s="1" t="s">
        <v>26048</v>
      </c>
      <c r="E7491" s="1"/>
      <c r="F7491" s="1" t="s">
        <v>10</v>
      </c>
      <c r="G7491" s="1" t="s">
        <v>10</v>
      </c>
      <c r="H7491" s="1" t="s">
        <v>10</v>
      </c>
      <c r="I7491" s="1" t="s">
        <v>7415</v>
      </c>
      <c r="J7491" s="1" t="s">
        <v>25145</v>
      </c>
      <c r="K7491" s="1" t="s">
        <v>27</v>
      </c>
      <c r="L7491" s="1" t="s">
        <v>26046</v>
      </c>
      <c r="M7491" s="1" t="s">
        <v>5</v>
      </c>
      <c r="N7491" s="1" t="s">
        <v>6</v>
      </c>
      <c r="O7491" s="1" t="s">
        <v>38</v>
      </c>
      <c r="P7491" s="5" t="s">
        <v>32397</v>
      </c>
    </row>
    <row r="7492" spans="1:16" x14ac:dyDescent="0.2">
      <c r="A7492" s="1" t="s">
        <v>487</v>
      </c>
      <c r="B7492" s="1" t="s">
        <v>488</v>
      </c>
      <c r="C7492" s="1" t="s">
        <v>26050</v>
      </c>
      <c r="D7492" s="1" t="s">
        <v>10</v>
      </c>
      <c r="E7492" s="1"/>
      <c r="F7492" s="1" t="s">
        <v>27</v>
      </c>
      <c r="G7492" s="1" t="s">
        <v>10</v>
      </c>
      <c r="H7492" s="1" t="s">
        <v>799</v>
      </c>
      <c r="I7492" s="1" t="s">
        <v>7415</v>
      </c>
      <c r="J7492" s="1" t="s">
        <v>25137</v>
      </c>
      <c r="K7492" s="1" t="s">
        <v>64</v>
      </c>
      <c r="L7492" s="1" t="s">
        <v>26049</v>
      </c>
      <c r="M7492" s="1" t="s">
        <v>5</v>
      </c>
      <c r="N7492" s="1" t="s">
        <v>25</v>
      </c>
      <c r="O7492" s="1" t="s">
        <v>8</v>
      </c>
      <c r="P7492" s="5" t="s">
        <v>10</v>
      </c>
    </row>
    <row r="7493" spans="1:16" x14ac:dyDescent="0.2">
      <c r="A7493" s="1" t="s">
        <v>487</v>
      </c>
      <c r="B7493" s="1" t="s">
        <v>10</v>
      </c>
      <c r="C7493" s="1" t="s">
        <v>26052</v>
      </c>
      <c r="D7493" s="1" t="s">
        <v>10</v>
      </c>
      <c r="E7493" s="1"/>
      <c r="F7493" s="1" t="s">
        <v>27</v>
      </c>
      <c r="G7493" s="1" t="s">
        <v>10</v>
      </c>
      <c r="H7493" s="1" t="s">
        <v>26053</v>
      </c>
      <c r="I7493" s="1" t="s">
        <v>7415</v>
      </c>
      <c r="J7493" s="1" t="s">
        <v>21769</v>
      </c>
      <c r="K7493" s="1" t="s">
        <v>64</v>
      </c>
      <c r="L7493" s="1" t="s">
        <v>26051</v>
      </c>
      <c r="M7493" s="1" t="s">
        <v>5</v>
      </c>
      <c r="N7493" s="1" t="s">
        <v>1009</v>
      </c>
      <c r="O7493" s="1" t="s">
        <v>8</v>
      </c>
      <c r="P7493" s="5" t="s">
        <v>10</v>
      </c>
    </row>
    <row r="7494" spans="1:16" x14ac:dyDescent="0.2">
      <c r="A7494" s="1" t="s">
        <v>487</v>
      </c>
      <c r="B7494" s="1" t="s">
        <v>488</v>
      </c>
      <c r="C7494" s="1" t="s">
        <v>26055</v>
      </c>
      <c r="D7494" s="1" t="s">
        <v>26055</v>
      </c>
      <c r="E7494" s="1"/>
      <c r="F7494" s="1" t="s">
        <v>27</v>
      </c>
      <c r="G7494" s="1" t="s">
        <v>10</v>
      </c>
      <c r="H7494" s="1" t="s">
        <v>25946</v>
      </c>
      <c r="I7494" s="1" t="s">
        <v>7415</v>
      </c>
      <c r="J7494" s="1" t="s">
        <v>25137</v>
      </c>
      <c r="K7494" s="1" t="s">
        <v>64</v>
      </c>
      <c r="L7494" s="1" t="s">
        <v>26054</v>
      </c>
      <c r="M7494" s="1" t="s">
        <v>5</v>
      </c>
      <c r="N7494" s="1" t="s">
        <v>6</v>
      </c>
      <c r="O7494" s="1" t="s">
        <v>8</v>
      </c>
      <c r="P7494" s="5"/>
    </row>
    <row r="7495" spans="1:16" x14ac:dyDescent="0.2">
      <c r="A7495" s="1" t="s">
        <v>487</v>
      </c>
      <c r="B7495" s="1" t="s">
        <v>488</v>
      </c>
      <c r="C7495" s="1" t="s">
        <v>26057</v>
      </c>
      <c r="D7495" s="1" t="s">
        <v>10</v>
      </c>
      <c r="E7495" s="1"/>
      <c r="F7495" s="1" t="s">
        <v>393</v>
      </c>
      <c r="G7495" s="1" t="s">
        <v>10</v>
      </c>
      <c r="H7495" s="1" t="s">
        <v>10</v>
      </c>
      <c r="I7495" s="1" t="s">
        <v>7415</v>
      </c>
      <c r="J7495" s="1" t="s">
        <v>21769</v>
      </c>
      <c r="K7495" s="1" t="s">
        <v>64</v>
      </c>
      <c r="L7495" s="1" t="s">
        <v>26056</v>
      </c>
      <c r="M7495" s="1" t="s">
        <v>5</v>
      </c>
      <c r="N7495" s="1" t="s">
        <v>6</v>
      </c>
      <c r="O7495" s="1" t="s">
        <v>8</v>
      </c>
      <c r="P7495" s="5" t="s">
        <v>10</v>
      </c>
    </row>
    <row r="7496" spans="1:16" x14ac:dyDescent="0.2">
      <c r="A7496" s="1" t="s">
        <v>194</v>
      </c>
      <c r="B7496" s="1" t="s">
        <v>396</v>
      </c>
      <c r="C7496" s="1" t="s">
        <v>26059</v>
      </c>
      <c r="D7496" s="1" t="s">
        <v>26060</v>
      </c>
      <c r="E7496" s="1"/>
      <c r="F7496" s="1" t="s">
        <v>393</v>
      </c>
      <c r="G7496" s="1" t="s">
        <v>10</v>
      </c>
      <c r="H7496" s="1" t="s">
        <v>10</v>
      </c>
      <c r="I7496" s="1" t="s">
        <v>7415</v>
      </c>
      <c r="J7496" s="1" t="s">
        <v>25137</v>
      </c>
      <c r="K7496" s="1" t="s">
        <v>64</v>
      </c>
      <c r="L7496" s="1" t="s">
        <v>26058</v>
      </c>
      <c r="M7496" s="1" t="s">
        <v>5</v>
      </c>
      <c r="N7496" s="1" t="s">
        <v>6</v>
      </c>
      <c r="O7496" s="1" t="s">
        <v>8</v>
      </c>
      <c r="P7496" s="5" t="s">
        <v>10</v>
      </c>
    </row>
    <row r="7497" spans="1:16" x14ac:dyDescent="0.2">
      <c r="A7497" s="1" t="s">
        <v>66</v>
      </c>
      <c r="B7497" s="1" t="s">
        <v>1117</v>
      </c>
      <c r="C7497" s="1" t="s">
        <v>26062</v>
      </c>
      <c r="D7497" s="1" t="s">
        <v>25313</v>
      </c>
      <c r="E7497" s="1"/>
      <c r="F7497" s="1" t="s">
        <v>414</v>
      </c>
      <c r="G7497" s="1" t="s">
        <v>10</v>
      </c>
      <c r="H7497" s="1" t="s">
        <v>10</v>
      </c>
      <c r="I7497" s="1" t="s">
        <v>7415</v>
      </c>
      <c r="J7497" s="1" t="s">
        <v>25137</v>
      </c>
      <c r="K7497" s="1" t="s">
        <v>64</v>
      </c>
      <c r="L7497" s="1" t="s">
        <v>26061</v>
      </c>
      <c r="M7497" s="1" t="s">
        <v>5</v>
      </c>
      <c r="N7497" s="1" t="s">
        <v>6</v>
      </c>
      <c r="O7497" s="1" t="s">
        <v>8</v>
      </c>
      <c r="P7497" s="5" t="s">
        <v>31890</v>
      </c>
    </row>
    <row r="7498" spans="1:16" x14ac:dyDescent="0.2">
      <c r="A7498" s="1" t="s">
        <v>329</v>
      </c>
      <c r="B7498" s="1" t="s">
        <v>1168</v>
      </c>
      <c r="C7498" s="1" t="s">
        <v>26064</v>
      </c>
      <c r="D7498" s="1" t="s">
        <v>26065</v>
      </c>
      <c r="E7498" s="1"/>
      <c r="F7498" s="1" t="s">
        <v>10</v>
      </c>
      <c r="G7498" s="1" t="s">
        <v>10</v>
      </c>
      <c r="H7498" s="1" t="s">
        <v>10</v>
      </c>
      <c r="I7498" s="1" t="s">
        <v>7415</v>
      </c>
      <c r="J7498" s="1" t="s">
        <v>25141</v>
      </c>
      <c r="K7498" s="1" t="s">
        <v>27</v>
      </c>
      <c r="L7498" s="1" t="s">
        <v>26063</v>
      </c>
      <c r="M7498" s="1" t="s">
        <v>5</v>
      </c>
      <c r="N7498" s="1" t="s">
        <v>1009</v>
      </c>
      <c r="O7498" s="1" t="s">
        <v>38</v>
      </c>
      <c r="P7498" s="5" t="s">
        <v>32398</v>
      </c>
    </row>
    <row r="7499" spans="1:16" x14ac:dyDescent="0.2">
      <c r="A7499" s="1" t="s">
        <v>487</v>
      </c>
      <c r="B7499" s="1" t="s">
        <v>488</v>
      </c>
      <c r="C7499" s="1" t="s">
        <v>26067</v>
      </c>
      <c r="D7499" s="1" t="s">
        <v>8302</v>
      </c>
      <c r="E7499" s="1"/>
      <c r="F7499" s="1" t="s">
        <v>522</v>
      </c>
      <c r="G7499" s="1" t="s">
        <v>25857</v>
      </c>
      <c r="H7499" s="1" t="s">
        <v>10</v>
      </c>
      <c r="I7499" s="1" t="s">
        <v>7415</v>
      </c>
      <c r="J7499" s="1" t="s">
        <v>25137</v>
      </c>
      <c r="K7499" s="1" t="s">
        <v>64</v>
      </c>
      <c r="L7499" s="1" t="s">
        <v>26066</v>
      </c>
      <c r="M7499" s="1" t="s">
        <v>5</v>
      </c>
      <c r="N7499" s="1" t="s">
        <v>6</v>
      </c>
      <c r="O7499" s="1" t="s">
        <v>8</v>
      </c>
      <c r="P7499" s="5" t="s">
        <v>114</v>
      </c>
    </row>
    <row r="7500" spans="1:16" x14ac:dyDescent="0.2">
      <c r="A7500" s="1" t="s">
        <v>487</v>
      </c>
      <c r="B7500" s="1" t="s">
        <v>488</v>
      </c>
      <c r="C7500" s="1" t="s">
        <v>26069</v>
      </c>
      <c r="D7500" s="1" t="s">
        <v>1107</v>
      </c>
      <c r="E7500" s="1"/>
      <c r="F7500" s="1" t="s">
        <v>522</v>
      </c>
      <c r="G7500" s="1" t="s">
        <v>25857</v>
      </c>
      <c r="H7500" s="1" t="s">
        <v>10</v>
      </c>
      <c r="I7500" s="1" t="s">
        <v>7415</v>
      </c>
      <c r="J7500" s="1" t="s">
        <v>25137</v>
      </c>
      <c r="K7500" s="1" t="s">
        <v>64</v>
      </c>
      <c r="L7500" s="1" t="s">
        <v>26068</v>
      </c>
      <c r="M7500" s="1" t="s">
        <v>5</v>
      </c>
      <c r="N7500" s="1" t="s">
        <v>6</v>
      </c>
      <c r="O7500" s="1" t="s">
        <v>8</v>
      </c>
      <c r="P7500" s="5" t="s">
        <v>114</v>
      </c>
    </row>
    <row r="7501" spans="1:16" x14ac:dyDescent="0.2">
      <c r="A7501" s="1" t="s">
        <v>487</v>
      </c>
      <c r="B7501" s="1" t="s">
        <v>488</v>
      </c>
      <c r="C7501" s="1" t="s">
        <v>26071</v>
      </c>
      <c r="D7501" s="1" t="s">
        <v>10</v>
      </c>
      <c r="E7501" s="1"/>
      <c r="F7501" s="1" t="s">
        <v>522</v>
      </c>
      <c r="G7501" s="1" t="s">
        <v>25857</v>
      </c>
      <c r="H7501" s="1" t="s">
        <v>10</v>
      </c>
      <c r="I7501" s="1" t="s">
        <v>7415</v>
      </c>
      <c r="J7501" s="1" t="s">
        <v>25137</v>
      </c>
      <c r="K7501" s="1" t="s">
        <v>64</v>
      </c>
      <c r="L7501" s="1" t="s">
        <v>26070</v>
      </c>
      <c r="M7501" s="1" t="s">
        <v>5</v>
      </c>
      <c r="N7501" s="1" t="s">
        <v>6</v>
      </c>
      <c r="O7501" s="1" t="s">
        <v>8</v>
      </c>
      <c r="P7501" s="5" t="s">
        <v>10</v>
      </c>
    </row>
    <row r="7502" spans="1:16" x14ac:dyDescent="0.2">
      <c r="A7502" s="1" t="s">
        <v>66</v>
      </c>
      <c r="B7502" s="1" t="s">
        <v>212</v>
      </c>
      <c r="C7502" s="1" t="s">
        <v>26073</v>
      </c>
      <c r="D7502" s="1" t="s">
        <v>26073</v>
      </c>
      <c r="E7502" s="1" t="s">
        <v>26074</v>
      </c>
      <c r="F7502" s="1" t="s">
        <v>10</v>
      </c>
      <c r="G7502" s="1" t="s">
        <v>10</v>
      </c>
      <c r="H7502" s="1" t="s">
        <v>10</v>
      </c>
      <c r="I7502" s="1" t="s">
        <v>7415</v>
      </c>
      <c r="J7502" s="1" t="s">
        <v>25141</v>
      </c>
      <c r="K7502" s="1" t="s">
        <v>11</v>
      </c>
      <c r="L7502" s="1" t="s">
        <v>26072</v>
      </c>
      <c r="M7502" s="1" t="s">
        <v>5</v>
      </c>
      <c r="N7502" s="1" t="s">
        <v>25</v>
      </c>
      <c r="O7502" s="1" t="s">
        <v>38</v>
      </c>
      <c r="P7502" s="5" t="s">
        <v>32399</v>
      </c>
    </row>
    <row r="7503" spans="1:16" x14ac:dyDescent="0.2">
      <c r="A7503" s="1" t="s">
        <v>20</v>
      </c>
      <c r="B7503" s="1" t="s">
        <v>93</v>
      </c>
      <c r="C7503" s="1" t="s">
        <v>26076</v>
      </c>
      <c r="D7503" s="1" t="s">
        <v>26077</v>
      </c>
      <c r="E7503" s="1"/>
      <c r="F7503" s="1" t="s">
        <v>10</v>
      </c>
      <c r="G7503" s="1" t="s">
        <v>10</v>
      </c>
      <c r="H7503" s="1" t="s">
        <v>10</v>
      </c>
      <c r="I7503" s="1" t="s">
        <v>7415</v>
      </c>
      <c r="J7503" s="1" t="s">
        <v>19</v>
      </c>
      <c r="K7503" s="1" t="s">
        <v>7</v>
      </c>
      <c r="L7503" s="1" t="s">
        <v>26075</v>
      </c>
      <c r="M7503" s="1" t="s">
        <v>5</v>
      </c>
      <c r="N7503" s="1" t="s">
        <v>6</v>
      </c>
      <c r="O7503" s="1" t="s">
        <v>38</v>
      </c>
      <c r="P7503" s="5" t="s">
        <v>32400</v>
      </c>
    </row>
    <row r="7504" spans="1:16" x14ac:dyDescent="0.2">
      <c r="A7504" s="1" t="s">
        <v>20</v>
      </c>
      <c r="B7504" s="1" t="s">
        <v>253</v>
      </c>
      <c r="C7504" s="1" t="s">
        <v>26079</v>
      </c>
      <c r="D7504" s="1" t="s">
        <v>617</v>
      </c>
      <c r="E7504" s="1"/>
      <c r="F7504" s="1" t="s">
        <v>27</v>
      </c>
      <c r="G7504" s="1" t="s">
        <v>10</v>
      </c>
      <c r="H7504" s="1" t="s">
        <v>26080</v>
      </c>
      <c r="I7504" s="1" t="s">
        <v>7415</v>
      </c>
      <c r="J7504" s="1" t="s">
        <v>19</v>
      </c>
      <c r="K7504" s="1" t="s">
        <v>130</v>
      </c>
      <c r="L7504" s="1" t="s">
        <v>26078</v>
      </c>
      <c r="M7504" s="1" t="s">
        <v>5</v>
      </c>
      <c r="N7504" s="1" t="s">
        <v>1009</v>
      </c>
      <c r="O7504" s="1" t="s">
        <v>8</v>
      </c>
      <c r="P7504" s="5" t="s">
        <v>32196</v>
      </c>
    </row>
    <row r="7505" spans="1:16" x14ac:dyDescent="0.2">
      <c r="A7505" s="1" t="s">
        <v>66</v>
      </c>
      <c r="B7505" s="1" t="s">
        <v>1117</v>
      </c>
      <c r="C7505" s="1" t="s">
        <v>26082</v>
      </c>
      <c r="D7505" s="1" t="s">
        <v>10</v>
      </c>
      <c r="E7505" s="1"/>
      <c r="F7505" s="1" t="s">
        <v>27</v>
      </c>
      <c r="G7505" s="1" t="s">
        <v>10</v>
      </c>
      <c r="H7505" s="1" t="s">
        <v>26082</v>
      </c>
      <c r="I7505" s="1" t="s">
        <v>7415</v>
      </c>
      <c r="J7505" s="1" t="s">
        <v>25137</v>
      </c>
      <c r="K7505" s="1" t="s">
        <v>64</v>
      </c>
      <c r="L7505" s="1" t="s">
        <v>26081</v>
      </c>
      <c r="M7505" s="1" t="s">
        <v>5</v>
      </c>
      <c r="N7505" s="1" t="s">
        <v>6</v>
      </c>
      <c r="O7505" s="1" t="s">
        <v>8</v>
      </c>
      <c r="P7505" s="5"/>
    </row>
    <row r="7506" spans="1:16" x14ac:dyDescent="0.2">
      <c r="A7506" s="1" t="s">
        <v>32</v>
      </c>
      <c r="B7506" s="1" t="s">
        <v>3895</v>
      </c>
      <c r="C7506" s="1" t="s">
        <v>26084</v>
      </c>
      <c r="D7506" s="1" t="s">
        <v>25763</v>
      </c>
      <c r="E7506" s="1"/>
      <c r="F7506" s="1" t="s">
        <v>27</v>
      </c>
      <c r="G7506" s="1" t="s">
        <v>10</v>
      </c>
      <c r="H7506" s="1" t="s">
        <v>767</v>
      </c>
      <c r="I7506" s="1" t="s">
        <v>7415</v>
      </c>
      <c r="J7506" s="1" t="s">
        <v>25137</v>
      </c>
      <c r="K7506" s="1" t="s">
        <v>64</v>
      </c>
      <c r="L7506" s="1" t="s">
        <v>26083</v>
      </c>
      <c r="M7506" s="1" t="s">
        <v>5</v>
      </c>
      <c r="N7506" s="1" t="s">
        <v>6</v>
      </c>
      <c r="O7506" s="1" t="s">
        <v>8</v>
      </c>
      <c r="P7506" s="5"/>
    </row>
    <row r="7507" spans="1:16" x14ac:dyDescent="0.2">
      <c r="A7507" s="1" t="s">
        <v>66</v>
      </c>
      <c r="B7507" s="1" t="s">
        <v>212</v>
      </c>
      <c r="C7507" s="1" t="s">
        <v>26086</v>
      </c>
      <c r="D7507" s="1" t="s">
        <v>26087</v>
      </c>
      <c r="E7507" s="1"/>
      <c r="F7507" s="1" t="s">
        <v>10</v>
      </c>
      <c r="G7507" s="1" t="s">
        <v>10</v>
      </c>
      <c r="H7507" s="1" t="s">
        <v>10</v>
      </c>
      <c r="I7507" s="1" t="s">
        <v>7415</v>
      </c>
      <c r="J7507" s="1" t="s">
        <v>25141</v>
      </c>
      <c r="K7507" s="1" t="s">
        <v>11</v>
      </c>
      <c r="L7507" s="1" t="s">
        <v>26085</v>
      </c>
      <c r="M7507" s="1" t="s">
        <v>5</v>
      </c>
      <c r="N7507" s="1" t="s">
        <v>1009</v>
      </c>
      <c r="O7507" s="1" t="s">
        <v>38</v>
      </c>
      <c r="P7507" s="5" t="s">
        <v>32282</v>
      </c>
    </row>
    <row r="7508" spans="1:16" x14ac:dyDescent="0.2">
      <c r="A7508" s="1" t="s">
        <v>194</v>
      </c>
      <c r="B7508" s="1" t="s">
        <v>396</v>
      </c>
      <c r="C7508" s="1" t="s">
        <v>26089</v>
      </c>
      <c r="D7508" s="1" t="s">
        <v>25892</v>
      </c>
      <c r="E7508" s="1"/>
      <c r="F7508" s="1" t="s">
        <v>393</v>
      </c>
      <c r="G7508" s="1" t="s">
        <v>10</v>
      </c>
      <c r="H7508" s="1" t="s">
        <v>10</v>
      </c>
      <c r="I7508" s="1" t="s">
        <v>7415</v>
      </c>
      <c r="J7508" s="1" t="s">
        <v>25137</v>
      </c>
      <c r="K7508" s="1" t="s">
        <v>64</v>
      </c>
      <c r="L7508" s="1" t="s">
        <v>26088</v>
      </c>
      <c r="M7508" s="1" t="s">
        <v>5</v>
      </c>
      <c r="N7508" s="1" t="s">
        <v>6</v>
      </c>
      <c r="O7508" s="1" t="s">
        <v>8</v>
      </c>
      <c r="P7508" s="5" t="s">
        <v>30766</v>
      </c>
    </row>
    <row r="7509" spans="1:16" x14ac:dyDescent="0.2">
      <c r="A7509" s="1" t="s">
        <v>194</v>
      </c>
      <c r="B7509" s="1" t="s">
        <v>396</v>
      </c>
      <c r="C7509" s="1" t="s">
        <v>26091</v>
      </c>
      <c r="D7509" s="1" t="s">
        <v>25895</v>
      </c>
      <c r="E7509" s="1"/>
      <c r="F7509" s="1" t="s">
        <v>393</v>
      </c>
      <c r="G7509" s="1" t="s">
        <v>10</v>
      </c>
      <c r="H7509" s="1" t="s">
        <v>10</v>
      </c>
      <c r="I7509" s="1" t="s">
        <v>7415</v>
      </c>
      <c r="J7509" s="1" t="s">
        <v>25137</v>
      </c>
      <c r="K7509" s="1" t="s">
        <v>64</v>
      </c>
      <c r="L7509" s="1" t="s">
        <v>26090</v>
      </c>
      <c r="M7509" s="1" t="s">
        <v>5</v>
      </c>
      <c r="N7509" s="1" t="s">
        <v>6</v>
      </c>
      <c r="O7509" s="1" t="s">
        <v>8</v>
      </c>
      <c r="P7509" s="5" t="s">
        <v>10</v>
      </c>
    </row>
    <row r="7510" spans="1:16" x14ac:dyDescent="0.2">
      <c r="A7510" s="1" t="s">
        <v>487</v>
      </c>
      <c r="B7510" s="1" t="s">
        <v>488</v>
      </c>
      <c r="C7510" s="1" t="s">
        <v>26093</v>
      </c>
      <c r="D7510" s="1" t="s">
        <v>10</v>
      </c>
      <c r="E7510" s="1"/>
      <c r="F7510" s="1" t="s">
        <v>393</v>
      </c>
      <c r="G7510" s="1" t="s">
        <v>10</v>
      </c>
      <c r="H7510" s="1" t="s">
        <v>10</v>
      </c>
      <c r="I7510" s="1" t="s">
        <v>7415</v>
      </c>
      <c r="J7510" s="1" t="s">
        <v>21769</v>
      </c>
      <c r="K7510" s="1" t="s">
        <v>64</v>
      </c>
      <c r="L7510" s="1" t="s">
        <v>26092</v>
      </c>
      <c r="M7510" s="1" t="s">
        <v>5</v>
      </c>
      <c r="N7510" s="1" t="s">
        <v>6</v>
      </c>
      <c r="O7510" s="1" t="s">
        <v>8</v>
      </c>
      <c r="P7510" s="5" t="s">
        <v>10</v>
      </c>
    </row>
    <row r="7511" spans="1:16" x14ac:dyDescent="0.2">
      <c r="A7511" s="1" t="s">
        <v>487</v>
      </c>
      <c r="B7511" s="1" t="s">
        <v>488</v>
      </c>
      <c r="C7511" s="1" t="s">
        <v>26095</v>
      </c>
      <c r="D7511" s="1" t="s">
        <v>10</v>
      </c>
      <c r="E7511" s="1"/>
      <c r="F7511" s="1" t="s">
        <v>393</v>
      </c>
      <c r="G7511" s="1" t="s">
        <v>10</v>
      </c>
      <c r="H7511" s="1" t="s">
        <v>10</v>
      </c>
      <c r="I7511" s="1" t="s">
        <v>7415</v>
      </c>
      <c r="J7511" s="1" t="s">
        <v>21769</v>
      </c>
      <c r="K7511" s="1" t="s">
        <v>64</v>
      </c>
      <c r="L7511" s="1" t="s">
        <v>26094</v>
      </c>
      <c r="M7511" s="1" t="s">
        <v>5</v>
      </c>
      <c r="N7511" s="1" t="s">
        <v>6</v>
      </c>
      <c r="O7511" s="1" t="s">
        <v>8</v>
      </c>
      <c r="P7511" s="5" t="s">
        <v>10</v>
      </c>
    </row>
    <row r="7512" spans="1:16" x14ac:dyDescent="0.2">
      <c r="A7512" s="1" t="s">
        <v>194</v>
      </c>
      <c r="B7512" s="1" t="s">
        <v>4492</v>
      </c>
      <c r="C7512" s="1" t="s">
        <v>26097</v>
      </c>
      <c r="D7512" s="1" t="s">
        <v>12748</v>
      </c>
      <c r="E7512" s="1"/>
      <c r="F7512" s="1" t="s">
        <v>27</v>
      </c>
      <c r="G7512" s="1" t="s">
        <v>10</v>
      </c>
      <c r="H7512" s="1" t="s">
        <v>26098</v>
      </c>
      <c r="I7512" s="1" t="s">
        <v>7415</v>
      </c>
      <c r="J7512" s="1" t="s">
        <v>21769</v>
      </c>
      <c r="K7512" s="1" t="s">
        <v>64</v>
      </c>
      <c r="L7512" s="1" t="s">
        <v>26096</v>
      </c>
      <c r="M7512" s="1" t="s">
        <v>5</v>
      </c>
      <c r="N7512" s="1" t="s">
        <v>6</v>
      </c>
      <c r="O7512" s="1" t="s">
        <v>8</v>
      </c>
      <c r="P7512" s="5"/>
    </row>
    <row r="7513" spans="1:16" x14ac:dyDescent="0.2">
      <c r="A7513" s="1" t="s">
        <v>194</v>
      </c>
      <c r="B7513" s="1" t="s">
        <v>396</v>
      </c>
      <c r="C7513" s="1" t="s">
        <v>26100</v>
      </c>
      <c r="D7513" s="1" t="s">
        <v>26011</v>
      </c>
      <c r="E7513" s="1"/>
      <c r="F7513" s="1" t="s">
        <v>10</v>
      </c>
      <c r="G7513" s="1" t="s">
        <v>10</v>
      </c>
      <c r="H7513" s="1" t="s">
        <v>10</v>
      </c>
      <c r="I7513" s="1" t="s">
        <v>7415</v>
      </c>
      <c r="J7513" s="1" t="s">
        <v>25141</v>
      </c>
      <c r="K7513" s="1" t="s">
        <v>64</v>
      </c>
      <c r="L7513" s="1" t="s">
        <v>26099</v>
      </c>
      <c r="M7513" s="1" t="s">
        <v>5</v>
      </c>
      <c r="N7513" s="1" t="s">
        <v>6</v>
      </c>
      <c r="O7513" s="1" t="s">
        <v>38</v>
      </c>
      <c r="P7513" s="5" t="s">
        <v>32401</v>
      </c>
    </row>
    <row r="7514" spans="1:16" x14ac:dyDescent="0.2">
      <c r="A7514" s="1" t="s">
        <v>20</v>
      </c>
      <c r="B7514" s="1" t="s">
        <v>445</v>
      </c>
      <c r="C7514" s="1" t="s">
        <v>26102</v>
      </c>
      <c r="D7514" s="1" t="s">
        <v>26103</v>
      </c>
      <c r="E7514" s="1"/>
      <c r="F7514" s="1" t="s">
        <v>10</v>
      </c>
      <c r="G7514" s="1" t="s">
        <v>10</v>
      </c>
      <c r="H7514" s="1" t="s">
        <v>10</v>
      </c>
      <c r="I7514" s="1" t="s">
        <v>7415</v>
      </c>
      <c r="J7514" s="1" t="s">
        <v>19</v>
      </c>
      <c r="K7514" s="1" t="s">
        <v>7</v>
      </c>
      <c r="L7514" s="1" t="s">
        <v>26101</v>
      </c>
      <c r="M7514" s="1" t="s">
        <v>5</v>
      </c>
      <c r="N7514" s="1" t="s">
        <v>1009</v>
      </c>
      <c r="O7514" s="1" t="s">
        <v>38</v>
      </c>
      <c r="P7514" s="5" t="s">
        <v>30772</v>
      </c>
    </row>
    <row r="7515" spans="1:16" x14ac:dyDescent="0.2">
      <c r="A7515" s="1" t="s">
        <v>66</v>
      </c>
      <c r="B7515" s="1" t="s">
        <v>212</v>
      </c>
      <c r="C7515" s="1" t="s">
        <v>26105</v>
      </c>
      <c r="D7515" s="1" t="s">
        <v>26106</v>
      </c>
      <c r="E7515" s="1"/>
      <c r="F7515" s="1" t="s">
        <v>10</v>
      </c>
      <c r="G7515" s="1" t="s">
        <v>10</v>
      </c>
      <c r="H7515" s="1" t="s">
        <v>10</v>
      </c>
      <c r="I7515" s="1" t="s">
        <v>7415</v>
      </c>
      <c r="J7515" s="1" t="s">
        <v>21769</v>
      </c>
      <c r="K7515" s="1" t="s">
        <v>64</v>
      </c>
      <c r="L7515" s="1" t="s">
        <v>26104</v>
      </c>
      <c r="M7515" s="1" t="s">
        <v>5</v>
      </c>
      <c r="N7515" s="1" t="s">
        <v>960</v>
      </c>
      <c r="O7515" s="1" t="s">
        <v>38</v>
      </c>
      <c r="P7515" s="5" t="s">
        <v>32337</v>
      </c>
    </row>
    <row r="7516" spans="1:16" x14ac:dyDescent="0.2">
      <c r="A7516" s="1" t="s">
        <v>66</v>
      </c>
      <c r="B7516" s="1" t="s">
        <v>212</v>
      </c>
      <c r="C7516" s="1" t="s">
        <v>26108</v>
      </c>
      <c r="D7516" s="1" t="s">
        <v>26109</v>
      </c>
      <c r="E7516" s="1"/>
      <c r="F7516" s="1" t="s">
        <v>10</v>
      </c>
      <c r="G7516" s="1" t="s">
        <v>10</v>
      </c>
      <c r="H7516" s="1" t="s">
        <v>10</v>
      </c>
      <c r="I7516" s="1" t="s">
        <v>7415</v>
      </c>
      <c r="J7516" s="1" t="s">
        <v>26110</v>
      </c>
      <c r="K7516" s="1" t="s">
        <v>27</v>
      </c>
      <c r="L7516" s="1" t="s">
        <v>26107</v>
      </c>
      <c r="M7516" s="1" t="s">
        <v>5</v>
      </c>
      <c r="N7516" s="1" t="s">
        <v>1009</v>
      </c>
      <c r="O7516" s="1" t="s">
        <v>38</v>
      </c>
      <c r="P7516" s="5" t="s">
        <v>32402</v>
      </c>
    </row>
    <row r="7517" spans="1:16" x14ac:dyDescent="0.2">
      <c r="A7517" s="1" t="s">
        <v>194</v>
      </c>
      <c r="B7517" s="1" t="s">
        <v>396</v>
      </c>
      <c r="C7517" s="1" t="s">
        <v>26112</v>
      </c>
      <c r="D7517" s="1" t="s">
        <v>26113</v>
      </c>
      <c r="E7517" s="1"/>
      <c r="F7517" s="1" t="s">
        <v>10</v>
      </c>
      <c r="G7517" s="1" t="s">
        <v>10</v>
      </c>
      <c r="H7517" s="1" t="s">
        <v>10</v>
      </c>
      <c r="I7517" s="1" t="s">
        <v>7415</v>
      </c>
      <c r="J7517" s="1" t="s">
        <v>25145</v>
      </c>
      <c r="K7517" s="1" t="s">
        <v>27</v>
      </c>
      <c r="L7517" s="1" t="s">
        <v>26111</v>
      </c>
      <c r="M7517" s="1" t="s">
        <v>5</v>
      </c>
      <c r="N7517" s="1" t="s">
        <v>1009</v>
      </c>
      <c r="O7517" s="1" t="s">
        <v>38</v>
      </c>
      <c r="P7517" s="5" t="s">
        <v>30773</v>
      </c>
    </row>
    <row r="7518" spans="1:16" x14ac:dyDescent="0.2">
      <c r="A7518" s="1" t="s">
        <v>194</v>
      </c>
      <c r="B7518" s="1" t="s">
        <v>396</v>
      </c>
      <c r="C7518" s="1" t="s">
        <v>26115</v>
      </c>
      <c r="D7518" s="1" t="s">
        <v>26116</v>
      </c>
      <c r="E7518" s="1"/>
      <c r="F7518" s="1" t="s">
        <v>10</v>
      </c>
      <c r="G7518" s="1" t="s">
        <v>10</v>
      </c>
      <c r="H7518" s="1" t="s">
        <v>10</v>
      </c>
      <c r="I7518" s="1" t="s">
        <v>7415</v>
      </c>
      <c r="J7518" s="1" t="s">
        <v>25145</v>
      </c>
      <c r="K7518" s="1" t="s">
        <v>27</v>
      </c>
      <c r="L7518" s="1" t="s">
        <v>26114</v>
      </c>
      <c r="M7518" s="1" t="s">
        <v>5</v>
      </c>
      <c r="N7518" s="1" t="s">
        <v>1009</v>
      </c>
      <c r="O7518" s="1" t="s">
        <v>38</v>
      </c>
      <c r="P7518" s="5" t="s">
        <v>30773</v>
      </c>
    </row>
    <row r="7519" spans="1:16" x14ac:dyDescent="0.2">
      <c r="A7519" s="1" t="s">
        <v>194</v>
      </c>
      <c r="B7519" s="1" t="s">
        <v>396</v>
      </c>
      <c r="C7519" s="1" t="s">
        <v>26118</v>
      </c>
      <c r="D7519" s="1" t="s">
        <v>26119</v>
      </c>
      <c r="E7519" s="1"/>
      <c r="F7519" s="1" t="s">
        <v>10</v>
      </c>
      <c r="G7519" s="1" t="s">
        <v>10</v>
      </c>
      <c r="H7519" s="1" t="s">
        <v>10</v>
      </c>
      <c r="I7519" s="1" t="s">
        <v>7415</v>
      </c>
      <c r="J7519" s="1" t="s">
        <v>25145</v>
      </c>
      <c r="K7519" s="1" t="s">
        <v>27</v>
      </c>
      <c r="L7519" s="1" t="s">
        <v>26117</v>
      </c>
      <c r="M7519" s="1" t="s">
        <v>5</v>
      </c>
      <c r="N7519" s="1" t="s">
        <v>1009</v>
      </c>
      <c r="O7519" s="1" t="s">
        <v>38</v>
      </c>
      <c r="P7519" s="5" t="s">
        <v>32403</v>
      </c>
    </row>
    <row r="7520" spans="1:16" x14ac:dyDescent="0.2">
      <c r="A7520" s="1" t="s">
        <v>66</v>
      </c>
      <c r="B7520" s="1" t="s">
        <v>212</v>
      </c>
      <c r="C7520" s="1" t="s">
        <v>26122</v>
      </c>
      <c r="D7520" s="1" t="s">
        <v>26123</v>
      </c>
      <c r="E7520" s="1"/>
      <c r="F7520" s="1" t="s">
        <v>10</v>
      </c>
      <c r="G7520" s="1" t="s">
        <v>10</v>
      </c>
      <c r="H7520" s="1" t="s">
        <v>10</v>
      </c>
      <c r="I7520" s="1" t="s">
        <v>7415</v>
      </c>
      <c r="J7520" s="1" t="s">
        <v>25141</v>
      </c>
      <c r="K7520" s="1" t="s">
        <v>11</v>
      </c>
      <c r="L7520" s="1" t="s">
        <v>26121</v>
      </c>
      <c r="M7520" s="1" t="s">
        <v>5</v>
      </c>
      <c r="N7520" s="1" t="s">
        <v>1009</v>
      </c>
      <c r="O7520" s="1" t="s">
        <v>38</v>
      </c>
      <c r="P7520" s="5" t="s">
        <v>32282</v>
      </c>
    </row>
    <row r="7521" spans="1:16" x14ac:dyDescent="0.2">
      <c r="A7521" s="1" t="s">
        <v>42</v>
      </c>
      <c r="B7521" s="1" t="s">
        <v>43</v>
      </c>
      <c r="C7521" s="1" t="s">
        <v>26125</v>
      </c>
      <c r="D7521" s="1" t="s">
        <v>2736</v>
      </c>
      <c r="E7521" s="1" t="s">
        <v>26126</v>
      </c>
      <c r="F7521" s="1" t="s">
        <v>10</v>
      </c>
      <c r="G7521" s="1" t="s">
        <v>10</v>
      </c>
      <c r="H7521" s="1" t="s">
        <v>10</v>
      </c>
      <c r="I7521" s="1" t="s">
        <v>7415</v>
      </c>
      <c r="J7521" s="1" t="s">
        <v>19</v>
      </c>
      <c r="K7521" s="1" t="s">
        <v>37</v>
      </c>
      <c r="L7521" s="1" t="s">
        <v>26124</v>
      </c>
      <c r="M7521" s="1" t="s">
        <v>5</v>
      </c>
      <c r="N7521" s="1" t="s">
        <v>1009</v>
      </c>
      <c r="O7521" s="1" t="s">
        <v>38</v>
      </c>
      <c r="P7521" s="5" t="s">
        <v>32391</v>
      </c>
    </row>
    <row r="7522" spans="1:16" x14ac:dyDescent="0.2">
      <c r="A7522" s="1" t="s">
        <v>32</v>
      </c>
      <c r="B7522" s="1" t="s">
        <v>7383</v>
      </c>
      <c r="C7522" s="1" t="s">
        <v>26128</v>
      </c>
      <c r="D7522" s="1" t="s">
        <v>26129</v>
      </c>
      <c r="E7522" s="1"/>
      <c r="F7522" s="1" t="s">
        <v>10</v>
      </c>
      <c r="G7522" s="1" t="s">
        <v>10</v>
      </c>
      <c r="H7522" s="1" t="s">
        <v>10</v>
      </c>
      <c r="I7522" s="1" t="s">
        <v>7415</v>
      </c>
      <c r="J7522" s="1" t="s">
        <v>19</v>
      </c>
      <c r="K7522" s="1" t="s">
        <v>7</v>
      </c>
      <c r="L7522" s="1" t="s">
        <v>26127</v>
      </c>
      <c r="M7522" s="1" t="s">
        <v>5</v>
      </c>
      <c r="N7522" s="1" t="s">
        <v>6</v>
      </c>
      <c r="O7522" s="1" t="s">
        <v>38</v>
      </c>
      <c r="P7522" s="5" t="s">
        <v>32404</v>
      </c>
    </row>
    <row r="7523" spans="1:16" x14ac:dyDescent="0.2">
      <c r="A7523" s="1" t="s">
        <v>66</v>
      </c>
      <c r="B7523" s="1" t="s">
        <v>212</v>
      </c>
      <c r="C7523" s="1" t="s">
        <v>26131</v>
      </c>
      <c r="D7523" s="1" t="s">
        <v>26132</v>
      </c>
      <c r="E7523" s="1"/>
      <c r="F7523" s="1" t="s">
        <v>10</v>
      </c>
      <c r="G7523" s="1" t="s">
        <v>10</v>
      </c>
      <c r="H7523" s="1" t="s">
        <v>10</v>
      </c>
      <c r="I7523" s="1" t="s">
        <v>7415</v>
      </c>
      <c r="J7523" s="1" t="s">
        <v>25141</v>
      </c>
      <c r="K7523" s="1" t="s">
        <v>11</v>
      </c>
      <c r="L7523" s="1" t="s">
        <v>26130</v>
      </c>
      <c r="M7523" s="1" t="s">
        <v>5</v>
      </c>
      <c r="N7523" s="1" t="s">
        <v>6</v>
      </c>
      <c r="O7523" s="1" t="s">
        <v>38</v>
      </c>
      <c r="P7523" s="5" t="s">
        <v>32405</v>
      </c>
    </row>
    <row r="7524" spans="1:16" x14ac:dyDescent="0.2">
      <c r="A7524" s="1" t="s">
        <v>66</v>
      </c>
      <c r="B7524" s="1" t="s">
        <v>212</v>
      </c>
      <c r="C7524" s="1" t="s">
        <v>26134</v>
      </c>
      <c r="D7524" s="1" t="s">
        <v>25615</v>
      </c>
      <c r="E7524" s="1"/>
      <c r="F7524" s="1" t="s">
        <v>10</v>
      </c>
      <c r="G7524" s="1" t="s">
        <v>10</v>
      </c>
      <c r="H7524" s="1" t="s">
        <v>10</v>
      </c>
      <c r="I7524" s="1" t="s">
        <v>7415</v>
      </c>
      <c r="J7524" s="1" t="s">
        <v>25141</v>
      </c>
      <c r="K7524" s="1" t="s">
        <v>11</v>
      </c>
      <c r="L7524" s="1" t="s">
        <v>26133</v>
      </c>
      <c r="M7524" s="1" t="s">
        <v>5</v>
      </c>
      <c r="N7524" s="1" t="s">
        <v>6</v>
      </c>
      <c r="O7524" s="1" t="s">
        <v>38</v>
      </c>
      <c r="P7524" s="5" t="s">
        <v>32406</v>
      </c>
    </row>
    <row r="7525" spans="1:16" x14ac:dyDescent="0.2">
      <c r="A7525" s="1" t="s">
        <v>66</v>
      </c>
      <c r="B7525" s="1" t="s">
        <v>212</v>
      </c>
      <c r="C7525" s="1" t="s">
        <v>26136</v>
      </c>
      <c r="D7525" s="1" t="s">
        <v>25593</v>
      </c>
      <c r="E7525" s="1"/>
      <c r="F7525" s="1" t="s">
        <v>10</v>
      </c>
      <c r="G7525" s="1" t="s">
        <v>10</v>
      </c>
      <c r="H7525" s="1" t="s">
        <v>10</v>
      </c>
      <c r="I7525" s="1" t="s">
        <v>7415</v>
      </c>
      <c r="J7525" s="1" t="s">
        <v>25141</v>
      </c>
      <c r="K7525" s="1" t="s">
        <v>11</v>
      </c>
      <c r="L7525" s="1" t="s">
        <v>26135</v>
      </c>
      <c r="M7525" s="1" t="s">
        <v>5</v>
      </c>
      <c r="N7525" s="1" t="s">
        <v>6</v>
      </c>
      <c r="O7525" s="1" t="s">
        <v>38</v>
      </c>
      <c r="P7525" s="5" t="s">
        <v>32407</v>
      </c>
    </row>
    <row r="7526" spans="1:16" x14ac:dyDescent="0.2">
      <c r="A7526" s="1" t="s">
        <v>66</v>
      </c>
      <c r="B7526" s="1" t="s">
        <v>212</v>
      </c>
      <c r="C7526" s="1" t="s">
        <v>26138</v>
      </c>
      <c r="D7526" s="1" t="s">
        <v>24293</v>
      </c>
      <c r="E7526" s="1"/>
      <c r="F7526" s="1" t="s">
        <v>10</v>
      </c>
      <c r="G7526" s="1" t="s">
        <v>10</v>
      </c>
      <c r="H7526" s="1" t="s">
        <v>10</v>
      </c>
      <c r="I7526" s="1" t="s">
        <v>7415</v>
      </c>
      <c r="J7526" s="1" t="s">
        <v>25141</v>
      </c>
      <c r="K7526" s="1" t="s">
        <v>11</v>
      </c>
      <c r="L7526" s="1" t="s">
        <v>26137</v>
      </c>
      <c r="M7526" s="1" t="s">
        <v>5</v>
      </c>
      <c r="N7526" s="1" t="s">
        <v>6</v>
      </c>
      <c r="O7526" s="1" t="s">
        <v>38</v>
      </c>
      <c r="P7526" s="5" t="s">
        <v>32408</v>
      </c>
    </row>
    <row r="7527" spans="1:16" x14ac:dyDescent="0.2">
      <c r="A7527" s="1" t="s">
        <v>66</v>
      </c>
      <c r="B7527" s="1" t="s">
        <v>212</v>
      </c>
      <c r="C7527" s="1" t="s">
        <v>26140</v>
      </c>
      <c r="D7527" s="1" t="s">
        <v>22389</v>
      </c>
      <c r="E7527" s="1"/>
      <c r="F7527" s="1" t="s">
        <v>10</v>
      </c>
      <c r="G7527" s="1" t="s">
        <v>10</v>
      </c>
      <c r="H7527" s="1" t="s">
        <v>10</v>
      </c>
      <c r="I7527" s="1" t="s">
        <v>7415</v>
      </c>
      <c r="J7527" s="1" t="s">
        <v>25141</v>
      </c>
      <c r="K7527" s="1" t="s">
        <v>11</v>
      </c>
      <c r="L7527" s="1" t="s">
        <v>26139</v>
      </c>
      <c r="M7527" s="1" t="s">
        <v>5</v>
      </c>
      <c r="N7527" s="1" t="s">
        <v>6</v>
      </c>
      <c r="O7527" s="1" t="s">
        <v>38</v>
      </c>
      <c r="P7527" s="5" t="s">
        <v>32409</v>
      </c>
    </row>
    <row r="7528" spans="1:16" x14ac:dyDescent="0.2">
      <c r="A7528" s="1" t="s">
        <v>487</v>
      </c>
      <c r="B7528" s="1" t="s">
        <v>759</v>
      </c>
      <c r="C7528" s="1" t="s">
        <v>26142</v>
      </c>
      <c r="D7528" s="1" t="s">
        <v>5632</v>
      </c>
      <c r="E7528" s="1"/>
      <c r="F7528" s="1" t="s">
        <v>27</v>
      </c>
      <c r="G7528" s="1" t="s">
        <v>10</v>
      </c>
      <c r="H7528" s="1" t="s">
        <v>1191</v>
      </c>
      <c r="I7528" s="1" t="s">
        <v>7415</v>
      </c>
      <c r="J7528" s="1" t="s">
        <v>25137</v>
      </c>
      <c r="K7528" s="1" t="s">
        <v>64</v>
      </c>
      <c r="L7528" s="1" t="s">
        <v>26141</v>
      </c>
      <c r="M7528" s="1" t="s">
        <v>5</v>
      </c>
      <c r="N7528" s="1" t="s">
        <v>6</v>
      </c>
      <c r="O7528" s="1" t="s">
        <v>8</v>
      </c>
      <c r="P7528" s="5" t="s">
        <v>10</v>
      </c>
    </row>
    <row r="7529" spans="1:16" x14ac:dyDescent="0.2">
      <c r="A7529" s="1" t="s">
        <v>487</v>
      </c>
      <c r="B7529" s="1" t="s">
        <v>488</v>
      </c>
      <c r="C7529" s="1" t="s">
        <v>26144</v>
      </c>
      <c r="D7529" s="1" t="s">
        <v>10</v>
      </c>
      <c r="E7529" s="1"/>
      <c r="F7529" s="1" t="s">
        <v>27</v>
      </c>
      <c r="G7529" s="1" t="s">
        <v>10</v>
      </c>
      <c r="H7529" s="1" t="s">
        <v>26145</v>
      </c>
      <c r="I7529" s="1" t="s">
        <v>7415</v>
      </c>
      <c r="J7529" s="1" t="s">
        <v>25137</v>
      </c>
      <c r="K7529" s="1" t="s">
        <v>64</v>
      </c>
      <c r="L7529" s="1" t="s">
        <v>26143</v>
      </c>
      <c r="M7529" s="1" t="s">
        <v>5</v>
      </c>
      <c r="N7529" s="1" t="s">
        <v>25</v>
      </c>
      <c r="O7529" s="1" t="s">
        <v>8</v>
      </c>
      <c r="P7529" s="5" t="s">
        <v>10</v>
      </c>
    </row>
    <row r="7530" spans="1:16" x14ac:dyDescent="0.2">
      <c r="A7530" s="1" t="s">
        <v>487</v>
      </c>
      <c r="B7530" s="1" t="s">
        <v>488</v>
      </c>
      <c r="C7530" s="1" t="s">
        <v>26147</v>
      </c>
      <c r="D7530" s="1" t="s">
        <v>10</v>
      </c>
      <c r="E7530" s="1"/>
      <c r="F7530" s="1" t="s">
        <v>27</v>
      </c>
      <c r="G7530" s="1" t="s">
        <v>10</v>
      </c>
      <c r="H7530" s="1" t="s">
        <v>799</v>
      </c>
      <c r="I7530" s="1" t="s">
        <v>7415</v>
      </c>
      <c r="J7530" s="1" t="s">
        <v>25137</v>
      </c>
      <c r="K7530" s="1" t="s">
        <v>64</v>
      </c>
      <c r="L7530" s="1" t="s">
        <v>26146</v>
      </c>
      <c r="M7530" s="1" t="s">
        <v>3905</v>
      </c>
      <c r="N7530" s="1" t="s">
        <v>6</v>
      </c>
      <c r="O7530" s="1" t="s">
        <v>8</v>
      </c>
      <c r="P7530" s="5" t="s">
        <v>10</v>
      </c>
    </row>
    <row r="7531" spans="1:16" x14ac:dyDescent="0.2">
      <c r="A7531" s="1" t="s">
        <v>487</v>
      </c>
      <c r="B7531" s="1" t="s">
        <v>488</v>
      </c>
      <c r="C7531" s="1" t="s">
        <v>26149</v>
      </c>
      <c r="D7531" s="1" t="s">
        <v>10</v>
      </c>
      <c r="E7531" s="1"/>
      <c r="F7531" s="1" t="s">
        <v>27</v>
      </c>
      <c r="G7531" s="1" t="s">
        <v>10</v>
      </c>
      <c r="H7531" s="1" t="s">
        <v>1155</v>
      </c>
      <c r="I7531" s="1" t="s">
        <v>7415</v>
      </c>
      <c r="J7531" s="1" t="s">
        <v>25137</v>
      </c>
      <c r="K7531" s="1" t="s">
        <v>64</v>
      </c>
      <c r="L7531" s="1" t="s">
        <v>26148</v>
      </c>
      <c r="M7531" s="1" t="s">
        <v>5</v>
      </c>
      <c r="N7531" s="1" t="s">
        <v>6</v>
      </c>
      <c r="O7531" s="1" t="s">
        <v>8</v>
      </c>
      <c r="P7531" s="5"/>
    </row>
    <row r="7532" spans="1:16" x14ac:dyDescent="0.2">
      <c r="A7532" s="1" t="s">
        <v>194</v>
      </c>
      <c r="B7532" s="1" t="s">
        <v>7175</v>
      </c>
      <c r="C7532" s="1" t="s">
        <v>26151</v>
      </c>
      <c r="D7532" s="1" t="s">
        <v>26152</v>
      </c>
      <c r="E7532" s="1"/>
      <c r="F7532" s="1" t="s">
        <v>27</v>
      </c>
      <c r="G7532" s="1" t="s">
        <v>10</v>
      </c>
      <c r="H7532" s="1" t="s">
        <v>26154</v>
      </c>
      <c r="I7532" s="1" t="s">
        <v>7415</v>
      </c>
      <c r="J7532" s="1" t="s">
        <v>25141</v>
      </c>
      <c r="K7532" s="1" t="s">
        <v>27</v>
      </c>
      <c r="L7532" s="1" t="s">
        <v>26150</v>
      </c>
      <c r="M7532" s="1" t="s">
        <v>5</v>
      </c>
      <c r="N7532" s="1" t="s">
        <v>1009</v>
      </c>
      <c r="O7532" s="1" t="s">
        <v>8</v>
      </c>
      <c r="P7532" s="5" t="s">
        <v>32410</v>
      </c>
    </row>
    <row r="7533" spans="1:16" x14ac:dyDescent="0.2">
      <c r="A7533" s="1" t="s">
        <v>42</v>
      </c>
      <c r="B7533" s="1" t="s">
        <v>50</v>
      </c>
      <c r="C7533" s="1" t="s">
        <v>26156</v>
      </c>
      <c r="D7533" s="1" t="s">
        <v>26157</v>
      </c>
      <c r="E7533" s="1"/>
      <c r="F7533" s="1" t="s">
        <v>10</v>
      </c>
      <c r="G7533" s="1" t="s">
        <v>10</v>
      </c>
      <c r="H7533" s="1" t="s">
        <v>10</v>
      </c>
      <c r="I7533" s="1" t="s">
        <v>7415</v>
      </c>
      <c r="J7533" s="1" t="s">
        <v>19</v>
      </c>
      <c r="K7533" s="1" t="s">
        <v>47</v>
      </c>
      <c r="L7533" s="1" t="s">
        <v>26155</v>
      </c>
      <c r="M7533" s="1" t="s">
        <v>5</v>
      </c>
      <c r="N7533" s="1" t="s">
        <v>1009</v>
      </c>
      <c r="O7533" s="1" t="s">
        <v>38</v>
      </c>
      <c r="P7533" s="5" t="s">
        <v>30746</v>
      </c>
    </row>
    <row r="7534" spans="1:16" x14ac:dyDescent="0.2">
      <c r="A7534" s="1" t="s">
        <v>194</v>
      </c>
      <c r="B7534" s="1" t="s">
        <v>195</v>
      </c>
      <c r="C7534" s="1" t="s">
        <v>26159</v>
      </c>
      <c r="D7534" s="1" t="s">
        <v>26159</v>
      </c>
      <c r="E7534" s="1" t="s">
        <v>26160</v>
      </c>
      <c r="F7534" s="1" t="s">
        <v>10</v>
      </c>
      <c r="G7534" s="1" t="s">
        <v>10</v>
      </c>
      <c r="H7534" s="1" t="s">
        <v>10</v>
      </c>
      <c r="I7534" s="1" t="s">
        <v>7415</v>
      </c>
      <c r="J7534" s="1" t="s">
        <v>21769</v>
      </c>
      <c r="K7534" s="1" t="s">
        <v>27</v>
      </c>
      <c r="L7534" s="1" t="s">
        <v>26158</v>
      </c>
      <c r="M7534" s="1" t="s">
        <v>5</v>
      </c>
      <c r="N7534" s="1" t="s">
        <v>25</v>
      </c>
      <c r="O7534" s="1" t="s">
        <v>38</v>
      </c>
      <c r="P7534" s="5" t="s">
        <v>32411</v>
      </c>
    </row>
    <row r="7535" spans="1:16" x14ac:dyDescent="0.2">
      <c r="A7535" s="1" t="s">
        <v>194</v>
      </c>
      <c r="B7535" s="1" t="s">
        <v>396</v>
      </c>
      <c r="C7535" s="1" t="s">
        <v>26162</v>
      </c>
      <c r="D7535" s="1" t="s">
        <v>26163</v>
      </c>
      <c r="E7535" s="1"/>
      <c r="F7535" s="1" t="s">
        <v>10</v>
      </c>
      <c r="G7535" s="1" t="s">
        <v>10</v>
      </c>
      <c r="H7535" s="1" t="s">
        <v>10</v>
      </c>
      <c r="I7535" s="1" t="s">
        <v>7415</v>
      </c>
      <c r="J7535" s="1" t="s">
        <v>25145</v>
      </c>
      <c r="K7535" s="1" t="s">
        <v>2555</v>
      </c>
      <c r="L7535" s="1" t="s">
        <v>26161</v>
      </c>
      <c r="M7535" s="1" t="s">
        <v>5</v>
      </c>
      <c r="N7535" s="1" t="s">
        <v>1009</v>
      </c>
      <c r="O7535" s="1" t="s">
        <v>38</v>
      </c>
      <c r="P7535" s="5" t="s">
        <v>32366</v>
      </c>
    </row>
    <row r="7536" spans="1:16" x14ac:dyDescent="0.2">
      <c r="A7536" s="1" t="s">
        <v>66</v>
      </c>
      <c r="B7536" s="1" t="s">
        <v>212</v>
      </c>
      <c r="C7536" s="1" t="s">
        <v>26165</v>
      </c>
      <c r="D7536" s="1" t="s">
        <v>25576</v>
      </c>
      <c r="E7536" s="1"/>
      <c r="F7536" s="1" t="s">
        <v>10</v>
      </c>
      <c r="G7536" s="1" t="s">
        <v>10</v>
      </c>
      <c r="H7536" s="1" t="s">
        <v>10</v>
      </c>
      <c r="I7536" s="1" t="s">
        <v>7415</v>
      </c>
      <c r="J7536" s="1" t="s">
        <v>25488</v>
      </c>
      <c r="K7536" s="1" t="s">
        <v>11</v>
      </c>
      <c r="L7536" s="1" t="s">
        <v>26164</v>
      </c>
      <c r="M7536" s="1" t="s">
        <v>5</v>
      </c>
      <c r="N7536" s="1" t="s">
        <v>1009</v>
      </c>
      <c r="O7536" s="1" t="s">
        <v>38</v>
      </c>
      <c r="P7536" s="5" t="s">
        <v>32333</v>
      </c>
    </row>
    <row r="7537" spans="1:16" x14ac:dyDescent="0.2">
      <c r="A7537" s="1" t="s">
        <v>20</v>
      </c>
      <c r="B7537" s="1" t="s">
        <v>93</v>
      </c>
      <c r="C7537" s="1" t="s">
        <v>26167</v>
      </c>
      <c r="D7537" s="1" t="s">
        <v>25646</v>
      </c>
      <c r="E7537" s="1"/>
      <c r="F7537" s="1" t="s">
        <v>27</v>
      </c>
      <c r="G7537" s="1" t="s">
        <v>10</v>
      </c>
      <c r="H7537" s="1" t="s">
        <v>25647</v>
      </c>
      <c r="I7537" s="1" t="s">
        <v>7415</v>
      </c>
      <c r="J7537" s="1" t="s">
        <v>21769</v>
      </c>
      <c r="K7537" s="1" t="s">
        <v>2555</v>
      </c>
      <c r="L7537" s="1" t="s">
        <v>26166</v>
      </c>
      <c r="M7537" s="1" t="s">
        <v>5</v>
      </c>
      <c r="N7537" s="1" t="s">
        <v>6</v>
      </c>
      <c r="O7537" s="1" t="s">
        <v>8</v>
      </c>
      <c r="P7537" s="5" t="s">
        <v>32345</v>
      </c>
    </row>
    <row r="7538" spans="1:16" x14ac:dyDescent="0.2">
      <c r="A7538" s="1" t="s">
        <v>66</v>
      </c>
      <c r="B7538" s="1" t="s">
        <v>212</v>
      </c>
      <c r="C7538" s="1" t="s">
        <v>26169</v>
      </c>
      <c r="D7538" s="1" t="s">
        <v>26170</v>
      </c>
      <c r="E7538" s="1"/>
      <c r="F7538" s="1" t="s">
        <v>10</v>
      </c>
      <c r="G7538" s="1" t="s">
        <v>10</v>
      </c>
      <c r="H7538" s="1" t="s">
        <v>10</v>
      </c>
      <c r="I7538" s="1" t="s">
        <v>7415</v>
      </c>
      <c r="J7538" s="1" t="s">
        <v>25141</v>
      </c>
      <c r="K7538" s="1" t="s">
        <v>11</v>
      </c>
      <c r="L7538" s="1" t="s">
        <v>26168</v>
      </c>
      <c r="M7538" s="1" t="s">
        <v>5</v>
      </c>
      <c r="N7538" s="1" t="s">
        <v>1009</v>
      </c>
      <c r="O7538" s="1" t="s">
        <v>38</v>
      </c>
      <c r="P7538" s="5" t="s">
        <v>32412</v>
      </c>
    </row>
    <row r="7539" spans="1:16" x14ac:dyDescent="0.2">
      <c r="A7539" s="1" t="s">
        <v>487</v>
      </c>
      <c r="B7539" s="1" t="s">
        <v>488</v>
      </c>
      <c r="C7539" s="1" t="s">
        <v>26172</v>
      </c>
      <c r="D7539" s="1" t="s">
        <v>10</v>
      </c>
      <c r="E7539" s="1"/>
      <c r="F7539" s="1" t="s">
        <v>27</v>
      </c>
      <c r="G7539" s="1" t="s">
        <v>10</v>
      </c>
      <c r="H7539" s="1" t="s">
        <v>26173</v>
      </c>
      <c r="I7539" s="1" t="s">
        <v>7415</v>
      </c>
      <c r="J7539" s="1" t="s">
        <v>25137</v>
      </c>
      <c r="K7539" s="1" t="s">
        <v>64</v>
      </c>
      <c r="L7539" s="1" t="s">
        <v>26171</v>
      </c>
      <c r="M7539" s="1" t="s">
        <v>5</v>
      </c>
      <c r="N7539" s="1" t="s">
        <v>6</v>
      </c>
      <c r="O7539" s="1" t="s">
        <v>8</v>
      </c>
      <c r="P7539" s="5" t="s">
        <v>10</v>
      </c>
    </row>
    <row r="7540" spans="1:16" x14ac:dyDescent="0.2">
      <c r="A7540" s="1" t="s">
        <v>32</v>
      </c>
      <c r="B7540" s="1" t="s">
        <v>33</v>
      </c>
      <c r="C7540" s="1" t="s">
        <v>26175</v>
      </c>
      <c r="D7540" s="1" t="s">
        <v>26176</v>
      </c>
      <c r="E7540" s="1"/>
      <c r="F7540" s="1" t="s">
        <v>27</v>
      </c>
      <c r="G7540" s="1" t="s">
        <v>10</v>
      </c>
      <c r="H7540" s="1" t="s">
        <v>26176</v>
      </c>
      <c r="I7540" s="1" t="s">
        <v>7415</v>
      </c>
      <c r="J7540" s="1" t="s">
        <v>25137</v>
      </c>
      <c r="K7540" s="1" t="s">
        <v>64</v>
      </c>
      <c r="L7540" s="1" t="s">
        <v>26174</v>
      </c>
      <c r="M7540" s="1" t="s">
        <v>5</v>
      </c>
      <c r="N7540" s="1" t="s">
        <v>6</v>
      </c>
      <c r="O7540" s="1" t="s">
        <v>8</v>
      </c>
      <c r="P7540" s="5" t="s">
        <v>114</v>
      </c>
    </row>
    <row r="7541" spans="1:16" x14ac:dyDescent="0.2">
      <c r="A7541" s="1" t="s">
        <v>32</v>
      </c>
      <c r="B7541" s="1" t="s">
        <v>33</v>
      </c>
      <c r="C7541" s="1" t="s">
        <v>26179</v>
      </c>
      <c r="D7541" s="1" t="s">
        <v>26176</v>
      </c>
      <c r="E7541" s="1"/>
      <c r="F7541" s="1" t="s">
        <v>27</v>
      </c>
      <c r="G7541" s="1" t="s">
        <v>10</v>
      </c>
      <c r="H7541" s="1" t="s">
        <v>26176</v>
      </c>
      <c r="I7541" s="1" t="s">
        <v>7415</v>
      </c>
      <c r="J7541" s="1" t="s">
        <v>25137</v>
      </c>
      <c r="K7541" s="1" t="s">
        <v>64</v>
      </c>
      <c r="L7541" s="1" t="s">
        <v>26178</v>
      </c>
      <c r="M7541" s="1" t="s">
        <v>5</v>
      </c>
      <c r="N7541" s="1" t="s">
        <v>6</v>
      </c>
      <c r="O7541" s="1" t="s">
        <v>8</v>
      </c>
      <c r="P7541" s="5"/>
    </row>
    <row r="7542" spans="1:16" x14ac:dyDescent="0.2">
      <c r="A7542" s="1" t="s">
        <v>66</v>
      </c>
      <c r="B7542" s="1" t="s">
        <v>1117</v>
      </c>
      <c r="C7542" s="1" t="s">
        <v>26181</v>
      </c>
      <c r="D7542" s="1" t="s">
        <v>8314</v>
      </c>
      <c r="E7542" s="1"/>
      <c r="F7542" s="1" t="s">
        <v>522</v>
      </c>
      <c r="G7542" s="1" t="s">
        <v>10</v>
      </c>
      <c r="H7542" s="1" t="s">
        <v>10</v>
      </c>
      <c r="I7542" s="1" t="s">
        <v>7415</v>
      </c>
      <c r="J7542" s="1" t="s">
        <v>25137</v>
      </c>
      <c r="K7542" s="1" t="s">
        <v>64</v>
      </c>
      <c r="L7542" s="1" t="s">
        <v>26180</v>
      </c>
      <c r="M7542" s="1" t="s">
        <v>5</v>
      </c>
      <c r="N7542" s="1" t="s">
        <v>6</v>
      </c>
      <c r="O7542" s="1" t="s">
        <v>8</v>
      </c>
      <c r="P7542" s="5" t="s">
        <v>30515</v>
      </c>
    </row>
    <row r="7543" spans="1:16" x14ac:dyDescent="0.2">
      <c r="A7543" s="1" t="s">
        <v>66</v>
      </c>
      <c r="B7543" s="1" t="s">
        <v>1117</v>
      </c>
      <c r="C7543" s="1" t="s">
        <v>26183</v>
      </c>
      <c r="D7543" s="1" t="s">
        <v>10</v>
      </c>
      <c r="E7543" s="1"/>
      <c r="F7543" s="1" t="s">
        <v>522</v>
      </c>
      <c r="G7543" s="1" t="s">
        <v>15320</v>
      </c>
      <c r="H7543" s="1" t="s">
        <v>10</v>
      </c>
      <c r="I7543" s="1" t="s">
        <v>7415</v>
      </c>
      <c r="J7543" s="1" t="s">
        <v>25137</v>
      </c>
      <c r="K7543" s="1" t="s">
        <v>64</v>
      </c>
      <c r="L7543" s="1" t="s">
        <v>26182</v>
      </c>
      <c r="M7543" s="1" t="s">
        <v>5</v>
      </c>
      <c r="N7543" s="1" t="s">
        <v>25</v>
      </c>
      <c r="O7543" s="1" t="s">
        <v>8</v>
      </c>
      <c r="P7543" s="5" t="s">
        <v>114</v>
      </c>
    </row>
    <row r="7544" spans="1:16" x14ac:dyDescent="0.2">
      <c r="A7544" s="1" t="s">
        <v>66</v>
      </c>
      <c r="B7544" s="1" t="s">
        <v>1117</v>
      </c>
      <c r="C7544" s="1" t="s">
        <v>26185</v>
      </c>
      <c r="D7544" s="1" t="s">
        <v>8331</v>
      </c>
      <c r="E7544" s="1"/>
      <c r="F7544" s="1" t="s">
        <v>27</v>
      </c>
      <c r="G7544" s="1" t="s">
        <v>10</v>
      </c>
      <c r="H7544" s="1" t="s">
        <v>1116</v>
      </c>
      <c r="I7544" s="1" t="s">
        <v>7415</v>
      </c>
      <c r="J7544" s="1" t="s">
        <v>25137</v>
      </c>
      <c r="K7544" s="1" t="s">
        <v>64</v>
      </c>
      <c r="L7544" s="1" t="s">
        <v>26184</v>
      </c>
      <c r="M7544" s="1" t="s">
        <v>5</v>
      </c>
      <c r="N7544" s="1" t="s">
        <v>6</v>
      </c>
      <c r="O7544" s="1" t="s">
        <v>8</v>
      </c>
      <c r="P7544" s="5" t="s">
        <v>32413</v>
      </c>
    </row>
    <row r="7545" spans="1:16" x14ac:dyDescent="0.2">
      <c r="A7545" s="1" t="s">
        <v>66</v>
      </c>
      <c r="B7545" s="1" t="s">
        <v>212</v>
      </c>
      <c r="C7545" s="1" t="s">
        <v>26187</v>
      </c>
      <c r="D7545" s="1" t="s">
        <v>25588</v>
      </c>
      <c r="E7545" s="1"/>
      <c r="F7545" s="1" t="s">
        <v>10</v>
      </c>
      <c r="G7545" s="1" t="s">
        <v>10</v>
      </c>
      <c r="H7545" s="1" t="s">
        <v>10</v>
      </c>
      <c r="I7545" s="1" t="s">
        <v>7415</v>
      </c>
      <c r="J7545" s="1" t="s">
        <v>21769</v>
      </c>
      <c r="K7545" s="1" t="s">
        <v>64</v>
      </c>
      <c r="L7545" s="1" t="s">
        <v>26186</v>
      </c>
      <c r="M7545" s="1" t="s">
        <v>5</v>
      </c>
      <c r="N7545" s="1" t="s">
        <v>960</v>
      </c>
      <c r="O7545" s="1" t="s">
        <v>38</v>
      </c>
      <c r="P7545" s="5" t="s">
        <v>32358</v>
      </c>
    </row>
    <row r="7546" spans="1:16" x14ac:dyDescent="0.2">
      <c r="A7546" s="1" t="s">
        <v>487</v>
      </c>
      <c r="B7546" s="1" t="s">
        <v>488</v>
      </c>
      <c r="C7546" s="1" t="s">
        <v>26189</v>
      </c>
      <c r="D7546" s="1" t="s">
        <v>10</v>
      </c>
      <c r="E7546" s="1"/>
      <c r="F7546" s="1" t="s">
        <v>27</v>
      </c>
      <c r="G7546" s="1" t="s">
        <v>10</v>
      </c>
      <c r="H7546" s="1" t="s">
        <v>26190</v>
      </c>
      <c r="I7546" s="1" t="s">
        <v>7415</v>
      </c>
      <c r="J7546" s="1" t="s">
        <v>25137</v>
      </c>
      <c r="K7546" s="1" t="s">
        <v>64</v>
      </c>
      <c r="L7546" s="1" t="s">
        <v>26188</v>
      </c>
      <c r="M7546" s="1" t="s">
        <v>5</v>
      </c>
      <c r="N7546" s="1" t="s">
        <v>6</v>
      </c>
      <c r="O7546" s="1" t="s">
        <v>8</v>
      </c>
      <c r="P7546" s="5"/>
    </row>
    <row r="7547" spans="1:16" x14ac:dyDescent="0.2">
      <c r="A7547" s="1" t="s">
        <v>487</v>
      </c>
      <c r="B7547" s="1" t="s">
        <v>1651</v>
      </c>
      <c r="C7547" s="1" t="s">
        <v>26192</v>
      </c>
      <c r="D7547" s="1" t="s">
        <v>26192</v>
      </c>
      <c r="E7547" s="1"/>
      <c r="F7547" s="1" t="s">
        <v>27</v>
      </c>
      <c r="G7547" s="1" t="s">
        <v>10</v>
      </c>
      <c r="H7547" s="1" t="s">
        <v>26193</v>
      </c>
      <c r="I7547" s="1" t="s">
        <v>7415</v>
      </c>
      <c r="J7547" s="1" t="s">
        <v>25137</v>
      </c>
      <c r="K7547" s="1" t="s">
        <v>27</v>
      </c>
      <c r="L7547" s="1" t="s">
        <v>26191</v>
      </c>
      <c r="M7547" s="1" t="s">
        <v>5</v>
      </c>
      <c r="N7547" s="1" t="s">
        <v>6</v>
      </c>
      <c r="O7547" s="1" t="s">
        <v>8</v>
      </c>
      <c r="P7547" s="5" t="s">
        <v>30173</v>
      </c>
    </row>
    <row r="7548" spans="1:16" x14ac:dyDescent="0.2">
      <c r="A7548" s="1" t="s">
        <v>66</v>
      </c>
      <c r="B7548" s="1" t="s">
        <v>1117</v>
      </c>
      <c r="C7548" s="1" t="s">
        <v>26195</v>
      </c>
      <c r="D7548" s="1" t="s">
        <v>8331</v>
      </c>
      <c r="E7548" s="1"/>
      <c r="F7548" s="1" t="s">
        <v>27</v>
      </c>
      <c r="G7548" s="1" t="s">
        <v>10</v>
      </c>
      <c r="H7548" s="1" t="s">
        <v>1116</v>
      </c>
      <c r="I7548" s="1" t="s">
        <v>7415</v>
      </c>
      <c r="J7548" s="1" t="s">
        <v>25137</v>
      </c>
      <c r="K7548" s="1" t="s">
        <v>64</v>
      </c>
      <c r="L7548" s="1" t="s">
        <v>26194</v>
      </c>
      <c r="M7548" s="1" t="s">
        <v>5</v>
      </c>
      <c r="N7548" s="1" t="s">
        <v>6</v>
      </c>
      <c r="O7548" s="1" t="s">
        <v>8</v>
      </c>
      <c r="P7548" s="5" t="s">
        <v>32413</v>
      </c>
    </row>
    <row r="7549" spans="1:16" x14ac:dyDescent="0.2">
      <c r="A7549" s="1" t="s">
        <v>194</v>
      </c>
      <c r="B7549" s="1" t="s">
        <v>7175</v>
      </c>
      <c r="C7549" s="1" t="s">
        <v>26197</v>
      </c>
      <c r="D7549" s="1" t="s">
        <v>26198</v>
      </c>
      <c r="E7549" s="1"/>
      <c r="F7549" s="1" t="s">
        <v>27</v>
      </c>
      <c r="G7549" s="1" t="s">
        <v>10</v>
      </c>
      <c r="H7549" s="1" t="s">
        <v>26199</v>
      </c>
      <c r="I7549" s="1" t="s">
        <v>7415</v>
      </c>
      <c r="J7549" s="1" t="s">
        <v>25141</v>
      </c>
      <c r="K7549" s="1" t="s">
        <v>27</v>
      </c>
      <c r="L7549" s="1" t="s">
        <v>26196</v>
      </c>
      <c r="M7549" s="1" t="s">
        <v>5</v>
      </c>
      <c r="N7549" s="1" t="s">
        <v>1009</v>
      </c>
      <c r="O7549" s="1" t="s">
        <v>8</v>
      </c>
      <c r="P7549" s="5" t="s">
        <v>32414</v>
      </c>
    </row>
    <row r="7550" spans="1:16" x14ac:dyDescent="0.2">
      <c r="A7550" s="1" t="s">
        <v>194</v>
      </c>
      <c r="B7550" s="1" t="s">
        <v>4492</v>
      </c>
      <c r="C7550" s="1" t="s">
        <v>26201</v>
      </c>
      <c r="D7550" s="1" t="s">
        <v>21420</v>
      </c>
      <c r="E7550" s="1"/>
      <c r="F7550" s="1" t="s">
        <v>683</v>
      </c>
      <c r="G7550" s="1" t="s">
        <v>685</v>
      </c>
      <c r="H7550" s="1" t="s">
        <v>10</v>
      </c>
      <c r="I7550" s="1" t="s">
        <v>7415</v>
      </c>
      <c r="J7550" s="1" t="s">
        <v>21769</v>
      </c>
      <c r="K7550" s="1" t="s">
        <v>64</v>
      </c>
      <c r="L7550" s="1" t="s">
        <v>26200</v>
      </c>
      <c r="M7550" s="1" t="s">
        <v>5</v>
      </c>
      <c r="N7550" s="1" t="s">
        <v>6</v>
      </c>
      <c r="O7550" s="1" t="s">
        <v>8</v>
      </c>
      <c r="P7550" s="5"/>
    </row>
    <row r="7551" spans="1:16" x14ac:dyDescent="0.2">
      <c r="A7551" s="1" t="s">
        <v>194</v>
      </c>
      <c r="B7551" s="1" t="s">
        <v>7175</v>
      </c>
      <c r="C7551" s="1" t="s">
        <v>26203</v>
      </c>
      <c r="D7551" s="1" t="s">
        <v>26204</v>
      </c>
      <c r="E7551" s="1"/>
      <c r="F7551" s="1" t="s">
        <v>27</v>
      </c>
      <c r="G7551" s="1" t="s">
        <v>10</v>
      </c>
      <c r="H7551" s="1" t="s">
        <v>26204</v>
      </c>
      <c r="I7551" s="1" t="s">
        <v>7415</v>
      </c>
      <c r="J7551" s="1" t="s">
        <v>25141</v>
      </c>
      <c r="K7551" s="1" t="s">
        <v>27</v>
      </c>
      <c r="L7551" s="1" t="s">
        <v>26202</v>
      </c>
      <c r="M7551" s="1" t="s">
        <v>5</v>
      </c>
      <c r="N7551" s="1" t="s">
        <v>1009</v>
      </c>
      <c r="O7551" s="1" t="s">
        <v>8</v>
      </c>
      <c r="P7551" s="5" t="s">
        <v>32415</v>
      </c>
    </row>
    <row r="7552" spans="1:16" x14ac:dyDescent="0.2">
      <c r="A7552" s="1" t="s">
        <v>194</v>
      </c>
      <c r="B7552" s="1" t="s">
        <v>7175</v>
      </c>
      <c r="C7552" s="1" t="s">
        <v>26206</v>
      </c>
      <c r="D7552" s="1" t="s">
        <v>10</v>
      </c>
      <c r="E7552" s="1" t="s">
        <v>26207</v>
      </c>
      <c r="F7552" s="1" t="s">
        <v>27</v>
      </c>
      <c r="G7552" s="1" t="s">
        <v>10</v>
      </c>
      <c r="H7552" s="1" t="s">
        <v>26208</v>
      </c>
      <c r="I7552" s="1" t="s">
        <v>7415</v>
      </c>
      <c r="J7552" s="1" t="s">
        <v>25141</v>
      </c>
      <c r="K7552" s="1" t="s">
        <v>27</v>
      </c>
      <c r="L7552" s="1" t="s">
        <v>26205</v>
      </c>
      <c r="M7552" s="1" t="s">
        <v>5</v>
      </c>
      <c r="N7552" s="1" t="s">
        <v>6</v>
      </c>
      <c r="O7552" s="1" t="s">
        <v>8</v>
      </c>
      <c r="P7552" s="5" t="s">
        <v>26153</v>
      </c>
    </row>
    <row r="7553" spans="1:16" x14ac:dyDescent="0.2">
      <c r="A7553" s="1" t="s">
        <v>66</v>
      </c>
      <c r="B7553" s="1" t="s">
        <v>1117</v>
      </c>
      <c r="C7553" s="1" t="s">
        <v>26210</v>
      </c>
      <c r="D7553" s="1" t="s">
        <v>26211</v>
      </c>
      <c r="E7553" s="1"/>
      <c r="F7553" s="1" t="s">
        <v>27</v>
      </c>
      <c r="G7553" s="1" t="s">
        <v>10</v>
      </c>
      <c r="H7553" s="1" t="s">
        <v>26212</v>
      </c>
      <c r="I7553" s="1" t="s">
        <v>7415</v>
      </c>
      <c r="J7553" s="1" t="s">
        <v>25137</v>
      </c>
      <c r="K7553" s="1" t="s">
        <v>64</v>
      </c>
      <c r="L7553" s="1" t="s">
        <v>26209</v>
      </c>
      <c r="M7553" s="1" t="s">
        <v>5</v>
      </c>
      <c r="N7553" s="1" t="s">
        <v>25</v>
      </c>
      <c r="O7553" s="1" t="s">
        <v>8</v>
      </c>
      <c r="P7553" s="5" t="s">
        <v>32416</v>
      </c>
    </row>
    <row r="7554" spans="1:16" x14ac:dyDescent="0.2">
      <c r="A7554" s="1" t="s">
        <v>20</v>
      </c>
      <c r="B7554" s="1" t="s">
        <v>309</v>
      </c>
      <c r="C7554" s="1" t="s">
        <v>26214</v>
      </c>
      <c r="D7554" s="1" t="s">
        <v>26215</v>
      </c>
      <c r="E7554" s="1"/>
      <c r="F7554" s="1" t="s">
        <v>10</v>
      </c>
      <c r="G7554" s="1" t="s">
        <v>10</v>
      </c>
      <c r="H7554" s="1" t="s">
        <v>10</v>
      </c>
      <c r="I7554" s="1" t="s">
        <v>7415</v>
      </c>
      <c r="J7554" s="1" t="s">
        <v>21769</v>
      </c>
      <c r="K7554" s="1" t="s">
        <v>27</v>
      </c>
      <c r="L7554" s="1" t="s">
        <v>26213</v>
      </c>
      <c r="M7554" s="1" t="s">
        <v>5</v>
      </c>
      <c r="N7554" s="1" t="s">
        <v>25</v>
      </c>
      <c r="O7554" s="1" t="s">
        <v>38</v>
      </c>
      <c r="P7554" s="5" t="s">
        <v>30774</v>
      </c>
    </row>
    <row r="7555" spans="1:16" x14ac:dyDescent="0.2">
      <c r="A7555" s="1" t="s">
        <v>194</v>
      </c>
      <c r="B7555" s="1" t="s">
        <v>4492</v>
      </c>
      <c r="C7555" s="1" t="s">
        <v>26217</v>
      </c>
      <c r="D7555" s="1" t="s">
        <v>21420</v>
      </c>
      <c r="E7555" s="1"/>
      <c r="F7555" s="1" t="s">
        <v>683</v>
      </c>
      <c r="G7555" s="1" t="s">
        <v>685</v>
      </c>
      <c r="H7555" s="1" t="s">
        <v>10</v>
      </c>
      <c r="I7555" s="1" t="s">
        <v>7415</v>
      </c>
      <c r="J7555" s="1" t="s">
        <v>21769</v>
      </c>
      <c r="K7555" s="1" t="s">
        <v>64</v>
      </c>
      <c r="L7555" s="1" t="s">
        <v>26216</v>
      </c>
      <c r="M7555" s="1" t="s">
        <v>5</v>
      </c>
      <c r="N7555" s="1" t="s">
        <v>6</v>
      </c>
      <c r="O7555" s="1" t="s">
        <v>8</v>
      </c>
      <c r="P7555" s="5"/>
    </row>
    <row r="7556" spans="1:16" x14ac:dyDescent="0.2">
      <c r="A7556" s="1" t="s">
        <v>194</v>
      </c>
      <c r="B7556" s="1" t="s">
        <v>4492</v>
      </c>
      <c r="C7556" s="1" t="s">
        <v>26219</v>
      </c>
      <c r="D7556" s="1" t="s">
        <v>10932</v>
      </c>
      <c r="E7556" s="1"/>
      <c r="F7556" s="1" t="s">
        <v>474</v>
      </c>
      <c r="G7556" s="1" t="s">
        <v>4490</v>
      </c>
      <c r="H7556" s="1" t="s">
        <v>10932</v>
      </c>
      <c r="I7556" s="1" t="s">
        <v>7415</v>
      </c>
      <c r="J7556" s="1" t="s">
        <v>25137</v>
      </c>
      <c r="K7556" s="1" t="s">
        <v>64</v>
      </c>
      <c r="L7556" s="1" t="s">
        <v>26218</v>
      </c>
      <c r="M7556" s="1" t="s">
        <v>5</v>
      </c>
      <c r="N7556" s="1" t="s">
        <v>25</v>
      </c>
      <c r="O7556" s="1" t="s">
        <v>8</v>
      </c>
      <c r="P7556" s="5" t="s">
        <v>32312</v>
      </c>
    </row>
    <row r="7557" spans="1:16" x14ac:dyDescent="0.2">
      <c r="A7557" s="1" t="s">
        <v>66</v>
      </c>
      <c r="B7557" s="1" t="s">
        <v>674</v>
      </c>
      <c r="C7557" s="1" t="s">
        <v>26221</v>
      </c>
      <c r="D7557" s="1" t="s">
        <v>25313</v>
      </c>
      <c r="E7557" s="1"/>
      <c r="F7557" s="1" t="s">
        <v>27</v>
      </c>
      <c r="G7557" s="1" t="s">
        <v>10</v>
      </c>
      <c r="H7557" s="1" t="s">
        <v>15</v>
      </c>
      <c r="I7557" s="1" t="s">
        <v>7415</v>
      </c>
      <c r="J7557" s="1" t="s">
        <v>21769</v>
      </c>
      <c r="K7557" s="1" t="s">
        <v>64</v>
      </c>
      <c r="L7557" s="1" t="s">
        <v>26220</v>
      </c>
      <c r="M7557" s="1" t="s">
        <v>5</v>
      </c>
      <c r="N7557" s="1" t="s">
        <v>1009</v>
      </c>
      <c r="O7557" s="1" t="s">
        <v>8</v>
      </c>
      <c r="P7557" s="5" t="s">
        <v>14</v>
      </c>
    </row>
    <row r="7558" spans="1:16" x14ac:dyDescent="0.2">
      <c r="A7558" s="1" t="s">
        <v>194</v>
      </c>
      <c r="B7558" s="1" t="s">
        <v>4492</v>
      </c>
      <c r="C7558" s="1" t="s">
        <v>26223</v>
      </c>
      <c r="D7558" s="1" t="s">
        <v>10</v>
      </c>
      <c r="E7558" s="1"/>
      <c r="F7558" s="1" t="s">
        <v>474</v>
      </c>
      <c r="G7558" s="1" t="s">
        <v>10</v>
      </c>
      <c r="H7558" s="1" t="s">
        <v>10</v>
      </c>
      <c r="I7558" s="1" t="s">
        <v>7415</v>
      </c>
      <c r="J7558" s="1" t="s">
        <v>21769</v>
      </c>
      <c r="K7558" s="1" t="s">
        <v>64</v>
      </c>
      <c r="L7558" s="1" t="s">
        <v>26222</v>
      </c>
      <c r="M7558" s="1" t="s">
        <v>5</v>
      </c>
      <c r="N7558" s="1" t="s">
        <v>1009</v>
      </c>
      <c r="O7558" s="1" t="s">
        <v>8</v>
      </c>
      <c r="P7558" s="5"/>
    </row>
    <row r="7559" spans="1:16" x14ac:dyDescent="0.2">
      <c r="A7559" s="1" t="s">
        <v>194</v>
      </c>
      <c r="B7559" s="1" t="s">
        <v>4492</v>
      </c>
      <c r="C7559" s="1" t="s">
        <v>26225</v>
      </c>
      <c r="D7559" s="1" t="s">
        <v>10</v>
      </c>
      <c r="E7559" s="1"/>
      <c r="F7559" s="1" t="s">
        <v>474</v>
      </c>
      <c r="G7559" s="1" t="s">
        <v>10</v>
      </c>
      <c r="H7559" s="1" t="s">
        <v>10</v>
      </c>
      <c r="I7559" s="1" t="s">
        <v>7415</v>
      </c>
      <c r="J7559" s="1" t="s">
        <v>21769</v>
      </c>
      <c r="K7559" s="1" t="s">
        <v>64</v>
      </c>
      <c r="L7559" s="1" t="s">
        <v>26224</v>
      </c>
      <c r="M7559" s="1" t="s">
        <v>5</v>
      </c>
      <c r="N7559" s="1" t="s">
        <v>1009</v>
      </c>
      <c r="O7559" s="1" t="s">
        <v>8</v>
      </c>
      <c r="P7559" s="5"/>
    </row>
    <row r="7560" spans="1:16" x14ac:dyDescent="0.2">
      <c r="A7560" s="1" t="s">
        <v>32</v>
      </c>
      <c r="B7560" s="1" t="s">
        <v>2216</v>
      </c>
      <c r="C7560" s="1" t="s">
        <v>26227</v>
      </c>
      <c r="D7560" s="1" t="s">
        <v>26228</v>
      </c>
      <c r="E7560" s="1"/>
      <c r="F7560" s="1" t="s">
        <v>10</v>
      </c>
      <c r="G7560" s="1" t="s">
        <v>10</v>
      </c>
      <c r="H7560" s="1" t="s">
        <v>10</v>
      </c>
      <c r="I7560" s="1" t="s">
        <v>7415</v>
      </c>
      <c r="J7560" s="1" t="s">
        <v>19</v>
      </c>
      <c r="K7560" s="1" t="s">
        <v>64</v>
      </c>
      <c r="L7560" s="1" t="s">
        <v>26226</v>
      </c>
      <c r="M7560" s="1" t="s">
        <v>5</v>
      </c>
      <c r="N7560" s="1" t="s">
        <v>25</v>
      </c>
      <c r="O7560" s="1" t="s">
        <v>38</v>
      </c>
      <c r="P7560" s="5" t="s">
        <v>30775</v>
      </c>
    </row>
    <row r="7561" spans="1:16" x14ac:dyDescent="0.2">
      <c r="A7561" s="1" t="s">
        <v>194</v>
      </c>
      <c r="B7561" s="1" t="s">
        <v>396</v>
      </c>
      <c r="C7561" s="1" t="s">
        <v>26230</v>
      </c>
      <c r="D7561" s="1" t="s">
        <v>26231</v>
      </c>
      <c r="E7561" s="1"/>
      <c r="F7561" s="1" t="s">
        <v>10</v>
      </c>
      <c r="G7561" s="1" t="s">
        <v>10</v>
      </c>
      <c r="H7561" s="1" t="s">
        <v>10</v>
      </c>
      <c r="I7561" s="1" t="s">
        <v>7415</v>
      </c>
      <c r="J7561" s="1" t="s">
        <v>25145</v>
      </c>
      <c r="K7561" s="1" t="s">
        <v>27</v>
      </c>
      <c r="L7561" s="1" t="s">
        <v>26229</v>
      </c>
      <c r="M7561" s="1" t="s">
        <v>5</v>
      </c>
      <c r="N7561" s="1" t="s">
        <v>1009</v>
      </c>
      <c r="O7561" s="1" t="s">
        <v>38</v>
      </c>
      <c r="P7561" s="5" t="s">
        <v>30773</v>
      </c>
    </row>
    <row r="7562" spans="1:16" x14ac:dyDescent="0.2">
      <c r="A7562" s="1" t="s">
        <v>194</v>
      </c>
      <c r="B7562" s="1" t="s">
        <v>396</v>
      </c>
      <c r="C7562" s="1" t="s">
        <v>26233</v>
      </c>
      <c r="D7562" s="1" t="s">
        <v>26234</v>
      </c>
      <c r="E7562" s="1"/>
      <c r="F7562" s="1" t="s">
        <v>10</v>
      </c>
      <c r="G7562" s="1" t="s">
        <v>10</v>
      </c>
      <c r="H7562" s="1" t="s">
        <v>10</v>
      </c>
      <c r="I7562" s="1" t="s">
        <v>7415</v>
      </c>
      <c r="J7562" s="1" t="s">
        <v>25145</v>
      </c>
      <c r="K7562" s="1" t="s">
        <v>27</v>
      </c>
      <c r="L7562" s="1" t="s">
        <v>26232</v>
      </c>
      <c r="M7562" s="1" t="s">
        <v>5</v>
      </c>
      <c r="N7562" s="1" t="s">
        <v>1009</v>
      </c>
      <c r="O7562" s="1" t="s">
        <v>38</v>
      </c>
      <c r="P7562" s="5" t="s">
        <v>32417</v>
      </c>
    </row>
    <row r="7563" spans="1:16" x14ac:dyDescent="0.2">
      <c r="A7563" s="1" t="s">
        <v>194</v>
      </c>
      <c r="B7563" s="1" t="s">
        <v>396</v>
      </c>
      <c r="C7563" s="1" t="s">
        <v>26236</v>
      </c>
      <c r="D7563" s="1" t="s">
        <v>26237</v>
      </c>
      <c r="E7563" s="1"/>
      <c r="F7563" s="1" t="s">
        <v>27</v>
      </c>
      <c r="G7563" s="1" t="s">
        <v>10</v>
      </c>
      <c r="H7563" s="1" t="s">
        <v>26237</v>
      </c>
      <c r="I7563" s="1" t="s">
        <v>7415</v>
      </c>
      <c r="J7563" s="1" t="s">
        <v>25145</v>
      </c>
      <c r="K7563" s="1" t="s">
        <v>27</v>
      </c>
      <c r="L7563" s="1" t="s">
        <v>26235</v>
      </c>
      <c r="M7563" s="1" t="s">
        <v>5</v>
      </c>
      <c r="N7563" s="1" t="s">
        <v>1009</v>
      </c>
      <c r="O7563" s="1" t="s">
        <v>8</v>
      </c>
      <c r="P7563" s="5" t="s">
        <v>32418</v>
      </c>
    </row>
    <row r="7564" spans="1:16" x14ac:dyDescent="0.2">
      <c r="A7564" s="1" t="s">
        <v>194</v>
      </c>
      <c r="B7564" s="1" t="s">
        <v>396</v>
      </c>
      <c r="C7564" s="1" t="s">
        <v>26239</v>
      </c>
      <c r="D7564" s="1" t="s">
        <v>26240</v>
      </c>
      <c r="E7564" s="1"/>
      <c r="F7564" s="1" t="s">
        <v>10</v>
      </c>
      <c r="G7564" s="1" t="s">
        <v>10</v>
      </c>
      <c r="H7564" s="1" t="s">
        <v>10</v>
      </c>
      <c r="I7564" s="1" t="s">
        <v>7415</v>
      </c>
      <c r="J7564" s="1" t="s">
        <v>25145</v>
      </c>
      <c r="K7564" s="1" t="s">
        <v>27</v>
      </c>
      <c r="L7564" s="1" t="s">
        <v>26238</v>
      </c>
      <c r="M7564" s="1" t="s">
        <v>5</v>
      </c>
      <c r="N7564" s="1" t="s">
        <v>1009</v>
      </c>
      <c r="O7564" s="1" t="s">
        <v>38</v>
      </c>
      <c r="P7564" s="5" t="s">
        <v>32419</v>
      </c>
    </row>
    <row r="7565" spans="1:16" x14ac:dyDescent="0.2">
      <c r="A7565" s="1" t="s">
        <v>194</v>
      </c>
      <c r="B7565" s="1" t="s">
        <v>396</v>
      </c>
      <c r="C7565" s="1" t="s">
        <v>26242</v>
      </c>
      <c r="D7565" s="1" t="s">
        <v>26243</v>
      </c>
      <c r="E7565" s="1"/>
      <c r="F7565" s="1" t="s">
        <v>10</v>
      </c>
      <c r="G7565" s="1" t="s">
        <v>10</v>
      </c>
      <c r="H7565" s="1" t="s">
        <v>10</v>
      </c>
      <c r="I7565" s="1" t="s">
        <v>7415</v>
      </c>
      <c r="J7565" s="1" t="s">
        <v>25145</v>
      </c>
      <c r="K7565" s="1" t="s">
        <v>27</v>
      </c>
      <c r="L7565" s="1" t="s">
        <v>26241</v>
      </c>
      <c r="M7565" s="1" t="s">
        <v>5</v>
      </c>
      <c r="N7565" s="1" t="s">
        <v>1009</v>
      </c>
      <c r="O7565" s="1" t="s">
        <v>38</v>
      </c>
      <c r="P7565" s="5" t="s">
        <v>32419</v>
      </c>
    </row>
    <row r="7566" spans="1:16" x14ac:dyDescent="0.2">
      <c r="A7566" s="1" t="s">
        <v>194</v>
      </c>
      <c r="B7566" s="1" t="s">
        <v>6481</v>
      </c>
      <c r="C7566" s="1" t="s">
        <v>26245</v>
      </c>
      <c r="D7566" s="1" t="s">
        <v>26246</v>
      </c>
      <c r="E7566" s="1"/>
      <c r="F7566" s="1" t="s">
        <v>10</v>
      </c>
      <c r="G7566" s="1" t="s">
        <v>10</v>
      </c>
      <c r="H7566" s="1" t="s">
        <v>10</v>
      </c>
      <c r="I7566" s="1" t="s">
        <v>7415</v>
      </c>
      <c r="J7566" s="1" t="s">
        <v>25286</v>
      </c>
      <c r="K7566" s="1" t="s">
        <v>27</v>
      </c>
      <c r="L7566" s="1" t="s">
        <v>26244</v>
      </c>
      <c r="M7566" s="1" t="s">
        <v>3905</v>
      </c>
      <c r="N7566" s="1" t="s">
        <v>1009</v>
      </c>
      <c r="O7566" s="1" t="s">
        <v>38</v>
      </c>
      <c r="P7566" s="5" t="s">
        <v>32420</v>
      </c>
    </row>
    <row r="7567" spans="1:16" x14ac:dyDescent="0.2">
      <c r="A7567" s="1" t="s">
        <v>1086</v>
      </c>
      <c r="B7567" s="1" t="s">
        <v>10308</v>
      </c>
      <c r="C7567" s="1" t="s">
        <v>26248</v>
      </c>
      <c r="D7567" s="1" t="s">
        <v>26249</v>
      </c>
      <c r="E7567" s="1"/>
      <c r="F7567" s="1" t="s">
        <v>27</v>
      </c>
      <c r="G7567" s="1" t="s">
        <v>10</v>
      </c>
      <c r="H7567" s="1" t="s">
        <v>11968</v>
      </c>
      <c r="I7567" s="1" t="s">
        <v>7415</v>
      </c>
      <c r="J7567" s="1" t="s">
        <v>19</v>
      </c>
      <c r="K7567" s="1" t="s">
        <v>113</v>
      </c>
      <c r="L7567" s="1" t="s">
        <v>26247</v>
      </c>
      <c r="M7567" s="1" t="s">
        <v>5</v>
      </c>
      <c r="N7567" s="1" t="s">
        <v>1009</v>
      </c>
      <c r="O7567" s="1" t="s">
        <v>8</v>
      </c>
      <c r="P7567" s="5"/>
    </row>
    <row r="7568" spans="1:16" x14ac:dyDescent="0.2">
      <c r="A7568" s="1" t="s">
        <v>487</v>
      </c>
      <c r="B7568" s="1" t="s">
        <v>488</v>
      </c>
      <c r="C7568" s="1" t="s">
        <v>26251</v>
      </c>
      <c r="D7568" s="1" t="s">
        <v>26251</v>
      </c>
      <c r="E7568" s="1"/>
      <c r="F7568" s="1" t="s">
        <v>27</v>
      </c>
      <c r="G7568" s="1" t="s">
        <v>10</v>
      </c>
      <c r="H7568" s="1" t="s">
        <v>26252</v>
      </c>
      <c r="I7568" s="1" t="s">
        <v>7415</v>
      </c>
      <c r="J7568" s="1" t="s">
        <v>25137</v>
      </c>
      <c r="K7568" s="1" t="s">
        <v>64</v>
      </c>
      <c r="L7568" s="1" t="s">
        <v>26250</v>
      </c>
      <c r="M7568" s="1" t="s">
        <v>5</v>
      </c>
      <c r="N7568" s="1" t="s">
        <v>6</v>
      </c>
      <c r="O7568" s="1" t="s">
        <v>8</v>
      </c>
      <c r="P7568" s="5" t="s">
        <v>14</v>
      </c>
    </row>
    <row r="7569" spans="1:16" x14ac:dyDescent="0.2">
      <c r="A7569" s="1" t="s">
        <v>487</v>
      </c>
      <c r="B7569" s="1" t="s">
        <v>488</v>
      </c>
      <c r="C7569" s="1" t="s">
        <v>26254</v>
      </c>
      <c r="D7569" s="1" t="s">
        <v>26254</v>
      </c>
      <c r="E7569" s="1"/>
      <c r="F7569" s="1" t="s">
        <v>27</v>
      </c>
      <c r="G7569" s="1" t="s">
        <v>10</v>
      </c>
      <c r="H7569" s="1" t="s">
        <v>813</v>
      </c>
      <c r="I7569" s="1" t="s">
        <v>7415</v>
      </c>
      <c r="J7569" s="1" t="s">
        <v>25137</v>
      </c>
      <c r="K7569" s="1" t="s">
        <v>64</v>
      </c>
      <c r="L7569" s="1" t="s">
        <v>26253</v>
      </c>
      <c r="M7569" s="1" t="s">
        <v>5</v>
      </c>
      <c r="N7569" s="1" t="s">
        <v>6</v>
      </c>
      <c r="O7569" s="1" t="s">
        <v>8</v>
      </c>
      <c r="P7569" s="5"/>
    </row>
    <row r="7570" spans="1:16" x14ac:dyDescent="0.2">
      <c r="A7570" s="1" t="s">
        <v>487</v>
      </c>
      <c r="B7570" s="1" t="s">
        <v>488</v>
      </c>
      <c r="C7570" s="1" t="s">
        <v>26256</v>
      </c>
      <c r="D7570" s="1" t="s">
        <v>25199</v>
      </c>
      <c r="E7570" s="1"/>
      <c r="F7570" s="1" t="s">
        <v>27</v>
      </c>
      <c r="G7570" s="1" t="s">
        <v>10</v>
      </c>
      <c r="H7570" s="1" t="s">
        <v>25199</v>
      </c>
      <c r="I7570" s="1" t="s">
        <v>7415</v>
      </c>
      <c r="J7570" s="1" t="s">
        <v>25137</v>
      </c>
      <c r="K7570" s="1" t="s">
        <v>64</v>
      </c>
      <c r="L7570" s="1" t="s">
        <v>26255</v>
      </c>
      <c r="M7570" s="1" t="s">
        <v>5</v>
      </c>
      <c r="N7570" s="1" t="s">
        <v>6</v>
      </c>
      <c r="O7570" s="1" t="s">
        <v>8</v>
      </c>
      <c r="P7570" s="5"/>
    </row>
    <row r="7571" spans="1:16" x14ac:dyDescent="0.2">
      <c r="A7571" s="1" t="s">
        <v>194</v>
      </c>
      <c r="B7571" s="1" t="s">
        <v>396</v>
      </c>
      <c r="C7571" s="1" t="s">
        <v>26258</v>
      </c>
      <c r="D7571" s="1" t="s">
        <v>26259</v>
      </c>
      <c r="E7571" s="1"/>
      <c r="F7571" s="1" t="s">
        <v>10</v>
      </c>
      <c r="G7571" s="1" t="s">
        <v>10</v>
      </c>
      <c r="H7571" s="1" t="s">
        <v>10</v>
      </c>
      <c r="I7571" s="1" t="s">
        <v>7415</v>
      </c>
      <c r="J7571" s="1" t="s">
        <v>25145</v>
      </c>
      <c r="K7571" s="1" t="s">
        <v>27</v>
      </c>
      <c r="L7571" s="1" t="s">
        <v>26257</v>
      </c>
      <c r="M7571" s="1" t="s">
        <v>3905</v>
      </c>
      <c r="N7571" s="1" t="s">
        <v>1009</v>
      </c>
      <c r="O7571" s="1" t="s">
        <v>38</v>
      </c>
      <c r="P7571" s="5" t="s">
        <v>32421</v>
      </c>
    </row>
    <row r="7572" spans="1:16" x14ac:dyDescent="0.2">
      <c r="A7572" s="1" t="s">
        <v>194</v>
      </c>
      <c r="B7572" s="1" t="s">
        <v>4492</v>
      </c>
      <c r="C7572" s="1" t="s">
        <v>26261</v>
      </c>
      <c r="D7572" s="1" t="s">
        <v>10</v>
      </c>
      <c r="E7572" s="1"/>
      <c r="F7572" s="1" t="s">
        <v>474</v>
      </c>
      <c r="G7572" s="1" t="s">
        <v>10</v>
      </c>
      <c r="H7572" s="1" t="s">
        <v>10</v>
      </c>
      <c r="I7572" s="1" t="s">
        <v>7415</v>
      </c>
      <c r="J7572" s="1" t="s">
        <v>21769</v>
      </c>
      <c r="K7572" s="1" t="s">
        <v>64</v>
      </c>
      <c r="L7572" s="1" t="s">
        <v>26260</v>
      </c>
      <c r="M7572" s="1" t="s">
        <v>5</v>
      </c>
      <c r="N7572" s="1" t="s">
        <v>1009</v>
      </c>
      <c r="O7572" s="1" t="s">
        <v>8</v>
      </c>
      <c r="P7572" s="5" t="s">
        <v>32312</v>
      </c>
    </row>
    <row r="7573" spans="1:16" x14ac:dyDescent="0.2">
      <c r="A7573" s="1" t="s">
        <v>66</v>
      </c>
      <c r="B7573" s="1" t="s">
        <v>574</v>
      </c>
      <c r="C7573" s="1" t="s">
        <v>26263</v>
      </c>
      <c r="D7573" s="1" t="s">
        <v>10</v>
      </c>
      <c r="E7573" s="1"/>
      <c r="F7573" s="1" t="s">
        <v>522</v>
      </c>
      <c r="G7573" s="1" t="s">
        <v>10</v>
      </c>
      <c r="H7573" s="1" t="s">
        <v>10</v>
      </c>
      <c r="I7573" s="1" t="s">
        <v>7415</v>
      </c>
      <c r="J7573" s="1" t="s">
        <v>25137</v>
      </c>
      <c r="K7573" s="1" t="s">
        <v>64</v>
      </c>
      <c r="L7573" s="1" t="s">
        <v>26262</v>
      </c>
      <c r="M7573" s="1" t="s">
        <v>5</v>
      </c>
      <c r="N7573" s="1" t="s">
        <v>6</v>
      </c>
      <c r="O7573" s="1" t="s">
        <v>8</v>
      </c>
      <c r="P7573" s="5"/>
    </row>
    <row r="7574" spans="1:16" x14ac:dyDescent="0.2">
      <c r="A7574" s="1" t="s">
        <v>194</v>
      </c>
      <c r="B7574" s="1" t="s">
        <v>4492</v>
      </c>
      <c r="C7574" s="1" t="s">
        <v>26265</v>
      </c>
      <c r="D7574" s="1" t="s">
        <v>10</v>
      </c>
      <c r="E7574" s="1"/>
      <c r="F7574" s="1" t="s">
        <v>474</v>
      </c>
      <c r="G7574" s="1" t="s">
        <v>10</v>
      </c>
      <c r="H7574" s="1" t="s">
        <v>10</v>
      </c>
      <c r="I7574" s="1" t="s">
        <v>7415</v>
      </c>
      <c r="J7574" s="1" t="s">
        <v>21769</v>
      </c>
      <c r="K7574" s="1" t="s">
        <v>64</v>
      </c>
      <c r="L7574" s="1" t="s">
        <v>26264</v>
      </c>
      <c r="M7574" s="1" t="s">
        <v>5</v>
      </c>
      <c r="N7574" s="1" t="s">
        <v>1009</v>
      </c>
      <c r="O7574" s="1" t="s">
        <v>8</v>
      </c>
      <c r="P7574" s="5" t="s">
        <v>32364</v>
      </c>
    </row>
    <row r="7575" spans="1:16" x14ac:dyDescent="0.2">
      <c r="A7575" s="1" t="s">
        <v>487</v>
      </c>
      <c r="B7575" s="1" t="s">
        <v>488</v>
      </c>
      <c r="C7575" s="1" t="s">
        <v>26267</v>
      </c>
      <c r="D7575" s="1" t="s">
        <v>10</v>
      </c>
      <c r="E7575" s="1"/>
      <c r="F7575" s="1" t="s">
        <v>27</v>
      </c>
      <c r="G7575" s="1" t="s">
        <v>10</v>
      </c>
      <c r="H7575" s="1" t="s">
        <v>10</v>
      </c>
      <c r="I7575" s="1" t="s">
        <v>7415</v>
      </c>
      <c r="J7575" s="1" t="s">
        <v>25137</v>
      </c>
      <c r="K7575" s="1" t="s">
        <v>64</v>
      </c>
      <c r="L7575" s="1" t="s">
        <v>26266</v>
      </c>
      <c r="M7575" s="1" t="s">
        <v>5</v>
      </c>
      <c r="N7575" s="1" t="s">
        <v>6</v>
      </c>
      <c r="O7575" s="1" t="s">
        <v>8</v>
      </c>
      <c r="P7575" s="5" t="s">
        <v>10</v>
      </c>
    </row>
    <row r="7576" spans="1:16" x14ac:dyDescent="0.2">
      <c r="A7576" s="1" t="s">
        <v>487</v>
      </c>
      <c r="B7576" s="1" t="s">
        <v>488</v>
      </c>
      <c r="C7576" s="1" t="s">
        <v>26269</v>
      </c>
      <c r="D7576" s="1" t="s">
        <v>10</v>
      </c>
      <c r="E7576" s="1"/>
      <c r="F7576" s="1" t="s">
        <v>27</v>
      </c>
      <c r="G7576" s="1" t="s">
        <v>10</v>
      </c>
      <c r="H7576" s="1" t="s">
        <v>10</v>
      </c>
      <c r="I7576" s="1" t="s">
        <v>7415</v>
      </c>
      <c r="J7576" s="1" t="s">
        <v>25137</v>
      </c>
      <c r="K7576" s="1" t="s">
        <v>64</v>
      </c>
      <c r="L7576" s="1" t="s">
        <v>26268</v>
      </c>
      <c r="M7576" s="1" t="s">
        <v>5</v>
      </c>
      <c r="N7576" s="1" t="s">
        <v>6</v>
      </c>
      <c r="O7576" s="1" t="s">
        <v>8</v>
      </c>
      <c r="P7576" s="5" t="s">
        <v>10</v>
      </c>
    </row>
    <row r="7577" spans="1:16" x14ac:dyDescent="0.2">
      <c r="A7577" s="1" t="s">
        <v>194</v>
      </c>
      <c r="B7577" s="1" t="s">
        <v>396</v>
      </c>
      <c r="C7577" s="1" t="s">
        <v>26271</v>
      </c>
      <c r="D7577" s="1" t="s">
        <v>26272</v>
      </c>
      <c r="E7577" s="1"/>
      <c r="F7577" s="1" t="s">
        <v>10</v>
      </c>
      <c r="G7577" s="1" t="s">
        <v>10</v>
      </c>
      <c r="H7577" s="1" t="s">
        <v>10</v>
      </c>
      <c r="I7577" s="1" t="s">
        <v>7415</v>
      </c>
      <c r="J7577" s="1" t="s">
        <v>25286</v>
      </c>
      <c r="K7577" s="1" t="s">
        <v>27</v>
      </c>
      <c r="L7577" s="1" t="s">
        <v>26270</v>
      </c>
      <c r="M7577" s="1" t="s">
        <v>3905</v>
      </c>
      <c r="N7577" s="1" t="s">
        <v>6</v>
      </c>
      <c r="O7577" s="1" t="s">
        <v>38</v>
      </c>
      <c r="P7577" s="5" t="s">
        <v>32422</v>
      </c>
    </row>
    <row r="7578" spans="1:16" x14ac:dyDescent="0.2">
      <c r="A7578" s="1" t="s">
        <v>194</v>
      </c>
      <c r="B7578" s="1" t="s">
        <v>396</v>
      </c>
      <c r="C7578" s="1" t="s">
        <v>26274</v>
      </c>
      <c r="D7578" s="1" t="s">
        <v>26275</v>
      </c>
      <c r="E7578" s="1"/>
      <c r="F7578" s="1" t="s">
        <v>10</v>
      </c>
      <c r="G7578" s="1" t="s">
        <v>10</v>
      </c>
      <c r="H7578" s="1" t="s">
        <v>10</v>
      </c>
      <c r="I7578" s="1" t="s">
        <v>7415</v>
      </c>
      <c r="J7578" s="1" t="s">
        <v>21769</v>
      </c>
      <c r="K7578" s="1" t="s">
        <v>27</v>
      </c>
      <c r="L7578" s="1" t="s">
        <v>26273</v>
      </c>
      <c r="M7578" s="1" t="s">
        <v>3905</v>
      </c>
      <c r="N7578" s="1" t="s">
        <v>6</v>
      </c>
      <c r="O7578" s="1" t="s">
        <v>38</v>
      </c>
      <c r="P7578" s="5" t="s">
        <v>32423</v>
      </c>
    </row>
    <row r="7579" spans="1:16" x14ac:dyDescent="0.2">
      <c r="A7579" s="1" t="s">
        <v>194</v>
      </c>
      <c r="B7579" s="1" t="s">
        <v>396</v>
      </c>
      <c r="C7579" s="1" t="s">
        <v>26277</v>
      </c>
      <c r="D7579" s="1" t="s">
        <v>26278</v>
      </c>
      <c r="E7579" s="1"/>
      <c r="F7579" s="1" t="s">
        <v>10</v>
      </c>
      <c r="G7579" s="1" t="s">
        <v>10</v>
      </c>
      <c r="H7579" s="1" t="s">
        <v>10</v>
      </c>
      <c r="I7579" s="1" t="s">
        <v>7415</v>
      </c>
      <c r="J7579" s="1" t="s">
        <v>25145</v>
      </c>
      <c r="K7579" s="1" t="s">
        <v>27</v>
      </c>
      <c r="L7579" s="1" t="s">
        <v>26276</v>
      </c>
      <c r="M7579" s="1" t="s">
        <v>5</v>
      </c>
      <c r="N7579" s="1" t="s">
        <v>6</v>
      </c>
      <c r="O7579" s="1" t="s">
        <v>38</v>
      </c>
      <c r="P7579" s="5" t="s">
        <v>32424</v>
      </c>
    </row>
    <row r="7580" spans="1:16" x14ac:dyDescent="0.2">
      <c r="A7580" s="1" t="s">
        <v>194</v>
      </c>
      <c r="B7580" s="1" t="s">
        <v>396</v>
      </c>
      <c r="C7580" s="1" t="s">
        <v>26280</v>
      </c>
      <c r="D7580" s="1" t="s">
        <v>26281</v>
      </c>
      <c r="E7580" s="1"/>
      <c r="F7580" s="1" t="s">
        <v>10</v>
      </c>
      <c r="G7580" s="1" t="s">
        <v>10</v>
      </c>
      <c r="H7580" s="1" t="s">
        <v>10</v>
      </c>
      <c r="I7580" s="1" t="s">
        <v>7415</v>
      </c>
      <c r="J7580" s="1" t="s">
        <v>25145</v>
      </c>
      <c r="K7580" s="1" t="s">
        <v>27</v>
      </c>
      <c r="L7580" s="1" t="s">
        <v>26279</v>
      </c>
      <c r="M7580" s="1" t="s">
        <v>5</v>
      </c>
      <c r="N7580" s="1" t="s">
        <v>6</v>
      </c>
      <c r="O7580" s="1" t="s">
        <v>38</v>
      </c>
      <c r="P7580" s="5" t="s">
        <v>32425</v>
      </c>
    </row>
    <row r="7581" spans="1:16" x14ac:dyDescent="0.2">
      <c r="A7581" s="1" t="s">
        <v>194</v>
      </c>
      <c r="B7581" s="1" t="s">
        <v>195</v>
      </c>
      <c r="C7581" s="1" t="s">
        <v>26283</v>
      </c>
      <c r="D7581" s="1" t="s">
        <v>26284</v>
      </c>
      <c r="E7581" s="1" t="s">
        <v>26285</v>
      </c>
      <c r="F7581" s="1" t="s">
        <v>474</v>
      </c>
      <c r="G7581" s="1" t="s">
        <v>10</v>
      </c>
      <c r="H7581" s="1" t="s">
        <v>10</v>
      </c>
      <c r="I7581" s="1" t="s">
        <v>7415</v>
      </c>
      <c r="J7581" s="1" t="s">
        <v>21769</v>
      </c>
      <c r="K7581" s="1" t="s">
        <v>27</v>
      </c>
      <c r="L7581" s="1" t="s">
        <v>26282</v>
      </c>
      <c r="M7581" s="1" t="s">
        <v>5</v>
      </c>
      <c r="N7581" s="1" t="s">
        <v>25</v>
      </c>
      <c r="O7581" s="1" t="s">
        <v>38</v>
      </c>
      <c r="P7581" s="5" t="s">
        <v>32426</v>
      </c>
    </row>
    <row r="7582" spans="1:16" x14ac:dyDescent="0.2">
      <c r="A7582" s="1" t="s">
        <v>194</v>
      </c>
      <c r="B7582" s="1" t="s">
        <v>195</v>
      </c>
      <c r="C7582" s="1" t="s">
        <v>26287</v>
      </c>
      <c r="D7582" s="1" t="s">
        <v>26287</v>
      </c>
      <c r="E7582" s="1" t="s">
        <v>26288</v>
      </c>
      <c r="F7582" s="1" t="s">
        <v>474</v>
      </c>
      <c r="G7582" s="1" t="s">
        <v>10</v>
      </c>
      <c r="H7582" s="1" t="s">
        <v>10</v>
      </c>
      <c r="I7582" s="1" t="s">
        <v>7415</v>
      </c>
      <c r="J7582" s="1" t="s">
        <v>21769</v>
      </c>
      <c r="K7582" s="1" t="s">
        <v>27</v>
      </c>
      <c r="L7582" s="1" t="s">
        <v>26286</v>
      </c>
      <c r="M7582" s="1" t="s">
        <v>5</v>
      </c>
      <c r="N7582" s="1" t="s">
        <v>25</v>
      </c>
      <c r="O7582" s="1" t="s">
        <v>38</v>
      </c>
      <c r="P7582" s="5" t="s">
        <v>32427</v>
      </c>
    </row>
    <row r="7583" spans="1:16" x14ac:dyDescent="0.2">
      <c r="A7583" s="1" t="s">
        <v>194</v>
      </c>
      <c r="B7583" s="1" t="s">
        <v>195</v>
      </c>
      <c r="C7583" s="1" t="s">
        <v>26290</v>
      </c>
      <c r="D7583" s="1" t="s">
        <v>26291</v>
      </c>
      <c r="E7583" s="1" t="s">
        <v>26292</v>
      </c>
      <c r="F7583" s="1" t="s">
        <v>474</v>
      </c>
      <c r="G7583" s="1" t="s">
        <v>10</v>
      </c>
      <c r="H7583" s="1" t="s">
        <v>10</v>
      </c>
      <c r="I7583" s="1" t="s">
        <v>7415</v>
      </c>
      <c r="J7583" s="1" t="s">
        <v>21769</v>
      </c>
      <c r="K7583" s="1" t="s">
        <v>27</v>
      </c>
      <c r="L7583" s="1" t="s">
        <v>26289</v>
      </c>
      <c r="M7583" s="1" t="s">
        <v>5</v>
      </c>
      <c r="N7583" s="1" t="s">
        <v>25</v>
      </c>
      <c r="O7583" s="1" t="s">
        <v>38</v>
      </c>
      <c r="P7583" s="5" t="s">
        <v>32374</v>
      </c>
    </row>
    <row r="7584" spans="1:16" x14ac:dyDescent="0.2">
      <c r="A7584" s="1" t="s">
        <v>194</v>
      </c>
      <c r="B7584" s="1" t="s">
        <v>195</v>
      </c>
      <c r="C7584" s="1" t="s">
        <v>26294</v>
      </c>
      <c r="D7584" s="1" t="s">
        <v>26295</v>
      </c>
      <c r="E7584" s="1" t="s">
        <v>26296</v>
      </c>
      <c r="F7584" s="1" t="s">
        <v>474</v>
      </c>
      <c r="G7584" s="1" t="s">
        <v>10</v>
      </c>
      <c r="H7584" s="1" t="s">
        <v>10</v>
      </c>
      <c r="I7584" s="1" t="s">
        <v>7415</v>
      </c>
      <c r="J7584" s="1" t="s">
        <v>21769</v>
      </c>
      <c r="K7584" s="1" t="s">
        <v>27</v>
      </c>
      <c r="L7584" s="1" t="s">
        <v>26293</v>
      </c>
      <c r="M7584" s="1" t="s">
        <v>5</v>
      </c>
      <c r="N7584" s="1" t="s">
        <v>25</v>
      </c>
      <c r="O7584" s="1" t="s">
        <v>38</v>
      </c>
      <c r="P7584" s="5" t="s">
        <v>32374</v>
      </c>
    </row>
    <row r="7585" spans="1:16" x14ac:dyDescent="0.2">
      <c r="A7585" s="1" t="s">
        <v>194</v>
      </c>
      <c r="B7585" s="1" t="s">
        <v>195</v>
      </c>
      <c r="C7585" s="1" t="s">
        <v>26298</v>
      </c>
      <c r="D7585" s="1" t="s">
        <v>26298</v>
      </c>
      <c r="E7585" s="1"/>
      <c r="F7585" s="1" t="s">
        <v>474</v>
      </c>
      <c r="G7585" s="1" t="s">
        <v>10</v>
      </c>
      <c r="H7585" s="1" t="s">
        <v>10</v>
      </c>
      <c r="I7585" s="1" t="s">
        <v>7415</v>
      </c>
      <c r="J7585" s="1" t="s">
        <v>21769</v>
      </c>
      <c r="K7585" s="1" t="s">
        <v>27</v>
      </c>
      <c r="L7585" s="1" t="s">
        <v>26297</v>
      </c>
      <c r="M7585" s="1" t="s">
        <v>5</v>
      </c>
      <c r="N7585" s="1" t="s">
        <v>25</v>
      </c>
      <c r="O7585" s="1" t="s">
        <v>38</v>
      </c>
      <c r="P7585" s="5" t="s">
        <v>32374</v>
      </c>
    </row>
    <row r="7586" spans="1:16" x14ac:dyDescent="0.2">
      <c r="A7586" s="1" t="s">
        <v>194</v>
      </c>
      <c r="B7586" s="1" t="s">
        <v>195</v>
      </c>
      <c r="C7586" s="1" t="s">
        <v>26300</v>
      </c>
      <c r="D7586" s="1" t="s">
        <v>26301</v>
      </c>
      <c r="E7586" s="1" t="s">
        <v>26302</v>
      </c>
      <c r="F7586" s="1" t="s">
        <v>474</v>
      </c>
      <c r="G7586" s="1" t="s">
        <v>10</v>
      </c>
      <c r="H7586" s="1" t="s">
        <v>10</v>
      </c>
      <c r="I7586" s="1" t="s">
        <v>7415</v>
      </c>
      <c r="J7586" s="1" t="s">
        <v>21769</v>
      </c>
      <c r="K7586" s="1" t="s">
        <v>27</v>
      </c>
      <c r="L7586" s="1" t="s">
        <v>26299</v>
      </c>
      <c r="M7586" s="1" t="s">
        <v>5</v>
      </c>
      <c r="N7586" s="1" t="s">
        <v>25</v>
      </c>
      <c r="O7586" s="1" t="s">
        <v>38</v>
      </c>
      <c r="P7586" s="5" t="s">
        <v>32428</v>
      </c>
    </row>
    <row r="7587" spans="1:16" x14ac:dyDescent="0.2">
      <c r="A7587" s="1" t="s">
        <v>194</v>
      </c>
      <c r="B7587" s="1" t="s">
        <v>195</v>
      </c>
      <c r="C7587" s="1" t="s">
        <v>26304</v>
      </c>
      <c r="D7587" s="1" t="s">
        <v>26304</v>
      </c>
      <c r="E7587" s="1" t="s">
        <v>26305</v>
      </c>
      <c r="F7587" s="1" t="s">
        <v>474</v>
      </c>
      <c r="G7587" s="1" t="s">
        <v>10</v>
      </c>
      <c r="H7587" s="1" t="s">
        <v>10</v>
      </c>
      <c r="I7587" s="1" t="s">
        <v>7415</v>
      </c>
      <c r="J7587" s="1" t="s">
        <v>21769</v>
      </c>
      <c r="K7587" s="1" t="s">
        <v>27</v>
      </c>
      <c r="L7587" s="1" t="s">
        <v>26303</v>
      </c>
      <c r="M7587" s="1" t="s">
        <v>5</v>
      </c>
      <c r="N7587" s="1" t="s">
        <v>25</v>
      </c>
      <c r="O7587" s="1" t="s">
        <v>38</v>
      </c>
      <c r="P7587" s="5" t="s">
        <v>32426</v>
      </c>
    </row>
    <row r="7588" spans="1:16" x14ac:dyDescent="0.2">
      <c r="A7588" s="1" t="s">
        <v>194</v>
      </c>
      <c r="B7588" s="1" t="s">
        <v>195</v>
      </c>
      <c r="C7588" s="1" t="s">
        <v>26307</v>
      </c>
      <c r="D7588" s="1" t="s">
        <v>26308</v>
      </c>
      <c r="E7588" s="1"/>
      <c r="F7588" s="1" t="s">
        <v>474</v>
      </c>
      <c r="G7588" s="1" t="s">
        <v>26309</v>
      </c>
      <c r="H7588" s="1" t="s">
        <v>119</v>
      </c>
      <c r="I7588" s="1" t="s">
        <v>7415</v>
      </c>
      <c r="J7588" s="1" t="s">
        <v>21769</v>
      </c>
      <c r="K7588" s="1" t="s">
        <v>27</v>
      </c>
      <c r="L7588" s="1" t="s">
        <v>26306</v>
      </c>
      <c r="M7588" s="1" t="s">
        <v>5</v>
      </c>
      <c r="N7588" s="1" t="s">
        <v>1695</v>
      </c>
      <c r="O7588" s="1" t="s">
        <v>38</v>
      </c>
      <c r="P7588" s="5" t="s">
        <v>30776</v>
      </c>
    </row>
    <row r="7589" spans="1:16" x14ac:dyDescent="0.2">
      <c r="A7589" s="1" t="s">
        <v>194</v>
      </c>
      <c r="B7589" s="1" t="s">
        <v>195</v>
      </c>
      <c r="C7589" s="1" t="s">
        <v>26311</v>
      </c>
      <c r="D7589" s="1" t="s">
        <v>26312</v>
      </c>
      <c r="E7589" s="1" t="s">
        <v>26313</v>
      </c>
      <c r="F7589" s="1" t="s">
        <v>474</v>
      </c>
      <c r="G7589" s="1" t="s">
        <v>10</v>
      </c>
      <c r="H7589" s="1" t="s">
        <v>10</v>
      </c>
      <c r="I7589" s="1" t="s">
        <v>7415</v>
      </c>
      <c r="J7589" s="1" t="s">
        <v>25145</v>
      </c>
      <c r="K7589" s="1" t="s">
        <v>27</v>
      </c>
      <c r="L7589" s="1" t="s">
        <v>26310</v>
      </c>
      <c r="M7589" s="1" t="s">
        <v>5</v>
      </c>
      <c r="N7589" s="1" t="s">
        <v>25</v>
      </c>
      <c r="O7589" s="1" t="s">
        <v>38</v>
      </c>
      <c r="P7589" s="5" t="s">
        <v>30777</v>
      </c>
    </row>
    <row r="7590" spans="1:16" x14ac:dyDescent="0.2">
      <c r="A7590" s="1" t="s">
        <v>194</v>
      </c>
      <c r="B7590" s="1" t="s">
        <v>195</v>
      </c>
      <c r="C7590" s="1" t="s">
        <v>26315</v>
      </c>
      <c r="D7590" s="1" t="s">
        <v>26316</v>
      </c>
      <c r="E7590" s="1" t="s">
        <v>26317</v>
      </c>
      <c r="F7590" s="1" t="s">
        <v>474</v>
      </c>
      <c r="G7590" s="1" t="s">
        <v>10</v>
      </c>
      <c r="H7590" s="1" t="s">
        <v>10</v>
      </c>
      <c r="I7590" s="1" t="s">
        <v>7415</v>
      </c>
      <c r="J7590" s="1" t="s">
        <v>21769</v>
      </c>
      <c r="K7590" s="1" t="s">
        <v>27</v>
      </c>
      <c r="L7590" s="1" t="s">
        <v>26314</v>
      </c>
      <c r="M7590" s="1" t="s">
        <v>5</v>
      </c>
      <c r="N7590" s="1" t="s">
        <v>25</v>
      </c>
      <c r="O7590" s="1" t="s">
        <v>38</v>
      </c>
      <c r="P7590" s="5" t="s">
        <v>32426</v>
      </c>
    </row>
    <row r="7591" spans="1:16" x14ac:dyDescent="0.2">
      <c r="A7591" s="1" t="s">
        <v>487</v>
      </c>
      <c r="B7591" s="1" t="s">
        <v>488</v>
      </c>
      <c r="C7591" s="1" t="s">
        <v>26319</v>
      </c>
      <c r="D7591" s="1" t="s">
        <v>882</v>
      </c>
      <c r="E7591" s="1"/>
      <c r="F7591" s="1" t="s">
        <v>27</v>
      </c>
      <c r="G7591" s="1" t="s">
        <v>10</v>
      </c>
      <c r="H7591" s="1" t="s">
        <v>813</v>
      </c>
      <c r="I7591" s="1" t="s">
        <v>7415</v>
      </c>
      <c r="J7591" s="1" t="s">
        <v>25137</v>
      </c>
      <c r="K7591" s="1" t="s">
        <v>64</v>
      </c>
      <c r="L7591" s="1" t="s">
        <v>26318</v>
      </c>
      <c r="M7591" s="1" t="s">
        <v>5</v>
      </c>
      <c r="N7591" s="1" t="s">
        <v>6</v>
      </c>
      <c r="O7591" s="1" t="s">
        <v>8</v>
      </c>
      <c r="P7591" s="5"/>
    </row>
    <row r="7592" spans="1:16" x14ac:dyDescent="0.2">
      <c r="A7592" s="1" t="s">
        <v>487</v>
      </c>
      <c r="B7592" s="1" t="s">
        <v>488</v>
      </c>
      <c r="C7592" s="1" t="s">
        <v>26321</v>
      </c>
      <c r="D7592" s="1" t="s">
        <v>26322</v>
      </c>
      <c r="E7592" s="1"/>
      <c r="F7592" s="1" t="s">
        <v>522</v>
      </c>
      <c r="G7592" s="1" t="s">
        <v>25857</v>
      </c>
      <c r="H7592" s="1" t="s">
        <v>10</v>
      </c>
      <c r="I7592" s="1" t="s">
        <v>7415</v>
      </c>
      <c r="J7592" s="1" t="s">
        <v>25137</v>
      </c>
      <c r="K7592" s="1" t="s">
        <v>64</v>
      </c>
      <c r="L7592" s="1" t="s">
        <v>26320</v>
      </c>
      <c r="M7592" s="1" t="s">
        <v>5</v>
      </c>
      <c r="N7592" s="1" t="s">
        <v>6</v>
      </c>
      <c r="O7592" s="1" t="s">
        <v>8</v>
      </c>
      <c r="P7592" s="5" t="s">
        <v>10</v>
      </c>
    </row>
    <row r="7593" spans="1:16" x14ac:dyDescent="0.2">
      <c r="A7593" s="1" t="s">
        <v>487</v>
      </c>
      <c r="B7593" s="1" t="s">
        <v>488</v>
      </c>
      <c r="C7593" s="1" t="s">
        <v>26324</v>
      </c>
      <c r="D7593" s="1" t="s">
        <v>1107</v>
      </c>
      <c r="E7593" s="1"/>
      <c r="F7593" s="1" t="s">
        <v>522</v>
      </c>
      <c r="G7593" s="1" t="s">
        <v>25857</v>
      </c>
      <c r="H7593" s="1" t="s">
        <v>10</v>
      </c>
      <c r="I7593" s="1" t="s">
        <v>7415</v>
      </c>
      <c r="J7593" s="1" t="s">
        <v>25137</v>
      </c>
      <c r="K7593" s="1" t="s">
        <v>64</v>
      </c>
      <c r="L7593" s="1" t="s">
        <v>26323</v>
      </c>
      <c r="M7593" s="1" t="s">
        <v>5</v>
      </c>
      <c r="N7593" s="1" t="s">
        <v>6</v>
      </c>
      <c r="O7593" s="1" t="s">
        <v>8</v>
      </c>
      <c r="P7593" s="5" t="s">
        <v>10</v>
      </c>
    </row>
    <row r="7594" spans="1:16" x14ac:dyDescent="0.2">
      <c r="A7594" s="1" t="s">
        <v>487</v>
      </c>
      <c r="B7594" s="1" t="s">
        <v>488</v>
      </c>
      <c r="C7594" s="1" t="s">
        <v>26326</v>
      </c>
      <c r="D7594" s="1" t="s">
        <v>26326</v>
      </c>
      <c r="E7594" s="1"/>
      <c r="F7594" s="1" t="s">
        <v>27</v>
      </c>
      <c r="G7594" s="1" t="s">
        <v>10</v>
      </c>
      <c r="H7594" s="1" t="s">
        <v>25300</v>
      </c>
      <c r="I7594" s="1" t="s">
        <v>7415</v>
      </c>
      <c r="J7594" s="1" t="s">
        <v>25137</v>
      </c>
      <c r="K7594" s="1" t="s">
        <v>64</v>
      </c>
      <c r="L7594" s="1" t="s">
        <v>26325</v>
      </c>
      <c r="M7594" s="1" t="s">
        <v>5</v>
      </c>
      <c r="N7594" s="1" t="s">
        <v>6</v>
      </c>
      <c r="O7594" s="1" t="s">
        <v>8</v>
      </c>
      <c r="P7594" s="5"/>
    </row>
    <row r="7595" spans="1:16" x14ac:dyDescent="0.2">
      <c r="A7595" s="1" t="s">
        <v>66</v>
      </c>
      <c r="B7595" s="1" t="s">
        <v>212</v>
      </c>
      <c r="C7595" s="1" t="s">
        <v>26328</v>
      </c>
      <c r="D7595" s="1" t="s">
        <v>25484</v>
      </c>
      <c r="E7595" s="1"/>
      <c r="F7595" s="1" t="s">
        <v>10</v>
      </c>
      <c r="G7595" s="1" t="s">
        <v>10</v>
      </c>
      <c r="H7595" s="1" t="s">
        <v>10</v>
      </c>
      <c r="I7595" s="1" t="s">
        <v>7415</v>
      </c>
      <c r="J7595" s="1" t="s">
        <v>21769</v>
      </c>
      <c r="K7595" s="1" t="s">
        <v>64</v>
      </c>
      <c r="L7595" s="1" t="s">
        <v>26327</v>
      </c>
      <c r="M7595" s="1" t="s">
        <v>5</v>
      </c>
      <c r="N7595" s="1" t="s">
        <v>960</v>
      </c>
      <c r="O7595" s="1" t="s">
        <v>38</v>
      </c>
      <c r="P7595" s="5" t="s">
        <v>32337</v>
      </c>
    </row>
    <row r="7596" spans="1:16" x14ac:dyDescent="0.2">
      <c r="A7596" s="1" t="s">
        <v>194</v>
      </c>
      <c r="B7596" s="1" t="s">
        <v>4492</v>
      </c>
      <c r="C7596" s="1" t="s">
        <v>26330</v>
      </c>
      <c r="D7596" s="1" t="s">
        <v>10</v>
      </c>
      <c r="E7596" s="1"/>
      <c r="F7596" s="1" t="s">
        <v>474</v>
      </c>
      <c r="G7596" s="1" t="s">
        <v>10</v>
      </c>
      <c r="H7596" s="1" t="s">
        <v>10</v>
      </c>
      <c r="I7596" s="1" t="s">
        <v>7415</v>
      </c>
      <c r="J7596" s="1" t="s">
        <v>21769</v>
      </c>
      <c r="K7596" s="1" t="s">
        <v>64</v>
      </c>
      <c r="L7596" s="1" t="s">
        <v>26329</v>
      </c>
      <c r="M7596" s="1" t="s">
        <v>5</v>
      </c>
      <c r="N7596" s="1" t="s">
        <v>1009</v>
      </c>
      <c r="O7596" s="1" t="s">
        <v>8</v>
      </c>
      <c r="P7596" s="5"/>
    </row>
    <row r="7597" spans="1:16" x14ac:dyDescent="0.2">
      <c r="A7597" s="1" t="s">
        <v>194</v>
      </c>
      <c r="B7597" s="1" t="s">
        <v>4492</v>
      </c>
      <c r="C7597" s="1" t="s">
        <v>26332</v>
      </c>
      <c r="D7597" s="1" t="s">
        <v>10</v>
      </c>
      <c r="E7597" s="1"/>
      <c r="F7597" s="1" t="s">
        <v>474</v>
      </c>
      <c r="G7597" s="1" t="s">
        <v>10</v>
      </c>
      <c r="H7597" s="1" t="s">
        <v>10</v>
      </c>
      <c r="I7597" s="1" t="s">
        <v>7415</v>
      </c>
      <c r="J7597" s="1" t="s">
        <v>21769</v>
      </c>
      <c r="K7597" s="1" t="s">
        <v>64</v>
      </c>
      <c r="L7597" s="1" t="s">
        <v>26331</v>
      </c>
      <c r="M7597" s="1" t="s">
        <v>5</v>
      </c>
      <c r="N7597" s="1" t="s">
        <v>1009</v>
      </c>
      <c r="O7597" s="1" t="s">
        <v>8</v>
      </c>
      <c r="P7597" s="5"/>
    </row>
    <row r="7598" spans="1:16" x14ac:dyDescent="0.2">
      <c r="A7598" s="1" t="s">
        <v>66</v>
      </c>
      <c r="B7598" s="1" t="s">
        <v>1127</v>
      </c>
      <c r="C7598" s="1" t="s">
        <v>26335</v>
      </c>
      <c r="D7598" s="1" t="s">
        <v>26336</v>
      </c>
      <c r="E7598" s="1"/>
      <c r="F7598" s="1" t="s">
        <v>10</v>
      </c>
      <c r="G7598" s="1" t="s">
        <v>10</v>
      </c>
      <c r="H7598" s="1" t="s">
        <v>10</v>
      </c>
      <c r="I7598" s="1" t="s">
        <v>7415</v>
      </c>
      <c r="J7598" s="1" t="s">
        <v>25141</v>
      </c>
      <c r="K7598" s="1" t="s">
        <v>27</v>
      </c>
      <c r="L7598" s="1" t="s">
        <v>26334</v>
      </c>
      <c r="M7598" s="1" t="s">
        <v>5</v>
      </c>
      <c r="N7598" s="1" t="s">
        <v>1009</v>
      </c>
      <c r="O7598" s="1" t="s">
        <v>38</v>
      </c>
      <c r="P7598" s="5" t="s">
        <v>32429</v>
      </c>
    </row>
    <row r="7599" spans="1:16" x14ac:dyDescent="0.2">
      <c r="A7599" s="1" t="s">
        <v>487</v>
      </c>
      <c r="B7599" s="1" t="s">
        <v>488</v>
      </c>
      <c r="C7599" s="1" t="s">
        <v>26338</v>
      </c>
      <c r="D7599" s="1" t="s">
        <v>10</v>
      </c>
      <c r="E7599" s="1"/>
      <c r="F7599" s="1" t="s">
        <v>27</v>
      </c>
      <c r="G7599" s="1" t="s">
        <v>10</v>
      </c>
      <c r="H7599" s="1" t="s">
        <v>26339</v>
      </c>
      <c r="I7599" s="1" t="s">
        <v>7415</v>
      </c>
      <c r="J7599" s="1" t="s">
        <v>25137</v>
      </c>
      <c r="K7599" s="1" t="s">
        <v>64</v>
      </c>
      <c r="L7599" s="1" t="s">
        <v>26337</v>
      </c>
      <c r="M7599" s="1" t="s">
        <v>5</v>
      </c>
      <c r="N7599" s="1" t="s">
        <v>6</v>
      </c>
      <c r="O7599" s="1" t="s">
        <v>8</v>
      </c>
      <c r="P7599" s="5" t="s">
        <v>10</v>
      </c>
    </row>
    <row r="7600" spans="1:16" x14ac:dyDescent="0.2">
      <c r="A7600" s="1" t="s">
        <v>194</v>
      </c>
      <c r="B7600" s="1" t="s">
        <v>4492</v>
      </c>
      <c r="C7600" s="1" t="s">
        <v>26341</v>
      </c>
      <c r="D7600" s="1" t="s">
        <v>10</v>
      </c>
      <c r="E7600" s="1"/>
      <c r="F7600" s="1" t="s">
        <v>474</v>
      </c>
      <c r="G7600" s="1" t="s">
        <v>10</v>
      </c>
      <c r="H7600" s="1" t="s">
        <v>10</v>
      </c>
      <c r="I7600" s="1" t="s">
        <v>7415</v>
      </c>
      <c r="J7600" s="1" t="s">
        <v>21769</v>
      </c>
      <c r="K7600" s="1" t="s">
        <v>64</v>
      </c>
      <c r="L7600" s="1" t="s">
        <v>26340</v>
      </c>
      <c r="M7600" s="1" t="s">
        <v>5</v>
      </c>
      <c r="N7600" s="1" t="s">
        <v>6</v>
      </c>
      <c r="O7600" s="1" t="s">
        <v>8</v>
      </c>
      <c r="P7600" s="5"/>
    </row>
    <row r="7601" spans="1:16" x14ac:dyDescent="0.2">
      <c r="A7601" s="1" t="s">
        <v>32</v>
      </c>
      <c r="B7601" s="1" t="s">
        <v>7383</v>
      </c>
      <c r="C7601" s="1" t="s">
        <v>26343</v>
      </c>
      <c r="D7601" s="1" t="s">
        <v>26344</v>
      </c>
      <c r="E7601" s="1"/>
      <c r="F7601" s="1" t="s">
        <v>14116</v>
      </c>
      <c r="G7601" s="1" t="s">
        <v>14118</v>
      </c>
      <c r="H7601" s="1" t="s">
        <v>10</v>
      </c>
      <c r="I7601" s="1" t="s">
        <v>7415</v>
      </c>
      <c r="J7601" s="1" t="s">
        <v>19</v>
      </c>
      <c r="K7601" s="1" t="s">
        <v>7</v>
      </c>
      <c r="L7601" s="1" t="s">
        <v>26342</v>
      </c>
      <c r="M7601" s="1" t="s">
        <v>3905</v>
      </c>
      <c r="N7601" s="1" t="s">
        <v>25</v>
      </c>
      <c r="O7601" s="1" t="s">
        <v>8</v>
      </c>
      <c r="P7601" s="5" t="s">
        <v>30778</v>
      </c>
    </row>
    <row r="7602" spans="1:16" x14ac:dyDescent="0.2">
      <c r="A7602" s="1" t="s">
        <v>194</v>
      </c>
      <c r="B7602" s="1" t="s">
        <v>195</v>
      </c>
      <c r="C7602" s="1" t="s">
        <v>26346</v>
      </c>
      <c r="D7602" s="1" t="s">
        <v>26347</v>
      </c>
      <c r="E7602" s="1"/>
      <c r="F7602" s="1" t="s">
        <v>10</v>
      </c>
      <c r="G7602" s="1" t="s">
        <v>10</v>
      </c>
      <c r="H7602" s="1" t="s">
        <v>10</v>
      </c>
      <c r="I7602" s="1" t="s">
        <v>7415</v>
      </c>
      <c r="J7602" s="1" t="s">
        <v>21769</v>
      </c>
      <c r="K7602" s="1" t="s">
        <v>27</v>
      </c>
      <c r="L7602" s="1" t="s">
        <v>26345</v>
      </c>
      <c r="M7602" s="1" t="s">
        <v>5</v>
      </c>
      <c r="N7602" s="1" t="s">
        <v>25</v>
      </c>
      <c r="O7602" s="1" t="s">
        <v>38</v>
      </c>
      <c r="P7602" s="5" t="s">
        <v>32430</v>
      </c>
    </row>
    <row r="7603" spans="1:16" x14ac:dyDescent="0.2">
      <c r="A7603" s="1" t="s">
        <v>194</v>
      </c>
      <c r="B7603" s="1" t="s">
        <v>396</v>
      </c>
      <c r="C7603" s="1" t="s">
        <v>26349</v>
      </c>
      <c r="D7603" s="1" t="s">
        <v>26350</v>
      </c>
      <c r="E7603" s="1"/>
      <c r="F7603" s="1" t="s">
        <v>10</v>
      </c>
      <c r="G7603" s="1" t="s">
        <v>10</v>
      </c>
      <c r="H7603" s="1" t="s">
        <v>10</v>
      </c>
      <c r="I7603" s="1" t="s">
        <v>7415</v>
      </c>
      <c r="J7603" s="1" t="s">
        <v>25145</v>
      </c>
      <c r="K7603" s="1" t="s">
        <v>27</v>
      </c>
      <c r="L7603" s="1" t="s">
        <v>26348</v>
      </c>
      <c r="M7603" s="1" t="s">
        <v>5</v>
      </c>
      <c r="N7603" s="1" t="s">
        <v>6</v>
      </c>
      <c r="O7603" s="1" t="s">
        <v>38</v>
      </c>
      <c r="P7603" s="5" t="s">
        <v>10</v>
      </c>
    </row>
    <row r="7604" spans="1:16" x14ac:dyDescent="0.2">
      <c r="A7604" s="1" t="s">
        <v>194</v>
      </c>
      <c r="B7604" s="1" t="s">
        <v>396</v>
      </c>
      <c r="C7604" s="1" t="s">
        <v>26352</v>
      </c>
      <c r="D7604" s="1" t="s">
        <v>26353</v>
      </c>
      <c r="E7604" s="1"/>
      <c r="F7604" s="1" t="s">
        <v>10</v>
      </c>
      <c r="G7604" s="1" t="s">
        <v>10</v>
      </c>
      <c r="H7604" s="1" t="s">
        <v>10</v>
      </c>
      <c r="I7604" s="1" t="s">
        <v>7415</v>
      </c>
      <c r="J7604" s="1" t="s">
        <v>25178</v>
      </c>
      <c r="K7604" s="1" t="s">
        <v>27</v>
      </c>
      <c r="L7604" s="1" t="s">
        <v>26351</v>
      </c>
      <c r="M7604" s="1" t="s">
        <v>3905</v>
      </c>
      <c r="N7604" s="1" t="s">
        <v>1009</v>
      </c>
      <c r="O7604" s="1" t="s">
        <v>38</v>
      </c>
      <c r="P7604" s="5" t="s">
        <v>10</v>
      </c>
    </row>
    <row r="7605" spans="1:16" x14ac:dyDescent="0.2">
      <c r="A7605" s="1" t="s">
        <v>194</v>
      </c>
      <c r="B7605" s="1" t="s">
        <v>396</v>
      </c>
      <c r="C7605" s="1" t="s">
        <v>26355</v>
      </c>
      <c r="D7605" s="1" t="s">
        <v>20564</v>
      </c>
      <c r="E7605" s="1"/>
      <c r="F7605" s="1" t="s">
        <v>10</v>
      </c>
      <c r="G7605" s="1" t="s">
        <v>10</v>
      </c>
      <c r="H7605" s="1" t="s">
        <v>10</v>
      </c>
      <c r="I7605" s="1" t="s">
        <v>7415</v>
      </c>
      <c r="J7605" s="1" t="s">
        <v>25178</v>
      </c>
      <c r="K7605" s="1" t="s">
        <v>27</v>
      </c>
      <c r="L7605" s="1" t="s">
        <v>26354</v>
      </c>
      <c r="M7605" s="1" t="s">
        <v>3905</v>
      </c>
      <c r="N7605" s="1" t="s">
        <v>6</v>
      </c>
      <c r="O7605" s="1" t="s">
        <v>38</v>
      </c>
      <c r="P7605" s="5" t="s">
        <v>10</v>
      </c>
    </row>
    <row r="7606" spans="1:16" x14ac:dyDescent="0.2">
      <c r="A7606" s="1" t="s">
        <v>66</v>
      </c>
      <c r="B7606" s="1" t="s">
        <v>212</v>
      </c>
      <c r="C7606" s="1" t="s">
        <v>26357</v>
      </c>
      <c r="D7606" s="1" t="s">
        <v>26358</v>
      </c>
      <c r="E7606" s="1"/>
      <c r="F7606" s="1" t="s">
        <v>10</v>
      </c>
      <c r="G7606" s="1" t="s">
        <v>10</v>
      </c>
      <c r="H7606" s="1" t="s">
        <v>10</v>
      </c>
      <c r="I7606" s="1" t="s">
        <v>7415</v>
      </c>
      <c r="J7606" s="1" t="s">
        <v>25141</v>
      </c>
      <c r="K7606" s="1" t="s">
        <v>11</v>
      </c>
      <c r="L7606" s="1" t="s">
        <v>26356</v>
      </c>
      <c r="M7606" s="1" t="s">
        <v>5</v>
      </c>
      <c r="N7606" s="1" t="s">
        <v>1009</v>
      </c>
      <c r="O7606" s="1" t="s">
        <v>38</v>
      </c>
      <c r="P7606" s="5" t="s">
        <v>32386</v>
      </c>
    </row>
    <row r="7607" spans="1:16" x14ac:dyDescent="0.2">
      <c r="A7607" s="1" t="s">
        <v>487</v>
      </c>
      <c r="B7607" s="1" t="s">
        <v>488</v>
      </c>
      <c r="C7607" s="1" t="s">
        <v>26360</v>
      </c>
      <c r="D7607" s="1" t="s">
        <v>10</v>
      </c>
      <c r="E7607" s="1"/>
      <c r="F7607" s="1" t="s">
        <v>27</v>
      </c>
      <c r="G7607" s="1" t="s">
        <v>10</v>
      </c>
      <c r="H7607" s="1" t="s">
        <v>26173</v>
      </c>
      <c r="I7607" s="1" t="s">
        <v>7415</v>
      </c>
      <c r="J7607" s="1" t="s">
        <v>25137</v>
      </c>
      <c r="K7607" s="1" t="s">
        <v>64</v>
      </c>
      <c r="L7607" s="1" t="s">
        <v>26359</v>
      </c>
      <c r="M7607" s="1" t="s">
        <v>5</v>
      </c>
      <c r="N7607" s="1" t="s">
        <v>6</v>
      </c>
      <c r="O7607" s="1" t="s">
        <v>8</v>
      </c>
      <c r="P7607" s="5" t="s">
        <v>10</v>
      </c>
    </row>
    <row r="7608" spans="1:16" x14ac:dyDescent="0.2">
      <c r="A7608" s="1" t="s">
        <v>20</v>
      </c>
      <c r="B7608" s="1" t="s">
        <v>1047</v>
      </c>
      <c r="C7608" s="1" t="s">
        <v>26362</v>
      </c>
      <c r="D7608" s="1" t="s">
        <v>10</v>
      </c>
      <c r="E7608" s="1"/>
      <c r="F7608" s="1" t="s">
        <v>10</v>
      </c>
      <c r="G7608" s="1" t="s">
        <v>10</v>
      </c>
      <c r="H7608" s="1" t="s">
        <v>10</v>
      </c>
      <c r="I7608" s="1" t="s">
        <v>7415</v>
      </c>
      <c r="J7608" s="1" t="s">
        <v>21769</v>
      </c>
      <c r="K7608" s="1" t="s">
        <v>1468</v>
      </c>
      <c r="L7608" s="1" t="s">
        <v>26361</v>
      </c>
      <c r="M7608" s="1" t="s">
        <v>5</v>
      </c>
      <c r="N7608" s="1" t="s">
        <v>25</v>
      </c>
      <c r="O7608" s="1" t="s">
        <v>38</v>
      </c>
      <c r="P7608" s="5" t="s">
        <v>60</v>
      </c>
    </row>
    <row r="7609" spans="1:16" x14ac:dyDescent="0.2">
      <c r="A7609" s="1" t="s">
        <v>10</v>
      </c>
      <c r="B7609" s="1" t="s">
        <v>10</v>
      </c>
      <c r="C7609" s="1" t="s">
        <v>26364</v>
      </c>
      <c r="D7609" s="1" t="s">
        <v>10</v>
      </c>
      <c r="E7609" s="1" t="s">
        <v>10</v>
      </c>
      <c r="F7609" s="1" t="s">
        <v>10</v>
      </c>
      <c r="G7609" s="1" t="s">
        <v>10</v>
      </c>
      <c r="H7609" s="1" t="s">
        <v>10</v>
      </c>
      <c r="I7609" s="1" t="s">
        <v>7415</v>
      </c>
      <c r="J7609" s="1" t="s">
        <v>10</v>
      </c>
      <c r="K7609" s="1" t="s">
        <v>10</v>
      </c>
      <c r="L7609" s="1" t="s">
        <v>26363</v>
      </c>
      <c r="M7609" s="1" t="s">
        <v>5</v>
      </c>
      <c r="N7609" s="1" t="s">
        <v>1009</v>
      </c>
      <c r="O7609" s="1" t="s">
        <v>38</v>
      </c>
      <c r="P7609" s="5"/>
    </row>
    <row r="7610" spans="1:16" x14ac:dyDescent="0.2">
      <c r="A7610" s="1" t="s">
        <v>66</v>
      </c>
      <c r="B7610" s="1" t="s">
        <v>1117</v>
      </c>
      <c r="C7610" s="1" t="s">
        <v>26366</v>
      </c>
      <c r="D7610" s="1" t="s">
        <v>10</v>
      </c>
      <c r="E7610" s="1"/>
      <c r="F7610" s="1" t="s">
        <v>27</v>
      </c>
      <c r="G7610" s="1" t="s">
        <v>10</v>
      </c>
      <c r="H7610" s="1" t="s">
        <v>10</v>
      </c>
      <c r="I7610" s="1" t="s">
        <v>7415</v>
      </c>
      <c r="J7610" s="1" t="s">
        <v>25469</v>
      </c>
      <c r="K7610" s="1" t="s">
        <v>64</v>
      </c>
      <c r="L7610" s="1" t="s">
        <v>26365</v>
      </c>
      <c r="M7610" s="1" t="s">
        <v>5</v>
      </c>
      <c r="N7610" s="1" t="s">
        <v>6</v>
      </c>
      <c r="O7610" s="1" t="s">
        <v>8</v>
      </c>
      <c r="P7610" s="5" t="s">
        <v>32431</v>
      </c>
    </row>
    <row r="7611" spans="1:16" x14ac:dyDescent="0.2">
      <c r="A7611" s="1" t="s">
        <v>10</v>
      </c>
      <c r="B7611" s="1" t="s">
        <v>10</v>
      </c>
      <c r="C7611" s="1" t="s">
        <v>26368</v>
      </c>
      <c r="D7611" s="1" t="s">
        <v>10</v>
      </c>
      <c r="E7611" s="1"/>
      <c r="F7611" s="1" t="s">
        <v>27</v>
      </c>
      <c r="G7611" s="1" t="s">
        <v>10</v>
      </c>
      <c r="H7611" s="1" t="s">
        <v>26369</v>
      </c>
      <c r="I7611" s="1" t="s">
        <v>7415</v>
      </c>
      <c r="J7611" s="1" t="s">
        <v>25469</v>
      </c>
      <c r="K7611" s="1" t="s">
        <v>64</v>
      </c>
      <c r="L7611" s="1" t="s">
        <v>26367</v>
      </c>
      <c r="M7611" s="1" t="s">
        <v>5</v>
      </c>
      <c r="N7611" s="1" t="s">
        <v>6</v>
      </c>
      <c r="O7611" s="1" t="s">
        <v>8</v>
      </c>
      <c r="P7611" s="5" t="s">
        <v>32319</v>
      </c>
    </row>
    <row r="7612" spans="1:16" x14ac:dyDescent="0.2">
      <c r="A7612" s="1" t="s">
        <v>66</v>
      </c>
      <c r="B7612" s="1" t="s">
        <v>212</v>
      </c>
      <c r="C7612" s="1" t="s">
        <v>26371</v>
      </c>
      <c r="D7612" s="1" t="s">
        <v>26333</v>
      </c>
      <c r="E7612" s="1"/>
      <c r="F7612" s="1" t="s">
        <v>10</v>
      </c>
      <c r="G7612" s="1" t="s">
        <v>10</v>
      </c>
      <c r="H7612" s="1" t="s">
        <v>10</v>
      </c>
      <c r="I7612" s="1" t="s">
        <v>7415</v>
      </c>
      <c r="J7612" s="1" t="s">
        <v>25141</v>
      </c>
      <c r="K7612" s="1" t="s">
        <v>11</v>
      </c>
      <c r="L7612" s="1" t="s">
        <v>26370</v>
      </c>
      <c r="M7612" s="1" t="s">
        <v>5</v>
      </c>
      <c r="N7612" s="1" t="s">
        <v>1009</v>
      </c>
      <c r="O7612" s="1" t="s">
        <v>38</v>
      </c>
      <c r="P7612" s="5" t="s">
        <v>32432</v>
      </c>
    </row>
    <row r="7613" spans="1:16" x14ac:dyDescent="0.2">
      <c r="A7613" s="1" t="s">
        <v>66</v>
      </c>
      <c r="B7613" s="1" t="s">
        <v>212</v>
      </c>
      <c r="C7613" s="1" t="s">
        <v>26373</v>
      </c>
      <c r="D7613" s="1" t="s">
        <v>26120</v>
      </c>
      <c r="E7613" s="1"/>
      <c r="F7613" s="1" t="s">
        <v>10</v>
      </c>
      <c r="G7613" s="1" t="s">
        <v>10</v>
      </c>
      <c r="H7613" s="1" t="s">
        <v>10</v>
      </c>
      <c r="I7613" s="1" t="s">
        <v>7415</v>
      </c>
      <c r="J7613" s="1" t="s">
        <v>25141</v>
      </c>
      <c r="K7613" s="1" t="s">
        <v>11</v>
      </c>
      <c r="L7613" s="1" t="s">
        <v>26372</v>
      </c>
      <c r="M7613" s="1" t="s">
        <v>5</v>
      </c>
      <c r="N7613" s="1" t="s">
        <v>1009</v>
      </c>
      <c r="O7613" s="1" t="s">
        <v>38</v>
      </c>
      <c r="P7613" s="5" t="s">
        <v>32432</v>
      </c>
    </row>
    <row r="7614" spans="1:16" x14ac:dyDescent="0.2">
      <c r="A7614" s="1" t="s">
        <v>66</v>
      </c>
      <c r="B7614" s="1" t="s">
        <v>1117</v>
      </c>
      <c r="C7614" s="1" t="s">
        <v>26375</v>
      </c>
      <c r="D7614" s="1" t="s">
        <v>26376</v>
      </c>
      <c r="E7614" s="1"/>
      <c r="F7614" s="1" t="s">
        <v>522</v>
      </c>
      <c r="G7614" s="1" t="s">
        <v>10</v>
      </c>
      <c r="H7614" s="1" t="s">
        <v>10</v>
      </c>
      <c r="I7614" s="1" t="s">
        <v>7415</v>
      </c>
      <c r="J7614" s="1" t="s">
        <v>25137</v>
      </c>
      <c r="K7614" s="1" t="s">
        <v>64</v>
      </c>
      <c r="L7614" s="1" t="s">
        <v>26374</v>
      </c>
      <c r="M7614" s="1" t="s">
        <v>5</v>
      </c>
      <c r="N7614" s="1" t="s">
        <v>6</v>
      </c>
      <c r="O7614" s="1" t="s">
        <v>8</v>
      </c>
      <c r="P7614" s="5" t="s">
        <v>30515</v>
      </c>
    </row>
    <row r="7615" spans="1:16" x14ac:dyDescent="0.2">
      <c r="A7615" s="1" t="s">
        <v>194</v>
      </c>
      <c r="B7615" s="1" t="s">
        <v>396</v>
      </c>
      <c r="C7615" s="1" t="s">
        <v>26378</v>
      </c>
      <c r="D7615" s="1" t="s">
        <v>26379</v>
      </c>
      <c r="E7615" s="1"/>
      <c r="F7615" s="1" t="s">
        <v>10</v>
      </c>
      <c r="G7615" s="1" t="s">
        <v>10</v>
      </c>
      <c r="H7615" s="1" t="s">
        <v>10</v>
      </c>
      <c r="I7615" s="1" t="s">
        <v>7415</v>
      </c>
      <c r="J7615" s="1" t="s">
        <v>25145</v>
      </c>
      <c r="K7615" s="1" t="s">
        <v>27</v>
      </c>
      <c r="L7615" s="1" t="s">
        <v>26377</v>
      </c>
      <c r="M7615" s="1" t="s">
        <v>5</v>
      </c>
      <c r="N7615" s="1" t="s">
        <v>6</v>
      </c>
      <c r="O7615" s="1" t="s">
        <v>38</v>
      </c>
      <c r="P7615" s="5" t="s">
        <v>32433</v>
      </c>
    </row>
    <row r="7616" spans="1:16" x14ac:dyDescent="0.2">
      <c r="A7616" s="1" t="s">
        <v>194</v>
      </c>
      <c r="B7616" s="1" t="s">
        <v>396</v>
      </c>
      <c r="C7616" s="1" t="s">
        <v>26381</v>
      </c>
      <c r="D7616" s="1" t="s">
        <v>26382</v>
      </c>
      <c r="E7616" s="1"/>
      <c r="F7616" s="1" t="s">
        <v>10</v>
      </c>
      <c r="G7616" s="1" t="s">
        <v>10</v>
      </c>
      <c r="H7616" s="1" t="s">
        <v>10</v>
      </c>
      <c r="I7616" s="1" t="s">
        <v>7415</v>
      </c>
      <c r="J7616" s="1" t="s">
        <v>25145</v>
      </c>
      <c r="K7616" s="1" t="s">
        <v>27</v>
      </c>
      <c r="L7616" s="1" t="s">
        <v>26380</v>
      </c>
      <c r="M7616" s="1" t="s">
        <v>3905</v>
      </c>
      <c r="N7616" s="1" t="s">
        <v>25</v>
      </c>
      <c r="O7616" s="1" t="s">
        <v>38</v>
      </c>
      <c r="P7616" s="5" t="s">
        <v>30779</v>
      </c>
    </row>
    <row r="7617" spans="1:16" x14ac:dyDescent="0.2">
      <c r="A7617" s="1" t="s">
        <v>194</v>
      </c>
      <c r="B7617" s="1" t="s">
        <v>396</v>
      </c>
      <c r="C7617" s="1" t="s">
        <v>26384</v>
      </c>
      <c r="D7617" s="1" t="s">
        <v>26385</v>
      </c>
      <c r="E7617" s="1"/>
      <c r="F7617" s="1" t="s">
        <v>10</v>
      </c>
      <c r="G7617" s="1" t="s">
        <v>10</v>
      </c>
      <c r="H7617" s="1" t="s">
        <v>10</v>
      </c>
      <c r="I7617" s="1" t="s">
        <v>7415</v>
      </c>
      <c r="J7617" s="1" t="s">
        <v>25145</v>
      </c>
      <c r="K7617" s="1" t="s">
        <v>27</v>
      </c>
      <c r="L7617" s="1" t="s">
        <v>26383</v>
      </c>
      <c r="M7617" s="1" t="s">
        <v>3905</v>
      </c>
      <c r="N7617" s="1" t="s">
        <v>25</v>
      </c>
      <c r="O7617" s="1" t="s">
        <v>38</v>
      </c>
      <c r="P7617" s="5" t="s">
        <v>30780</v>
      </c>
    </row>
    <row r="7618" spans="1:16" x14ac:dyDescent="0.2">
      <c r="A7618" s="1" t="s">
        <v>194</v>
      </c>
      <c r="B7618" s="1" t="s">
        <v>396</v>
      </c>
      <c r="C7618" s="1" t="s">
        <v>26387</v>
      </c>
      <c r="D7618" s="1" t="s">
        <v>26388</v>
      </c>
      <c r="E7618" s="1"/>
      <c r="F7618" s="1" t="s">
        <v>10</v>
      </c>
      <c r="G7618" s="1" t="s">
        <v>10</v>
      </c>
      <c r="H7618" s="1" t="s">
        <v>10</v>
      </c>
      <c r="I7618" s="1" t="s">
        <v>7415</v>
      </c>
      <c r="J7618" s="1" t="s">
        <v>25145</v>
      </c>
      <c r="K7618" s="1" t="s">
        <v>27</v>
      </c>
      <c r="L7618" s="1" t="s">
        <v>26386</v>
      </c>
      <c r="M7618" s="1" t="s">
        <v>3905</v>
      </c>
      <c r="N7618" s="1" t="s">
        <v>25</v>
      </c>
      <c r="O7618" s="1" t="s">
        <v>38</v>
      </c>
      <c r="P7618" s="5" t="s">
        <v>30779</v>
      </c>
    </row>
    <row r="7619" spans="1:16" x14ac:dyDescent="0.2">
      <c r="A7619" s="1" t="s">
        <v>194</v>
      </c>
      <c r="B7619" s="1" t="s">
        <v>396</v>
      </c>
      <c r="C7619" s="1" t="s">
        <v>26390</v>
      </c>
      <c r="D7619" s="1" t="s">
        <v>26391</v>
      </c>
      <c r="E7619" s="1"/>
      <c r="F7619" s="1" t="s">
        <v>10</v>
      </c>
      <c r="G7619" s="1" t="s">
        <v>10</v>
      </c>
      <c r="H7619" s="1" t="s">
        <v>10</v>
      </c>
      <c r="I7619" s="1" t="s">
        <v>7415</v>
      </c>
      <c r="J7619" s="1" t="s">
        <v>25141</v>
      </c>
      <c r="K7619" s="1" t="s">
        <v>64</v>
      </c>
      <c r="L7619" s="1" t="s">
        <v>26389</v>
      </c>
      <c r="M7619" s="1" t="s">
        <v>5</v>
      </c>
      <c r="N7619" s="1" t="s">
        <v>960</v>
      </c>
      <c r="O7619" s="1" t="s">
        <v>38</v>
      </c>
      <c r="P7619" s="5" t="s">
        <v>32434</v>
      </c>
    </row>
    <row r="7620" spans="1:16" x14ac:dyDescent="0.2">
      <c r="A7620" s="1" t="s">
        <v>194</v>
      </c>
      <c r="B7620" s="1" t="s">
        <v>396</v>
      </c>
      <c r="C7620" s="1" t="s">
        <v>26393</v>
      </c>
      <c r="D7620" s="1" t="s">
        <v>26391</v>
      </c>
      <c r="E7620" s="1"/>
      <c r="F7620" s="1" t="s">
        <v>10</v>
      </c>
      <c r="G7620" s="1" t="s">
        <v>10</v>
      </c>
      <c r="H7620" s="1" t="s">
        <v>10</v>
      </c>
      <c r="I7620" s="1" t="s">
        <v>7415</v>
      </c>
      <c r="J7620" s="1" t="s">
        <v>25141</v>
      </c>
      <c r="K7620" s="1" t="s">
        <v>64</v>
      </c>
      <c r="L7620" s="1" t="s">
        <v>26392</v>
      </c>
      <c r="M7620" s="1" t="s">
        <v>3905</v>
      </c>
      <c r="N7620" s="1" t="s">
        <v>960</v>
      </c>
      <c r="O7620" s="1" t="s">
        <v>38</v>
      </c>
      <c r="P7620" s="5" t="s">
        <v>32434</v>
      </c>
    </row>
    <row r="7621" spans="1:16" x14ac:dyDescent="0.2">
      <c r="A7621" s="1" t="s">
        <v>66</v>
      </c>
      <c r="B7621" s="1" t="s">
        <v>212</v>
      </c>
      <c r="C7621" s="1" t="s">
        <v>26395</v>
      </c>
      <c r="D7621" s="1" t="s">
        <v>25592</v>
      </c>
      <c r="E7621" s="1"/>
      <c r="F7621" s="1" t="s">
        <v>10</v>
      </c>
      <c r="G7621" s="1" t="s">
        <v>10</v>
      </c>
      <c r="H7621" s="1" t="s">
        <v>10</v>
      </c>
      <c r="I7621" s="1" t="s">
        <v>7415</v>
      </c>
      <c r="J7621" s="1" t="s">
        <v>21769</v>
      </c>
      <c r="K7621" s="1" t="s">
        <v>64</v>
      </c>
      <c r="L7621" s="1" t="s">
        <v>26394</v>
      </c>
      <c r="M7621" s="1" t="s">
        <v>5</v>
      </c>
      <c r="N7621" s="1" t="s">
        <v>960</v>
      </c>
      <c r="O7621" s="1" t="s">
        <v>38</v>
      </c>
      <c r="P7621" s="5" t="s">
        <v>32435</v>
      </c>
    </row>
    <row r="7622" spans="1:16" x14ac:dyDescent="0.2">
      <c r="A7622" s="1" t="s">
        <v>194</v>
      </c>
      <c r="B7622" s="1" t="s">
        <v>396</v>
      </c>
      <c r="C7622" s="1" t="s">
        <v>26397</v>
      </c>
      <c r="D7622" s="1" t="s">
        <v>26397</v>
      </c>
      <c r="E7622" s="1"/>
      <c r="F7622" s="1" t="s">
        <v>10</v>
      </c>
      <c r="G7622" s="1" t="s">
        <v>10</v>
      </c>
      <c r="H7622" s="1" t="s">
        <v>10</v>
      </c>
      <c r="I7622" s="1" t="s">
        <v>7415</v>
      </c>
      <c r="J7622" s="1" t="s">
        <v>25178</v>
      </c>
      <c r="K7622" s="1" t="s">
        <v>27</v>
      </c>
      <c r="L7622" s="1" t="s">
        <v>26396</v>
      </c>
      <c r="M7622" s="1" t="s">
        <v>3905</v>
      </c>
      <c r="N7622" s="1" t="s">
        <v>1009</v>
      </c>
      <c r="O7622" s="1" t="s">
        <v>38</v>
      </c>
      <c r="P7622" s="5" t="s">
        <v>32436</v>
      </c>
    </row>
    <row r="7623" spans="1:16" x14ac:dyDescent="0.2">
      <c r="A7623" s="1" t="s">
        <v>194</v>
      </c>
      <c r="B7623" s="1" t="s">
        <v>396</v>
      </c>
      <c r="C7623" s="1" t="s">
        <v>26399</v>
      </c>
      <c r="D7623" s="1" t="s">
        <v>26399</v>
      </c>
      <c r="E7623" s="1"/>
      <c r="F7623" s="1" t="s">
        <v>10</v>
      </c>
      <c r="G7623" s="1" t="s">
        <v>10</v>
      </c>
      <c r="H7623" s="1" t="s">
        <v>10</v>
      </c>
      <c r="I7623" s="1" t="s">
        <v>7415</v>
      </c>
      <c r="J7623" s="1" t="s">
        <v>25178</v>
      </c>
      <c r="K7623" s="1" t="s">
        <v>27</v>
      </c>
      <c r="L7623" s="1" t="s">
        <v>26398</v>
      </c>
      <c r="M7623" s="1" t="s">
        <v>3905</v>
      </c>
      <c r="N7623" s="1" t="s">
        <v>1009</v>
      </c>
      <c r="O7623" s="1" t="s">
        <v>38</v>
      </c>
      <c r="P7623" s="5" t="s">
        <v>32437</v>
      </c>
    </row>
    <row r="7624" spans="1:16" x14ac:dyDescent="0.2">
      <c r="A7624" s="1" t="s">
        <v>487</v>
      </c>
      <c r="B7624" s="1" t="s">
        <v>488</v>
      </c>
      <c r="C7624" s="1" t="s">
        <v>22152</v>
      </c>
      <c r="D7624" s="1" t="s">
        <v>10</v>
      </c>
      <c r="E7624" s="1"/>
      <c r="F7624" s="1" t="s">
        <v>27</v>
      </c>
      <c r="G7624" s="1" t="s">
        <v>10</v>
      </c>
      <c r="H7624" s="1" t="s">
        <v>799</v>
      </c>
      <c r="I7624" s="1" t="s">
        <v>7415</v>
      </c>
      <c r="J7624" s="1" t="s">
        <v>25137</v>
      </c>
      <c r="K7624" s="1" t="s">
        <v>64</v>
      </c>
      <c r="L7624" s="1" t="s">
        <v>26400</v>
      </c>
      <c r="M7624" s="1" t="s">
        <v>5</v>
      </c>
      <c r="N7624" s="1" t="s">
        <v>25</v>
      </c>
      <c r="O7624" s="1" t="s">
        <v>8</v>
      </c>
      <c r="P7624" s="5" t="s">
        <v>10</v>
      </c>
    </row>
    <row r="7625" spans="1:16" x14ac:dyDescent="0.2">
      <c r="A7625" s="1" t="s">
        <v>487</v>
      </c>
      <c r="B7625" s="1" t="s">
        <v>10</v>
      </c>
      <c r="C7625" s="1" t="s">
        <v>26402</v>
      </c>
      <c r="D7625" s="1" t="s">
        <v>10</v>
      </c>
      <c r="E7625" s="1" t="s">
        <v>26404</v>
      </c>
      <c r="F7625" s="1" t="s">
        <v>27</v>
      </c>
      <c r="G7625" s="1" t="s">
        <v>10</v>
      </c>
      <c r="H7625" s="1" t="s">
        <v>26405</v>
      </c>
      <c r="I7625" s="1" t="s">
        <v>7415</v>
      </c>
      <c r="J7625" s="1" t="s">
        <v>26403</v>
      </c>
      <c r="K7625" s="1" t="s">
        <v>64</v>
      </c>
      <c r="L7625" s="1" t="s">
        <v>26401</v>
      </c>
      <c r="M7625" s="1" t="s">
        <v>5</v>
      </c>
      <c r="N7625" s="1" t="s">
        <v>960</v>
      </c>
      <c r="O7625" s="1" t="s">
        <v>8</v>
      </c>
      <c r="P7625" s="5" t="s">
        <v>10</v>
      </c>
    </row>
    <row r="7626" spans="1:16" x14ac:dyDescent="0.2">
      <c r="A7626" s="1" t="s">
        <v>194</v>
      </c>
      <c r="B7626" s="1" t="s">
        <v>396</v>
      </c>
      <c r="C7626" s="1" t="s">
        <v>26407</v>
      </c>
      <c r="D7626" s="1" t="s">
        <v>26408</v>
      </c>
      <c r="E7626" s="1"/>
      <c r="F7626" s="1" t="s">
        <v>10</v>
      </c>
      <c r="G7626" s="1" t="s">
        <v>10</v>
      </c>
      <c r="H7626" s="1" t="s">
        <v>10</v>
      </c>
      <c r="I7626" s="1" t="s">
        <v>7415</v>
      </c>
      <c r="J7626" s="1" t="s">
        <v>25178</v>
      </c>
      <c r="K7626" s="1" t="s">
        <v>27</v>
      </c>
      <c r="L7626" s="1" t="s">
        <v>26406</v>
      </c>
      <c r="M7626" s="1" t="s">
        <v>3905</v>
      </c>
      <c r="N7626" s="1" t="s">
        <v>25</v>
      </c>
      <c r="O7626" s="1" t="s">
        <v>38</v>
      </c>
      <c r="P7626" s="5" t="s">
        <v>30779</v>
      </c>
    </row>
    <row r="7627" spans="1:16" x14ac:dyDescent="0.2">
      <c r="A7627" s="1" t="s">
        <v>194</v>
      </c>
      <c r="B7627" s="1" t="s">
        <v>396</v>
      </c>
      <c r="C7627" s="1" t="s">
        <v>26410</v>
      </c>
      <c r="D7627" s="1" t="s">
        <v>26411</v>
      </c>
      <c r="E7627" s="1"/>
      <c r="F7627" s="1" t="s">
        <v>10</v>
      </c>
      <c r="G7627" s="1" t="s">
        <v>10</v>
      </c>
      <c r="H7627" s="1" t="s">
        <v>10</v>
      </c>
      <c r="I7627" s="1" t="s">
        <v>7415</v>
      </c>
      <c r="J7627" s="1" t="s">
        <v>25178</v>
      </c>
      <c r="K7627" s="1" t="s">
        <v>27</v>
      </c>
      <c r="L7627" s="1" t="s">
        <v>26409</v>
      </c>
      <c r="M7627" s="1" t="s">
        <v>3905</v>
      </c>
      <c r="N7627" s="1" t="s">
        <v>1009</v>
      </c>
      <c r="O7627" s="1" t="s">
        <v>38</v>
      </c>
      <c r="P7627" s="5" t="s">
        <v>30431</v>
      </c>
    </row>
    <row r="7628" spans="1:16" x14ac:dyDescent="0.2">
      <c r="A7628" s="1" t="s">
        <v>20</v>
      </c>
      <c r="B7628" s="1" t="s">
        <v>253</v>
      </c>
      <c r="C7628" s="1" t="s">
        <v>26413</v>
      </c>
      <c r="D7628" s="1" t="s">
        <v>479</v>
      </c>
      <c r="E7628" s="1"/>
      <c r="F7628" s="1" t="s">
        <v>10</v>
      </c>
      <c r="G7628" s="1" t="s">
        <v>10</v>
      </c>
      <c r="H7628" s="1" t="s">
        <v>10</v>
      </c>
      <c r="I7628" s="1" t="s">
        <v>7415</v>
      </c>
      <c r="J7628" s="1" t="s">
        <v>21769</v>
      </c>
      <c r="K7628" s="1" t="s">
        <v>2555</v>
      </c>
      <c r="L7628" s="1" t="s">
        <v>26412</v>
      </c>
      <c r="M7628" s="1" t="s">
        <v>5</v>
      </c>
      <c r="N7628" s="1" t="s">
        <v>6</v>
      </c>
      <c r="O7628" s="1" t="s">
        <v>38</v>
      </c>
      <c r="P7628" s="5" t="s">
        <v>32345</v>
      </c>
    </row>
    <row r="7629" spans="1:16" x14ac:dyDescent="0.2">
      <c r="A7629" s="1" t="s">
        <v>20</v>
      </c>
      <c r="B7629" s="1" t="s">
        <v>93</v>
      </c>
      <c r="C7629" s="1" t="s">
        <v>26415</v>
      </c>
      <c r="D7629" s="1" t="s">
        <v>25648</v>
      </c>
      <c r="E7629" s="1"/>
      <c r="F7629" s="1" t="s">
        <v>27</v>
      </c>
      <c r="G7629" s="1" t="s">
        <v>10</v>
      </c>
      <c r="H7629" s="1" t="s">
        <v>25649</v>
      </c>
      <c r="I7629" s="1" t="s">
        <v>7415</v>
      </c>
      <c r="J7629" s="1" t="s">
        <v>21769</v>
      </c>
      <c r="K7629" s="1" t="s">
        <v>2555</v>
      </c>
      <c r="L7629" s="1" t="s">
        <v>26414</v>
      </c>
      <c r="M7629" s="1" t="s">
        <v>5</v>
      </c>
      <c r="N7629" s="1" t="s">
        <v>25</v>
      </c>
      <c r="O7629" s="1" t="s">
        <v>8</v>
      </c>
      <c r="P7629" s="5" t="s">
        <v>30763</v>
      </c>
    </row>
    <row r="7630" spans="1:16" x14ac:dyDescent="0.2">
      <c r="A7630" s="1" t="s">
        <v>32</v>
      </c>
      <c r="B7630" s="1" t="s">
        <v>7383</v>
      </c>
      <c r="C7630" s="1" t="s">
        <v>26417</v>
      </c>
      <c r="D7630" s="1" t="s">
        <v>26418</v>
      </c>
      <c r="E7630" s="1"/>
      <c r="F7630" s="1" t="s">
        <v>10</v>
      </c>
      <c r="G7630" s="1" t="s">
        <v>10</v>
      </c>
      <c r="H7630" s="1" t="s">
        <v>10</v>
      </c>
      <c r="I7630" s="1" t="s">
        <v>7415</v>
      </c>
      <c r="J7630" s="1" t="s">
        <v>19</v>
      </c>
      <c r="K7630" s="1" t="s">
        <v>7</v>
      </c>
      <c r="L7630" s="1" t="s">
        <v>26416</v>
      </c>
      <c r="M7630" s="1" t="s">
        <v>5</v>
      </c>
      <c r="N7630" s="1" t="s">
        <v>25</v>
      </c>
      <c r="O7630" s="1" t="s">
        <v>38</v>
      </c>
      <c r="P7630" s="5" t="s">
        <v>30781</v>
      </c>
    </row>
    <row r="7631" spans="1:16" x14ac:dyDescent="0.2">
      <c r="A7631" s="1" t="s">
        <v>32</v>
      </c>
      <c r="B7631" s="1" t="s">
        <v>7383</v>
      </c>
      <c r="C7631" s="1" t="s">
        <v>26420</v>
      </c>
      <c r="D7631" s="1" t="s">
        <v>26421</v>
      </c>
      <c r="E7631" s="1"/>
      <c r="F7631" s="1" t="s">
        <v>10</v>
      </c>
      <c r="G7631" s="1" t="s">
        <v>10</v>
      </c>
      <c r="H7631" s="1" t="s">
        <v>10</v>
      </c>
      <c r="I7631" s="1" t="s">
        <v>7415</v>
      </c>
      <c r="J7631" s="1" t="s">
        <v>19</v>
      </c>
      <c r="K7631" s="1" t="s">
        <v>7</v>
      </c>
      <c r="L7631" s="1" t="s">
        <v>26419</v>
      </c>
      <c r="M7631" s="1" t="s">
        <v>5</v>
      </c>
      <c r="N7631" s="1" t="s">
        <v>25</v>
      </c>
      <c r="O7631" s="1" t="s">
        <v>38</v>
      </c>
      <c r="P7631" s="5" t="s">
        <v>30781</v>
      </c>
    </row>
    <row r="7632" spans="1:16" x14ac:dyDescent="0.2">
      <c r="A7632" s="1" t="s">
        <v>32</v>
      </c>
      <c r="B7632" s="1" t="s">
        <v>7383</v>
      </c>
      <c r="C7632" s="1" t="s">
        <v>26423</v>
      </c>
      <c r="D7632" s="1" t="s">
        <v>26423</v>
      </c>
      <c r="E7632" s="1"/>
      <c r="F7632" s="1" t="s">
        <v>10</v>
      </c>
      <c r="G7632" s="1" t="s">
        <v>10</v>
      </c>
      <c r="H7632" s="1" t="s">
        <v>10</v>
      </c>
      <c r="I7632" s="1" t="s">
        <v>7415</v>
      </c>
      <c r="J7632" s="1" t="s">
        <v>19</v>
      </c>
      <c r="K7632" s="1" t="s">
        <v>7</v>
      </c>
      <c r="L7632" s="1" t="s">
        <v>26422</v>
      </c>
      <c r="M7632" s="1" t="s">
        <v>5</v>
      </c>
      <c r="N7632" s="1" t="s">
        <v>25</v>
      </c>
      <c r="O7632" s="1" t="s">
        <v>38</v>
      </c>
      <c r="P7632" s="5" t="s">
        <v>30782</v>
      </c>
    </row>
    <row r="7633" spans="1:16" x14ac:dyDescent="0.2">
      <c r="A7633" s="1" t="s">
        <v>32</v>
      </c>
      <c r="B7633" s="1" t="s">
        <v>7383</v>
      </c>
      <c r="C7633" s="1" t="s">
        <v>26425</v>
      </c>
      <c r="D7633" s="1" t="s">
        <v>26426</v>
      </c>
      <c r="E7633" s="1"/>
      <c r="F7633" s="1" t="s">
        <v>10</v>
      </c>
      <c r="G7633" s="1" t="s">
        <v>10</v>
      </c>
      <c r="H7633" s="1" t="s">
        <v>10</v>
      </c>
      <c r="I7633" s="1" t="s">
        <v>7415</v>
      </c>
      <c r="J7633" s="1" t="s">
        <v>19</v>
      </c>
      <c r="K7633" s="1" t="s">
        <v>7</v>
      </c>
      <c r="L7633" s="1" t="s">
        <v>26424</v>
      </c>
      <c r="M7633" s="1" t="s">
        <v>5</v>
      </c>
      <c r="N7633" s="1" t="s">
        <v>25</v>
      </c>
      <c r="O7633" s="1" t="s">
        <v>38</v>
      </c>
      <c r="P7633" s="5" t="s">
        <v>30783</v>
      </c>
    </row>
    <row r="7634" spans="1:16" x14ac:dyDescent="0.2">
      <c r="A7634" s="1" t="s">
        <v>66</v>
      </c>
      <c r="B7634" s="1" t="s">
        <v>212</v>
      </c>
      <c r="C7634" s="1" t="s">
        <v>26428</v>
      </c>
      <c r="D7634" s="1" t="s">
        <v>26429</v>
      </c>
      <c r="E7634" s="1"/>
      <c r="F7634" s="1" t="s">
        <v>10</v>
      </c>
      <c r="G7634" s="1" t="s">
        <v>10</v>
      </c>
      <c r="H7634" s="1" t="s">
        <v>10</v>
      </c>
      <c r="I7634" s="1" t="s">
        <v>7415</v>
      </c>
      <c r="J7634" s="1" t="s">
        <v>25141</v>
      </c>
      <c r="K7634" s="1" t="s">
        <v>27</v>
      </c>
      <c r="L7634" s="1" t="s">
        <v>26427</v>
      </c>
      <c r="M7634" s="1" t="s">
        <v>5</v>
      </c>
      <c r="N7634" s="1" t="s">
        <v>1009</v>
      </c>
      <c r="O7634" s="1" t="s">
        <v>38</v>
      </c>
      <c r="P7634" s="5" t="s">
        <v>32438</v>
      </c>
    </row>
    <row r="7635" spans="1:16" x14ac:dyDescent="0.2">
      <c r="A7635" s="1" t="s">
        <v>66</v>
      </c>
      <c r="B7635" s="1" t="s">
        <v>212</v>
      </c>
      <c r="C7635" s="1" t="s">
        <v>26431</v>
      </c>
      <c r="D7635" s="1" t="s">
        <v>9615</v>
      </c>
      <c r="E7635" s="1"/>
      <c r="F7635" s="1" t="s">
        <v>10</v>
      </c>
      <c r="G7635" s="1" t="s">
        <v>10</v>
      </c>
      <c r="H7635" s="1" t="s">
        <v>10</v>
      </c>
      <c r="I7635" s="1" t="s">
        <v>7415</v>
      </c>
      <c r="J7635" s="1" t="s">
        <v>25141</v>
      </c>
      <c r="K7635" s="1" t="s">
        <v>27</v>
      </c>
      <c r="L7635" s="1" t="s">
        <v>26430</v>
      </c>
      <c r="M7635" s="1" t="s">
        <v>5</v>
      </c>
      <c r="N7635" s="1" t="s">
        <v>1009</v>
      </c>
      <c r="O7635" s="1" t="s">
        <v>38</v>
      </c>
      <c r="P7635" s="5" t="s">
        <v>32438</v>
      </c>
    </row>
    <row r="7636" spans="1:16" x14ac:dyDescent="0.2">
      <c r="A7636" s="1" t="s">
        <v>66</v>
      </c>
      <c r="B7636" s="1" t="s">
        <v>212</v>
      </c>
      <c r="C7636" s="1" t="s">
        <v>26433</v>
      </c>
      <c r="D7636" s="1" t="s">
        <v>26434</v>
      </c>
      <c r="E7636" s="1"/>
      <c r="F7636" s="1" t="s">
        <v>10</v>
      </c>
      <c r="G7636" s="1" t="s">
        <v>10</v>
      </c>
      <c r="H7636" s="1" t="s">
        <v>10</v>
      </c>
      <c r="I7636" s="1" t="s">
        <v>7415</v>
      </c>
      <c r="J7636" s="1" t="s">
        <v>25141</v>
      </c>
      <c r="K7636" s="1" t="s">
        <v>27</v>
      </c>
      <c r="L7636" s="1" t="s">
        <v>26432</v>
      </c>
      <c r="M7636" s="1" t="s">
        <v>5</v>
      </c>
      <c r="N7636" s="1" t="s">
        <v>6</v>
      </c>
      <c r="O7636" s="1" t="s">
        <v>38</v>
      </c>
      <c r="P7636" s="5" t="s">
        <v>32389</v>
      </c>
    </row>
    <row r="7637" spans="1:16" x14ac:dyDescent="0.2">
      <c r="A7637" s="1" t="s">
        <v>66</v>
      </c>
      <c r="B7637" s="1" t="s">
        <v>212</v>
      </c>
      <c r="C7637" s="1" t="s">
        <v>26436</v>
      </c>
      <c r="D7637" s="1" t="s">
        <v>14978</v>
      </c>
      <c r="E7637" s="1"/>
      <c r="F7637" s="1" t="s">
        <v>10</v>
      </c>
      <c r="G7637" s="1" t="s">
        <v>10</v>
      </c>
      <c r="H7637" s="1" t="s">
        <v>10</v>
      </c>
      <c r="I7637" s="1" t="s">
        <v>7415</v>
      </c>
      <c r="J7637" s="1" t="s">
        <v>25141</v>
      </c>
      <c r="K7637" s="1" t="s">
        <v>27</v>
      </c>
      <c r="L7637" s="1" t="s">
        <v>26435</v>
      </c>
      <c r="M7637" s="1" t="s">
        <v>5</v>
      </c>
      <c r="N7637" s="1" t="s">
        <v>1009</v>
      </c>
      <c r="O7637" s="1" t="s">
        <v>38</v>
      </c>
      <c r="P7637" s="5" t="s">
        <v>32438</v>
      </c>
    </row>
    <row r="7638" spans="1:16" x14ac:dyDescent="0.2">
      <c r="A7638" s="1" t="s">
        <v>66</v>
      </c>
      <c r="B7638" s="1" t="s">
        <v>212</v>
      </c>
      <c r="C7638" s="1" t="s">
        <v>26438</v>
      </c>
      <c r="D7638" s="1" t="s">
        <v>26439</v>
      </c>
      <c r="E7638" s="1"/>
      <c r="F7638" s="1" t="s">
        <v>10</v>
      </c>
      <c r="G7638" s="1" t="s">
        <v>10</v>
      </c>
      <c r="H7638" s="1" t="s">
        <v>10</v>
      </c>
      <c r="I7638" s="1" t="s">
        <v>7415</v>
      </c>
      <c r="J7638" s="1" t="s">
        <v>25141</v>
      </c>
      <c r="K7638" s="1" t="s">
        <v>27</v>
      </c>
      <c r="L7638" s="1" t="s">
        <v>26437</v>
      </c>
      <c r="M7638" s="1" t="s">
        <v>5</v>
      </c>
      <c r="N7638" s="1" t="s">
        <v>1009</v>
      </c>
      <c r="O7638" s="1" t="s">
        <v>38</v>
      </c>
      <c r="P7638" s="5" t="s">
        <v>32438</v>
      </c>
    </row>
    <row r="7639" spans="1:16" x14ac:dyDescent="0.2">
      <c r="A7639" s="1" t="s">
        <v>66</v>
      </c>
      <c r="B7639" s="1" t="s">
        <v>212</v>
      </c>
      <c r="C7639" s="1" t="s">
        <v>26441</v>
      </c>
      <c r="D7639" s="1" t="s">
        <v>16429</v>
      </c>
      <c r="E7639" s="1"/>
      <c r="F7639" s="1" t="s">
        <v>10</v>
      </c>
      <c r="G7639" s="1" t="s">
        <v>10</v>
      </c>
      <c r="H7639" s="1" t="s">
        <v>10</v>
      </c>
      <c r="I7639" s="1" t="s">
        <v>7415</v>
      </c>
      <c r="J7639" s="1" t="s">
        <v>25141</v>
      </c>
      <c r="K7639" s="1" t="s">
        <v>27</v>
      </c>
      <c r="L7639" s="1" t="s">
        <v>26440</v>
      </c>
      <c r="M7639" s="1" t="s">
        <v>5</v>
      </c>
      <c r="N7639" s="1" t="s">
        <v>1009</v>
      </c>
      <c r="O7639" s="1" t="s">
        <v>38</v>
      </c>
      <c r="P7639" s="5" t="s">
        <v>32438</v>
      </c>
    </row>
    <row r="7640" spans="1:16" x14ac:dyDescent="0.2">
      <c r="A7640" s="1" t="s">
        <v>66</v>
      </c>
      <c r="B7640" s="1" t="s">
        <v>212</v>
      </c>
      <c r="C7640" s="1" t="s">
        <v>26443</v>
      </c>
      <c r="D7640" s="1" t="s">
        <v>26444</v>
      </c>
      <c r="E7640" s="1"/>
      <c r="F7640" s="1" t="s">
        <v>10</v>
      </c>
      <c r="G7640" s="1" t="s">
        <v>10</v>
      </c>
      <c r="H7640" s="1" t="s">
        <v>10</v>
      </c>
      <c r="I7640" s="1" t="s">
        <v>7415</v>
      </c>
      <c r="J7640" s="1" t="s">
        <v>25141</v>
      </c>
      <c r="K7640" s="1" t="s">
        <v>27</v>
      </c>
      <c r="L7640" s="1" t="s">
        <v>26442</v>
      </c>
      <c r="M7640" s="1" t="s">
        <v>5</v>
      </c>
      <c r="N7640" s="1" t="s">
        <v>1009</v>
      </c>
      <c r="O7640" s="1" t="s">
        <v>38</v>
      </c>
      <c r="P7640" s="5" t="s">
        <v>32438</v>
      </c>
    </row>
    <row r="7641" spans="1:16" x14ac:dyDescent="0.2">
      <c r="A7641" s="1" t="s">
        <v>487</v>
      </c>
      <c r="B7641" s="1" t="s">
        <v>1651</v>
      </c>
      <c r="C7641" s="1" t="s">
        <v>26446</v>
      </c>
      <c r="D7641" s="1" t="s">
        <v>26447</v>
      </c>
      <c r="E7641" s="1"/>
      <c r="F7641" s="1" t="s">
        <v>10</v>
      </c>
      <c r="G7641" s="1" t="s">
        <v>10</v>
      </c>
      <c r="H7641" s="1" t="s">
        <v>10</v>
      </c>
      <c r="I7641" s="1" t="s">
        <v>7415</v>
      </c>
      <c r="J7641" s="1" t="s">
        <v>21769</v>
      </c>
      <c r="K7641" s="1" t="s">
        <v>27</v>
      </c>
      <c r="L7641" s="1" t="s">
        <v>26445</v>
      </c>
      <c r="M7641" s="1" t="s">
        <v>5</v>
      </c>
      <c r="N7641" s="1" t="s">
        <v>25</v>
      </c>
      <c r="O7641" s="1" t="s">
        <v>38</v>
      </c>
      <c r="P7641" s="5" t="s">
        <v>30765</v>
      </c>
    </row>
    <row r="7642" spans="1:16" x14ac:dyDescent="0.2">
      <c r="A7642" s="1" t="s">
        <v>20</v>
      </c>
      <c r="B7642" s="1" t="s">
        <v>99</v>
      </c>
      <c r="C7642" s="1" t="s">
        <v>26449</v>
      </c>
      <c r="D7642" s="1" t="s">
        <v>1502</v>
      </c>
      <c r="E7642" s="1" t="s">
        <v>26450</v>
      </c>
      <c r="F7642" s="1" t="s">
        <v>10</v>
      </c>
      <c r="G7642" s="1" t="s">
        <v>10</v>
      </c>
      <c r="H7642" s="1" t="s">
        <v>10</v>
      </c>
      <c r="I7642" s="1" t="s">
        <v>7415</v>
      </c>
      <c r="J7642" s="1" t="s">
        <v>19</v>
      </c>
      <c r="K7642" s="1" t="s">
        <v>1563</v>
      </c>
      <c r="L7642" s="1" t="s">
        <v>26448</v>
      </c>
      <c r="M7642" s="1" t="s">
        <v>5</v>
      </c>
      <c r="N7642" s="1" t="s">
        <v>25</v>
      </c>
      <c r="O7642" s="1" t="s">
        <v>38</v>
      </c>
      <c r="P7642" s="5" t="s">
        <v>32439</v>
      </c>
    </row>
    <row r="7643" spans="1:16" x14ac:dyDescent="0.2">
      <c r="A7643" s="1" t="s">
        <v>42</v>
      </c>
      <c r="B7643" s="1" t="s">
        <v>1858</v>
      </c>
      <c r="C7643" s="1" t="s">
        <v>26452</v>
      </c>
      <c r="D7643" s="1" t="s">
        <v>343</v>
      </c>
      <c r="E7643" s="1" t="s">
        <v>26453</v>
      </c>
      <c r="F7643" s="1" t="s">
        <v>10</v>
      </c>
      <c r="G7643" s="1" t="s">
        <v>10</v>
      </c>
      <c r="H7643" s="1" t="s">
        <v>10</v>
      </c>
      <c r="I7643" s="1" t="s">
        <v>7415</v>
      </c>
      <c r="J7643" s="1" t="s">
        <v>19</v>
      </c>
      <c r="K7643" s="1" t="s">
        <v>37</v>
      </c>
      <c r="L7643" s="1" t="s">
        <v>26451</v>
      </c>
      <c r="M7643" s="1" t="s">
        <v>5</v>
      </c>
      <c r="N7643" s="1" t="s">
        <v>1009</v>
      </c>
      <c r="O7643" s="1" t="s">
        <v>38</v>
      </c>
      <c r="P7643" s="5" t="s">
        <v>30746</v>
      </c>
    </row>
    <row r="7644" spans="1:16" x14ac:dyDescent="0.2">
      <c r="A7644" s="1" t="s">
        <v>20</v>
      </c>
      <c r="B7644" s="1" t="s">
        <v>253</v>
      </c>
      <c r="C7644" s="1" t="s">
        <v>26455</v>
      </c>
      <c r="D7644" s="1" t="s">
        <v>26456</v>
      </c>
      <c r="E7644" s="1"/>
      <c r="F7644" s="1" t="s">
        <v>10</v>
      </c>
      <c r="G7644" s="1" t="s">
        <v>10</v>
      </c>
      <c r="H7644" s="1" t="s">
        <v>10</v>
      </c>
      <c r="I7644" s="1" t="s">
        <v>7415</v>
      </c>
      <c r="J7644" s="1" t="s">
        <v>25141</v>
      </c>
      <c r="K7644" s="1" t="s">
        <v>27</v>
      </c>
      <c r="L7644" s="1" t="s">
        <v>26454</v>
      </c>
      <c r="M7644" s="1" t="s">
        <v>5</v>
      </c>
      <c r="N7644" s="1" t="s">
        <v>6</v>
      </c>
      <c r="O7644" s="1" t="s">
        <v>38</v>
      </c>
      <c r="P7644" s="5" t="s">
        <v>32440</v>
      </c>
    </row>
    <row r="7645" spans="1:16" x14ac:dyDescent="0.2">
      <c r="A7645" s="1" t="s">
        <v>42</v>
      </c>
      <c r="B7645" s="1" t="s">
        <v>43</v>
      </c>
      <c r="C7645" s="1" t="s">
        <v>26458</v>
      </c>
      <c r="D7645" s="1" t="s">
        <v>2759</v>
      </c>
      <c r="E7645" s="1" t="s">
        <v>26459</v>
      </c>
      <c r="F7645" s="1" t="s">
        <v>10</v>
      </c>
      <c r="G7645" s="1" t="s">
        <v>10</v>
      </c>
      <c r="H7645" s="1" t="s">
        <v>10</v>
      </c>
      <c r="I7645" s="1" t="s">
        <v>7415</v>
      </c>
      <c r="J7645" s="1" t="s">
        <v>19</v>
      </c>
      <c r="K7645" s="1" t="s">
        <v>37</v>
      </c>
      <c r="L7645" s="1" t="s">
        <v>26457</v>
      </c>
      <c r="M7645" s="1" t="s">
        <v>5</v>
      </c>
      <c r="N7645" s="1" t="s">
        <v>1009</v>
      </c>
      <c r="O7645" s="1" t="s">
        <v>38</v>
      </c>
      <c r="P7645" s="5" t="s">
        <v>32441</v>
      </c>
    </row>
    <row r="7646" spans="1:16" x14ac:dyDescent="0.2">
      <c r="A7646" s="1" t="s">
        <v>194</v>
      </c>
      <c r="B7646" s="1" t="s">
        <v>396</v>
      </c>
      <c r="C7646" s="1" t="s">
        <v>26461</v>
      </c>
      <c r="D7646" s="1" t="s">
        <v>26462</v>
      </c>
      <c r="E7646" s="1"/>
      <c r="F7646" s="1" t="s">
        <v>10</v>
      </c>
      <c r="G7646" s="1" t="s">
        <v>10</v>
      </c>
      <c r="H7646" s="1" t="s">
        <v>10</v>
      </c>
      <c r="I7646" s="1" t="s">
        <v>7415</v>
      </c>
      <c r="J7646" s="1" t="s">
        <v>21769</v>
      </c>
      <c r="K7646" s="1" t="s">
        <v>64</v>
      </c>
      <c r="L7646" s="1" t="s">
        <v>26460</v>
      </c>
      <c r="M7646" s="1" t="s">
        <v>5</v>
      </c>
      <c r="N7646" s="1" t="s">
        <v>6</v>
      </c>
      <c r="O7646" s="1" t="s">
        <v>38</v>
      </c>
      <c r="P7646" s="5" t="s">
        <v>32358</v>
      </c>
    </row>
    <row r="7647" spans="1:16" x14ac:dyDescent="0.2">
      <c r="A7647" s="1" t="s">
        <v>42</v>
      </c>
      <c r="B7647" s="1" t="s">
        <v>43</v>
      </c>
      <c r="C7647" s="1" t="s">
        <v>26464</v>
      </c>
      <c r="D7647" s="1" t="s">
        <v>26465</v>
      </c>
      <c r="E7647" s="1" t="s">
        <v>26466</v>
      </c>
      <c r="F7647" s="1" t="s">
        <v>10</v>
      </c>
      <c r="G7647" s="1" t="s">
        <v>10</v>
      </c>
      <c r="H7647" s="1" t="s">
        <v>10</v>
      </c>
      <c r="I7647" s="1" t="s">
        <v>7415</v>
      </c>
      <c r="J7647" s="1" t="s">
        <v>19</v>
      </c>
      <c r="K7647" s="1" t="s">
        <v>37</v>
      </c>
      <c r="L7647" s="1" t="s">
        <v>26463</v>
      </c>
      <c r="M7647" s="1" t="s">
        <v>5</v>
      </c>
      <c r="N7647" s="1" t="s">
        <v>1009</v>
      </c>
      <c r="O7647" s="1" t="s">
        <v>38</v>
      </c>
      <c r="P7647" s="5" t="s">
        <v>30746</v>
      </c>
    </row>
    <row r="7648" spans="1:16" x14ac:dyDescent="0.2">
      <c r="A7648" s="1" t="s">
        <v>66</v>
      </c>
      <c r="B7648" s="1" t="s">
        <v>574</v>
      </c>
      <c r="C7648" s="1" t="s">
        <v>26468</v>
      </c>
      <c r="D7648" s="1" t="s">
        <v>6808</v>
      </c>
      <c r="E7648" s="1"/>
      <c r="F7648" s="1" t="s">
        <v>27</v>
      </c>
      <c r="G7648" s="1" t="s">
        <v>10</v>
      </c>
      <c r="H7648" s="1" t="s">
        <v>6808</v>
      </c>
      <c r="I7648" s="1" t="s">
        <v>7415</v>
      </c>
      <c r="J7648" s="1" t="s">
        <v>25137</v>
      </c>
      <c r="K7648" s="1" t="s">
        <v>27</v>
      </c>
      <c r="L7648" s="1" t="s">
        <v>26467</v>
      </c>
      <c r="M7648" s="1" t="s">
        <v>5</v>
      </c>
      <c r="N7648" s="1" t="s">
        <v>6</v>
      </c>
      <c r="O7648" s="1" t="s">
        <v>8</v>
      </c>
      <c r="P7648" s="5" t="s">
        <v>30173</v>
      </c>
    </row>
    <row r="7649" spans="1:16" x14ac:dyDescent="0.2">
      <c r="A7649" s="1" t="s">
        <v>66</v>
      </c>
      <c r="B7649" s="1" t="s">
        <v>212</v>
      </c>
      <c r="C7649" s="1" t="s">
        <v>26470</v>
      </c>
      <c r="D7649" s="1" t="s">
        <v>26471</v>
      </c>
      <c r="E7649" s="1"/>
      <c r="F7649" s="1" t="s">
        <v>10</v>
      </c>
      <c r="G7649" s="1" t="s">
        <v>10</v>
      </c>
      <c r="H7649" s="1" t="s">
        <v>10</v>
      </c>
      <c r="I7649" s="1" t="s">
        <v>7415</v>
      </c>
      <c r="J7649" s="1" t="s">
        <v>25141</v>
      </c>
      <c r="K7649" s="1" t="s">
        <v>11</v>
      </c>
      <c r="L7649" s="1" t="s">
        <v>26469</v>
      </c>
      <c r="M7649" s="1" t="s">
        <v>5</v>
      </c>
      <c r="N7649" s="1" t="s">
        <v>1009</v>
      </c>
      <c r="O7649" s="1" t="s">
        <v>38</v>
      </c>
      <c r="P7649" s="5" t="s">
        <v>32442</v>
      </c>
    </row>
    <row r="7650" spans="1:16" x14ac:dyDescent="0.2">
      <c r="A7650" s="1" t="s">
        <v>42</v>
      </c>
      <c r="B7650" s="1" t="s">
        <v>43</v>
      </c>
      <c r="C7650" s="1" t="s">
        <v>26473</v>
      </c>
      <c r="D7650" s="1" t="s">
        <v>26474</v>
      </c>
      <c r="E7650" s="1"/>
      <c r="F7650" s="1" t="s">
        <v>10</v>
      </c>
      <c r="G7650" s="1" t="s">
        <v>10</v>
      </c>
      <c r="H7650" s="1" t="s">
        <v>10</v>
      </c>
      <c r="I7650" s="1" t="s">
        <v>7415</v>
      </c>
      <c r="J7650" s="1" t="s">
        <v>19</v>
      </c>
      <c r="K7650" s="1" t="s">
        <v>37</v>
      </c>
      <c r="L7650" s="1" t="s">
        <v>26472</v>
      </c>
      <c r="M7650" s="1" t="s">
        <v>5</v>
      </c>
      <c r="N7650" s="1" t="s">
        <v>1009</v>
      </c>
      <c r="O7650" s="1" t="s">
        <v>38</v>
      </c>
      <c r="P7650" s="5" t="s">
        <v>30746</v>
      </c>
    </row>
    <row r="7651" spans="1:16" x14ac:dyDescent="0.2">
      <c r="A7651" s="1" t="s">
        <v>66</v>
      </c>
      <c r="B7651" s="1" t="s">
        <v>212</v>
      </c>
      <c r="C7651" s="1" t="s">
        <v>26476</v>
      </c>
      <c r="D7651" s="1" t="s">
        <v>26477</v>
      </c>
      <c r="E7651" s="1"/>
      <c r="F7651" s="1" t="s">
        <v>10</v>
      </c>
      <c r="G7651" s="1" t="s">
        <v>10</v>
      </c>
      <c r="H7651" s="1" t="s">
        <v>10</v>
      </c>
      <c r="I7651" s="1" t="s">
        <v>7415</v>
      </c>
      <c r="J7651" s="1" t="s">
        <v>25141</v>
      </c>
      <c r="K7651" s="1" t="s">
        <v>11</v>
      </c>
      <c r="L7651" s="1" t="s">
        <v>26475</v>
      </c>
      <c r="M7651" s="1" t="s">
        <v>5</v>
      </c>
      <c r="N7651" s="1" t="s">
        <v>1009</v>
      </c>
      <c r="O7651" s="1" t="s">
        <v>38</v>
      </c>
      <c r="P7651" s="5" t="s">
        <v>32443</v>
      </c>
    </row>
    <row r="7652" spans="1:16" x14ac:dyDescent="0.2">
      <c r="A7652" s="1" t="s">
        <v>66</v>
      </c>
      <c r="B7652" s="1" t="s">
        <v>212</v>
      </c>
      <c r="C7652" s="1" t="s">
        <v>26479</v>
      </c>
      <c r="D7652" s="1" t="s">
        <v>26480</v>
      </c>
      <c r="E7652" s="1"/>
      <c r="F7652" s="1" t="s">
        <v>10</v>
      </c>
      <c r="G7652" s="1" t="s">
        <v>10</v>
      </c>
      <c r="H7652" s="1" t="s">
        <v>10</v>
      </c>
      <c r="I7652" s="1" t="s">
        <v>7415</v>
      </c>
      <c r="J7652" s="1" t="s">
        <v>25141</v>
      </c>
      <c r="K7652" s="1" t="s">
        <v>11</v>
      </c>
      <c r="L7652" s="1" t="s">
        <v>26478</v>
      </c>
      <c r="M7652" s="1" t="s">
        <v>5</v>
      </c>
      <c r="N7652" s="1" t="s">
        <v>6</v>
      </c>
      <c r="O7652" s="1" t="s">
        <v>38</v>
      </c>
      <c r="P7652" s="5" t="s">
        <v>32444</v>
      </c>
    </row>
    <row r="7653" spans="1:16" x14ac:dyDescent="0.2">
      <c r="A7653" s="1" t="s">
        <v>66</v>
      </c>
      <c r="B7653" s="1" t="s">
        <v>212</v>
      </c>
      <c r="C7653" s="1" t="s">
        <v>26482</v>
      </c>
      <c r="D7653" s="1" t="s">
        <v>26483</v>
      </c>
      <c r="E7653" s="1"/>
      <c r="F7653" s="1" t="s">
        <v>10</v>
      </c>
      <c r="G7653" s="1" t="s">
        <v>10</v>
      </c>
      <c r="H7653" s="1" t="s">
        <v>10</v>
      </c>
      <c r="I7653" s="1" t="s">
        <v>7415</v>
      </c>
      <c r="J7653" s="1" t="s">
        <v>25141</v>
      </c>
      <c r="K7653" s="1" t="s">
        <v>11</v>
      </c>
      <c r="L7653" s="1" t="s">
        <v>26481</v>
      </c>
      <c r="M7653" s="1" t="s">
        <v>5</v>
      </c>
      <c r="N7653" s="1" t="s">
        <v>6</v>
      </c>
      <c r="O7653" s="1" t="s">
        <v>38</v>
      </c>
      <c r="P7653" s="5" t="s">
        <v>32444</v>
      </c>
    </row>
    <row r="7654" spans="1:16" x14ac:dyDescent="0.2">
      <c r="A7654" s="1" t="s">
        <v>66</v>
      </c>
      <c r="B7654" s="1" t="s">
        <v>212</v>
      </c>
      <c r="C7654" s="1" t="s">
        <v>26485</v>
      </c>
      <c r="D7654" s="1" t="s">
        <v>26486</v>
      </c>
      <c r="E7654" s="1"/>
      <c r="F7654" s="1" t="s">
        <v>10</v>
      </c>
      <c r="G7654" s="1" t="s">
        <v>10</v>
      </c>
      <c r="H7654" s="1" t="s">
        <v>10</v>
      </c>
      <c r="I7654" s="1" t="s">
        <v>7415</v>
      </c>
      <c r="J7654" s="1" t="s">
        <v>25141</v>
      </c>
      <c r="K7654" s="1" t="s">
        <v>11</v>
      </c>
      <c r="L7654" s="1" t="s">
        <v>26484</v>
      </c>
      <c r="M7654" s="1" t="s">
        <v>5</v>
      </c>
      <c r="N7654" s="1" t="s">
        <v>6</v>
      </c>
      <c r="O7654" s="1" t="s">
        <v>38</v>
      </c>
      <c r="P7654" s="5" t="s">
        <v>32445</v>
      </c>
    </row>
    <row r="7655" spans="1:16" x14ac:dyDescent="0.2">
      <c r="A7655" s="1" t="s">
        <v>66</v>
      </c>
      <c r="B7655" s="1" t="s">
        <v>212</v>
      </c>
      <c r="C7655" s="1" t="s">
        <v>26488</v>
      </c>
      <c r="D7655" s="1" t="s">
        <v>26489</v>
      </c>
      <c r="E7655" s="1"/>
      <c r="F7655" s="1" t="s">
        <v>10</v>
      </c>
      <c r="G7655" s="1" t="s">
        <v>10</v>
      </c>
      <c r="H7655" s="1" t="s">
        <v>10</v>
      </c>
      <c r="I7655" s="1" t="s">
        <v>7415</v>
      </c>
      <c r="J7655" s="1" t="s">
        <v>25141</v>
      </c>
      <c r="K7655" s="1" t="s">
        <v>11</v>
      </c>
      <c r="L7655" s="1" t="s">
        <v>26487</v>
      </c>
      <c r="M7655" s="1" t="s">
        <v>5</v>
      </c>
      <c r="N7655" s="1" t="s">
        <v>6</v>
      </c>
      <c r="O7655" s="1" t="s">
        <v>38</v>
      </c>
      <c r="P7655" s="5" t="s">
        <v>32445</v>
      </c>
    </row>
    <row r="7656" spans="1:16" x14ac:dyDescent="0.2">
      <c r="A7656" s="1" t="s">
        <v>20</v>
      </c>
      <c r="B7656" s="1" t="s">
        <v>253</v>
      </c>
      <c r="C7656" s="1" t="s">
        <v>26491</v>
      </c>
      <c r="D7656" s="1" t="s">
        <v>26492</v>
      </c>
      <c r="E7656" s="1"/>
      <c r="F7656" s="1" t="s">
        <v>10</v>
      </c>
      <c r="G7656" s="1" t="s">
        <v>10</v>
      </c>
      <c r="H7656" s="1" t="s">
        <v>10</v>
      </c>
      <c r="I7656" s="1" t="s">
        <v>7415</v>
      </c>
      <c r="J7656" s="1" t="s">
        <v>25141</v>
      </c>
      <c r="K7656" s="1" t="s">
        <v>27</v>
      </c>
      <c r="L7656" s="1" t="s">
        <v>26490</v>
      </c>
      <c r="M7656" s="1" t="s">
        <v>5</v>
      </c>
      <c r="N7656" s="1" t="s">
        <v>25</v>
      </c>
      <c r="O7656" s="1" t="s">
        <v>38</v>
      </c>
      <c r="P7656" s="5" t="s">
        <v>32446</v>
      </c>
    </row>
    <row r="7657" spans="1:16" x14ac:dyDescent="0.2">
      <c r="A7657" s="1" t="s">
        <v>66</v>
      </c>
      <c r="B7657" s="1" t="s">
        <v>212</v>
      </c>
      <c r="C7657" s="1" t="s">
        <v>26494</v>
      </c>
      <c r="D7657" s="1" t="s">
        <v>26495</v>
      </c>
      <c r="E7657" s="1"/>
      <c r="F7657" s="1" t="s">
        <v>10</v>
      </c>
      <c r="G7657" s="1" t="s">
        <v>10</v>
      </c>
      <c r="H7657" s="1" t="s">
        <v>10</v>
      </c>
      <c r="I7657" s="1" t="s">
        <v>7415</v>
      </c>
      <c r="J7657" s="1" t="s">
        <v>25141</v>
      </c>
      <c r="K7657" s="1" t="s">
        <v>11</v>
      </c>
      <c r="L7657" s="1" t="s">
        <v>26493</v>
      </c>
      <c r="M7657" s="1" t="s">
        <v>5</v>
      </c>
      <c r="N7657" s="1" t="s">
        <v>1009</v>
      </c>
      <c r="O7657" s="1" t="s">
        <v>38</v>
      </c>
      <c r="P7657" s="5" t="s">
        <v>32447</v>
      </c>
    </row>
    <row r="7658" spans="1:16" x14ac:dyDescent="0.2">
      <c r="A7658" s="1" t="s">
        <v>66</v>
      </c>
      <c r="B7658" s="1" t="s">
        <v>212</v>
      </c>
      <c r="C7658" s="1" t="s">
        <v>26497</v>
      </c>
      <c r="D7658" s="1" t="s">
        <v>17775</v>
      </c>
      <c r="E7658" s="1"/>
      <c r="F7658" s="1" t="s">
        <v>10</v>
      </c>
      <c r="G7658" s="1" t="s">
        <v>10</v>
      </c>
      <c r="H7658" s="1" t="s">
        <v>10</v>
      </c>
      <c r="I7658" s="1" t="s">
        <v>7415</v>
      </c>
      <c r="J7658" s="1" t="s">
        <v>25141</v>
      </c>
      <c r="K7658" s="1" t="s">
        <v>11</v>
      </c>
      <c r="L7658" s="1" t="s">
        <v>26496</v>
      </c>
      <c r="M7658" s="1" t="s">
        <v>5</v>
      </c>
      <c r="N7658" s="1" t="s">
        <v>6</v>
      </c>
      <c r="O7658" s="1" t="s">
        <v>38</v>
      </c>
      <c r="P7658" s="5" t="s">
        <v>32341</v>
      </c>
    </row>
    <row r="7659" spans="1:16" x14ac:dyDescent="0.2">
      <c r="A7659" s="1" t="s">
        <v>66</v>
      </c>
      <c r="B7659" s="1" t="s">
        <v>212</v>
      </c>
      <c r="C7659" s="1" t="s">
        <v>26499</v>
      </c>
      <c r="D7659" s="1" t="s">
        <v>26500</v>
      </c>
      <c r="E7659" s="1"/>
      <c r="F7659" s="1" t="s">
        <v>10</v>
      </c>
      <c r="G7659" s="1" t="s">
        <v>10</v>
      </c>
      <c r="H7659" s="1" t="s">
        <v>10</v>
      </c>
      <c r="I7659" s="1" t="s">
        <v>7415</v>
      </c>
      <c r="J7659" s="1" t="s">
        <v>25141</v>
      </c>
      <c r="K7659" s="1" t="s">
        <v>11</v>
      </c>
      <c r="L7659" s="1" t="s">
        <v>26498</v>
      </c>
      <c r="M7659" s="1" t="s">
        <v>5</v>
      </c>
      <c r="N7659" s="1" t="s">
        <v>1009</v>
      </c>
      <c r="O7659" s="1" t="s">
        <v>38</v>
      </c>
      <c r="P7659" s="5" t="s">
        <v>32447</v>
      </c>
    </row>
    <row r="7660" spans="1:16" x14ac:dyDescent="0.2">
      <c r="A7660" s="1" t="s">
        <v>66</v>
      </c>
      <c r="B7660" s="1" t="s">
        <v>212</v>
      </c>
      <c r="C7660" s="1" t="s">
        <v>26502</v>
      </c>
      <c r="D7660" s="1" t="s">
        <v>26503</v>
      </c>
      <c r="E7660" s="1"/>
      <c r="F7660" s="1" t="s">
        <v>10</v>
      </c>
      <c r="G7660" s="1" t="s">
        <v>10</v>
      </c>
      <c r="H7660" s="1" t="s">
        <v>10</v>
      </c>
      <c r="I7660" s="1" t="s">
        <v>7415</v>
      </c>
      <c r="J7660" s="1" t="s">
        <v>25141</v>
      </c>
      <c r="K7660" s="1" t="s">
        <v>11</v>
      </c>
      <c r="L7660" s="1" t="s">
        <v>26501</v>
      </c>
      <c r="M7660" s="1" t="s">
        <v>5</v>
      </c>
      <c r="N7660" s="1" t="s">
        <v>1009</v>
      </c>
      <c r="O7660" s="1" t="s">
        <v>38</v>
      </c>
      <c r="P7660" s="5" t="s">
        <v>32448</v>
      </c>
    </row>
    <row r="7661" spans="1:16" x14ac:dyDescent="0.2">
      <c r="A7661" s="1" t="s">
        <v>329</v>
      </c>
      <c r="B7661" s="1" t="s">
        <v>2120</v>
      </c>
      <c r="C7661" s="1" t="s">
        <v>26505</v>
      </c>
      <c r="D7661" s="1" t="s">
        <v>26506</v>
      </c>
      <c r="E7661" s="1" t="s">
        <v>26507</v>
      </c>
      <c r="F7661" s="1" t="s">
        <v>10</v>
      </c>
      <c r="G7661" s="1" t="s">
        <v>10</v>
      </c>
      <c r="H7661" s="1" t="s">
        <v>10</v>
      </c>
      <c r="I7661" s="1" t="s">
        <v>7415</v>
      </c>
      <c r="J7661" s="1" t="s">
        <v>21769</v>
      </c>
      <c r="K7661" s="1" t="s">
        <v>25669</v>
      </c>
      <c r="L7661" s="1" t="s">
        <v>26504</v>
      </c>
      <c r="M7661" s="1" t="s">
        <v>5</v>
      </c>
      <c r="N7661" s="1" t="s">
        <v>25</v>
      </c>
      <c r="O7661" s="1" t="s">
        <v>38</v>
      </c>
      <c r="P7661" s="5" t="s">
        <v>30920</v>
      </c>
    </row>
    <row r="7662" spans="1:16" x14ac:dyDescent="0.2">
      <c r="A7662" s="1" t="s">
        <v>20</v>
      </c>
      <c r="B7662" s="1" t="s">
        <v>172</v>
      </c>
      <c r="C7662" s="1" t="s">
        <v>26509</v>
      </c>
      <c r="D7662" s="1" t="s">
        <v>26510</v>
      </c>
      <c r="E7662" s="1" t="s">
        <v>26511</v>
      </c>
      <c r="F7662" s="1" t="s">
        <v>10</v>
      </c>
      <c r="G7662" s="1" t="s">
        <v>10</v>
      </c>
      <c r="H7662" s="1" t="s">
        <v>10</v>
      </c>
      <c r="I7662" s="1" t="s">
        <v>7415</v>
      </c>
      <c r="J7662" s="1" t="s">
        <v>25286</v>
      </c>
      <c r="K7662" s="1" t="s">
        <v>37</v>
      </c>
      <c r="L7662" s="1" t="s">
        <v>26508</v>
      </c>
      <c r="M7662" s="1" t="s">
        <v>5</v>
      </c>
      <c r="N7662" s="1" t="s">
        <v>6</v>
      </c>
      <c r="O7662" s="1" t="s">
        <v>38</v>
      </c>
      <c r="P7662" s="5" t="s">
        <v>32449</v>
      </c>
    </row>
    <row r="7663" spans="1:16" x14ac:dyDescent="0.2">
      <c r="A7663" s="1" t="s">
        <v>66</v>
      </c>
      <c r="B7663" s="1" t="s">
        <v>1127</v>
      </c>
      <c r="C7663" s="1" t="s">
        <v>26513</v>
      </c>
      <c r="D7663" s="1" t="s">
        <v>26514</v>
      </c>
      <c r="E7663" s="1"/>
      <c r="F7663" s="1" t="s">
        <v>10</v>
      </c>
      <c r="G7663" s="1" t="s">
        <v>10</v>
      </c>
      <c r="H7663" s="1" t="s">
        <v>10</v>
      </c>
      <c r="I7663" s="1" t="s">
        <v>7415</v>
      </c>
      <c r="J7663" s="1" t="s">
        <v>25141</v>
      </c>
      <c r="K7663" s="1" t="s">
        <v>27</v>
      </c>
      <c r="L7663" s="1" t="s">
        <v>26512</v>
      </c>
      <c r="M7663" s="1" t="s">
        <v>5</v>
      </c>
      <c r="N7663" s="1" t="s">
        <v>1009</v>
      </c>
      <c r="O7663" s="1" t="s">
        <v>38</v>
      </c>
      <c r="P7663" s="5" t="s">
        <v>32310</v>
      </c>
    </row>
    <row r="7664" spans="1:16" x14ac:dyDescent="0.2">
      <c r="A7664" s="1" t="s">
        <v>194</v>
      </c>
      <c r="B7664" s="1" t="s">
        <v>396</v>
      </c>
      <c r="C7664" s="1" t="s">
        <v>26516</v>
      </c>
      <c r="D7664" s="1" t="s">
        <v>26517</v>
      </c>
      <c r="E7664" s="1"/>
      <c r="F7664" s="1" t="s">
        <v>10</v>
      </c>
      <c r="G7664" s="1" t="s">
        <v>10</v>
      </c>
      <c r="H7664" s="1" t="s">
        <v>10</v>
      </c>
      <c r="I7664" s="1" t="s">
        <v>7415</v>
      </c>
      <c r="J7664" s="1" t="s">
        <v>25145</v>
      </c>
      <c r="K7664" s="1" t="s">
        <v>27</v>
      </c>
      <c r="L7664" s="1" t="s">
        <v>26515</v>
      </c>
      <c r="M7664" s="1" t="s">
        <v>5</v>
      </c>
      <c r="N7664" s="1" t="s">
        <v>1009</v>
      </c>
      <c r="O7664" s="1" t="s">
        <v>38</v>
      </c>
      <c r="P7664" s="5" t="s">
        <v>32450</v>
      </c>
    </row>
    <row r="7665" spans="1:16" x14ac:dyDescent="0.2">
      <c r="A7665" s="1" t="s">
        <v>194</v>
      </c>
      <c r="B7665" s="1" t="s">
        <v>396</v>
      </c>
      <c r="C7665" s="1" t="s">
        <v>26519</v>
      </c>
      <c r="D7665" s="1" t="s">
        <v>26520</v>
      </c>
      <c r="E7665" s="1"/>
      <c r="F7665" s="1" t="s">
        <v>10</v>
      </c>
      <c r="G7665" s="1" t="s">
        <v>10</v>
      </c>
      <c r="H7665" s="1" t="s">
        <v>10</v>
      </c>
      <c r="I7665" s="1" t="s">
        <v>7415</v>
      </c>
      <c r="J7665" s="1" t="s">
        <v>25145</v>
      </c>
      <c r="K7665" s="1" t="s">
        <v>27</v>
      </c>
      <c r="L7665" s="1" t="s">
        <v>26518</v>
      </c>
      <c r="M7665" s="1" t="s">
        <v>5</v>
      </c>
      <c r="N7665" s="1" t="s">
        <v>1009</v>
      </c>
      <c r="O7665" s="1" t="s">
        <v>38</v>
      </c>
      <c r="P7665" s="5" t="s">
        <v>32389</v>
      </c>
    </row>
    <row r="7666" spans="1:16" x14ac:dyDescent="0.2">
      <c r="A7666" s="1" t="s">
        <v>194</v>
      </c>
      <c r="B7666" s="1" t="s">
        <v>396</v>
      </c>
      <c r="C7666" s="1" t="s">
        <v>26522</v>
      </c>
      <c r="D7666" s="1" t="s">
        <v>26523</v>
      </c>
      <c r="E7666" s="1"/>
      <c r="F7666" s="1" t="s">
        <v>10</v>
      </c>
      <c r="G7666" s="1" t="s">
        <v>10</v>
      </c>
      <c r="H7666" s="1" t="s">
        <v>10</v>
      </c>
      <c r="I7666" s="1" t="s">
        <v>7415</v>
      </c>
      <c r="J7666" s="1" t="s">
        <v>25145</v>
      </c>
      <c r="K7666" s="1" t="s">
        <v>27</v>
      </c>
      <c r="L7666" s="1" t="s">
        <v>26521</v>
      </c>
      <c r="M7666" s="1" t="s">
        <v>5</v>
      </c>
      <c r="N7666" s="1" t="s">
        <v>1009</v>
      </c>
      <c r="O7666" s="1" t="s">
        <v>38</v>
      </c>
      <c r="P7666" s="5" t="s">
        <v>32283</v>
      </c>
    </row>
    <row r="7667" spans="1:16" x14ac:dyDescent="0.2">
      <c r="A7667" s="1" t="s">
        <v>194</v>
      </c>
      <c r="B7667" s="1" t="s">
        <v>396</v>
      </c>
      <c r="C7667" s="1" t="s">
        <v>26525</v>
      </c>
      <c r="D7667" s="1" t="s">
        <v>26526</v>
      </c>
      <c r="E7667" s="1"/>
      <c r="F7667" s="1" t="s">
        <v>10</v>
      </c>
      <c r="G7667" s="1" t="s">
        <v>10</v>
      </c>
      <c r="H7667" s="1" t="s">
        <v>10</v>
      </c>
      <c r="I7667" s="1" t="s">
        <v>7415</v>
      </c>
      <c r="J7667" s="1" t="s">
        <v>25145</v>
      </c>
      <c r="K7667" s="1" t="s">
        <v>27</v>
      </c>
      <c r="L7667" s="1" t="s">
        <v>26524</v>
      </c>
      <c r="M7667" s="1" t="s">
        <v>5</v>
      </c>
      <c r="N7667" s="1" t="s">
        <v>1009</v>
      </c>
      <c r="O7667" s="1" t="s">
        <v>38</v>
      </c>
      <c r="P7667" s="5" t="s">
        <v>32450</v>
      </c>
    </row>
    <row r="7668" spans="1:16" x14ac:dyDescent="0.2">
      <c r="A7668" s="1" t="s">
        <v>194</v>
      </c>
      <c r="B7668" s="1" t="s">
        <v>396</v>
      </c>
      <c r="C7668" s="1" t="s">
        <v>26528</v>
      </c>
      <c r="D7668" s="1" t="s">
        <v>26529</v>
      </c>
      <c r="E7668" s="1"/>
      <c r="F7668" s="1" t="s">
        <v>10</v>
      </c>
      <c r="G7668" s="1" t="s">
        <v>10</v>
      </c>
      <c r="H7668" s="1" t="s">
        <v>10</v>
      </c>
      <c r="I7668" s="1" t="s">
        <v>7415</v>
      </c>
      <c r="J7668" s="1" t="s">
        <v>25145</v>
      </c>
      <c r="K7668" s="1" t="s">
        <v>2555</v>
      </c>
      <c r="L7668" s="1" t="s">
        <v>26527</v>
      </c>
      <c r="M7668" s="1" t="s">
        <v>5</v>
      </c>
      <c r="N7668" s="1" t="s">
        <v>1009</v>
      </c>
      <c r="O7668" s="1" t="s">
        <v>38</v>
      </c>
      <c r="P7668" s="5" t="s">
        <v>32283</v>
      </c>
    </row>
    <row r="7669" spans="1:16" x14ac:dyDescent="0.2">
      <c r="A7669" s="1" t="s">
        <v>194</v>
      </c>
      <c r="B7669" s="1" t="s">
        <v>396</v>
      </c>
      <c r="C7669" s="1" t="s">
        <v>26531</v>
      </c>
      <c r="D7669" s="1" t="s">
        <v>26532</v>
      </c>
      <c r="E7669" s="1"/>
      <c r="F7669" s="1" t="s">
        <v>10</v>
      </c>
      <c r="G7669" s="1" t="s">
        <v>10</v>
      </c>
      <c r="H7669" s="1" t="s">
        <v>10</v>
      </c>
      <c r="I7669" s="1" t="s">
        <v>7415</v>
      </c>
      <c r="J7669" s="1" t="s">
        <v>25145</v>
      </c>
      <c r="K7669" s="1" t="s">
        <v>2555</v>
      </c>
      <c r="L7669" s="1" t="s">
        <v>26530</v>
      </c>
      <c r="M7669" s="1" t="s">
        <v>5</v>
      </c>
      <c r="N7669" s="1" t="s">
        <v>1009</v>
      </c>
      <c r="O7669" s="1" t="s">
        <v>38</v>
      </c>
      <c r="P7669" s="5" t="s">
        <v>32451</v>
      </c>
    </row>
    <row r="7670" spans="1:16" x14ac:dyDescent="0.2">
      <c r="A7670" s="1" t="s">
        <v>194</v>
      </c>
      <c r="B7670" s="1" t="s">
        <v>396</v>
      </c>
      <c r="C7670" s="1" t="s">
        <v>26534</v>
      </c>
      <c r="D7670" s="1" t="s">
        <v>26535</v>
      </c>
      <c r="E7670" s="1"/>
      <c r="F7670" s="1" t="s">
        <v>10</v>
      </c>
      <c r="G7670" s="1" t="s">
        <v>10</v>
      </c>
      <c r="H7670" s="1" t="s">
        <v>10</v>
      </c>
      <c r="I7670" s="1" t="s">
        <v>7415</v>
      </c>
      <c r="J7670" s="1" t="s">
        <v>25145</v>
      </c>
      <c r="K7670" s="1" t="s">
        <v>2555</v>
      </c>
      <c r="L7670" s="1" t="s">
        <v>26533</v>
      </c>
      <c r="M7670" s="1" t="s">
        <v>5</v>
      </c>
      <c r="N7670" s="1" t="s">
        <v>1009</v>
      </c>
      <c r="O7670" s="1" t="s">
        <v>38</v>
      </c>
      <c r="P7670" s="5" t="s">
        <v>32417</v>
      </c>
    </row>
    <row r="7671" spans="1:16" x14ac:dyDescent="0.2">
      <c r="A7671" s="1" t="s">
        <v>194</v>
      </c>
      <c r="B7671" s="1" t="s">
        <v>396</v>
      </c>
      <c r="C7671" s="1" t="s">
        <v>26537</v>
      </c>
      <c r="D7671" s="1" t="s">
        <v>26538</v>
      </c>
      <c r="E7671" s="1"/>
      <c r="F7671" s="1" t="s">
        <v>10</v>
      </c>
      <c r="G7671" s="1" t="s">
        <v>10</v>
      </c>
      <c r="H7671" s="1" t="s">
        <v>10</v>
      </c>
      <c r="I7671" s="1" t="s">
        <v>7415</v>
      </c>
      <c r="J7671" s="1" t="s">
        <v>25145</v>
      </c>
      <c r="K7671" s="1" t="s">
        <v>2555</v>
      </c>
      <c r="L7671" s="1" t="s">
        <v>26536</v>
      </c>
      <c r="M7671" s="1" t="s">
        <v>5</v>
      </c>
      <c r="N7671" s="1" t="s">
        <v>1009</v>
      </c>
      <c r="O7671" s="1" t="s">
        <v>38</v>
      </c>
      <c r="P7671" s="5" t="s">
        <v>32451</v>
      </c>
    </row>
    <row r="7672" spans="1:16" x14ac:dyDescent="0.2">
      <c r="A7672" s="1" t="s">
        <v>194</v>
      </c>
      <c r="B7672" s="1" t="s">
        <v>396</v>
      </c>
      <c r="C7672" s="1" t="s">
        <v>26540</v>
      </c>
      <c r="D7672" s="1" t="s">
        <v>26541</v>
      </c>
      <c r="E7672" s="1"/>
      <c r="F7672" s="1" t="s">
        <v>10</v>
      </c>
      <c r="G7672" s="1" t="s">
        <v>10</v>
      </c>
      <c r="H7672" s="1" t="s">
        <v>10</v>
      </c>
      <c r="I7672" s="1" t="s">
        <v>7415</v>
      </c>
      <c r="J7672" s="1" t="s">
        <v>25145</v>
      </c>
      <c r="K7672" s="1" t="s">
        <v>2555</v>
      </c>
      <c r="L7672" s="1" t="s">
        <v>26539</v>
      </c>
      <c r="M7672" s="1" t="s">
        <v>5</v>
      </c>
      <c r="N7672" s="1" t="s">
        <v>6</v>
      </c>
      <c r="O7672" s="1" t="s">
        <v>38</v>
      </c>
      <c r="P7672" s="5" t="s">
        <v>32283</v>
      </c>
    </row>
    <row r="7673" spans="1:16" x14ac:dyDescent="0.2">
      <c r="A7673" s="1" t="s">
        <v>194</v>
      </c>
      <c r="B7673" s="1" t="s">
        <v>396</v>
      </c>
      <c r="C7673" s="1" t="s">
        <v>26543</v>
      </c>
      <c r="D7673" s="1" t="s">
        <v>26544</v>
      </c>
      <c r="E7673" s="1"/>
      <c r="F7673" s="1" t="s">
        <v>10</v>
      </c>
      <c r="G7673" s="1" t="s">
        <v>10</v>
      </c>
      <c r="H7673" s="1" t="s">
        <v>10</v>
      </c>
      <c r="I7673" s="1" t="s">
        <v>7415</v>
      </c>
      <c r="J7673" s="1" t="s">
        <v>25145</v>
      </c>
      <c r="K7673" s="1" t="s">
        <v>2555</v>
      </c>
      <c r="L7673" s="1" t="s">
        <v>26542</v>
      </c>
      <c r="M7673" s="1" t="s">
        <v>5</v>
      </c>
      <c r="N7673" s="1" t="s">
        <v>1009</v>
      </c>
      <c r="O7673" s="1" t="s">
        <v>38</v>
      </c>
      <c r="P7673" s="5" t="s">
        <v>32417</v>
      </c>
    </row>
    <row r="7674" spans="1:16" x14ac:dyDescent="0.2">
      <c r="A7674" s="1" t="s">
        <v>194</v>
      </c>
      <c r="B7674" s="1" t="s">
        <v>396</v>
      </c>
      <c r="C7674" s="1" t="s">
        <v>26546</v>
      </c>
      <c r="D7674" s="1" t="s">
        <v>26547</v>
      </c>
      <c r="E7674" s="1"/>
      <c r="F7674" s="1" t="s">
        <v>10</v>
      </c>
      <c r="G7674" s="1" t="s">
        <v>10</v>
      </c>
      <c r="H7674" s="1" t="s">
        <v>10</v>
      </c>
      <c r="I7674" s="1" t="s">
        <v>7415</v>
      </c>
      <c r="J7674" s="1" t="s">
        <v>25145</v>
      </c>
      <c r="K7674" s="1" t="s">
        <v>2555</v>
      </c>
      <c r="L7674" s="1" t="s">
        <v>26545</v>
      </c>
      <c r="M7674" s="1" t="s">
        <v>5</v>
      </c>
      <c r="N7674" s="1" t="s">
        <v>1009</v>
      </c>
      <c r="O7674" s="1" t="s">
        <v>38</v>
      </c>
      <c r="P7674" s="5" t="s">
        <v>32451</v>
      </c>
    </row>
    <row r="7675" spans="1:16" x14ac:dyDescent="0.2">
      <c r="A7675" s="1" t="s">
        <v>194</v>
      </c>
      <c r="B7675" s="1" t="s">
        <v>396</v>
      </c>
      <c r="C7675" s="1" t="s">
        <v>26549</v>
      </c>
      <c r="D7675" s="1" t="s">
        <v>26550</v>
      </c>
      <c r="E7675" s="1"/>
      <c r="F7675" s="1" t="s">
        <v>10</v>
      </c>
      <c r="G7675" s="1" t="s">
        <v>10</v>
      </c>
      <c r="H7675" s="1" t="s">
        <v>10</v>
      </c>
      <c r="I7675" s="1" t="s">
        <v>7415</v>
      </c>
      <c r="J7675" s="1" t="s">
        <v>25145</v>
      </c>
      <c r="K7675" s="1" t="s">
        <v>2555</v>
      </c>
      <c r="L7675" s="1" t="s">
        <v>26548</v>
      </c>
      <c r="M7675" s="1" t="s">
        <v>5</v>
      </c>
      <c r="N7675" s="1" t="s">
        <v>6</v>
      </c>
      <c r="O7675" s="1" t="s">
        <v>38</v>
      </c>
      <c r="P7675" s="5" t="s">
        <v>32451</v>
      </c>
    </row>
    <row r="7676" spans="1:16" x14ac:dyDescent="0.2">
      <c r="A7676" s="1" t="s">
        <v>194</v>
      </c>
      <c r="B7676" s="1" t="s">
        <v>6481</v>
      </c>
      <c r="C7676" s="1" t="s">
        <v>26552</v>
      </c>
      <c r="D7676" s="1" t="s">
        <v>26553</v>
      </c>
      <c r="E7676" s="1"/>
      <c r="F7676" s="1" t="s">
        <v>10</v>
      </c>
      <c r="G7676" s="1" t="s">
        <v>10</v>
      </c>
      <c r="H7676" s="1" t="s">
        <v>10</v>
      </c>
      <c r="I7676" s="1" t="s">
        <v>7415</v>
      </c>
      <c r="J7676" s="1" t="s">
        <v>25286</v>
      </c>
      <c r="K7676" s="1" t="s">
        <v>27</v>
      </c>
      <c r="L7676" s="1" t="s">
        <v>26551</v>
      </c>
      <c r="M7676" s="1" t="s">
        <v>5</v>
      </c>
      <c r="N7676" s="1" t="s">
        <v>1009</v>
      </c>
      <c r="O7676" s="1" t="s">
        <v>38</v>
      </c>
      <c r="P7676" s="5" t="s">
        <v>32452</v>
      </c>
    </row>
    <row r="7677" spans="1:16" x14ac:dyDescent="0.2">
      <c r="A7677" s="1" t="s">
        <v>42</v>
      </c>
      <c r="B7677" s="1" t="s">
        <v>50</v>
      </c>
      <c r="C7677" s="1" t="s">
        <v>26555</v>
      </c>
      <c r="D7677" s="1" t="s">
        <v>26157</v>
      </c>
      <c r="E7677" s="1"/>
      <c r="F7677" s="1" t="s">
        <v>10</v>
      </c>
      <c r="G7677" s="1" t="s">
        <v>10</v>
      </c>
      <c r="H7677" s="1" t="s">
        <v>10</v>
      </c>
      <c r="I7677" s="1" t="s">
        <v>7415</v>
      </c>
      <c r="J7677" s="1" t="s">
        <v>19</v>
      </c>
      <c r="K7677" s="1" t="s">
        <v>47</v>
      </c>
      <c r="L7677" s="1" t="s">
        <v>26554</v>
      </c>
      <c r="M7677" s="1" t="s">
        <v>5</v>
      </c>
      <c r="N7677" s="1" t="s">
        <v>1009</v>
      </c>
      <c r="O7677" s="1" t="s">
        <v>38</v>
      </c>
      <c r="P7677" s="5" t="s">
        <v>30746</v>
      </c>
    </row>
    <row r="7678" spans="1:16" x14ac:dyDescent="0.2">
      <c r="A7678" s="1" t="s">
        <v>42</v>
      </c>
      <c r="B7678" s="1" t="s">
        <v>50</v>
      </c>
      <c r="C7678" s="1" t="s">
        <v>26557</v>
      </c>
      <c r="D7678" s="1" t="s">
        <v>26558</v>
      </c>
      <c r="E7678" s="1"/>
      <c r="F7678" s="1" t="s">
        <v>10</v>
      </c>
      <c r="G7678" s="1" t="s">
        <v>10</v>
      </c>
      <c r="H7678" s="1" t="s">
        <v>10</v>
      </c>
      <c r="I7678" s="1" t="s">
        <v>7415</v>
      </c>
      <c r="J7678" s="1" t="s">
        <v>19</v>
      </c>
      <c r="K7678" s="1" t="s">
        <v>47</v>
      </c>
      <c r="L7678" s="1" t="s">
        <v>26556</v>
      </c>
      <c r="M7678" s="1" t="s">
        <v>5</v>
      </c>
      <c r="N7678" s="1" t="s">
        <v>1009</v>
      </c>
      <c r="O7678" s="1" t="s">
        <v>38</v>
      </c>
      <c r="P7678" s="5" t="s">
        <v>30746</v>
      </c>
    </row>
    <row r="7679" spans="1:16" x14ac:dyDescent="0.2">
      <c r="A7679" s="1" t="s">
        <v>42</v>
      </c>
      <c r="B7679" s="1" t="s">
        <v>50</v>
      </c>
      <c r="C7679" s="1" t="s">
        <v>26560</v>
      </c>
      <c r="D7679" s="1" t="s">
        <v>26561</v>
      </c>
      <c r="E7679" s="1"/>
      <c r="F7679" s="1" t="s">
        <v>10</v>
      </c>
      <c r="G7679" s="1" t="s">
        <v>10</v>
      </c>
      <c r="H7679" s="1" t="s">
        <v>10</v>
      </c>
      <c r="I7679" s="1" t="s">
        <v>7415</v>
      </c>
      <c r="J7679" s="1" t="s">
        <v>19</v>
      </c>
      <c r="K7679" s="1" t="s">
        <v>47</v>
      </c>
      <c r="L7679" s="1" t="s">
        <v>26559</v>
      </c>
      <c r="M7679" s="1" t="s">
        <v>5</v>
      </c>
      <c r="N7679" s="1" t="s">
        <v>1009</v>
      </c>
      <c r="O7679" s="1" t="s">
        <v>38</v>
      </c>
      <c r="P7679" s="5" t="s">
        <v>30746</v>
      </c>
    </row>
    <row r="7680" spans="1:16" x14ac:dyDescent="0.2">
      <c r="A7680" s="1" t="s">
        <v>194</v>
      </c>
      <c r="B7680" s="1" t="s">
        <v>396</v>
      </c>
      <c r="C7680" s="1" t="s">
        <v>26563</v>
      </c>
      <c r="D7680" s="1" t="s">
        <v>20564</v>
      </c>
      <c r="E7680" s="1"/>
      <c r="F7680" s="1" t="s">
        <v>10</v>
      </c>
      <c r="G7680" s="1" t="s">
        <v>10</v>
      </c>
      <c r="H7680" s="1" t="s">
        <v>10</v>
      </c>
      <c r="I7680" s="1" t="s">
        <v>7415</v>
      </c>
      <c r="J7680" s="1" t="s">
        <v>25178</v>
      </c>
      <c r="K7680" s="1" t="s">
        <v>2555</v>
      </c>
      <c r="L7680" s="1" t="s">
        <v>26562</v>
      </c>
      <c r="M7680" s="1" t="s">
        <v>5</v>
      </c>
      <c r="N7680" s="1" t="s">
        <v>6</v>
      </c>
      <c r="O7680" s="1" t="s">
        <v>38</v>
      </c>
      <c r="P7680" s="5" t="s">
        <v>32451</v>
      </c>
    </row>
    <row r="7681" spans="1:16" x14ac:dyDescent="0.2">
      <c r="A7681" s="1" t="s">
        <v>194</v>
      </c>
      <c r="B7681" s="1" t="s">
        <v>396</v>
      </c>
      <c r="C7681" s="1" t="s">
        <v>26565</v>
      </c>
      <c r="D7681" s="1" t="s">
        <v>26566</v>
      </c>
      <c r="E7681" s="1"/>
      <c r="F7681" s="1" t="s">
        <v>10</v>
      </c>
      <c r="G7681" s="1" t="s">
        <v>10</v>
      </c>
      <c r="H7681" s="1" t="s">
        <v>10</v>
      </c>
      <c r="I7681" s="1" t="s">
        <v>7415</v>
      </c>
      <c r="J7681" s="1" t="s">
        <v>25145</v>
      </c>
      <c r="K7681" s="1" t="s">
        <v>2555</v>
      </c>
      <c r="L7681" s="1" t="s">
        <v>26564</v>
      </c>
      <c r="M7681" s="1" t="s">
        <v>5</v>
      </c>
      <c r="N7681" s="1" t="s">
        <v>6</v>
      </c>
      <c r="O7681" s="1" t="s">
        <v>38</v>
      </c>
      <c r="P7681" s="5" t="s">
        <v>32283</v>
      </c>
    </row>
    <row r="7682" spans="1:16" x14ac:dyDescent="0.2">
      <c r="A7682" s="1" t="s">
        <v>194</v>
      </c>
      <c r="B7682" s="1" t="s">
        <v>195</v>
      </c>
      <c r="C7682" s="1" t="s">
        <v>26568</v>
      </c>
      <c r="D7682" s="1" t="s">
        <v>85</v>
      </c>
      <c r="E7682" s="1"/>
      <c r="F7682" s="1" t="s">
        <v>474</v>
      </c>
      <c r="G7682" s="1" t="s">
        <v>476</v>
      </c>
      <c r="H7682" s="1" t="s">
        <v>26569</v>
      </c>
      <c r="I7682" s="1" t="s">
        <v>7415</v>
      </c>
      <c r="J7682" s="1" t="s">
        <v>21769</v>
      </c>
      <c r="K7682" s="1" t="s">
        <v>27</v>
      </c>
      <c r="L7682" s="1" t="s">
        <v>26567</v>
      </c>
      <c r="M7682" s="1" t="s">
        <v>5</v>
      </c>
      <c r="N7682" s="1" t="s">
        <v>6</v>
      </c>
      <c r="O7682" s="1" t="s">
        <v>38</v>
      </c>
      <c r="P7682" s="5" t="s">
        <v>32453</v>
      </c>
    </row>
    <row r="7683" spans="1:16" x14ac:dyDescent="0.2">
      <c r="A7683" s="1" t="s">
        <v>42</v>
      </c>
      <c r="B7683" s="1" t="s">
        <v>50</v>
      </c>
      <c r="C7683" s="1" t="s">
        <v>26571</v>
      </c>
      <c r="D7683" s="1" t="s">
        <v>26572</v>
      </c>
      <c r="E7683" s="1"/>
      <c r="F7683" s="1" t="s">
        <v>10</v>
      </c>
      <c r="G7683" s="1" t="s">
        <v>10</v>
      </c>
      <c r="H7683" s="1" t="s">
        <v>10</v>
      </c>
      <c r="I7683" s="1" t="s">
        <v>7415</v>
      </c>
      <c r="J7683" s="1" t="s">
        <v>19</v>
      </c>
      <c r="K7683" s="1" t="s">
        <v>47</v>
      </c>
      <c r="L7683" s="1" t="s">
        <v>26570</v>
      </c>
      <c r="M7683" s="1" t="s">
        <v>5</v>
      </c>
      <c r="N7683" s="1" t="s">
        <v>1009</v>
      </c>
      <c r="O7683" s="1" t="s">
        <v>38</v>
      </c>
      <c r="P7683" s="5" t="s">
        <v>32454</v>
      </c>
    </row>
    <row r="7684" spans="1:16" x14ac:dyDescent="0.2">
      <c r="A7684" s="1" t="s">
        <v>66</v>
      </c>
      <c r="B7684" s="1" t="s">
        <v>212</v>
      </c>
      <c r="C7684" s="1" t="s">
        <v>26574</v>
      </c>
      <c r="D7684" s="1" t="s">
        <v>85</v>
      </c>
      <c r="E7684" s="1"/>
      <c r="F7684" s="1" t="s">
        <v>10</v>
      </c>
      <c r="G7684" s="1" t="s">
        <v>10</v>
      </c>
      <c r="H7684" s="1" t="s">
        <v>10</v>
      </c>
      <c r="I7684" s="1" t="s">
        <v>7415</v>
      </c>
      <c r="J7684" s="1" t="s">
        <v>25141</v>
      </c>
      <c r="K7684" s="1" t="s">
        <v>11</v>
      </c>
      <c r="L7684" s="1" t="s">
        <v>26573</v>
      </c>
      <c r="M7684" s="1" t="s">
        <v>5</v>
      </c>
      <c r="N7684" s="1" t="s">
        <v>1009</v>
      </c>
      <c r="O7684" s="1" t="s">
        <v>38</v>
      </c>
      <c r="P7684" s="5" t="s">
        <v>32455</v>
      </c>
    </row>
    <row r="7685" spans="1:16" x14ac:dyDescent="0.2">
      <c r="A7685" s="1" t="s">
        <v>20</v>
      </c>
      <c r="B7685" s="1" t="s">
        <v>99</v>
      </c>
      <c r="C7685" s="1" t="s">
        <v>26576</v>
      </c>
      <c r="D7685" s="1" t="s">
        <v>25387</v>
      </c>
      <c r="E7685" s="1"/>
      <c r="F7685" s="1" t="s">
        <v>10</v>
      </c>
      <c r="G7685" s="1" t="s">
        <v>10</v>
      </c>
      <c r="H7685" s="1" t="s">
        <v>10</v>
      </c>
      <c r="I7685" s="1" t="s">
        <v>7415</v>
      </c>
      <c r="J7685" s="1" t="s">
        <v>21769</v>
      </c>
      <c r="K7685" s="1" t="s">
        <v>27</v>
      </c>
      <c r="L7685" s="1" t="s">
        <v>26575</v>
      </c>
      <c r="M7685" s="1" t="s">
        <v>5</v>
      </c>
      <c r="N7685" s="1" t="s">
        <v>25</v>
      </c>
      <c r="O7685" s="1" t="s">
        <v>38</v>
      </c>
      <c r="P7685" s="5" t="s">
        <v>32456</v>
      </c>
    </row>
    <row r="7686" spans="1:16" x14ac:dyDescent="0.2">
      <c r="A7686" s="1" t="s">
        <v>20</v>
      </c>
      <c r="B7686" s="1" t="s">
        <v>99</v>
      </c>
      <c r="C7686" s="1" t="s">
        <v>26578</v>
      </c>
      <c r="D7686" s="1" t="s">
        <v>3953</v>
      </c>
      <c r="E7686" s="1"/>
      <c r="F7686" s="1" t="s">
        <v>10</v>
      </c>
      <c r="G7686" s="1" t="s">
        <v>10</v>
      </c>
      <c r="H7686" s="1" t="s">
        <v>10</v>
      </c>
      <c r="I7686" s="1" t="s">
        <v>7415</v>
      </c>
      <c r="J7686" s="1" t="s">
        <v>21769</v>
      </c>
      <c r="K7686" s="1" t="s">
        <v>7</v>
      </c>
      <c r="L7686" s="1" t="s">
        <v>26577</v>
      </c>
      <c r="M7686" s="1" t="s">
        <v>5</v>
      </c>
      <c r="N7686" s="1" t="s">
        <v>1009</v>
      </c>
      <c r="O7686" s="1" t="s">
        <v>38</v>
      </c>
      <c r="P7686" s="5" t="s">
        <v>32457</v>
      </c>
    </row>
    <row r="7687" spans="1:16" x14ac:dyDescent="0.2">
      <c r="A7687" s="1" t="s">
        <v>329</v>
      </c>
      <c r="B7687" s="1" t="s">
        <v>2120</v>
      </c>
      <c r="C7687" s="1" t="s">
        <v>26580</v>
      </c>
      <c r="D7687" s="1" t="s">
        <v>26581</v>
      </c>
      <c r="E7687" s="1" t="s">
        <v>26582</v>
      </c>
      <c r="F7687" s="1" t="s">
        <v>10</v>
      </c>
      <c r="G7687" s="1" t="s">
        <v>10</v>
      </c>
      <c r="H7687" s="1" t="s">
        <v>10</v>
      </c>
      <c r="I7687" s="1" t="s">
        <v>7415</v>
      </c>
      <c r="J7687" s="1" t="s">
        <v>19</v>
      </c>
      <c r="K7687" s="1" t="s">
        <v>25669</v>
      </c>
      <c r="L7687" s="1" t="s">
        <v>26579</v>
      </c>
      <c r="M7687" s="1" t="s">
        <v>5</v>
      </c>
      <c r="N7687" s="1" t="s">
        <v>25</v>
      </c>
      <c r="O7687" s="1" t="s">
        <v>38</v>
      </c>
      <c r="P7687" s="5" t="s">
        <v>30921</v>
      </c>
    </row>
    <row r="7688" spans="1:16" x14ac:dyDescent="0.2">
      <c r="A7688" s="1" t="s">
        <v>66</v>
      </c>
      <c r="B7688" s="1" t="s">
        <v>212</v>
      </c>
      <c r="C7688" s="1" t="s">
        <v>26584</v>
      </c>
      <c r="D7688" s="1" t="s">
        <v>85</v>
      </c>
      <c r="E7688" s="1"/>
      <c r="F7688" s="1" t="s">
        <v>10</v>
      </c>
      <c r="G7688" s="1" t="s">
        <v>10</v>
      </c>
      <c r="H7688" s="1" t="s">
        <v>10</v>
      </c>
      <c r="I7688" s="1" t="s">
        <v>7415</v>
      </c>
      <c r="J7688" s="1" t="s">
        <v>25141</v>
      </c>
      <c r="K7688" s="1" t="s">
        <v>11</v>
      </c>
      <c r="L7688" s="1" t="s">
        <v>26583</v>
      </c>
      <c r="M7688" s="1" t="s">
        <v>5</v>
      </c>
      <c r="N7688" s="1" t="s">
        <v>1009</v>
      </c>
      <c r="O7688" s="1" t="s">
        <v>38</v>
      </c>
      <c r="P7688" s="5" t="s">
        <v>32458</v>
      </c>
    </row>
    <row r="7689" spans="1:16" x14ac:dyDescent="0.2">
      <c r="A7689" s="1" t="s">
        <v>66</v>
      </c>
      <c r="B7689" s="1" t="s">
        <v>212</v>
      </c>
      <c r="C7689" s="1" t="s">
        <v>26586</v>
      </c>
      <c r="D7689" s="1" t="s">
        <v>85</v>
      </c>
      <c r="E7689" s="1"/>
      <c r="F7689" s="1" t="s">
        <v>10</v>
      </c>
      <c r="G7689" s="1" t="s">
        <v>10</v>
      </c>
      <c r="H7689" s="1" t="s">
        <v>10</v>
      </c>
      <c r="I7689" s="1" t="s">
        <v>7415</v>
      </c>
      <c r="J7689" s="1" t="s">
        <v>25141</v>
      </c>
      <c r="K7689" s="1" t="s">
        <v>11</v>
      </c>
      <c r="L7689" s="1" t="s">
        <v>26585</v>
      </c>
      <c r="M7689" s="1" t="s">
        <v>5</v>
      </c>
      <c r="N7689" s="1" t="s">
        <v>1009</v>
      </c>
      <c r="O7689" s="1" t="s">
        <v>38</v>
      </c>
      <c r="P7689" s="5" t="s">
        <v>32459</v>
      </c>
    </row>
    <row r="7690" spans="1:16" x14ac:dyDescent="0.2">
      <c r="A7690" s="1" t="s">
        <v>194</v>
      </c>
      <c r="B7690" s="1" t="s">
        <v>396</v>
      </c>
      <c r="C7690" s="1" t="s">
        <v>26588</v>
      </c>
      <c r="D7690" s="1" t="s">
        <v>26353</v>
      </c>
      <c r="E7690" s="1"/>
      <c r="F7690" s="1" t="s">
        <v>10</v>
      </c>
      <c r="G7690" s="1" t="s">
        <v>10</v>
      </c>
      <c r="H7690" s="1" t="s">
        <v>10</v>
      </c>
      <c r="I7690" s="1" t="s">
        <v>7415</v>
      </c>
      <c r="J7690" s="1" t="s">
        <v>25178</v>
      </c>
      <c r="K7690" s="1" t="s">
        <v>2555</v>
      </c>
      <c r="L7690" s="1" t="s">
        <v>26587</v>
      </c>
      <c r="M7690" s="1" t="s">
        <v>5</v>
      </c>
      <c r="N7690" s="1" t="s">
        <v>1009</v>
      </c>
      <c r="O7690" s="1" t="s">
        <v>38</v>
      </c>
      <c r="P7690" s="5" t="s">
        <v>32451</v>
      </c>
    </row>
    <row r="7691" spans="1:16" x14ac:dyDescent="0.2">
      <c r="A7691" s="1" t="s">
        <v>194</v>
      </c>
      <c r="B7691" s="1" t="s">
        <v>396</v>
      </c>
      <c r="C7691" s="1" t="s">
        <v>26590</v>
      </c>
      <c r="D7691" s="1" t="s">
        <v>8051</v>
      </c>
      <c r="E7691" s="1"/>
      <c r="F7691" s="1" t="s">
        <v>10</v>
      </c>
      <c r="G7691" s="1" t="s">
        <v>10</v>
      </c>
      <c r="H7691" s="1" t="s">
        <v>10</v>
      </c>
      <c r="I7691" s="1" t="s">
        <v>7415</v>
      </c>
      <c r="J7691" s="1" t="s">
        <v>25145</v>
      </c>
      <c r="K7691" s="1" t="s">
        <v>2555</v>
      </c>
      <c r="L7691" s="1" t="s">
        <v>26589</v>
      </c>
      <c r="M7691" s="1" t="s">
        <v>5</v>
      </c>
      <c r="N7691" s="1" t="s">
        <v>6</v>
      </c>
      <c r="O7691" s="1" t="s">
        <v>38</v>
      </c>
      <c r="P7691" s="5" t="s">
        <v>32451</v>
      </c>
    </row>
    <row r="7692" spans="1:16" x14ac:dyDescent="0.2">
      <c r="A7692" s="1" t="s">
        <v>194</v>
      </c>
      <c r="B7692" s="1" t="s">
        <v>396</v>
      </c>
      <c r="C7692" s="1" t="s">
        <v>26592</v>
      </c>
      <c r="D7692" s="1" t="s">
        <v>26593</v>
      </c>
      <c r="E7692" s="1"/>
      <c r="F7692" s="1" t="s">
        <v>10</v>
      </c>
      <c r="G7692" s="1" t="s">
        <v>10</v>
      </c>
      <c r="H7692" s="1" t="s">
        <v>10</v>
      </c>
      <c r="I7692" s="1" t="s">
        <v>7415</v>
      </c>
      <c r="J7692" s="1" t="s">
        <v>25145</v>
      </c>
      <c r="K7692" s="1" t="s">
        <v>2555</v>
      </c>
      <c r="L7692" s="1" t="s">
        <v>26591</v>
      </c>
      <c r="M7692" s="1" t="s">
        <v>5</v>
      </c>
      <c r="N7692" s="1" t="s">
        <v>6</v>
      </c>
      <c r="O7692" s="1" t="s">
        <v>38</v>
      </c>
      <c r="P7692" s="5" t="s">
        <v>32451</v>
      </c>
    </row>
    <row r="7693" spans="1:16" x14ac:dyDescent="0.2">
      <c r="A7693" s="1" t="s">
        <v>194</v>
      </c>
      <c r="B7693" s="1" t="s">
        <v>396</v>
      </c>
      <c r="C7693" s="1" t="s">
        <v>26595</v>
      </c>
      <c r="D7693" s="1" t="s">
        <v>26596</v>
      </c>
      <c r="E7693" s="1"/>
      <c r="F7693" s="1" t="s">
        <v>10</v>
      </c>
      <c r="G7693" s="1" t="s">
        <v>10</v>
      </c>
      <c r="H7693" s="1" t="s">
        <v>10</v>
      </c>
      <c r="I7693" s="1" t="s">
        <v>7415</v>
      </c>
      <c r="J7693" s="1" t="s">
        <v>25145</v>
      </c>
      <c r="K7693" s="1" t="s">
        <v>2555</v>
      </c>
      <c r="L7693" s="1" t="s">
        <v>26594</v>
      </c>
      <c r="M7693" s="1" t="s">
        <v>5</v>
      </c>
      <c r="N7693" s="1" t="s">
        <v>6</v>
      </c>
      <c r="O7693" s="1" t="s">
        <v>38</v>
      </c>
      <c r="P7693" s="5" t="s">
        <v>32283</v>
      </c>
    </row>
    <row r="7694" spans="1:16" x14ac:dyDescent="0.2">
      <c r="A7694" s="1" t="s">
        <v>66</v>
      </c>
      <c r="B7694" s="1" t="s">
        <v>212</v>
      </c>
      <c r="C7694" s="1" t="s">
        <v>26598</v>
      </c>
      <c r="D7694" s="1" t="s">
        <v>85</v>
      </c>
      <c r="E7694" s="1"/>
      <c r="F7694" s="1" t="s">
        <v>10</v>
      </c>
      <c r="G7694" s="1" t="s">
        <v>10</v>
      </c>
      <c r="H7694" s="1" t="s">
        <v>10</v>
      </c>
      <c r="I7694" s="1" t="s">
        <v>7415</v>
      </c>
      <c r="J7694" s="1" t="s">
        <v>25141</v>
      </c>
      <c r="K7694" s="1" t="s">
        <v>11</v>
      </c>
      <c r="L7694" s="1" t="s">
        <v>26597</v>
      </c>
      <c r="M7694" s="1" t="s">
        <v>5</v>
      </c>
      <c r="N7694" s="1" t="s">
        <v>1009</v>
      </c>
      <c r="O7694" s="1" t="s">
        <v>38</v>
      </c>
      <c r="P7694" s="5" t="s">
        <v>32460</v>
      </c>
    </row>
    <row r="7695" spans="1:16" x14ac:dyDescent="0.2">
      <c r="A7695" s="1" t="s">
        <v>42</v>
      </c>
      <c r="B7695" s="1" t="s">
        <v>50</v>
      </c>
      <c r="C7695" s="1" t="s">
        <v>26600</v>
      </c>
      <c r="D7695" s="1" t="s">
        <v>20564</v>
      </c>
      <c r="E7695" s="1"/>
      <c r="F7695" s="1" t="s">
        <v>10</v>
      </c>
      <c r="G7695" s="1" t="s">
        <v>10</v>
      </c>
      <c r="H7695" s="1" t="s">
        <v>10</v>
      </c>
      <c r="I7695" s="1" t="s">
        <v>7415</v>
      </c>
      <c r="J7695" s="1" t="s">
        <v>19</v>
      </c>
      <c r="K7695" s="1" t="s">
        <v>47</v>
      </c>
      <c r="L7695" s="1" t="s">
        <v>26599</v>
      </c>
      <c r="M7695" s="1" t="s">
        <v>5</v>
      </c>
      <c r="N7695" s="1" t="s">
        <v>1009</v>
      </c>
      <c r="O7695" s="1" t="s">
        <v>38</v>
      </c>
      <c r="P7695" s="5" t="s">
        <v>30746</v>
      </c>
    </row>
    <row r="7696" spans="1:16" x14ac:dyDescent="0.2">
      <c r="A7696" s="1" t="s">
        <v>10</v>
      </c>
      <c r="B7696" s="1" t="s">
        <v>10</v>
      </c>
      <c r="C7696" s="1" t="s">
        <v>26602</v>
      </c>
      <c r="D7696" s="1" t="s">
        <v>10</v>
      </c>
      <c r="E7696" s="1"/>
      <c r="F7696" s="1" t="s">
        <v>27</v>
      </c>
      <c r="G7696" s="1" t="s">
        <v>10</v>
      </c>
      <c r="H7696" s="1" t="s">
        <v>26603</v>
      </c>
      <c r="I7696" s="1" t="s">
        <v>7415</v>
      </c>
      <c r="J7696" s="1" t="s">
        <v>25469</v>
      </c>
      <c r="K7696" s="1" t="s">
        <v>64</v>
      </c>
      <c r="L7696" s="1" t="s">
        <v>26601</v>
      </c>
      <c r="M7696" s="1" t="s">
        <v>5</v>
      </c>
      <c r="N7696" s="1" t="s">
        <v>6</v>
      </c>
      <c r="O7696" s="1" t="s">
        <v>8</v>
      </c>
      <c r="P7696" s="5" t="s">
        <v>32431</v>
      </c>
    </row>
    <row r="7697" spans="1:16" x14ac:dyDescent="0.2">
      <c r="A7697" s="1" t="s">
        <v>194</v>
      </c>
      <c r="B7697" s="1" t="s">
        <v>396</v>
      </c>
      <c r="C7697" s="1" t="s">
        <v>26605</v>
      </c>
      <c r="D7697" s="1" t="s">
        <v>26606</v>
      </c>
      <c r="E7697" s="1"/>
      <c r="F7697" s="1" t="s">
        <v>10</v>
      </c>
      <c r="G7697" s="1" t="s">
        <v>10</v>
      </c>
      <c r="H7697" s="1" t="s">
        <v>10</v>
      </c>
      <c r="I7697" s="1" t="s">
        <v>7415</v>
      </c>
      <c r="J7697" s="1" t="s">
        <v>21769</v>
      </c>
      <c r="K7697" s="1" t="s">
        <v>27</v>
      </c>
      <c r="L7697" s="1" t="s">
        <v>26604</v>
      </c>
      <c r="M7697" s="1" t="s">
        <v>5</v>
      </c>
      <c r="N7697" s="1" t="s">
        <v>6</v>
      </c>
      <c r="O7697" s="1" t="s">
        <v>38</v>
      </c>
      <c r="P7697" s="5" t="s">
        <v>32461</v>
      </c>
    </row>
    <row r="7698" spans="1:16" x14ac:dyDescent="0.2">
      <c r="A7698" s="1" t="s">
        <v>194</v>
      </c>
      <c r="B7698" s="1" t="s">
        <v>396</v>
      </c>
      <c r="C7698" s="1" t="s">
        <v>26608</v>
      </c>
      <c r="D7698" s="1" t="s">
        <v>26609</v>
      </c>
      <c r="E7698" s="1"/>
      <c r="F7698" s="1" t="s">
        <v>10</v>
      </c>
      <c r="G7698" s="1" t="s">
        <v>10</v>
      </c>
      <c r="H7698" s="1" t="s">
        <v>10</v>
      </c>
      <c r="I7698" s="1" t="s">
        <v>7415</v>
      </c>
      <c r="J7698" s="1" t="s">
        <v>21769</v>
      </c>
      <c r="K7698" s="1" t="s">
        <v>27</v>
      </c>
      <c r="L7698" s="1" t="s">
        <v>26607</v>
      </c>
      <c r="M7698" s="1" t="s">
        <v>5</v>
      </c>
      <c r="N7698" s="1" t="s">
        <v>6</v>
      </c>
      <c r="O7698" s="1" t="s">
        <v>38</v>
      </c>
      <c r="P7698" s="5" t="s">
        <v>32462</v>
      </c>
    </row>
    <row r="7699" spans="1:16" x14ac:dyDescent="0.2">
      <c r="A7699" s="1" t="s">
        <v>20</v>
      </c>
      <c r="B7699" s="1" t="s">
        <v>445</v>
      </c>
      <c r="C7699" s="1" t="s">
        <v>26611</v>
      </c>
      <c r="D7699" s="1" t="s">
        <v>7479</v>
      </c>
      <c r="E7699" s="1"/>
      <c r="F7699" s="1" t="s">
        <v>10</v>
      </c>
      <c r="G7699" s="1" t="s">
        <v>10</v>
      </c>
      <c r="H7699" s="1" t="s">
        <v>10</v>
      </c>
      <c r="I7699" s="1" t="s">
        <v>7415</v>
      </c>
      <c r="J7699" s="1" t="s">
        <v>19</v>
      </c>
      <c r="K7699" s="1" t="s">
        <v>7</v>
      </c>
      <c r="L7699" s="1" t="s">
        <v>26610</v>
      </c>
      <c r="M7699" s="1" t="s">
        <v>5</v>
      </c>
      <c r="N7699" s="1" t="s">
        <v>1009</v>
      </c>
      <c r="O7699" s="1" t="s">
        <v>38</v>
      </c>
      <c r="P7699" s="5" t="s">
        <v>32395</v>
      </c>
    </row>
    <row r="7700" spans="1:16" x14ac:dyDescent="0.2">
      <c r="A7700" s="1" t="s">
        <v>194</v>
      </c>
      <c r="B7700" s="1" t="s">
        <v>396</v>
      </c>
      <c r="C7700" s="1" t="s">
        <v>26613</v>
      </c>
      <c r="D7700" s="1" t="s">
        <v>26614</v>
      </c>
      <c r="E7700" s="1"/>
      <c r="F7700" s="1" t="s">
        <v>10</v>
      </c>
      <c r="G7700" s="1" t="s">
        <v>10</v>
      </c>
      <c r="H7700" s="1" t="s">
        <v>10</v>
      </c>
      <c r="I7700" s="1" t="s">
        <v>7415</v>
      </c>
      <c r="J7700" s="1" t="s">
        <v>21769</v>
      </c>
      <c r="K7700" s="1" t="s">
        <v>27</v>
      </c>
      <c r="L7700" s="1" t="s">
        <v>26612</v>
      </c>
      <c r="M7700" s="1" t="s">
        <v>5</v>
      </c>
      <c r="N7700" s="1" t="s">
        <v>6</v>
      </c>
      <c r="O7700" s="1" t="s">
        <v>38</v>
      </c>
      <c r="P7700" s="5" t="s">
        <v>32461</v>
      </c>
    </row>
    <row r="7701" spans="1:16" x14ac:dyDescent="0.2">
      <c r="A7701" s="1" t="s">
        <v>194</v>
      </c>
      <c r="B7701" s="1" t="s">
        <v>396</v>
      </c>
      <c r="C7701" s="1" t="s">
        <v>26616</v>
      </c>
      <c r="D7701" s="1" t="s">
        <v>26617</v>
      </c>
      <c r="E7701" s="1"/>
      <c r="F7701" s="1" t="s">
        <v>10</v>
      </c>
      <c r="G7701" s="1" t="s">
        <v>10</v>
      </c>
      <c r="H7701" s="1" t="s">
        <v>10</v>
      </c>
      <c r="I7701" s="1" t="s">
        <v>7415</v>
      </c>
      <c r="J7701" s="1" t="s">
        <v>21769</v>
      </c>
      <c r="K7701" s="1" t="s">
        <v>27</v>
      </c>
      <c r="L7701" s="1" t="s">
        <v>26615</v>
      </c>
      <c r="M7701" s="1" t="s">
        <v>5</v>
      </c>
      <c r="N7701" s="1" t="s">
        <v>6</v>
      </c>
      <c r="O7701" s="1" t="s">
        <v>38</v>
      </c>
      <c r="P7701" s="5" t="s">
        <v>32461</v>
      </c>
    </row>
    <row r="7702" spans="1:16" x14ac:dyDescent="0.2">
      <c r="A7702" s="1" t="s">
        <v>194</v>
      </c>
      <c r="B7702" s="1" t="s">
        <v>396</v>
      </c>
      <c r="C7702" s="1" t="s">
        <v>26619</v>
      </c>
      <c r="D7702" s="1" t="s">
        <v>26620</v>
      </c>
      <c r="E7702" s="1"/>
      <c r="F7702" s="1" t="s">
        <v>10</v>
      </c>
      <c r="G7702" s="1" t="s">
        <v>10</v>
      </c>
      <c r="H7702" s="1" t="s">
        <v>10</v>
      </c>
      <c r="I7702" s="1" t="s">
        <v>7415</v>
      </c>
      <c r="J7702" s="1" t="s">
        <v>25145</v>
      </c>
      <c r="K7702" s="1" t="s">
        <v>27</v>
      </c>
      <c r="L7702" s="1" t="s">
        <v>26618</v>
      </c>
      <c r="M7702" s="1" t="s">
        <v>5</v>
      </c>
      <c r="N7702" s="1" t="s">
        <v>1009</v>
      </c>
      <c r="O7702" s="1" t="s">
        <v>38</v>
      </c>
      <c r="P7702" s="5" t="s">
        <v>30784</v>
      </c>
    </row>
    <row r="7703" spans="1:16" x14ac:dyDescent="0.2">
      <c r="A7703" s="1" t="s">
        <v>66</v>
      </c>
      <c r="B7703" s="1" t="s">
        <v>212</v>
      </c>
      <c r="C7703" s="1" t="s">
        <v>26622</v>
      </c>
      <c r="D7703" s="1" t="s">
        <v>11494</v>
      </c>
      <c r="E7703" s="1"/>
      <c r="F7703" s="1" t="s">
        <v>10</v>
      </c>
      <c r="G7703" s="1" t="s">
        <v>10</v>
      </c>
      <c r="H7703" s="1" t="s">
        <v>10</v>
      </c>
      <c r="I7703" s="1" t="s">
        <v>7415</v>
      </c>
      <c r="J7703" s="1" t="s">
        <v>25141</v>
      </c>
      <c r="K7703" s="1" t="s">
        <v>27</v>
      </c>
      <c r="L7703" s="1" t="s">
        <v>26621</v>
      </c>
      <c r="M7703" s="1" t="s">
        <v>5</v>
      </c>
      <c r="N7703" s="1" t="s">
        <v>1009</v>
      </c>
      <c r="O7703" s="1" t="s">
        <v>38</v>
      </c>
      <c r="P7703" s="5" t="s">
        <v>32463</v>
      </c>
    </row>
    <row r="7704" spans="1:16" x14ac:dyDescent="0.2">
      <c r="A7704" s="1" t="s">
        <v>194</v>
      </c>
      <c r="B7704" s="1" t="s">
        <v>396</v>
      </c>
      <c r="C7704" s="1" t="s">
        <v>26624</v>
      </c>
      <c r="D7704" s="1" t="s">
        <v>26625</v>
      </c>
      <c r="E7704" s="1"/>
      <c r="F7704" s="1" t="s">
        <v>10</v>
      </c>
      <c r="G7704" s="1" t="s">
        <v>10</v>
      </c>
      <c r="H7704" s="1" t="s">
        <v>10</v>
      </c>
      <c r="I7704" s="1" t="s">
        <v>7415</v>
      </c>
      <c r="J7704" s="1" t="s">
        <v>25145</v>
      </c>
      <c r="K7704" s="1" t="s">
        <v>27</v>
      </c>
      <c r="L7704" s="1" t="s">
        <v>26623</v>
      </c>
      <c r="M7704" s="1" t="s">
        <v>5</v>
      </c>
      <c r="N7704" s="1" t="s">
        <v>1009</v>
      </c>
      <c r="O7704" s="1" t="s">
        <v>38</v>
      </c>
      <c r="P7704" s="5" t="s">
        <v>32464</v>
      </c>
    </row>
    <row r="7705" spans="1:16" x14ac:dyDescent="0.2">
      <c r="A7705" s="1" t="s">
        <v>66</v>
      </c>
      <c r="B7705" s="1" t="s">
        <v>574</v>
      </c>
      <c r="C7705" s="1" t="s">
        <v>26627</v>
      </c>
      <c r="D7705" s="1" t="s">
        <v>997</v>
      </c>
      <c r="E7705" s="1"/>
      <c r="F7705" s="1" t="s">
        <v>10</v>
      </c>
      <c r="G7705" s="1" t="s">
        <v>10</v>
      </c>
      <c r="H7705" s="1" t="s">
        <v>10</v>
      </c>
      <c r="I7705" s="1" t="s">
        <v>7415</v>
      </c>
      <c r="J7705" s="1" t="s">
        <v>25286</v>
      </c>
      <c r="K7705" s="1" t="s">
        <v>27</v>
      </c>
      <c r="L7705" s="1" t="s">
        <v>26626</v>
      </c>
      <c r="M7705" s="1" t="s">
        <v>5</v>
      </c>
      <c r="N7705" s="1" t="s">
        <v>25</v>
      </c>
      <c r="O7705" s="1" t="s">
        <v>38</v>
      </c>
      <c r="P7705" s="5" t="s">
        <v>32465</v>
      </c>
    </row>
    <row r="7706" spans="1:16" x14ac:dyDescent="0.2">
      <c r="A7706" s="1" t="s">
        <v>66</v>
      </c>
      <c r="B7706" s="1" t="s">
        <v>212</v>
      </c>
      <c r="C7706" s="1" t="s">
        <v>26629</v>
      </c>
      <c r="D7706" s="1" t="s">
        <v>26630</v>
      </c>
      <c r="E7706" s="1"/>
      <c r="F7706" s="1" t="s">
        <v>10</v>
      </c>
      <c r="G7706" s="1" t="s">
        <v>10</v>
      </c>
      <c r="H7706" s="1" t="s">
        <v>10</v>
      </c>
      <c r="I7706" s="1" t="s">
        <v>7415</v>
      </c>
      <c r="J7706" s="1" t="s">
        <v>25141</v>
      </c>
      <c r="K7706" s="1" t="s">
        <v>11</v>
      </c>
      <c r="L7706" s="1" t="s">
        <v>26628</v>
      </c>
      <c r="M7706" s="1" t="s">
        <v>5</v>
      </c>
      <c r="N7706" s="1" t="s">
        <v>1009</v>
      </c>
      <c r="O7706" s="1" t="s">
        <v>38</v>
      </c>
      <c r="P7706" s="5" t="s">
        <v>32308</v>
      </c>
    </row>
    <row r="7707" spans="1:16" x14ac:dyDescent="0.2">
      <c r="A7707" s="1" t="s">
        <v>66</v>
      </c>
      <c r="B7707" s="1" t="s">
        <v>212</v>
      </c>
      <c r="C7707" s="1" t="s">
        <v>26632</v>
      </c>
      <c r="D7707" s="1" t="s">
        <v>26633</v>
      </c>
      <c r="E7707" s="1"/>
      <c r="F7707" s="1" t="s">
        <v>10</v>
      </c>
      <c r="G7707" s="1" t="s">
        <v>10</v>
      </c>
      <c r="H7707" s="1" t="s">
        <v>10</v>
      </c>
      <c r="I7707" s="1" t="s">
        <v>7415</v>
      </c>
      <c r="J7707" s="1" t="s">
        <v>25141</v>
      </c>
      <c r="K7707" s="1" t="s">
        <v>11</v>
      </c>
      <c r="L7707" s="1" t="s">
        <v>26631</v>
      </c>
      <c r="M7707" s="1" t="s">
        <v>5</v>
      </c>
      <c r="N7707" s="1" t="s">
        <v>1009</v>
      </c>
      <c r="O7707" s="1" t="s">
        <v>38</v>
      </c>
      <c r="P7707" s="5" t="s">
        <v>32466</v>
      </c>
    </row>
    <row r="7708" spans="1:16" x14ac:dyDescent="0.2">
      <c r="A7708" s="1" t="s">
        <v>66</v>
      </c>
      <c r="B7708" s="1" t="s">
        <v>212</v>
      </c>
      <c r="C7708" s="1" t="s">
        <v>26635</v>
      </c>
      <c r="D7708" s="1" t="s">
        <v>85</v>
      </c>
      <c r="E7708" s="1"/>
      <c r="F7708" s="1" t="s">
        <v>10</v>
      </c>
      <c r="G7708" s="1" t="s">
        <v>10</v>
      </c>
      <c r="H7708" s="1" t="s">
        <v>10</v>
      </c>
      <c r="I7708" s="1" t="s">
        <v>7415</v>
      </c>
      <c r="J7708" s="1" t="s">
        <v>25141</v>
      </c>
      <c r="K7708" s="1" t="s">
        <v>11</v>
      </c>
      <c r="L7708" s="1" t="s">
        <v>26634</v>
      </c>
      <c r="M7708" s="1" t="s">
        <v>5</v>
      </c>
      <c r="N7708" s="1" t="s">
        <v>1009</v>
      </c>
      <c r="O7708" s="1" t="s">
        <v>38</v>
      </c>
      <c r="P7708" s="5" t="s">
        <v>32467</v>
      </c>
    </row>
    <row r="7709" spans="1:16" x14ac:dyDescent="0.2">
      <c r="A7709" s="1" t="s">
        <v>66</v>
      </c>
      <c r="B7709" s="1" t="s">
        <v>212</v>
      </c>
      <c r="C7709" s="1" t="s">
        <v>26637</v>
      </c>
      <c r="D7709" s="1" t="s">
        <v>2744</v>
      </c>
      <c r="E7709" s="1"/>
      <c r="F7709" s="1" t="s">
        <v>10</v>
      </c>
      <c r="G7709" s="1" t="s">
        <v>10</v>
      </c>
      <c r="H7709" s="1" t="s">
        <v>10</v>
      </c>
      <c r="I7709" s="1" t="s">
        <v>7415</v>
      </c>
      <c r="J7709" s="1" t="s">
        <v>25141</v>
      </c>
      <c r="K7709" s="1" t="s">
        <v>11</v>
      </c>
      <c r="L7709" s="1" t="s">
        <v>26636</v>
      </c>
      <c r="M7709" s="1" t="s">
        <v>5</v>
      </c>
      <c r="N7709" s="1" t="s">
        <v>1009</v>
      </c>
      <c r="O7709" s="1" t="s">
        <v>38</v>
      </c>
      <c r="P7709" s="5" t="s">
        <v>32468</v>
      </c>
    </row>
    <row r="7710" spans="1:16" x14ac:dyDescent="0.2">
      <c r="A7710" s="1" t="s">
        <v>194</v>
      </c>
      <c r="B7710" s="1" t="s">
        <v>396</v>
      </c>
      <c r="C7710" s="1" t="s">
        <v>26639</v>
      </c>
      <c r="D7710" s="1" t="s">
        <v>26640</v>
      </c>
      <c r="E7710" s="1"/>
      <c r="F7710" s="1" t="s">
        <v>10</v>
      </c>
      <c r="G7710" s="1" t="s">
        <v>10</v>
      </c>
      <c r="H7710" s="1" t="s">
        <v>10</v>
      </c>
      <c r="I7710" s="1" t="s">
        <v>7415</v>
      </c>
      <c r="J7710" s="1" t="s">
        <v>25145</v>
      </c>
      <c r="K7710" s="1" t="s">
        <v>27</v>
      </c>
      <c r="L7710" s="1" t="s">
        <v>26638</v>
      </c>
      <c r="M7710" s="1" t="s">
        <v>5</v>
      </c>
      <c r="N7710" s="1" t="s">
        <v>1009</v>
      </c>
      <c r="O7710" s="1" t="s">
        <v>38</v>
      </c>
      <c r="P7710" s="5" t="s">
        <v>32275</v>
      </c>
    </row>
    <row r="7711" spans="1:16" x14ac:dyDescent="0.2">
      <c r="A7711" s="1" t="s">
        <v>194</v>
      </c>
      <c r="B7711" s="1" t="s">
        <v>396</v>
      </c>
      <c r="C7711" s="1" t="s">
        <v>26642</v>
      </c>
      <c r="D7711" s="1" t="s">
        <v>26643</v>
      </c>
      <c r="E7711" s="1"/>
      <c r="F7711" s="1" t="s">
        <v>10</v>
      </c>
      <c r="G7711" s="1" t="s">
        <v>10</v>
      </c>
      <c r="H7711" s="1" t="s">
        <v>10</v>
      </c>
      <c r="I7711" s="1" t="s">
        <v>7415</v>
      </c>
      <c r="J7711" s="1" t="s">
        <v>25145</v>
      </c>
      <c r="K7711" s="1" t="s">
        <v>27</v>
      </c>
      <c r="L7711" s="1" t="s">
        <v>26641</v>
      </c>
      <c r="M7711" s="1" t="s">
        <v>5</v>
      </c>
      <c r="N7711" s="1" t="s">
        <v>1009</v>
      </c>
      <c r="O7711" s="1" t="s">
        <v>38</v>
      </c>
      <c r="P7711" s="5" t="s">
        <v>32275</v>
      </c>
    </row>
    <row r="7712" spans="1:16" x14ac:dyDescent="0.2">
      <c r="A7712" s="1" t="s">
        <v>194</v>
      </c>
      <c r="B7712" s="1" t="s">
        <v>396</v>
      </c>
      <c r="C7712" s="1" t="s">
        <v>26645</v>
      </c>
      <c r="D7712" s="1" t="s">
        <v>26646</v>
      </c>
      <c r="E7712" s="1"/>
      <c r="F7712" s="1" t="s">
        <v>10</v>
      </c>
      <c r="G7712" s="1" t="s">
        <v>10</v>
      </c>
      <c r="H7712" s="1" t="s">
        <v>10</v>
      </c>
      <c r="I7712" s="1" t="s">
        <v>7415</v>
      </c>
      <c r="J7712" s="1" t="s">
        <v>25145</v>
      </c>
      <c r="K7712" s="1" t="s">
        <v>27</v>
      </c>
      <c r="L7712" s="1" t="s">
        <v>26644</v>
      </c>
      <c r="M7712" s="1" t="s">
        <v>5</v>
      </c>
      <c r="N7712" s="1" t="s">
        <v>1009</v>
      </c>
      <c r="O7712" s="1" t="s">
        <v>38</v>
      </c>
      <c r="P7712" s="5" t="s">
        <v>32275</v>
      </c>
    </row>
    <row r="7713" spans="1:16" x14ac:dyDescent="0.2">
      <c r="A7713" s="1" t="s">
        <v>194</v>
      </c>
      <c r="B7713" s="1" t="s">
        <v>396</v>
      </c>
      <c r="C7713" s="1" t="s">
        <v>26648</v>
      </c>
      <c r="D7713" s="1" t="s">
        <v>26649</v>
      </c>
      <c r="E7713" s="1"/>
      <c r="F7713" s="1" t="s">
        <v>10</v>
      </c>
      <c r="G7713" s="1" t="s">
        <v>10</v>
      </c>
      <c r="H7713" s="1" t="s">
        <v>10</v>
      </c>
      <c r="I7713" s="1" t="s">
        <v>7415</v>
      </c>
      <c r="J7713" s="1" t="s">
        <v>25145</v>
      </c>
      <c r="K7713" s="1" t="s">
        <v>27</v>
      </c>
      <c r="L7713" s="1" t="s">
        <v>26647</v>
      </c>
      <c r="M7713" s="1" t="s">
        <v>5</v>
      </c>
      <c r="N7713" s="1" t="s">
        <v>1009</v>
      </c>
      <c r="O7713" s="1" t="s">
        <v>38</v>
      </c>
      <c r="P7713" s="5" t="s">
        <v>32275</v>
      </c>
    </row>
    <row r="7714" spans="1:16" x14ac:dyDescent="0.2">
      <c r="A7714" s="1" t="s">
        <v>194</v>
      </c>
      <c r="B7714" s="1" t="s">
        <v>396</v>
      </c>
      <c r="C7714" s="1" t="s">
        <v>26651</v>
      </c>
      <c r="D7714" s="1" t="s">
        <v>26652</v>
      </c>
      <c r="E7714" s="1"/>
      <c r="F7714" s="1" t="s">
        <v>10</v>
      </c>
      <c r="G7714" s="1" t="s">
        <v>10</v>
      </c>
      <c r="H7714" s="1" t="s">
        <v>10</v>
      </c>
      <c r="I7714" s="1" t="s">
        <v>7415</v>
      </c>
      <c r="J7714" s="1" t="s">
        <v>25145</v>
      </c>
      <c r="K7714" s="1" t="s">
        <v>27</v>
      </c>
      <c r="L7714" s="1" t="s">
        <v>26650</v>
      </c>
      <c r="M7714" s="1" t="s">
        <v>5</v>
      </c>
      <c r="N7714" s="1" t="s">
        <v>1009</v>
      </c>
      <c r="O7714" s="1" t="s">
        <v>38</v>
      </c>
      <c r="P7714" s="5" t="s">
        <v>32275</v>
      </c>
    </row>
    <row r="7715" spans="1:16" x14ac:dyDescent="0.2">
      <c r="A7715" s="1" t="s">
        <v>194</v>
      </c>
      <c r="B7715" s="1" t="s">
        <v>396</v>
      </c>
      <c r="C7715" s="1" t="s">
        <v>26654</v>
      </c>
      <c r="D7715" s="1" t="s">
        <v>26655</v>
      </c>
      <c r="E7715" s="1"/>
      <c r="F7715" s="1" t="s">
        <v>10</v>
      </c>
      <c r="G7715" s="1" t="s">
        <v>10</v>
      </c>
      <c r="H7715" s="1" t="s">
        <v>10</v>
      </c>
      <c r="I7715" s="1" t="s">
        <v>7415</v>
      </c>
      <c r="J7715" s="1" t="s">
        <v>25145</v>
      </c>
      <c r="K7715" s="1" t="s">
        <v>27</v>
      </c>
      <c r="L7715" s="1" t="s">
        <v>26653</v>
      </c>
      <c r="M7715" s="1" t="s">
        <v>5</v>
      </c>
      <c r="N7715" s="1" t="s">
        <v>1009</v>
      </c>
      <c r="O7715" s="1" t="s">
        <v>38</v>
      </c>
      <c r="P7715" s="5" t="s">
        <v>32275</v>
      </c>
    </row>
    <row r="7716" spans="1:16" x14ac:dyDescent="0.2">
      <c r="A7716" s="1" t="s">
        <v>194</v>
      </c>
      <c r="B7716" s="1" t="s">
        <v>396</v>
      </c>
      <c r="C7716" s="1" t="s">
        <v>26657</v>
      </c>
      <c r="D7716" s="1" t="s">
        <v>26658</v>
      </c>
      <c r="E7716" s="1"/>
      <c r="F7716" s="1" t="s">
        <v>10</v>
      </c>
      <c r="G7716" s="1" t="s">
        <v>10</v>
      </c>
      <c r="H7716" s="1" t="s">
        <v>10</v>
      </c>
      <c r="I7716" s="1" t="s">
        <v>7415</v>
      </c>
      <c r="J7716" s="1" t="s">
        <v>25145</v>
      </c>
      <c r="K7716" s="1" t="s">
        <v>27</v>
      </c>
      <c r="L7716" s="1" t="s">
        <v>26656</v>
      </c>
      <c r="M7716" s="1" t="s">
        <v>5</v>
      </c>
      <c r="N7716" s="1" t="s">
        <v>1009</v>
      </c>
      <c r="O7716" s="1" t="s">
        <v>38</v>
      </c>
      <c r="P7716" s="5" t="s">
        <v>32275</v>
      </c>
    </row>
    <row r="7717" spans="1:16" x14ac:dyDescent="0.2">
      <c r="A7717" s="1" t="s">
        <v>66</v>
      </c>
      <c r="B7717" s="1" t="s">
        <v>212</v>
      </c>
      <c r="C7717" s="1" t="s">
        <v>26660</v>
      </c>
      <c r="D7717" s="1" t="s">
        <v>85</v>
      </c>
      <c r="E7717" s="1"/>
      <c r="F7717" s="1" t="s">
        <v>10</v>
      </c>
      <c r="G7717" s="1" t="s">
        <v>10</v>
      </c>
      <c r="H7717" s="1" t="s">
        <v>10</v>
      </c>
      <c r="I7717" s="1" t="s">
        <v>7415</v>
      </c>
      <c r="J7717" s="1" t="s">
        <v>25141</v>
      </c>
      <c r="K7717" s="1" t="s">
        <v>11</v>
      </c>
      <c r="L7717" s="1" t="s">
        <v>26659</v>
      </c>
      <c r="M7717" s="1" t="s">
        <v>5</v>
      </c>
      <c r="N7717" s="1" t="s">
        <v>1009</v>
      </c>
      <c r="O7717" s="1" t="s">
        <v>38</v>
      </c>
      <c r="P7717" s="5" t="s">
        <v>32469</v>
      </c>
    </row>
    <row r="7718" spans="1:16" x14ac:dyDescent="0.2">
      <c r="A7718" s="1" t="s">
        <v>66</v>
      </c>
      <c r="B7718" s="1" t="s">
        <v>1127</v>
      </c>
      <c r="C7718" s="1" t="s">
        <v>26662</v>
      </c>
      <c r="D7718" s="1" t="s">
        <v>26663</v>
      </c>
      <c r="E7718" s="1"/>
      <c r="F7718" s="1" t="s">
        <v>10</v>
      </c>
      <c r="G7718" s="1" t="s">
        <v>10</v>
      </c>
      <c r="H7718" s="1" t="s">
        <v>10</v>
      </c>
      <c r="I7718" s="1" t="s">
        <v>7415</v>
      </c>
      <c r="J7718" s="1" t="s">
        <v>21769</v>
      </c>
      <c r="K7718" s="1" t="s">
        <v>27</v>
      </c>
      <c r="L7718" s="1" t="s">
        <v>26661</v>
      </c>
      <c r="M7718" s="1" t="s">
        <v>5</v>
      </c>
      <c r="N7718" s="1" t="s">
        <v>1009</v>
      </c>
      <c r="O7718" s="1" t="s">
        <v>38</v>
      </c>
      <c r="P7718" s="5" t="s">
        <v>32278</v>
      </c>
    </row>
    <row r="7719" spans="1:16" x14ac:dyDescent="0.2">
      <c r="A7719" s="1" t="s">
        <v>66</v>
      </c>
      <c r="B7719" s="1" t="s">
        <v>1127</v>
      </c>
      <c r="C7719" s="1" t="s">
        <v>26665</v>
      </c>
      <c r="D7719" s="1" t="s">
        <v>26666</v>
      </c>
      <c r="E7719" s="1"/>
      <c r="F7719" s="1" t="s">
        <v>10</v>
      </c>
      <c r="G7719" s="1" t="s">
        <v>10</v>
      </c>
      <c r="H7719" s="1" t="s">
        <v>10</v>
      </c>
      <c r="I7719" s="1" t="s">
        <v>7415</v>
      </c>
      <c r="J7719" s="1" t="s">
        <v>21769</v>
      </c>
      <c r="K7719" s="1" t="s">
        <v>27</v>
      </c>
      <c r="L7719" s="1" t="s">
        <v>26664</v>
      </c>
      <c r="M7719" s="1" t="s">
        <v>5</v>
      </c>
      <c r="N7719" s="1" t="s">
        <v>1009</v>
      </c>
      <c r="O7719" s="1" t="s">
        <v>38</v>
      </c>
      <c r="P7719" s="5" t="s">
        <v>32278</v>
      </c>
    </row>
    <row r="7720" spans="1:16" x14ac:dyDescent="0.2">
      <c r="A7720" s="1" t="s">
        <v>194</v>
      </c>
      <c r="B7720" s="1" t="s">
        <v>396</v>
      </c>
      <c r="C7720" s="1" t="s">
        <v>26668</v>
      </c>
      <c r="D7720" s="1" t="s">
        <v>26669</v>
      </c>
      <c r="E7720" s="1"/>
      <c r="F7720" s="1" t="s">
        <v>10</v>
      </c>
      <c r="G7720" s="1" t="s">
        <v>10</v>
      </c>
      <c r="H7720" s="1" t="s">
        <v>10</v>
      </c>
      <c r="I7720" s="1" t="s">
        <v>7415</v>
      </c>
      <c r="J7720" s="1" t="s">
        <v>25145</v>
      </c>
      <c r="K7720" s="1" t="s">
        <v>27</v>
      </c>
      <c r="L7720" s="1" t="s">
        <v>26667</v>
      </c>
      <c r="M7720" s="1" t="s">
        <v>5</v>
      </c>
      <c r="N7720" s="1" t="s">
        <v>6</v>
      </c>
      <c r="O7720" s="1" t="s">
        <v>38</v>
      </c>
      <c r="P7720" s="5" t="s">
        <v>32470</v>
      </c>
    </row>
    <row r="7721" spans="1:16" x14ac:dyDescent="0.2">
      <c r="A7721" s="1" t="s">
        <v>194</v>
      </c>
      <c r="B7721" s="1" t="s">
        <v>396</v>
      </c>
      <c r="C7721" s="1" t="s">
        <v>26671</v>
      </c>
      <c r="D7721" s="1" t="s">
        <v>26672</v>
      </c>
      <c r="E7721" s="1"/>
      <c r="F7721" s="1" t="s">
        <v>10</v>
      </c>
      <c r="G7721" s="1" t="s">
        <v>10</v>
      </c>
      <c r="H7721" s="1" t="s">
        <v>10</v>
      </c>
      <c r="I7721" s="1" t="s">
        <v>7415</v>
      </c>
      <c r="J7721" s="1" t="s">
        <v>25145</v>
      </c>
      <c r="K7721" s="1" t="s">
        <v>27</v>
      </c>
      <c r="L7721" s="1" t="s">
        <v>26670</v>
      </c>
      <c r="M7721" s="1" t="s">
        <v>5</v>
      </c>
      <c r="N7721" s="1" t="s">
        <v>6</v>
      </c>
      <c r="O7721" s="1" t="s">
        <v>38</v>
      </c>
      <c r="P7721" s="5" t="s">
        <v>32471</v>
      </c>
    </row>
    <row r="7722" spans="1:16" x14ac:dyDescent="0.2">
      <c r="A7722" s="1" t="s">
        <v>194</v>
      </c>
      <c r="B7722" s="1" t="s">
        <v>396</v>
      </c>
      <c r="C7722" s="1" t="s">
        <v>26674</v>
      </c>
      <c r="D7722" s="1" t="s">
        <v>26675</v>
      </c>
      <c r="E7722" s="1"/>
      <c r="F7722" s="1" t="s">
        <v>10</v>
      </c>
      <c r="G7722" s="1" t="s">
        <v>10</v>
      </c>
      <c r="H7722" s="1" t="s">
        <v>10</v>
      </c>
      <c r="I7722" s="1" t="s">
        <v>7415</v>
      </c>
      <c r="J7722" s="1" t="s">
        <v>21769</v>
      </c>
      <c r="K7722" s="1" t="s">
        <v>27</v>
      </c>
      <c r="L7722" s="1" t="s">
        <v>26673</v>
      </c>
      <c r="M7722" s="1" t="s">
        <v>5</v>
      </c>
      <c r="N7722" s="1" t="s">
        <v>1009</v>
      </c>
      <c r="O7722" s="1" t="s">
        <v>38</v>
      </c>
      <c r="P7722" s="5" t="s">
        <v>32472</v>
      </c>
    </row>
    <row r="7723" spans="1:16" x14ac:dyDescent="0.2">
      <c r="A7723" s="1" t="s">
        <v>194</v>
      </c>
      <c r="B7723" s="1" t="s">
        <v>396</v>
      </c>
      <c r="C7723" s="1" t="s">
        <v>26677</v>
      </c>
      <c r="D7723" s="1" t="s">
        <v>26678</v>
      </c>
      <c r="E7723" s="1"/>
      <c r="F7723" s="1" t="s">
        <v>10</v>
      </c>
      <c r="G7723" s="1" t="s">
        <v>10</v>
      </c>
      <c r="H7723" s="1" t="s">
        <v>10</v>
      </c>
      <c r="I7723" s="1" t="s">
        <v>7415</v>
      </c>
      <c r="J7723" s="1" t="s">
        <v>25145</v>
      </c>
      <c r="K7723" s="1" t="s">
        <v>27</v>
      </c>
      <c r="L7723" s="1" t="s">
        <v>26676</v>
      </c>
      <c r="M7723" s="1" t="s">
        <v>5</v>
      </c>
      <c r="N7723" s="1" t="s">
        <v>6</v>
      </c>
      <c r="O7723" s="1" t="s">
        <v>38</v>
      </c>
      <c r="P7723" s="5" t="s">
        <v>32473</v>
      </c>
    </row>
    <row r="7724" spans="1:16" x14ac:dyDescent="0.2">
      <c r="A7724" s="1" t="s">
        <v>32</v>
      </c>
      <c r="B7724" s="1" t="s">
        <v>2216</v>
      </c>
      <c r="C7724" s="1" t="s">
        <v>26680</v>
      </c>
      <c r="D7724" s="1" t="s">
        <v>26681</v>
      </c>
      <c r="E7724" s="1" t="s">
        <v>26682</v>
      </c>
      <c r="F7724" s="1" t="s">
        <v>10</v>
      </c>
      <c r="G7724" s="1" t="s">
        <v>10</v>
      </c>
      <c r="H7724" s="1" t="s">
        <v>10</v>
      </c>
      <c r="I7724" s="1" t="s">
        <v>7415</v>
      </c>
      <c r="J7724" s="1" t="s">
        <v>19</v>
      </c>
      <c r="K7724" s="1" t="s">
        <v>64</v>
      </c>
      <c r="L7724" s="1" t="s">
        <v>26679</v>
      </c>
      <c r="M7724" s="1" t="s">
        <v>5</v>
      </c>
      <c r="N7724" s="1" t="s">
        <v>25</v>
      </c>
      <c r="O7724" s="1" t="s">
        <v>38</v>
      </c>
      <c r="P7724" s="5" t="s">
        <v>30775</v>
      </c>
    </row>
    <row r="7725" spans="1:16" x14ac:dyDescent="0.2">
      <c r="A7725" s="1" t="s">
        <v>32</v>
      </c>
      <c r="B7725" s="1" t="s">
        <v>2216</v>
      </c>
      <c r="C7725" s="1" t="s">
        <v>26684</v>
      </c>
      <c r="D7725" s="1" t="s">
        <v>26685</v>
      </c>
      <c r="E7725" s="1"/>
      <c r="F7725" s="1" t="s">
        <v>10</v>
      </c>
      <c r="G7725" s="1" t="s">
        <v>10</v>
      </c>
      <c r="H7725" s="1" t="s">
        <v>10</v>
      </c>
      <c r="I7725" s="1" t="s">
        <v>7415</v>
      </c>
      <c r="J7725" s="1" t="s">
        <v>19</v>
      </c>
      <c r="K7725" s="1" t="s">
        <v>64</v>
      </c>
      <c r="L7725" s="1" t="s">
        <v>26683</v>
      </c>
      <c r="M7725" s="1" t="s">
        <v>5</v>
      </c>
      <c r="N7725" s="1" t="s">
        <v>25</v>
      </c>
      <c r="O7725" s="1" t="s">
        <v>38</v>
      </c>
      <c r="P7725" s="5" t="s">
        <v>30785</v>
      </c>
    </row>
    <row r="7726" spans="1:16" x14ac:dyDescent="0.2">
      <c r="A7726" s="1" t="s">
        <v>32</v>
      </c>
      <c r="B7726" s="1" t="s">
        <v>140</v>
      </c>
      <c r="C7726" s="1" t="s">
        <v>26687</v>
      </c>
      <c r="D7726" s="1" t="s">
        <v>26688</v>
      </c>
      <c r="E7726" s="1" t="s">
        <v>26689</v>
      </c>
      <c r="F7726" s="1" t="s">
        <v>10</v>
      </c>
      <c r="G7726" s="1" t="s">
        <v>10</v>
      </c>
      <c r="H7726" s="1" t="s">
        <v>10</v>
      </c>
      <c r="I7726" s="1" t="s">
        <v>7415</v>
      </c>
      <c r="J7726" s="1" t="s">
        <v>19</v>
      </c>
      <c r="K7726" s="1" t="s">
        <v>64</v>
      </c>
      <c r="L7726" s="1" t="s">
        <v>26686</v>
      </c>
      <c r="M7726" s="1" t="s">
        <v>5</v>
      </c>
      <c r="N7726" s="1" t="s">
        <v>25</v>
      </c>
      <c r="O7726" s="1" t="s">
        <v>38</v>
      </c>
      <c r="P7726" s="5" t="s">
        <v>30775</v>
      </c>
    </row>
    <row r="7727" spans="1:16" x14ac:dyDescent="0.2">
      <c r="A7727" s="1" t="s">
        <v>32</v>
      </c>
      <c r="B7727" s="1" t="s">
        <v>2216</v>
      </c>
      <c r="C7727" s="1" t="s">
        <v>26691</v>
      </c>
      <c r="D7727" s="1" t="s">
        <v>26692</v>
      </c>
      <c r="E7727" s="1" t="s">
        <v>26693</v>
      </c>
      <c r="F7727" s="1" t="s">
        <v>10</v>
      </c>
      <c r="G7727" s="1" t="s">
        <v>10</v>
      </c>
      <c r="H7727" s="1" t="s">
        <v>10</v>
      </c>
      <c r="I7727" s="1" t="s">
        <v>7415</v>
      </c>
      <c r="J7727" s="1" t="s">
        <v>19</v>
      </c>
      <c r="K7727" s="1" t="s">
        <v>64</v>
      </c>
      <c r="L7727" s="1" t="s">
        <v>26690</v>
      </c>
      <c r="M7727" s="1" t="s">
        <v>5</v>
      </c>
      <c r="N7727" s="1" t="s">
        <v>25</v>
      </c>
      <c r="O7727" s="1" t="s">
        <v>38</v>
      </c>
      <c r="P7727" s="5" t="s">
        <v>30775</v>
      </c>
    </row>
    <row r="7728" spans="1:16" x14ac:dyDescent="0.2">
      <c r="A7728" s="1" t="s">
        <v>32</v>
      </c>
      <c r="B7728" s="1" t="s">
        <v>2216</v>
      </c>
      <c r="C7728" s="1" t="s">
        <v>26695</v>
      </c>
      <c r="D7728" s="1" t="s">
        <v>26696</v>
      </c>
      <c r="E7728" s="1" t="s">
        <v>26697</v>
      </c>
      <c r="F7728" s="1" t="s">
        <v>10</v>
      </c>
      <c r="G7728" s="1" t="s">
        <v>10</v>
      </c>
      <c r="H7728" s="1" t="s">
        <v>10</v>
      </c>
      <c r="I7728" s="1" t="s">
        <v>7415</v>
      </c>
      <c r="J7728" s="1" t="s">
        <v>19</v>
      </c>
      <c r="K7728" s="1" t="s">
        <v>64</v>
      </c>
      <c r="L7728" s="1" t="s">
        <v>26694</v>
      </c>
      <c r="M7728" s="1" t="s">
        <v>5</v>
      </c>
      <c r="N7728" s="1" t="s">
        <v>25</v>
      </c>
      <c r="O7728" s="1" t="s">
        <v>38</v>
      </c>
      <c r="P7728" s="5" t="s">
        <v>30775</v>
      </c>
    </row>
    <row r="7729" spans="1:16" x14ac:dyDescent="0.2">
      <c r="A7729" s="1" t="s">
        <v>20</v>
      </c>
      <c r="B7729" s="1" t="s">
        <v>445</v>
      </c>
      <c r="C7729" s="1" t="s">
        <v>26699</v>
      </c>
      <c r="D7729" s="1" t="s">
        <v>26700</v>
      </c>
      <c r="E7729" s="1"/>
      <c r="F7729" s="1" t="s">
        <v>10</v>
      </c>
      <c r="G7729" s="1" t="s">
        <v>10</v>
      </c>
      <c r="H7729" s="1" t="s">
        <v>10</v>
      </c>
      <c r="I7729" s="1" t="s">
        <v>7415</v>
      </c>
      <c r="J7729" s="1" t="s">
        <v>25141</v>
      </c>
      <c r="K7729" s="1" t="s">
        <v>64</v>
      </c>
      <c r="L7729" s="1" t="s">
        <v>26698</v>
      </c>
      <c r="M7729" s="1" t="s">
        <v>5</v>
      </c>
      <c r="N7729" s="1" t="s">
        <v>1009</v>
      </c>
      <c r="O7729" s="1" t="s">
        <v>38</v>
      </c>
      <c r="P7729" s="5" t="s">
        <v>30754</v>
      </c>
    </row>
    <row r="7730" spans="1:16" x14ac:dyDescent="0.2">
      <c r="A7730" s="1" t="s">
        <v>487</v>
      </c>
      <c r="B7730" s="1" t="s">
        <v>10</v>
      </c>
      <c r="C7730" s="1" t="s">
        <v>26702</v>
      </c>
      <c r="D7730" s="1" t="s">
        <v>10</v>
      </c>
      <c r="E7730" s="1"/>
      <c r="F7730" s="1" t="s">
        <v>27</v>
      </c>
      <c r="G7730" s="1" t="s">
        <v>10</v>
      </c>
      <c r="H7730" s="1" t="s">
        <v>10</v>
      </c>
      <c r="I7730" s="1" t="s">
        <v>7415</v>
      </c>
      <c r="J7730" s="1" t="s">
        <v>10</v>
      </c>
      <c r="K7730" s="1" t="s">
        <v>64</v>
      </c>
      <c r="L7730" s="1" t="s">
        <v>26701</v>
      </c>
      <c r="M7730" s="1" t="s">
        <v>5</v>
      </c>
      <c r="N7730" s="1" t="s">
        <v>6</v>
      </c>
      <c r="O7730" s="1" t="s">
        <v>8</v>
      </c>
      <c r="P7730" s="5" t="s">
        <v>10</v>
      </c>
    </row>
    <row r="7731" spans="1:16" x14ac:dyDescent="0.2">
      <c r="A7731" s="1" t="s">
        <v>20</v>
      </c>
      <c r="B7731" s="1" t="s">
        <v>445</v>
      </c>
      <c r="C7731" s="1" t="s">
        <v>26704</v>
      </c>
      <c r="D7731" s="1" t="s">
        <v>26705</v>
      </c>
      <c r="E7731" s="1"/>
      <c r="F7731" s="1" t="s">
        <v>10</v>
      </c>
      <c r="G7731" s="1" t="s">
        <v>10</v>
      </c>
      <c r="H7731" s="1" t="s">
        <v>10</v>
      </c>
      <c r="I7731" s="1" t="s">
        <v>7415</v>
      </c>
      <c r="J7731" s="1" t="s">
        <v>25141</v>
      </c>
      <c r="K7731" s="1" t="s">
        <v>64</v>
      </c>
      <c r="L7731" s="1" t="s">
        <v>26703</v>
      </c>
      <c r="M7731" s="1" t="s">
        <v>5</v>
      </c>
      <c r="N7731" s="1" t="s">
        <v>1009</v>
      </c>
      <c r="O7731" s="1" t="s">
        <v>38</v>
      </c>
      <c r="P7731" s="5" t="s">
        <v>30754</v>
      </c>
    </row>
    <row r="7732" spans="1:16" x14ac:dyDescent="0.2">
      <c r="A7732" s="1" t="s">
        <v>20</v>
      </c>
      <c r="B7732" s="1" t="s">
        <v>253</v>
      </c>
      <c r="C7732" s="1" t="s">
        <v>26707</v>
      </c>
      <c r="D7732" s="1" t="s">
        <v>26708</v>
      </c>
      <c r="E7732" s="1"/>
      <c r="F7732" s="1" t="s">
        <v>10</v>
      </c>
      <c r="G7732" s="1" t="s">
        <v>10</v>
      </c>
      <c r="H7732" s="1" t="s">
        <v>10</v>
      </c>
      <c r="I7732" s="1" t="s">
        <v>7415</v>
      </c>
      <c r="J7732" s="1" t="s">
        <v>25141</v>
      </c>
      <c r="K7732" s="1" t="s">
        <v>27</v>
      </c>
      <c r="L7732" s="1" t="s">
        <v>26706</v>
      </c>
      <c r="M7732" s="1" t="s">
        <v>5</v>
      </c>
      <c r="N7732" s="1" t="s">
        <v>1009</v>
      </c>
      <c r="O7732" s="1" t="s">
        <v>38</v>
      </c>
      <c r="P7732" s="5" t="s">
        <v>30758</v>
      </c>
    </row>
    <row r="7733" spans="1:16" x14ac:dyDescent="0.2">
      <c r="A7733" s="1" t="s">
        <v>20</v>
      </c>
      <c r="B7733" s="1" t="s">
        <v>253</v>
      </c>
      <c r="C7733" s="1" t="s">
        <v>26710</v>
      </c>
      <c r="D7733" s="1" t="s">
        <v>26711</v>
      </c>
      <c r="E7733" s="1"/>
      <c r="F7733" s="1" t="s">
        <v>10</v>
      </c>
      <c r="G7733" s="1" t="s">
        <v>10</v>
      </c>
      <c r="H7733" s="1" t="s">
        <v>10</v>
      </c>
      <c r="I7733" s="1" t="s">
        <v>7415</v>
      </c>
      <c r="J7733" s="1" t="s">
        <v>25141</v>
      </c>
      <c r="K7733" s="1" t="s">
        <v>27</v>
      </c>
      <c r="L7733" s="1" t="s">
        <v>26709</v>
      </c>
      <c r="M7733" s="1" t="s">
        <v>5</v>
      </c>
      <c r="N7733" s="1" t="s">
        <v>25</v>
      </c>
      <c r="O7733" s="1" t="s">
        <v>38</v>
      </c>
      <c r="P7733" s="5" t="s">
        <v>32274</v>
      </c>
    </row>
    <row r="7734" spans="1:16" x14ac:dyDescent="0.2">
      <c r="A7734" s="1" t="s">
        <v>20</v>
      </c>
      <c r="B7734" s="1" t="s">
        <v>253</v>
      </c>
      <c r="C7734" s="1" t="s">
        <v>26713</v>
      </c>
      <c r="D7734" s="1" t="s">
        <v>24653</v>
      </c>
      <c r="E7734" s="1"/>
      <c r="F7734" s="1" t="s">
        <v>10</v>
      </c>
      <c r="G7734" s="1" t="s">
        <v>10</v>
      </c>
      <c r="H7734" s="1" t="s">
        <v>10</v>
      </c>
      <c r="I7734" s="1" t="s">
        <v>7415</v>
      </c>
      <c r="J7734" s="1" t="s">
        <v>25141</v>
      </c>
      <c r="K7734" s="1" t="s">
        <v>64</v>
      </c>
      <c r="L7734" s="1" t="s">
        <v>26712</v>
      </c>
      <c r="M7734" s="1" t="s">
        <v>5</v>
      </c>
      <c r="N7734" s="1" t="s">
        <v>1009</v>
      </c>
      <c r="O7734" s="1" t="s">
        <v>38</v>
      </c>
      <c r="P7734" s="5" t="s">
        <v>30754</v>
      </c>
    </row>
    <row r="7735" spans="1:16" x14ac:dyDescent="0.2">
      <c r="A7735" s="1" t="s">
        <v>194</v>
      </c>
      <c r="B7735" s="1" t="s">
        <v>396</v>
      </c>
      <c r="C7735" s="1" t="s">
        <v>26715</v>
      </c>
      <c r="D7735" s="1" t="s">
        <v>25461</v>
      </c>
      <c r="E7735" s="1"/>
      <c r="F7735" s="1" t="s">
        <v>10</v>
      </c>
      <c r="G7735" s="1" t="s">
        <v>10</v>
      </c>
      <c r="H7735" s="1" t="s">
        <v>10</v>
      </c>
      <c r="I7735" s="1" t="s">
        <v>7415</v>
      </c>
      <c r="J7735" s="1" t="s">
        <v>25145</v>
      </c>
      <c r="K7735" s="1" t="s">
        <v>2555</v>
      </c>
      <c r="L7735" s="1" t="s">
        <v>26714</v>
      </c>
      <c r="M7735" s="1" t="s">
        <v>5</v>
      </c>
      <c r="N7735" s="1" t="s">
        <v>1009</v>
      </c>
      <c r="O7735" s="1" t="s">
        <v>38</v>
      </c>
      <c r="P7735" s="5" t="s">
        <v>32451</v>
      </c>
    </row>
    <row r="7736" spans="1:16" x14ac:dyDescent="0.2">
      <c r="A7736" s="1" t="s">
        <v>194</v>
      </c>
      <c r="B7736" s="1" t="s">
        <v>396</v>
      </c>
      <c r="C7736" s="1" t="s">
        <v>26717</v>
      </c>
      <c r="D7736" s="1" t="s">
        <v>26718</v>
      </c>
      <c r="E7736" s="1"/>
      <c r="F7736" s="1" t="s">
        <v>10</v>
      </c>
      <c r="G7736" s="1" t="s">
        <v>10</v>
      </c>
      <c r="H7736" s="1" t="s">
        <v>10</v>
      </c>
      <c r="I7736" s="1" t="s">
        <v>7415</v>
      </c>
      <c r="J7736" s="1" t="s">
        <v>25145</v>
      </c>
      <c r="K7736" s="1" t="s">
        <v>2555</v>
      </c>
      <c r="L7736" s="1" t="s">
        <v>26716</v>
      </c>
      <c r="M7736" s="1" t="s">
        <v>5</v>
      </c>
      <c r="N7736" s="1" t="s">
        <v>1009</v>
      </c>
      <c r="O7736" s="1" t="s">
        <v>38</v>
      </c>
      <c r="P7736" s="5" t="s">
        <v>32283</v>
      </c>
    </row>
    <row r="7737" spans="1:16" x14ac:dyDescent="0.2">
      <c r="A7737" s="1" t="s">
        <v>194</v>
      </c>
      <c r="B7737" s="1" t="s">
        <v>396</v>
      </c>
      <c r="C7737" s="1" t="s">
        <v>26720</v>
      </c>
      <c r="D7737" s="1" t="s">
        <v>26721</v>
      </c>
      <c r="E7737" s="1"/>
      <c r="F7737" s="1" t="s">
        <v>10</v>
      </c>
      <c r="G7737" s="1" t="s">
        <v>10</v>
      </c>
      <c r="H7737" s="1" t="s">
        <v>10</v>
      </c>
      <c r="I7737" s="1" t="s">
        <v>7415</v>
      </c>
      <c r="J7737" s="1" t="s">
        <v>25145</v>
      </c>
      <c r="K7737" s="1" t="s">
        <v>2555</v>
      </c>
      <c r="L7737" s="1" t="s">
        <v>26719</v>
      </c>
      <c r="M7737" s="1" t="s">
        <v>5</v>
      </c>
      <c r="N7737" s="1" t="s">
        <v>1009</v>
      </c>
      <c r="O7737" s="1" t="s">
        <v>38</v>
      </c>
      <c r="P7737" s="5" t="s">
        <v>32283</v>
      </c>
    </row>
    <row r="7738" spans="1:16" x14ac:dyDescent="0.2">
      <c r="A7738" s="1" t="s">
        <v>66</v>
      </c>
      <c r="B7738" s="1" t="s">
        <v>1127</v>
      </c>
      <c r="C7738" s="1" t="s">
        <v>26723</v>
      </c>
      <c r="D7738" s="1" t="s">
        <v>26724</v>
      </c>
      <c r="E7738" s="1"/>
      <c r="F7738" s="1" t="s">
        <v>10</v>
      </c>
      <c r="G7738" s="1" t="s">
        <v>10</v>
      </c>
      <c r="H7738" s="1" t="s">
        <v>10</v>
      </c>
      <c r="I7738" s="1" t="s">
        <v>7415</v>
      </c>
      <c r="J7738" s="1" t="s">
        <v>25141</v>
      </c>
      <c r="K7738" s="1" t="s">
        <v>27</v>
      </c>
      <c r="L7738" s="1" t="s">
        <v>26722</v>
      </c>
      <c r="M7738" s="1" t="s">
        <v>5</v>
      </c>
      <c r="N7738" s="1" t="s">
        <v>1009</v>
      </c>
      <c r="O7738" s="1" t="s">
        <v>38</v>
      </c>
      <c r="P7738" s="5" t="s">
        <v>32474</v>
      </c>
    </row>
    <row r="7739" spans="1:16" x14ac:dyDescent="0.2">
      <c r="A7739" s="1" t="s">
        <v>66</v>
      </c>
      <c r="B7739" s="1" t="s">
        <v>1812</v>
      </c>
      <c r="C7739" s="1" t="s">
        <v>26726</v>
      </c>
      <c r="D7739" s="1" t="s">
        <v>26727</v>
      </c>
      <c r="E7739" s="1"/>
      <c r="F7739" s="1" t="s">
        <v>10</v>
      </c>
      <c r="G7739" s="1" t="s">
        <v>10</v>
      </c>
      <c r="H7739" s="1" t="s">
        <v>10</v>
      </c>
      <c r="I7739" s="1" t="s">
        <v>7415</v>
      </c>
      <c r="J7739" s="1" t="s">
        <v>25141</v>
      </c>
      <c r="K7739" s="1" t="s">
        <v>27</v>
      </c>
      <c r="L7739" s="1" t="s">
        <v>26725</v>
      </c>
      <c r="M7739" s="1" t="s">
        <v>5</v>
      </c>
      <c r="N7739" s="1" t="s">
        <v>25</v>
      </c>
      <c r="O7739" s="1" t="s">
        <v>38</v>
      </c>
      <c r="P7739" s="5" t="s">
        <v>32475</v>
      </c>
    </row>
    <row r="7740" spans="1:16" x14ac:dyDescent="0.2">
      <c r="A7740" s="1" t="s">
        <v>66</v>
      </c>
      <c r="B7740" s="1" t="s">
        <v>212</v>
      </c>
      <c r="C7740" s="1" t="s">
        <v>26729</v>
      </c>
      <c r="D7740" s="1" t="s">
        <v>26730</v>
      </c>
      <c r="E7740" s="1"/>
      <c r="F7740" s="1" t="s">
        <v>10</v>
      </c>
      <c r="G7740" s="1" t="s">
        <v>10</v>
      </c>
      <c r="H7740" s="1" t="s">
        <v>10</v>
      </c>
      <c r="I7740" s="1" t="s">
        <v>7415</v>
      </c>
      <c r="J7740" s="1" t="s">
        <v>25141</v>
      </c>
      <c r="K7740" s="1" t="s">
        <v>27</v>
      </c>
      <c r="L7740" s="1" t="s">
        <v>26728</v>
      </c>
      <c r="M7740" s="1" t="s">
        <v>5</v>
      </c>
      <c r="N7740" s="1" t="s">
        <v>1009</v>
      </c>
      <c r="O7740" s="1" t="s">
        <v>38</v>
      </c>
      <c r="P7740" s="5" t="s">
        <v>32310</v>
      </c>
    </row>
    <row r="7741" spans="1:16" x14ac:dyDescent="0.2">
      <c r="A7741" s="1" t="s">
        <v>66</v>
      </c>
      <c r="B7741" s="1" t="s">
        <v>1127</v>
      </c>
      <c r="C7741" s="1" t="s">
        <v>26732</v>
      </c>
      <c r="D7741" s="1" t="s">
        <v>26733</v>
      </c>
      <c r="E7741" s="1"/>
      <c r="F7741" s="1" t="s">
        <v>10</v>
      </c>
      <c r="G7741" s="1" t="s">
        <v>10</v>
      </c>
      <c r="H7741" s="1" t="s">
        <v>10</v>
      </c>
      <c r="I7741" s="1" t="s">
        <v>7415</v>
      </c>
      <c r="J7741" s="1" t="s">
        <v>25141</v>
      </c>
      <c r="K7741" s="1" t="s">
        <v>27</v>
      </c>
      <c r="L7741" s="1" t="s">
        <v>26731</v>
      </c>
      <c r="M7741" s="1" t="s">
        <v>5</v>
      </c>
      <c r="N7741" s="1" t="s">
        <v>1009</v>
      </c>
      <c r="O7741" s="1" t="s">
        <v>38</v>
      </c>
      <c r="P7741" s="5" t="s">
        <v>32476</v>
      </c>
    </row>
    <row r="7742" spans="1:16" x14ac:dyDescent="0.2">
      <c r="A7742" s="1" t="s">
        <v>66</v>
      </c>
      <c r="B7742" s="1" t="s">
        <v>212</v>
      </c>
      <c r="C7742" s="1" t="s">
        <v>26735</v>
      </c>
      <c r="D7742" s="1" t="s">
        <v>26736</v>
      </c>
      <c r="E7742" s="1"/>
      <c r="F7742" s="1" t="s">
        <v>10</v>
      </c>
      <c r="G7742" s="1" t="s">
        <v>10</v>
      </c>
      <c r="H7742" s="1" t="s">
        <v>10</v>
      </c>
      <c r="I7742" s="1" t="s">
        <v>7415</v>
      </c>
      <c r="J7742" s="1" t="s">
        <v>25141</v>
      </c>
      <c r="K7742" s="1" t="s">
        <v>27</v>
      </c>
      <c r="L7742" s="1" t="s">
        <v>26734</v>
      </c>
      <c r="M7742" s="1" t="s">
        <v>5</v>
      </c>
      <c r="N7742" s="1" t="s">
        <v>1009</v>
      </c>
      <c r="O7742" s="1" t="s">
        <v>38</v>
      </c>
      <c r="P7742" s="5" t="s">
        <v>32310</v>
      </c>
    </row>
    <row r="7743" spans="1:16" x14ac:dyDescent="0.2">
      <c r="A7743" s="1" t="s">
        <v>66</v>
      </c>
      <c r="B7743" s="1" t="s">
        <v>212</v>
      </c>
      <c r="C7743" s="1" t="s">
        <v>26738</v>
      </c>
      <c r="D7743" s="1" t="s">
        <v>26739</v>
      </c>
      <c r="E7743" s="1"/>
      <c r="F7743" s="1" t="s">
        <v>10</v>
      </c>
      <c r="G7743" s="1" t="s">
        <v>10</v>
      </c>
      <c r="H7743" s="1" t="s">
        <v>10</v>
      </c>
      <c r="I7743" s="1" t="s">
        <v>7415</v>
      </c>
      <c r="J7743" s="1" t="s">
        <v>25141</v>
      </c>
      <c r="K7743" s="1" t="s">
        <v>27</v>
      </c>
      <c r="L7743" s="1" t="s">
        <v>26737</v>
      </c>
      <c r="M7743" s="1" t="s">
        <v>5</v>
      </c>
      <c r="N7743" s="1" t="s">
        <v>1009</v>
      </c>
      <c r="O7743" s="1" t="s">
        <v>38</v>
      </c>
      <c r="P7743" s="5" t="s">
        <v>32310</v>
      </c>
    </row>
    <row r="7744" spans="1:16" x14ac:dyDescent="0.2">
      <c r="A7744" s="1" t="s">
        <v>66</v>
      </c>
      <c r="B7744" s="1" t="s">
        <v>212</v>
      </c>
      <c r="C7744" s="1" t="s">
        <v>26741</v>
      </c>
      <c r="D7744" s="1" t="s">
        <v>26742</v>
      </c>
      <c r="E7744" s="1"/>
      <c r="F7744" s="1" t="s">
        <v>10</v>
      </c>
      <c r="G7744" s="1" t="s">
        <v>10</v>
      </c>
      <c r="H7744" s="1" t="s">
        <v>10</v>
      </c>
      <c r="I7744" s="1" t="s">
        <v>7415</v>
      </c>
      <c r="J7744" s="1" t="s">
        <v>25141</v>
      </c>
      <c r="K7744" s="1" t="s">
        <v>27</v>
      </c>
      <c r="L7744" s="1" t="s">
        <v>26740</v>
      </c>
      <c r="M7744" s="1" t="s">
        <v>5</v>
      </c>
      <c r="N7744" s="1" t="s">
        <v>1009</v>
      </c>
      <c r="O7744" s="1" t="s">
        <v>38</v>
      </c>
      <c r="P7744" s="5" t="s">
        <v>32476</v>
      </c>
    </row>
    <row r="7745" spans="1:16" x14ac:dyDescent="0.2">
      <c r="A7745" s="1" t="s">
        <v>66</v>
      </c>
      <c r="B7745" s="1" t="s">
        <v>212</v>
      </c>
      <c r="C7745" s="1" t="s">
        <v>26744</v>
      </c>
      <c r="D7745" s="1" t="s">
        <v>26745</v>
      </c>
      <c r="E7745" s="1"/>
      <c r="F7745" s="1" t="s">
        <v>10</v>
      </c>
      <c r="G7745" s="1" t="s">
        <v>10</v>
      </c>
      <c r="H7745" s="1" t="s">
        <v>10</v>
      </c>
      <c r="I7745" s="1" t="s">
        <v>7415</v>
      </c>
      <c r="J7745" s="1" t="s">
        <v>25141</v>
      </c>
      <c r="K7745" s="1" t="s">
        <v>27</v>
      </c>
      <c r="L7745" s="1" t="s">
        <v>26743</v>
      </c>
      <c r="M7745" s="1" t="s">
        <v>5</v>
      </c>
      <c r="N7745" s="1" t="s">
        <v>1009</v>
      </c>
      <c r="O7745" s="1" t="s">
        <v>38</v>
      </c>
      <c r="P7745" s="5" t="s">
        <v>32310</v>
      </c>
    </row>
    <row r="7746" spans="1:16" x14ac:dyDescent="0.2">
      <c r="A7746" s="1" t="s">
        <v>66</v>
      </c>
      <c r="B7746" s="1" t="s">
        <v>212</v>
      </c>
      <c r="C7746" s="1" t="s">
        <v>26747</v>
      </c>
      <c r="D7746" s="1" t="s">
        <v>26748</v>
      </c>
      <c r="E7746" s="1"/>
      <c r="F7746" s="1" t="s">
        <v>10</v>
      </c>
      <c r="G7746" s="1" t="s">
        <v>10</v>
      </c>
      <c r="H7746" s="1" t="s">
        <v>10</v>
      </c>
      <c r="I7746" s="1" t="s">
        <v>7415</v>
      </c>
      <c r="J7746" s="1" t="s">
        <v>25141</v>
      </c>
      <c r="K7746" s="1" t="s">
        <v>27</v>
      </c>
      <c r="L7746" s="1" t="s">
        <v>26746</v>
      </c>
      <c r="M7746" s="1" t="s">
        <v>5</v>
      </c>
      <c r="N7746" s="1" t="s">
        <v>1009</v>
      </c>
      <c r="O7746" s="1" t="s">
        <v>38</v>
      </c>
      <c r="P7746" s="5" t="s">
        <v>32310</v>
      </c>
    </row>
    <row r="7747" spans="1:16" x14ac:dyDescent="0.2">
      <c r="A7747" s="1" t="s">
        <v>66</v>
      </c>
      <c r="B7747" s="1" t="s">
        <v>212</v>
      </c>
      <c r="C7747" s="1" t="s">
        <v>26750</v>
      </c>
      <c r="D7747" s="1" t="s">
        <v>26751</v>
      </c>
      <c r="E7747" s="1"/>
      <c r="F7747" s="1" t="s">
        <v>10</v>
      </c>
      <c r="G7747" s="1" t="s">
        <v>10</v>
      </c>
      <c r="H7747" s="1" t="s">
        <v>10</v>
      </c>
      <c r="I7747" s="1" t="s">
        <v>7415</v>
      </c>
      <c r="J7747" s="1" t="s">
        <v>25141</v>
      </c>
      <c r="K7747" s="1" t="s">
        <v>27</v>
      </c>
      <c r="L7747" s="1" t="s">
        <v>26749</v>
      </c>
      <c r="M7747" s="1" t="s">
        <v>5</v>
      </c>
      <c r="N7747" s="1" t="s">
        <v>1009</v>
      </c>
      <c r="O7747" s="1" t="s">
        <v>38</v>
      </c>
      <c r="P7747" s="5" t="s">
        <v>32476</v>
      </c>
    </row>
    <row r="7748" spans="1:16" x14ac:dyDescent="0.2">
      <c r="A7748" s="1" t="s">
        <v>66</v>
      </c>
      <c r="B7748" s="1" t="s">
        <v>212</v>
      </c>
      <c r="C7748" s="1" t="s">
        <v>26753</v>
      </c>
      <c r="D7748" s="1" t="s">
        <v>26754</v>
      </c>
      <c r="E7748" s="1"/>
      <c r="F7748" s="1" t="s">
        <v>10</v>
      </c>
      <c r="G7748" s="1" t="s">
        <v>10</v>
      </c>
      <c r="H7748" s="1" t="s">
        <v>10</v>
      </c>
      <c r="I7748" s="1" t="s">
        <v>7415</v>
      </c>
      <c r="J7748" s="1" t="s">
        <v>25141</v>
      </c>
      <c r="K7748" s="1" t="s">
        <v>27</v>
      </c>
      <c r="L7748" s="1" t="s">
        <v>26752</v>
      </c>
      <c r="M7748" s="1" t="s">
        <v>5</v>
      </c>
      <c r="N7748" s="1" t="s">
        <v>1009</v>
      </c>
      <c r="O7748" s="1" t="s">
        <v>38</v>
      </c>
      <c r="P7748" s="5" t="s">
        <v>32310</v>
      </c>
    </row>
    <row r="7749" spans="1:16" x14ac:dyDescent="0.2">
      <c r="A7749" s="1" t="s">
        <v>66</v>
      </c>
      <c r="B7749" s="1" t="s">
        <v>212</v>
      </c>
      <c r="C7749" s="1" t="s">
        <v>26756</v>
      </c>
      <c r="D7749" s="1" t="s">
        <v>26757</v>
      </c>
      <c r="E7749" s="1"/>
      <c r="F7749" s="1" t="s">
        <v>10</v>
      </c>
      <c r="G7749" s="1" t="s">
        <v>10</v>
      </c>
      <c r="H7749" s="1" t="s">
        <v>10</v>
      </c>
      <c r="I7749" s="1" t="s">
        <v>7415</v>
      </c>
      <c r="J7749" s="1" t="s">
        <v>25141</v>
      </c>
      <c r="K7749" s="1" t="s">
        <v>27</v>
      </c>
      <c r="L7749" s="1" t="s">
        <v>26755</v>
      </c>
      <c r="M7749" s="1" t="s">
        <v>5</v>
      </c>
      <c r="N7749" s="1" t="s">
        <v>1009</v>
      </c>
      <c r="O7749" s="1" t="s">
        <v>38</v>
      </c>
      <c r="P7749" s="5" t="s">
        <v>32476</v>
      </c>
    </row>
    <row r="7750" spans="1:16" x14ac:dyDescent="0.2">
      <c r="A7750" s="1" t="s">
        <v>66</v>
      </c>
      <c r="B7750" s="1" t="s">
        <v>212</v>
      </c>
      <c r="C7750" s="1" t="s">
        <v>26759</v>
      </c>
      <c r="D7750" s="1" t="s">
        <v>26760</v>
      </c>
      <c r="E7750" s="1"/>
      <c r="F7750" s="1" t="s">
        <v>10</v>
      </c>
      <c r="G7750" s="1" t="s">
        <v>10</v>
      </c>
      <c r="H7750" s="1" t="s">
        <v>10</v>
      </c>
      <c r="I7750" s="1" t="s">
        <v>7415</v>
      </c>
      <c r="J7750" s="1" t="s">
        <v>25141</v>
      </c>
      <c r="K7750" s="1" t="s">
        <v>27</v>
      </c>
      <c r="L7750" s="1" t="s">
        <v>26758</v>
      </c>
      <c r="M7750" s="1" t="s">
        <v>5</v>
      </c>
      <c r="N7750" s="1" t="s">
        <v>1009</v>
      </c>
      <c r="O7750" s="1" t="s">
        <v>38</v>
      </c>
      <c r="P7750" s="5" t="s">
        <v>32310</v>
      </c>
    </row>
    <row r="7751" spans="1:16" x14ac:dyDescent="0.2">
      <c r="A7751" s="1" t="s">
        <v>66</v>
      </c>
      <c r="B7751" s="1" t="s">
        <v>212</v>
      </c>
      <c r="C7751" s="1" t="s">
        <v>26762</v>
      </c>
      <c r="D7751" s="1" t="s">
        <v>26763</v>
      </c>
      <c r="E7751" s="1"/>
      <c r="F7751" s="1" t="s">
        <v>10</v>
      </c>
      <c r="G7751" s="1" t="s">
        <v>10</v>
      </c>
      <c r="H7751" s="1" t="s">
        <v>10</v>
      </c>
      <c r="I7751" s="1" t="s">
        <v>7415</v>
      </c>
      <c r="J7751" s="1" t="s">
        <v>25141</v>
      </c>
      <c r="K7751" s="1" t="s">
        <v>27</v>
      </c>
      <c r="L7751" s="1" t="s">
        <v>26761</v>
      </c>
      <c r="M7751" s="1" t="s">
        <v>5</v>
      </c>
      <c r="N7751" s="1" t="s">
        <v>1009</v>
      </c>
      <c r="O7751" s="1" t="s">
        <v>38</v>
      </c>
      <c r="P7751" s="5" t="s">
        <v>32476</v>
      </c>
    </row>
    <row r="7752" spans="1:16" x14ac:dyDescent="0.2">
      <c r="A7752" s="1" t="s">
        <v>66</v>
      </c>
      <c r="B7752" s="1" t="s">
        <v>212</v>
      </c>
      <c r="C7752" s="1" t="s">
        <v>26765</v>
      </c>
      <c r="D7752" s="1" t="s">
        <v>26766</v>
      </c>
      <c r="E7752" s="1"/>
      <c r="F7752" s="1" t="s">
        <v>10</v>
      </c>
      <c r="G7752" s="1" t="s">
        <v>10</v>
      </c>
      <c r="H7752" s="1" t="s">
        <v>10</v>
      </c>
      <c r="I7752" s="1" t="s">
        <v>7415</v>
      </c>
      <c r="J7752" s="1" t="s">
        <v>25141</v>
      </c>
      <c r="K7752" s="1" t="s">
        <v>27</v>
      </c>
      <c r="L7752" s="1" t="s">
        <v>26764</v>
      </c>
      <c r="M7752" s="1" t="s">
        <v>5</v>
      </c>
      <c r="N7752" s="1" t="s">
        <v>1009</v>
      </c>
      <c r="O7752" s="1" t="s">
        <v>38</v>
      </c>
      <c r="P7752" s="5" t="s">
        <v>32477</v>
      </c>
    </row>
    <row r="7753" spans="1:16" x14ac:dyDescent="0.2">
      <c r="A7753" s="1" t="s">
        <v>66</v>
      </c>
      <c r="B7753" s="1" t="s">
        <v>212</v>
      </c>
      <c r="C7753" s="1" t="s">
        <v>26768</v>
      </c>
      <c r="D7753" s="1" t="s">
        <v>26769</v>
      </c>
      <c r="E7753" s="1"/>
      <c r="F7753" s="1" t="s">
        <v>10</v>
      </c>
      <c r="G7753" s="1" t="s">
        <v>10</v>
      </c>
      <c r="H7753" s="1" t="s">
        <v>10</v>
      </c>
      <c r="I7753" s="1" t="s">
        <v>7415</v>
      </c>
      <c r="J7753" s="1" t="s">
        <v>25141</v>
      </c>
      <c r="K7753" s="1" t="s">
        <v>27</v>
      </c>
      <c r="L7753" s="1" t="s">
        <v>26767</v>
      </c>
      <c r="M7753" s="1" t="s">
        <v>5</v>
      </c>
      <c r="N7753" s="1" t="s">
        <v>1009</v>
      </c>
      <c r="O7753" s="1" t="s">
        <v>38</v>
      </c>
      <c r="P7753" s="5" t="s">
        <v>32478</v>
      </c>
    </row>
    <row r="7754" spans="1:16" x14ac:dyDescent="0.2">
      <c r="A7754" s="1" t="s">
        <v>66</v>
      </c>
      <c r="B7754" s="1" t="s">
        <v>1127</v>
      </c>
      <c r="C7754" s="1" t="s">
        <v>26771</v>
      </c>
      <c r="D7754" s="1" t="s">
        <v>26772</v>
      </c>
      <c r="E7754" s="1"/>
      <c r="F7754" s="1" t="s">
        <v>10</v>
      </c>
      <c r="G7754" s="1" t="s">
        <v>10</v>
      </c>
      <c r="H7754" s="1" t="s">
        <v>10</v>
      </c>
      <c r="I7754" s="1" t="s">
        <v>7415</v>
      </c>
      <c r="J7754" s="1" t="s">
        <v>25141</v>
      </c>
      <c r="K7754" s="1" t="s">
        <v>27</v>
      </c>
      <c r="L7754" s="1" t="s">
        <v>26770</v>
      </c>
      <c r="M7754" s="1" t="s">
        <v>5</v>
      </c>
      <c r="N7754" s="1" t="s">
        <v>1009</v>
      </c>
      <c r="O7754" s="1" t="s">
        <v>38</v>
      </c>
      <c r="P7754" s="5" t="s">
        <v>32479</v>
      </c>
    </row>
    <row r="7755" spans="1:16" x14ac:dyDescent="0.2">
      <c r="A7755" s="1" t="s">
        <v>194</v>
      </c>
      <c r="B7755" s="1" t="s">
        <v>396</v>
      </c>
      <c r="C7755" s="1" t="s">
        <v>26774</v>
      </c>
      <c r="D7755" s="1" t="s">
        <v>26775</v>
      </c>
      <c r="E7755" s="1"/>
      <c r="F7755" s="1" t="s">
        <v>10</v>
      </c>
      <c r="G7755" s="1" t="s">
        <v>10</v>
      </c>
      <c r="H7755" s="1" t="s">
        <v>10</v>
      </c>
      <c r="I7755" s="1" t="s">
        <v>7415</v>
      </c>
      <c r="J7755" s="1" t="s">
        <v>25145</v>
      </c>
      <c r="K7755" s="1" t="s">
        <v>27</v>
      </c>
      <c r="L7755" s="1" t="s">
        <v>26773</v>
      </c>
      <c r="M7755" s="1" t="s">
        <v>5</v>
      </c>
      <c r="N7755" s="1" t="s">
        <v>6</v>
      </c>
      <c r="O7755" s="1" t="s">
        <v>38</v>
      </c>
      <c r="P7755" s="5" t="s">
        <v>32480</v>
      </c>
    </row>
    <row r="7756" spans="1:16" x14ac:dyDescent="0.2">
      <c r="A7756" s="1" t="s">
        <v>194</v>
      </c>
      <c r="B7756" s="1" t="s">
        <v>396</v>
      </c>
      <c r="C7756" s="1" t="s">
        <v>26777</v>
      </c>
      <c r="D7756" s="1" t="s">
        <v>26778</v>
      </c>
      <c r="E7756" s="1"/>
      <c r="F7756" s="1" t="s">
        <v>10</v>
      </c>
      <c r="G7756" s="1" t="s">
        <v>10</v>
      </c>
      <c r="H7756" s="1" t="s">
        <v>10</v>
      </c>
      <c r="I7756" s="1" t="s">
        <v>7415</v>
      </c>
      <c r="J7756" s="1" t="s">
        <v>25145</v>
      </c>
      <c r="K7756" s="1" t="s">
        <v>27</v>
      </c>
      <c r="L7756" s="1" t="s">
        <v>26776</v>
      </c>
      <c r="M7756" s="1" t="s">
        <v>5</v>
      </c>
      <c r="N7756" s="1" t="s">
        <v>1009</v>
      </c>
      <c r="O7756" s="1" t="s">
        <v>38</v>
      </c>
      <c r="P7756" s="5" t="s">
        <v>32481</v>
      </c>
    </row>
    <row r="7757" spans="1:16" x14ac:dyDescent="0.2">
      <c r="A7757" s="1" t="s">
        <v>194</v>
      </c>
      <c r="B7757" s="1" t="s">
        <v>396</v>
      </c>
      <c r="C7757" s="1" t="s">
        <v>26780</v>
      </c>
      <c r="D7757" s="1" t="s">
        <v>26781</v>
      </c>
      <c r="E7757" s="1"/>
      <c r="F7757" s="1" t="s">
        <v>10</v>
      </c>
      <c r="G7757" s="1" t="s">
        <v>10</v>
      </c>
      <c r="H7757" s="1" t="s">
        <v>10</v>
      </c>
      <c r="I7757" s="1" t="s">
        <v>7415</v>
      </c>
      <c r="J7757" s="1" t="s">
        <v>25145</v>
      </c>
      <c r="K7757" s="1" t="s">
        <v>27</v>
      </c>
      <c r="L7757" s="1" t="s">
        <v>26779</v>
      </c>
      <c r="M7757" s="1" t="s">
        <v>5</v>
      </c>
      <c r="N7757" s="1" t="s">
        <v>1009</v>
      </c>
      <c r="O7757" s="1" t="s">
        <v>38</v>
      </c>
      <c r="P7757" s="5" t="s">
        <v>32482</v>
      </c>
    </row>
    <row r="7758" spans="1:16" x14ac:dyDescent="0.2">
      <c r="A7758" s="1" t="s">
        <v>194</v>
      </c>
      <c r="B7758" s="1" t="s">
        <v>396</v>
      </c>
      <c r="C7758" s="1" t="s">
        <v>26783</v>
      </c>
      <c r="D7758" s="1" t="s">
        <v>26784</v>
      </c>
      <c r="E7758" s="1"/>
      <c r="F7758" s="1" t="s">
        <v>10</v>
      </c>
      <c r="G7758" s="1" t="s">
        <v>10</v>
      </c>
      <c r="H7758" s="1" t="s">
        <v>10</v>
      </c>
      <c r="I7758" s="1" t="s">
        <v>7415</v>
      </c>
      <c r="J7758" s="1" t="s">
        <v>25145</v>
      </c>
      <c r="K7758" s="1" t="s">
        <v>27</v>
      </c>
      <c r="L7758" s="1" t="s">
        <v>26782</v>
      </c>
      <c r="M7758" s="1" t="s">
        <v>5</v>
      </c>
      <c r="N7758" s="1" t="s">
        <v>1009</v>
      </c>
      <c r="O7758" s="1" t="s">
        <v>38</v>
      </c>
      <c r="P7758" s="5" t="s">
        <v>32483</v>
      </c>
    </row>
    <row r="7759" spans="1:16" x14ac:dyDescent="0.2">
      <c r="A7759" s="1" t="s">
        <v>194</v>
      </c>
      <c r="B7759" s="1" t="s">
        <v>396</v>
      </c>
      <c r="C7759" s="1" t="s">
        <v>26786</v>
      </c>
      <c r="D7759" s="1" t="s">
        <v>26787</v>
      </c>
      <c r="E7759" s="1"/>
      <c r="F7759" s="1" t="s">
        <v>10</v>
      </c>
      <c r="G7759" s="1" t="s">
        <v>10</v>
      </c>
      <c r="H7759" s="1" t="s">
        <v>10</v>
      </c>
      <c r="I7759" s="1" t="s">
        <v>7415</v>
      </c>
      <c r="J7759" s="1" t="s">
        <v>25145</v>
      </c>
      <c r="K7759" s="1" t="s">
        <v>27</v>
      </c>
      <c r="L7759" s="1" t="s">
        <v>26785</v>
      </c>
      <c r="M7759" s="1" t="s">
        <v>5</v>
      </c>
      <c r="N7759" s="1" t="s">
        <v>1009</v>
      </c>
      <c r="O7759" s="1" t="s">
        <v>38</v>
      </c>
      <c r="P7759" s="5" t="s">
        <v>32484</v>
      </c>
    </row>
    <row r="7760" spans="1:16" x14ac:dyDescent="0.2">
      <c r="A7760" s="1" t="s">
        <v>194</v>
      </c>
      <c r="B7760" s="1" t="s">
        <v>396</v>
      </c>
      <c r="C7760" s="1" t="s">
        <v>26789</v>
      </c>
      <c r="D7760" s="1" t="s">
        <v>26790</v>
      </c>
      <c r="E7760" s="1"/>
      <c r="F7760" s="1" t="s">
        <v>10</v>
      </c>
      <c r="G7760" s="1" t="s">
        <v>10</v>
      </c>
      <c r="H7760" s="1" t="s">
        <v>10</v>
      </c>
      <c r="I7760" s="1" t="s">
        <v>7415</v>
      </c>
      <c r="J7760" s="1" t="s">
        <v>25145</v>
      </c>
      <c r="K7760" s="1" t="s">
        <v>27</v>
      </c>
      <c r="L7760" s="1" t="s">
        <v>26788</v>
      </c>
      <c r="M7760" s="1" t="s">
        <v>5</v>
      </c>
      <c r="N7760" s="1" t="s">
        <v>1009</v>
      </c>
      <c r="O7760" s="1" t="s">
        <v>38</v>
      </c>
      <c r="P7760" s="5" t="s">
        <v>32482</v>
      </c>
    </row>
    <row r="7761" spans="1:16" x14ac:dyDescent="0.2">
      <c r="A7761" s="1" t="s">
        <v>194</v>
      </c>
      <c r="B7761" s="1" t="s">
        <v>396</v>
      </c>
      <c r="C7761" s="1" t="s">
        <v>26792</v>
      </c>
      <c r="D7761" s="1" t="s">
        <v>26793</v>
      </c>
      <c r="E7761" s="1"/>
      <c r="F7761" s="1" t="s">
        <v>10</v>
      </c>
      <c r="G7761" s="1" t="s">
        <v>10</v>
      </c>
      <c r="H7761" s="1" t="s">
        <v>10</v>
      </c>
      <c r="I7761" s="1" t="s">
        <v>7415</v>
      </c>
      <c r="J7761" s="1" t="s">
        <v>25145</v>
      </c>
      <c r="K7761" s="1" t="s">
        <v>27</v>
      </c>
      <c r="L7761" s="1" t="s">
        <v>26791</v>
      </c>
      <c r="M7761" s="1" t="s">
        <v>5</v>
      </c>
      <c r="N7761" s="1" t="s">
        <v>1009</v>
      </c>
      <c r="O7761" s="1" t="s">
        <v>38</v>
      </c>
      <c r="P7761" s="5" t="s">
        <v>32481</v>
      </c>
    </row>
    <row r="7762" spans="1:16" x14ac:dyDescent="0.2">
      <c r="A7762" s="1" t="s">
        <v>32</v>
      </c>
      <c r="B7762" s="1" t="s">
        <v>33</v>
      </c>
      <c r="C7762" s="1" t="s">
        <v>17647</v>
      </c>
      <c r="D7762" s="1" t="s">
        <v>532</v>
      </c>
      <c r="E7762" s="1"/>
      <c r="F7762" s="1" t="s">
        <v>27</v>
      </c>
      <c r="G7762" s="1" t="s">
        <v>10</v>
      </c>
      <c r="H7762" s="1" t="s">
        <v>26795</v>
      </c>
      <c r="I7762" s="1" t="s">
        <v>7415</v>
      </c>
      <c r="J7762" s="1" t="s">
        <v>25137</v>
      </c>
      <c r="K7762" s="1" t="s">
        <v>64</v>
      </c>
      <c r="L7762" s="1" t="s">
        <v>26794</v>
      </c>
      <c r="M7762" s="1" t="s">
        <v>5</v>
      </c>
      <c r="N7762" s="1" t="s">
        <v>25</v>
      </c>
      <c r="O7762" s="1" t="s">
        <v>8</v>
      </c>
      <c r="P7762" s="5"/>
    </row>
    <row r="7763" spans="1:16" x14ac:dyDescent="0.2">
      <c r="A7763" s="1" t="s">
        <v>487</v>
      </c>
      <c r="B7763" s="1" t="s">
        <v>1651</v>
      </c>
      <c r="C7763" s="1" t="s">
        <v>26797</v>
      </c>
      <c r="D7763" s="1" t="s">
        <v>26798</v>
      </c>
      <c r="E7763" s="1" t="s">
        <v>26799</v>
      </c>
      <c r="F7763" s="1" t="s">
        <v>10</v>
      </c>
      <c r="G7763" s="1" t="s">
        <v>10</v>
      </c>
      <c r="H7763" s="1" t="s">
        <v>10</v>
      </c>
      <c r="I7763" s="1" t="s">
        <v>7415</v>
      </c>
      <c r="J7763" s="1" t="s">
        <v>25286</v>
      </c>
      <c r="K7763" s="1" t="s">
        <v>2555</v>
      </c>
      <c r="L7763" s="1" t="s">
        <v>26796</v>
      </c>
      <c r="M7763" s="1" t="s">
        <v>5</v>
      </c>
      <c r="N7763" s="1" t="s">
        <v>25</v>
      </c>
      <c r="O7763" s="1" t="s">
        <v>38</v>
      </c>
      <c r="P7763" s="5" t="s">
        <v>32347</v>
      </c>
    </row>
    <row r="7764" spans="1:16" x14ac:dyDescent="0.2">
      <c r="A7764" s="1" t="s">
        <v>66</v>
      </c>
      <c r="B7764" s="1" t="s">
        <v>212</v>
      </c>
      <c r="C7764" s="1" t="s">
        <v>26801</v>
      </c>
      <c r="D7764" s="1" t="s">
        <v>26802</v>
      </c>
      <c r="E7764" s="1"/>
      <c r="F7764" s="1" t="s">
        <v>10</v>
      </c>
      <c r="G7764" s="1" t="s">
        <v>10</v>
      </c>
      <c r="H7764" s="1" t="s">
        <v>10</v>
      </c>
      <c r="I7764" s="1" t="s">
        <v>7415</v>
      </c>
      <c r="J7764" s="1" t="s">
        <v>25141</v>
      </c>
      <c r="K7764" s="1" t="s">
        <v>11</v>
      </c>
      <c r="L7764" s="1" t="s">
        <v>26800</v>
      </c>
      <c r="M7764" s="1" t="s">
        <v>5</v>
      </c>
      <c r="N7764" s="1" t="s">
        <v>1009</v>
      </c>
      <c r="O7764" s="1" t="s">
        <v>38</v>
      </c>
      <c r="P7764" s="5" t="s">
        <v>32485</v>
      </c>
    </row>
    <row r="7765" spans="1:16" x14ac:dyDescent="0.2">
      <c r="A7765" s="1" t="s">
        <v>66</v>
      </c>
      <c r="B7765" s="1" t="s">
        <v>212</v>
      </c>
      <c r="C7765" s="1" t="s">
        <v>26804</v>
      </c>
      <c r="D7765" s="1" t="s">
        <v>26805</v>
      </c>
      <c r="E7765" s="1"/>
      <c r="F7765" s="1" t="s">
        <v>10</v>
      </c>
      <c r="G7765" s="1" t="s">
        <v>10</v>
      </c>
      <c r="H7765" s="1" t="s">
        <v>10</v>
      </c>
      <c r="I7765" s="1" t="s">
        <v>7415</v>
      </c>
      <c r="J7765" s="1" t="s">
        <v>25141</v>
      </c>
      <c r="K7765" s="1" t="s">
        <v>11</v>
      </c>
      <c r="L7765" s="1" t="s">
        <v>26803</v>
      </c>
      <c r="M7765" s="1" t="s">
        <v>5</v>
      </c>
      <c r="N7765" s="1" t="s">
        <v>1009</v>
      </c>
      <c r="O7765" s="1" t="s">
        <v>38</v>
      </c>
      <c r="P7765" s="5" t="s">
        <v>32342</v>
      </c>
    </row>
    <row r="7766" spans="1:16" x14ac:dyDescent="0.2">
      <c r="A7766" s="1" t="s">
        <v>194</v>
      </c>
      <c r="B7766" s="1" t="s">
        <v>396</v>
      </c>
      <c r="C7766" s="1" t="s">
        <v>26807</v>
      </c>
      <c r="D7766" s="1" t="s">
        <v>26808</v>
      </c>
      <c r="E7766" s="1"/>
      <c r="F7766" s="1" t="s">
        <v>10</v>
      </c>
      <c r="G7766" s="1" t="s">
        <v>10</v>
      </c>
      <c r="H7766" s="1" t="s">
        <v>10</v>
      </c>
      <c r="I7766" s="1" t="s">
        <v>7415</v>
      </c>
      <c r="J7766" s="1" t="s">
        <v>25145</v>
      </c>
      <c r="K7766" s="1" t="s">
        <v>27</v>
      </c>
      <c r="L7766" s="1" t="s">
        <v>26806</v>
      </c>
      <c r="M7766" s="1" t="s">
        <v>5</v>
      </c>
      <c r="N7766" s="1" t="s">
        <v>6</v>
      </c>
      <c r="O7766" s="1" t="s">
        <v>38</v>
      </c>
      <c r="P7766" s="5" t="s">
        <v>14</v>
      </c>
    </row>
    <row r="7767" spans="1:16" x14ac:dyDescent="0.2">
      <c r="A7767" s="1" t="s">
        <v>66</v>
      </c>
      <c r="B7767" s="1" t="s">
        <v>212</v>
      </c>
      <c r="C7767" s="1" t="s">
        <v>26810</v>
      </c>
      <c r="D7767" s="1" t="s">
        <v>14978</v>
      </c>
      <c r="E7767" s="1"/>
      <c r="F7767" s="1" t="s">
        <v>10</v>
      </c>
      <c r="G7767" s="1" t="s">
        <v>10</v>
      </c>
      <c r="H7767" s="1" t="s">
        <v>10</v>
      </c>
      <c r="I7767" s="1" t="s">
        <v>7415</v>
      </c>
      <c r="J7767" s="1" t="s">
        <v>25141</v>
      </c>
      <c r="K7767" s="1" t="s">
        <v>11</v>
      </c>
      <c r="L7767" s="1" t="s">
        <v>26809</v>
      </c>
      <c r="M7767" s="1" t="s">
        <v>5</v>
      </c>
      <c r="N7767" s="1" t="s">
        <v>1009</v>
      </c>
      <c r="O7767" s="1" t="s">
        <v>38</v>
      </c>
      <c r="P7767" s="5" t="s">
        <v>32486</v>
      </c>
    </row>
    <row r="7768" spans="1:16" x14ac:dyDescent="0.2">
      <c r="A7768" s="1" t="s">
        <v>66</v>
      </c>
      <c r="B7768" s="1" t="s">
        <v>212</v>
      </c>
      <c r="C7768" s="1" t="s">
        <v>26812</v>
      </c>
      <c r="D7768" s="1" t="s">
        <v>26813</v>
      </c>
      <c r="E7768" s="1"/>
      <c r="F7768" s="1" t="s">
        <v>10</v>
      </c>
      <c r="G7768" s="1" t="s">
        <v>10</v>
      </c>
      <c r="H7768" s="1" t="s">
        <v>10</v>
      </c>
      <c r="I7768" s="1" t="s">
        <v>7415</v>
      </c>
      <c r="J7768" s="1" t="s">
        <v>25141</v>
      </c>
      <c r="K7768" s="1" t="s">
        <v>11</v>
      </c>
      <c r="L7768" s="1" t="s">
        <v>26811</v>
      </c>
      <c r="M7768" s="1" t="s">
        <v>5</v>
      </c>
      <c r="N7768" s="1" t="s">
        <v>1009</v>
      </c>
      <c r="O7768" s="1" t="s">
        <v>38</v>
      </c>
      <c r="P7768" s="5" t="s">
        <v>32487</v>
      </c>
    </row>
    <row r="7769" spans="1:16" x14ac:dyDescent="0.2">
      <c r="A7769" s="1" t="s">
        <v>194</v>
      </c>
      <c r="B7769" s="1" t="s">
        <v>396</v>
      </c>
      <c r="C7769" s="1" t="s">
        <v>26815</v>
      </c>
      <c r="D7769" s="1" t="s">
        <v>26816</v>
      </c>
      <c r="E7769" s="1"/>
      <c r="F7769" s="1" t="s">
        <v>10</v>
      </c>
      <c r="G7769" s="1" t="s">
        <v>10</v>
      </c>
      <c r="H7769" s="1" t="s">
        <v>10</v>
      </c>
      <c r="I7769" s="1" t="s">
        <v>7415</v>
      </c>
      <c r="J7769" s="1" t="s">
        <v>25145</v>
      </c>
      <c r="K7769" s="1" t="s">
        <v>27</v>
      </c>
      <c r="L7769" s="1" t="s">
        <v>26814</v>
      </c>
      <c r="M7769" s="1" t="s">
        <v>5</v>
      </c>
      <c r="N7769" s="1" t="s">
        <v>1009</v>
      </c>
      <c r="O7769" s="1" t="s">
        <v>38</v>
      </c>
      <c r="P7769" s="5" t="s">
        <v>32283</v>
      </c>
    </row>
    <row r="7770" spans="1:16" x14ac:dyDescent="0.2">
      <c r="A7770" s="1" t="s">
        <v>194</v>
      </c>
      <c r="B7770" s="1" t="s">
        <v>396</v>
      </c>
      <c r="C7770" s="1" t="s">
        <v>26818</v>
      </c>
      <c r="D7770" s="1" t="s">
        <v>26819</v>
      </c>
      <c r="E7770" s="1"/>
      <c r="F7770" s="1" t="s">
        <v>10</v>
      </c>
      <c r="G7770" s="1" t="s">
        <v>10</v>
      </c>
      <c r="H7770" s="1" t="s">
        <v>10</v>
      </c>
      <c r="I7770" s="1" t="s">
        <v>7415</v>
      </c>
      <c r="J7770" s="1" t="s">
        <v>25145</v>
      </c>
      <c r="K7770" s="1" t="s">
        <v>27</v>
      </c>
      <c r="L7770" s="1" t="s">
        <v>26817</v>
      </c>
      <c r="M7770" s="1" t="s">
        <v>5</v>
      </c>
      <c r="N7770" s="1" t="s">
        <v>1009</v>
      </c>
      <c r="O7770" s="1" t="s">
        <v>38</v>
      </c>
      <c r="P7770" s="5" t="s">
        <v>32283</v>
      </c>
    </row>
    <row r="7771" spans="1:16" x14ac:dyDescent="0.2">
      <c r="A7771" s="1" t="s">
        <v>194</v>
      </c>
      <c r="B7771" s="1" t="s">
        <v>396</v>
      </c>
      <c r="C7771" s="1" t="s">
        <v>26821</v>
      </c>
      <c r="D7771" s="1" t="s">
        <v>26822</v>
      </c>
      <c r="E7771" s="1"/>
      <c r="F7771" s="1" t="s">
        <v>10</v>
      </c>
      <c r="G7771" s="1" t="s">
        <v>10</v>
      </c>
      <c r="H7771" s="1" t="s">
        <v>10</v>
      </c>
      <c r="I7771" s="1" t="s">
        <v>7415</v>
      </c>
      <c r="J7771" s="1" t="s">
        <v>25145</v>
      </c>
      <c r="K7771" s="1" t="s">
        <v>27</v>
      </c>
      <c r="L7771" s="1" t="s">
        <v>26820</v>
      </c>
      <c r="M7771" s="1" t="s">
        <v>5</v>
      </c>
      <c r="N7771" s="1" t="s">
        <v>1009</v>
      </c>
      <c r="O7771" s="1" t="s">
        <v>38</v>
      </c>
      <c r="P7771" s="5" t="s">
        <v>32283</v>
      </c>
    </row>
    <row r="7772" spans="1:16" x14ac:dyDescent="0.2">
      <c r="A7772" s="1" t="s">
        <v>194</v>
      </c>
      <c r="B7772" s="1" t="s">
        <v>396</v>
      </c>
      <c r="C7772" s="1" t="s">
        <v>26824</v>
      </c>
      <c r="D7772" s="1" t="s">
        <v>26825</v>
      </c>
      <c r="E7772" s="1"/>
      <c r="F7772" s="1" t="s">
        <v>10</v>
      </c>
      <c r="G7772" s="1" t="s">
        <v>10</v>
      </c>
      <c r="H7772" s="1" t="s">
        <v>10</v>
      </c>
      <c r="I7772" s="1" t="s">
        <v>7415</v>
      </c>
      <c r="J7772" s="1" t="s">
        <v>25145</v>
      </c>
      <c r="K7772" s="1" t="s">
        <v>27</v>
      </c>
      <c r="L7772" s="1" t="s">
        <v>26823</v>
      </c>
      <c r="M7772" s="1" t="s">
        <v>5</v>
      </c>
      <c r="N7772" s="1" t="s">
        <v>1009</v>
      </c>
      <c r="O7772" s="1" t="s">
        <v>38</v>
      </c>
      <c r="P7772" s="5" t="s">
        <v>32283</v>
      </c>
    </row>
    <row r="7773" spans="1:16" x14ac:dyDescent="0.2">
      <c r="A7773" s="1" t="s">
        <v>194</v>
      </c>
      <c r="B7773" s="1" t="s">
        <v>396</v>
      </c>
      <c r="C7773" s="1" t="s">
        <v>26827</v>
      </c>
      <c r="D7773" s="1" t="s">
        <v>26828</v>
      </c>
      <c r="E7773" s="1"/>
      <c r="F7773" s="1" t="s">
        <v>10</v>
      </c>
      <c r="G7773" s="1" t="s">
        <v>10</v>
      </c>
      <c r="H7773" s="1" t="s">
        <v>10</v>
      </c>
      <c r="I7773" s="1" t="s">
        <v>7415</v>
      </c>
      <c r="J7773" s="1" t="s">
        <v>25145</v>
      </c>
      <c r="K7773" s="1" t="s">
        <v>27</v>
      </c>
      <c r="L7773" s="1" t="s">
        <v>26826</v>
      </c>
      <c r="M7773" s="1" t="s">
        <v>5</v>
      </c>
      <c r="N7773" s="1" t="s">
        <v>1009</v>
      </c>
      <c r="O7773" s="1" t="s">
        <v>38</v>
      </c>
      <c r="P7773" s="5" t="s">
        <v>32283</v>
      </c>
    </row>
    <row r="7774" spans="1:16" x14ac:dyDescent="0.2">
      <c r="A7774" s="1" t="s">
        <v>194</v>
      </c>
      <c r="B7774" s="1" t="s">
        <v>396</v>
      </c>
      <c r="C7774" s="1" t="s">
        <v>26830</v>
      </c>
      <c r="D7774" s="1" t="s">
        <v>26831</v>
      </c>
      <c r="E7774" s="1"/>
      <c r="F7774" s="1" t="s">
        <v>10</v>
      </c>
      <c r="G7774" s="1" t="s">
        <v>10</v>
      </c>
      <c r="H7774" s="1" t="s">
        <v>10</v>
      </c>
      <c r="I7774" s="1" t="s">
        <v>7415</v>
      </c>
      <c r="J7774" s="1" t="s">
        <v>25145</v>
      </c>
      <c r="K7774" s="1" t="s">
        <v>27</v>
      </c>
      <c r="L7774" s="1" t="s">
        <v>26829</v>
      </c>
      <c r="M7774" s="1" t="s">
        <v>5</v>
      </c>
      <c r="N7774" s="1" t="s">
        <v>1009</v>
      </c>
      <c r="O7774" s="1" t="s">
        <v>38</v>
      </c>
      <c r="P7774" s="5" t="s">
        <v>32283</v>
      </c>
    </row>
    <row r="7775" spans="1:16" x14ac:dyDescent="0.2">
      <c r="A7775" s="1" t="s">
        <v>194</v>
      </c>
      <c r="B7775" s="1" t="s">
        <v>396</v>
      </c>
      <c r="C7775" s="1" t="s">
        <v>26833</v>
      </c>
      <c r="D7775" s="1" t="s">
        <v>26834</v>
      </c>
      <c r="E7775" s="1"/>
      <c r="F7775" s="1" t="s">
        <v>10</v>
      </c>
      <c r="G7775" s="1" t="s">
        <v>10</v>
      </c>
      <c r="H7775" s="1" t="s">
        <v>10</v>
      </c>
      <c r="I7775" s="1" t="s">
        <v>7415</v>
      </c>
      <c r="J7775" s="1" t="s">
        <v>25145</v>
      </c>
      <c r="K7775" s="1" t="s">
        <v>27</v>
      </c>
      <c r="L7775" s="1" t="s">
        <v>26832</v>
      </c>
      <c r="M7775" s="1" t="s">
        <v>5</v>
      </c>
      <c r="N7775" s="1" t="s">
        <v>1009</v>
      </c>
      <c r="O7775" s="1" t="s">
        <v>38</v>
      </c>
      <c r="P7775" s="5" t="s">
        <v>32283</v>
      </c>
    </row>
    <row r="7776" spans="1:16" x14ac:dyDescent="0.2">
      <c r="A7776" s="1" t="s">
        <v>194</v>
      </c>
      <c r="B7776" s="1" t="s">
        <v>396</v>
      </c>
      <c r="C7776" s="1" t="s">
        <v>26836</v>
      </c>
      <c r="D7776" s="1" t="s">
        <v>26837</v>
      </c>
      <c r="E7776" s="1"/>
      <c r="F7776" s="1" t="s">
        <v>10</v>
      </c>
      <c r="G7776" s="1" t="s">
        <v>10</v>
      </c>
      <c r="H7776" s="1" t="s">
        <v>10</v>
      </c>
      <c r="I7776" s="1" t="s">
        <v>7415</v>
      </c>
      <c r="J7776" s="1" t="s">
        <v>25145</v>
      </c>
      <c r="K7776" s="1" t="s">
        <v>27</v>
      </c>
      <c r="L7776" s="1" t="s">
        <v>26835</v>
      </c>
      <c r="M7776" s="1" t="s">
        <v>5</v>
      </c>
      <c r="N7776" s="1" t="s">
        <v>1009</v>
      </c>
      <c r="O7776" s="1" t="s">
        <v>38</v>
      </c>
      <c r="P7776" s="5" t="s">
        <v>32283</v>
      </c>
    </row>
    <row r="7777" spans="1:16" x14ac:dyDescent="0.2">
      <c r="A7777" s="1" t="s">
        <v>194</v>
      </c>
      <c r="B7777" s="1" t="s">
        <v>396</v>
      </c>
      <c r="C7777" s="1" t="s">
        <v>26839</v>
      </c>
      <c r="D7777" s="1" t="s">
        <v>26840</v>
      </c>
      <c r="E7777" s="1"/>
      <c r="F7777" s="1" t="s">
        <v>10</v>
      </c>
      <c r="G7777" s="1" t="s">
        <v>10</v>
      </c>
      <c r="H7777" s="1" t="s">
        <v>10</v>
      </c>
      <c r="I7777" s="1" t="s">
        <v>7415</v>
      </c>
      <c r="J7777" s="1" t="s">
        <v>25145</v>
      </c>
      <c r="K7777" s="1" t="s">
        <v>27</v>
      </c>
      <c r="L7777" s="1" t="s">
        <v>26838</v>
      </c>
      <c r="M7777" s="1" t="s">
        <v>5</v>
      </c>
      <c r="N7777" s="1" t="s">
        <v>25</v>
      </c>
      <c r="O7777" s="1" t="s">
        <v>38</v>
      </c>
      <c r="P7777" s="5" t="s">
        <v>30786</v>
      </c>
    </row>
    <row r="7778" spans="1:16" x14ac:dyDescent="0.2">
      <c r="A7778" s="1" t="s">
        <v>194</v>
      </c>
      <c r="B7778" s="1" t="s">
        <v>396</v>
      </c>
      <c r="C7778" s="1" t="s">
        <v>26842</v>
      </c>
      <c r="D7778" s="1" t="s">
        <v>26843</v>
      </c>
      <c r="E7778" s="1"/>
      <c r="F7778" s="1" t="s">
        <v>10</v>
      </c>
      <c r="G7778" s="1" t="s">
        <v>10</v>
      </c>
      <c r="H7778" s="1" t="s">
        <v>10</v>
      </c>
      <c r="I7778" s="1" t="s">
        <v>7415</v>
      </c>
      <c r="J7778" s="1" t="s">
        <v>25145</v>
      </c>
      <c r="K7778" s="1" t="s">
        <v>27</v>
      </c>
      <c r="L7778" s="1" t="s">
        <v>26841</v>
      </c>
      <c r="M7778" s="1" t="s">
        <v>5</v>
      </c>
      <c r="N7778" s="1" t="s">
        <v>25</v>
      </c>
      <c r="O7778" s="1" t="s">
        <v>38</v>
      </c>
      <c r="P7778" s="5" t="s">
        <v>30786</v>
      </c>
    </row>
    <row r="7779" spans="1:16" x14ac:dyDescent="0.2">
      <c r="A7779" s="1" t="s">
        <v>194</v>
      </c>
      <c r="B7779" s="1" t="s">
        <v>396</v>
      </c>
      <c r="C7779" s="1" t="s">
        <v>26845</v>
      </c>
      <c r="D7779" s="1" t="s">
        <v>26846</v>
      </c>
      <c r="E7779" s="1"/>
      <c r="F7779" s="1" t="s">
        <v>10</v>
      </c>
      <c r="G7779" s="1" t="s">
        <v>10</v>
      </c>
      <c r="H7779" s="1" t="s">
        <v>10</v>
      </c>
      <c r="I7779" s="1" t="s">
        <v>7415</v>
      </c>
      <c r="J7779" s="1" t="s">
        <v>25145</v>
      </c>
      <c r="K7779" s="1" t="s">
        <v>27</v>
      </c>
      <c r="L7779" s="1" t="s">
        <v>26844</v>
      </c>
      <c r="M7779" s="1" t="s">
        <v>5</v>
      </c>
      <c r="N7779" s="1" t="s">
        <v>25</v>
      </c>
      <c r="O7779" s="1" t="s">
        <v>38</v>
      </c>
      <c r="P7779" s="5" t="s">
        <v>30786</v>
      </c>
    </row>
    <row r="7780" spans="1:16" x14ac:dyDescent="0.2">
      <c r="A7780" s="1" t="s">
        <v>194</v>
      </c>
      <c r="B7780" s="1" t="s">
        <v>396</v>
      </c>
      <c r="C7780" s="1" t="s">
        <v>26848</v>
      </c>
      <c r="D7780" s="1" t="s">
        <v>26849</v>
      </c>
      <c r="E7780" s="1"/>
      <c r="F7780" s="1" t="s">
        <v>10</v>
      </c>
      <c r="G7780" s="1" t="s">
        <v>10</v>
      </c>
      <c r="H7780" s="1" t="s">
        <v>10</v>
      </c>
      <c r="I7780" s="1" t="s">
        <v>7415</v>
      </c>
      <c r="J7780" s="1" t="s">
        <v>25145</v>
      </c>
      <c r="K7780" s="1" t="s">
        <v>27</v>
      </c>
      <c r="L7780" s="1" t="s">
        <v>26847</v>
      </c>
      <c r="M7780" s="1" t="s">
        <v>5</v>
      </c>
      <c r="N7780" s="1" t="s">
        <v>25</v>
      </c>
      <c r="O7780" s="1" t="s">
        <v>38</v>
      </c>
      <c r="P7780" s="5" t="s">
        <v>30786</v>
      </c>
    </row>
    <row r="7781" spans="1:16" x14ac:dyDescent="0.2">
      <c r="A7781" s="1" t="s">
        <v>194</v>
      </c>
      <c r="B7781" s="1" t="s">
        <v>396</v>
      </c>
      <c r="C7781" s="1" t="s">
        <v>26851</v>
      </c>
      <c r="D7781" s="1" t="s">
        <v>26852</v>
      </c>
      <c r="E7781" s="1"/>
      <c r="F7781" s="1" t="s">
        <v>10</v>
      </c>
      <c r="G7781" s="1" t="s">
        <v>10</v>
      </c>
      <c r="H7781" s="1" t="s">
        <v>10</v>
      </c>
      <c r="I7781" s="1" t="s">
        <v>7415</v>
      </c>
      <c r="J7781" s="1" t="s">
        <v>25145</v>
      </c>
      <c r="K7781" s="1" t="s">
        <v>27</v>
      </c>
      <c r="L7781" s="1" t="s">
        <v>26850</v>
      </c>
      <c r="M7781" s="1" t="s">
        <v>5</v>
      </c>
      <c r="N7781" s="1" t="s">
        <v>25</v>
      </c>
      <c r="O7781" s="1" t="s">
        <v>38</v>
      </c>
      <c r="P7781" s="5" t="s">
        <v>30786</v>
      </c>
    </row>
    <row r="7782" spans="1:16" x14ac:dyDescent="0.2">
      <c r="A7782" s="1" t="s">
        <v>194</v>
      </c>
      <c r="B7782" s="1" t="s">
        <v>396</v>
      </c>
      <c r="C7782" s="1" t="s">
        <v>26854</v>
      </c>
      <c r="D7782" s="1" t="s">
        <v>26855</v>
      </c>
      <c r="E7782" s="1"/>
      <c r="F7782" s="1" t="s">
        <v>10</v>
      </c>
      <c r="G7782" s="1" t="s">
        <v>10</v>
      </c>
      <c r="H7782" s="1" t="s">
        <v>10</v>
      </c>
      <c r="I7782" s="1" t="s">
        <v>7415</v>
      </c>
      <c r="J7782" s="1" t="s">
        <v>25145</v>
      </c>
      <c r="K7782" s="1" t="s">
        <v>27</v>
      </c>
      <c r="L7782" s="1" t="s">
        <v>26853</v>
      </c>
      <c r="M7782" s="1" t="s">
        <v>5</v>
      </c>
      <c r="N7782" s="1" t="s">
        <v>25</v>
      </c>
      <c r="O7782" s="1" t="s">
        <v>38</v>
      </c>
      <c r="P7782" s="5" t="s">
        <v>30786</v>
      </c>
    </row>
    <row r="7783" spans="1:16" x14ac:dyDescent="0.2">
      <c r="A7783" s="1" t="s">
        <v>194</v>
      </c>
      <c r="B7783" s="1" t="s">
        <v>396</v>
      </c>
      <c r="C7783" s="1" t="s">
        <v>26857</v>
      </c>
      <c r="D7783" s="1" t="s">
        <v>26858</v>
      </c>
      <c r="E7783" s="1"/>
      <c r="F7783" s="1" t="s">
        <v>10</v>
      </c>
      <c r="G7783" s="1" t="s">
        <v>10</v>
      </c>
      <c r="H7783" s="1" t="s">
        <v>10</v>
      </c>
      <c r="I7783" s="1" t="s">
        <v>7415</v>
      </c>
      <c r="J7783" s="1" t="s">
        <v>25145</v>
      </c>
      <c r="K7783" s="1" t="s">
        <v>27</v>
      </c>
      <c r="L7783" s="1" t="s">
        <v>26856</v>
      </c>
      <c r="M7783" s="1" t="s">
        <v>5</v>
      </c>
      <c r="N7783" s="1" t="s">
        <v>25</v>
      </c>
      <c r="O7783" s="1" t="s">
        <v>38</v>
      </c>
      <c r="P7783" s="5" t="s">
        <v>30786</v>
      </c>
    </row>
    <row r="7784" spans="1:16" x14ac:dyDescent="0.2">
      <c r="A7784" s="1" t="s">
        <v>329</v>
      </c>
      <c r="B7784" s="1" t="s">
        <v>1738</v>
      </c>
      <c r="C7784" s="1" t="s">
        <v>26860</v>
      </c>
      <c r="D7784" s="1" t="s">
        <v>26861</v>
      </c>
      <c r="E7784" s="1"/>
      <c r="F7784" s="1" t="s">
        <v>10</v>
      </c>
      <c r="G7784" s="1" t="s">
        <v>10</v>
      </c>
      <c r="H7784" s="1" t="s">
        <v>10</v>
      </c>
      <c r="I7784" s="1" t="s">
        <v>7415</v>
      </c>
      <c r="J7784" s="1" t="s">
        <v>19</v>
      </c>
      <c r="K7784" s="1" t="s">
        <v>130</v>
      </c>
      <c r="L7784" s="1" t="s">
        <v>26859</v>
      </c>
      <c r="M7784" s="1" t="s">
        <v>5</v>
      </c>
      <c r="N7784" s="1" t="s">
        <v>25</v>
      </c>
      <c r="O7784" s="1" t="s">
        <v>38</v>
      </c>
      <c r="P7784" s="5" t="s">
        <v>32488</v>
      </c>
    </row>
    <row r="7785" spans="1:16" x14ac:dyDescent="0.2">
      <c r="A7785" s="1" t="s">
        <v>20</v>
      </c>
      <c r="B7785" s="1" t="s">
        <v>1047</v>
      </c>
      <c r="C7785" s="1" t="s">
        <v>26863</v>
      </c>
      <c r="D7785" s="1" t="s">
        <v>26864</v>
      </c>
      <c r="E7785" s="1"/>
      <c r="F7785" s="1" t="s">
        <v>10</v>
      </c>
      <c r="G7785" s="1" t="s">
        <v>10</v>
      </c>
      <c r="H7785" s="1" t="s">
        <v>10</v>
      </c>
      <c r="I7785" s="1" t="s">
        <v>7415</v>
      </c>
      <c r="J7785" s="1" t="s">
        <v>19</v>
      </c>
      <c r="K7785" s="1" t="s">
        <v>7</v>
      </c>
      <c r="L7785" s="1" t="s">
        <v>26862</v>
      </c>
      <c r="M7785" s="1" t="s">
        <v>5</v>
      </c>
      <c r="N7785" s="1" t="s">
        <v>25</v>
      </c>
      <c r="O7785" s="1" t="s">
        <v>38</v>
      </c>
      <c r="P7785" s="5" t="s">
        <v>32489</v>
      </c>
    </row>
    <row r="7786" spans="1:16" x14ac:dyDescent="0.2">
      <c r="A7786" s="1" t="s">
        <v>66</v>
      </c>
      <c r="B7786" s="1" t="s">
        <v>212</v>
      </c>
      <c r="C7786" s="1" t="s">
        <v>26866</v>
      </c>
      <c r="D7786" s="1" t="s">
        <v>26867</v>
      </c>
      <c r="E7786" s="1"/>
      <c r="F7786" s="1" t="s">
        <v>10</v>
      </c>
      <c r="G7786" s="1" t="s">
        <v>10</v>
      </c>
      <c r="H7786" s="1" t="s">
        <v>10</v>
      </c>
      <c r="I7786" s="1" t="s">
        <v>7415</v>
      </c>
      <c r="J7786" s="1" t="s">
        <v>25141</v>
      </c>
      <c r="K7786" s="1" t="s">
        <v>27</v>
      </c>
      <c r="L7786" s="1" t="s">
        <v>26865</v>
      </c>
      <c r="M7786" s="1" t="s">
        <v>5</v>
      </c>
      <c r="N7786" s="1" t="s">
        <v>1009</v>
      </c>
      <c r="O7786" s="1" t="s">
        <v>38</v>
      </c>
      <c r="P7786" s="5" t="s">
        <v>30787</v>
      </c>
    </row>
    <row r="7787" spans="1:16" x14ac:dyDescent="0.2">
      <c r="A7787" s="1" t="s">
        <v>66</v>
      </c>
      <c r="B7787" s="1" t="s">
        <v>212</v>
      </c>
      <c r="C7787" s="1" t="s">
        <v>26869</v>
      </c>
      <c r="D7787" s="1" t="s">
        <v>26870</v>
      </c>
      <c r="E7787" s="1"/>
      <c r="F7787" s="1" t="s">
        <v>10</v>
      </c>
      <c r="G7787" s="1" t="s">
        <v>10</v>
      </c>
      <c r="H7787" s="1" t="s">
        <v>10</v>
      </c>
      <c r="I7787" s="1" t="s">
        <v>7415</v>
      </c>
      <c r="J7787" s="1" t="s">
        <v>25141</v>
      </c>
      <c r="K7787" s="1" t="s">
        <v>27</v>
      </c>
      <c r="L7787" s="1" t="s">
        <v>26868</v>
      </c>
      <c r="M7787" s="1" t="s">
        <v>5</v>
      </c>
      <c r="N7787" s="1" t="s">
        <v>25</v>
      </c>
      <c r="O7787" s="1" t="s">
        <v>38</v>
      </c>
      <c r="P7787" s="5" t="s">
        <v>30788</v>
      </c>
    </row>
    <row r="7788" spans="1:16" x14ac:dyDescent="0.2">
      <c r="A7788" s="1" t="s">
        <v>329</v>
      </c>
      <c r="B7788" s="1" t="s">
        <v>2120</v>
      </c>
      <c r="C7788" s="1" t="s">
        <v>26872</v>
      </c>
      <c r="D7788" s="1" t="s">
        <v>26873</v>
      </c>
      <c r="E7788" s="1"/>
      <c r="F7788" s="1" t="s">
        <v>10</v>
      </c>
      <c r="G7788" s="1" t="s">
        <v>10</v>
      </c>
      <c r="H7788" s="1" t="s">
        <v>10</v>
      </c>
      <c r="I7788" s="1" t="s">
        <v>7415</v>
      </c>
      <c r="J7788" s="1" t="s">
        <v>25141</v>
      </c>
      <c r="K7788" s="1" t="s">
        <v>64</v>
      </c>
      <c r="L7788" s="1" t="s">
        <v>26871</v>
      </c>
      <c r="M7788" s="1" t="s">
        <v>5</v>
      </c>
      <c r="N7788" s="1" t="s">
        <v>6</v>
      </c>
      <c r="O7788" s="1" t="s">
        <v>38</v>
      </c>
      <c r="P7788" s="5" t="s">
        <v>30789</v>
      </c>
    </row>
    <row r="7789" spans="1:16" x14ac:dyDescent="0.2">
      <c r="A7789" s="1" t="s">
        <v>42</v>
      </c>
      <c r="B7789" s="1" t="s">
        <v>1377</v>
      </c>
      <c r="C7789" s="1" t="s">
        <v>26875</v>
      </c>
      <c r="D7789" s="1" t="s">
        <v>25489</v>
      </c>
      <c r="E7789" s="1"/>
      <c r="F7789" s="1" t="s">
        <v>414</v>
      </c>
      <c r="G7789" s="1" t="s">
        <v>10</v>
      </c>
      <c r="H7789" s="1" t="s">
        <v>10</v>
      </c>
      <c r="I7789" s="1" t="s">
        <v>7415</v>
      </c>
      <c r="J7789" s="1" t="s">
        <v>21769</v>
      </c>
      <c r="K7789" s="1" t="s">
        <v>100</v>
      </c>
      <c r="L7789" s="1" t="s">
        <v>26874</v>
      </c>
      <c r="M7789" s="1" t="s">
        <v>5</v>
      </c>
      <c r="N7789" s="1" t="s">
        <v>1009</v>
      </c>
      <c r="O7789" s="1" t="s">
        <v>8</v>
      </c>
      <c r="P7789" s="5" t="s">
        <v>32490</v>
      </c>
    </row>
    <row r="7790" spans="1:16" x14ac:dyDescent="0.2">
      <c r="A7790" s="1" t="s">
        <v>1385</v>
      </c>
      <c r="B7790" s="1" t="s">
        <v>1670</v>
      </c>
      <c r="C7790" s="1" t="s">
        <v>26877</v>
      </c>
      <c r="D7790" s="1" t="s">
        <v>9312</v>
      </c>
      <c r="E7790" s="1" t="s">
        <v>26878</v>
      </c>
      <c r="F7790" s="1" t="s">
        <v>10</v>
      </c>
      <c r="G7790" s="1" t="s">
        <v>10</v>
      </c>
      <c r="H7790" s="1" t="s">
        <v>10</v>
      </c>
      <c r="I7790" s="1" t="s">
        <v>7415</v>
      </c>
      <c r="J7790" s="1" t="s">
        <v>25141</v>
      </c>
      <c r="K7790" s="1" t="s">
        <v>7</v>
      </c>
      <c r="L7790" s="1" t="s">
        <v>26876</v>
      </c>
      <c r="M7790" s="1" t="s">
        <v>5</v>
      </c>
      <c r="N7790" s="1" t="s">
        <v>25</v>
      </c>
      <c r="O7790" s="1" t="s">
        <v>38</v>
      </c>
      <c r="P7790" s="5" t="s">
        <v>30921</v>
      </c>
    </row>
    <row r="7791" spans="1:16" x14ac:dyDescent="0.2">
      <c r="A7791" s="1" t="s">
        <v>329</v>
      </c>
      <c r="B7791" s="1" t="s">
        <v>2120</v>
      </c>
      <c r="C7791" s="1" t="s">
        <v>26880</v>
      </c>
      <c r="D7791" s="1" t="s">
        <v>26881</v>
      </c>
      <c r="E7791" s="1" t="s">
        <v>26882</v>
      </c>
      <c r="F7791" s="1" t="s">
        <v>10</v>
      </c>
      <c r="G7791" s="1" t="s">
        <v>10</v>
      </c>
      <c r="H7791" s="1" t="s">
        <v>10</v>
      </c>
      <c r="I7791" s="1" t="s">
        <v>7415</v>
      </c>
      <c r="J7791" s="1" t="s">
        <v>21769</v>
      </c>
      <c r="K7791" s="1" t="s">
        <v>25669</v>
      </c>
      <c r="L7791" s="1" t="s">
        <v>26879</v>
      </c>
      <c r="M7791" s="1" t="s">
        <v>5</v>
      </c>
      <c r="N7791" s="1" t="s">
        <v>25</v>
      </c>
      <c r="O7791" s="1" t="s">
        <v>38</v>
      </c>
      <c r="P7791" s="5" t="s">
        <v>30922</v>
      </c>
    </row>
    <row r="7792" spans="1:16" x14ac:dyDescent="0.2">
      <c r="A7792" s="1" t="s">
        <v>329</v>
      </c>
      <c r="B7792" s="1" t="s">
        <v>10</v>
      </c>
      <c r="C7792" s="1" t="s">
        <v>26884</v>
      </c>
      <c r="D7792" s="1" t="s">
        <v>10</v>
      </c>
      <c r="E7792" s="1"/>
      <c r="F7792" s="1" t="s">
        <v>27</v>
      </c>
      <c r="G7792" s="1" t="s">
        <v>10</v>
      </c>
      <c r="H7792" s="1" t="s">
        <v>10</v>
      </c>
      <c r="I7792" s="1" t="s">
        <v>7415</v>
      </c>
      <c r="J7792" s="1" t="s">
        <v>10</v>
      </c>
      <c r="K7792" s="1" t="s">
        <v>64</v>
      </c>
      <c r="L7792" s="1" t="s">
        <v>26883</v>
      </c>
      <c r="M7792" s="1" t="s">
        <v>5</v>
      </c>
      <c r="N7792" s="1" t="s">
        <v>6</v>
      </c>
      <c r="O7792" s="1" t="s">
        <v>8</v>
      </c>
      <c r="P7792" s="5" t="s">
        <v>10</v>
      </c>
    </row>
    <row r="7793" spans="1:16" x14ac:dyDescent="0.2">
      <c r="A7793" s="1" t="s">
        <v>20</v>
      </c>
      <c r="B7793" s="1" t="s">
        <v>99</v>
      </c>
      <c r="C7793" s="1" t="s">
        <v>26886</v>
      </c>
      <c r="D7793" s="1" t="s">
        <v>26887</v>
      </c>
      <c r="E7793" s="1"/>
      <c r="F7793" s="1" t="s">
        <v>10</v>
      </c>
      <c r="G7793" s="1" t="s">
        <v>10</v>
      </c>
      <c r="H7793" s="1" t="s">
        <v>10</v>
      </c>
      <c r="I7793" s="1" t="s">
        <v>7415</v>
      </c>
      <c r="J7793" s="1" t="s">
        <v>25286</v>
      </c>
      <c r="K7793" s="1" t="s">
        <v>27</v>
      </c>
      <c r="L7793" s="1" t="s">
        <v>26885</v>
      </c>
      <c r="M7793" s="1" t="s">
        <v>5</v>
      </c>
      <c r="N7793" s="1" t="s">
        <v>1009</v>
      </c>
      <c r="O7793" s="1" t="s">
        <v>38</v>
      </c>
      <c r="P7793" s="5" t="s">
        <v>32491</v>
      </c>
    </row>
    <row r="7794" spans="1:16" x14ac:dyDescent="0.2">
      <c r="A7794" s="1" t="s">
        <v>66</v>
      </c>
      <c r="B7794" s="1" t="s">
        <v>212</v>
      </c>
      <c r="C7794" s="1" t="s">
        <v>26889</v>
      </c>
      <c r="D7794" s="1" t="s">
        <v>1283</v>
      </c>
      <c r="E7794" s="1"/>
      <c r="F7794" s="1" t="s">
        <v>10</v>
      </c>
      <c r="G7794" s="1" t="s">
        <v>10</v>
      </c>
      <c r="H7794" s="1" t="s">
        <v>10</v>
      </c>
      <c r="I7794" s="1" t="s">
        <v>7415</v>
      </c>
      <c r="J7794" s="1" t="s">
        <v>25141</v>
      </c>
      <c r="K7794" s="1" t="s">
        <v>11</v>
      </c>
      <c r="L7794" s="1" t="s">
        <v>26888</v>
      </c>
      <c r="M7794" s="1" t="s">
        <v>5</v>
      </c>
      <c r="N7794" s="1" t="s">
        <v>1009</v>
      </c>
      <c r="O7794" s="1" t="s">
        <v>38</v>
      </c>
      <c r="P7794" s="5" t="s">
        <v>32342</v>
      </c>
    </row>
    <row r="7795" spans="1:16" x14ac:dyDescent="0.2">
      <c r="A7795" s="1" t="s">
        <v>66</v>
      </c>
      <c r="B7795" s="1" t="s">
        <v>212</v>
      </c>
      <c r="C7795" s="1" t="s">
        <v>26891</v>
      </c>
      <c r="D7795" s="1" t="s">
        <v>85</v>
      </c>
      <c r="E7795" s="1"/>
      <c r="F7795" s="1" t="s">
        <v>10</v>
      </c>
      <c r="G7795" s="1" t="s">
        <v>10</v>
      </c>
      <c r="H7795" s="1" t="s">
        <v>10</v>
      </c>
      <c r="I7795" s="1" t="s">
        <v>7415</v>
      </c>
      <c r="J7795" s="1" t="s">
        <v>25141</v>
      </c>
      <c r="K7795" s="1" t="s">
        <v>11</v>
      </c>
      <c r="L7795" s="1" t="s">
        <v>26890</v>
      </c>
      <c r="M7795" s="1" t="s">
        <v>5</v>
      </c>
      <c r="N7795" s="1" t="s">
        <v>1009</v>
      </c>
      <c r="O7795" s="1" t="s">
        <v>38</v>
      </c>
      <c r="P7795" s="5" t="s">
        <v>32492</v>
      </c>
    </row>
    <row r="7796" spans="1:16" x14ac:dyDescent="0.2">
      <c r="A7796" s="1" t="s">
        <v>194</v>
      </c>
      <c r="B7796" s="1" t="s">
        <v>6481</v>
      </c>
      <c r="C7796" s="1" t="s">
        <v>26893</v>
      </c>
      <c r="D7796" s="1" t="s">
        <v>26894</v>
      </c>
      <c r="E7796" s="1"/>
      <c r="F7796" s="1" t="s">
        <v>10</v>
      </c>
      <c r="G7796" s="1" t="s">
        <v>10</v>
      </c>
      <c r="H7796" s="1" t="s">
        <v>10</v>
      </c>
      <c r="I7796" s="1" t="s">
        <v>7415</v>
      </c>
      <c r="J7796" s="1" t="s">
        <v>25286</v>
      </c>
      <c r="K7796" s="1" t="s">
        <v>27</v>
      </c>
      <c r="L7796" s="1" t="s">
        <v>26892</v>
      </c>
      <c r="M7796" s="1" t="s">
        <v>5</v>
      </c>
      <c r="N7796" s="1" t="s">
        <v>1009</v>
      </c>
      <c r="O7796" s="1" t="s">
        <v>38</v>
      </c>
      <c r="P7796" s="5" t="s">
        <v>32493</v>
      </c>
    </row>
    <row r="7797" spans="1:16" x14ac:dyDescent="0.2">
      <c r="A7797" s="1" t="s">
        <v>42</v>
      </c>
      <c r="B7797" s="1" t="s">
        <v>43</v>
      </c>
      <c r="C7797" s="1" t="s">
        <v>26896</v>
      </c>
      <c r="D7797" s="1" t="s">
        <v>18651</v>
      </c>
      <c r="E7797" s="1" t="s">
        <v>26897</v>
      </c>
      <c r="F7797" s="1" t="s">
        <v>10</v>
      </c>
      <c r="G7797" s="1" t="s">
        <v>10</v>
      </c>
      <c r="H7797" s="1" t="s">
        <v>10</v>
      </c>
      <c r="I7797" s="1" t="s">
        <v>7415</v>
      </c>
      <c r="J7797" s="1" t="s">
        <v>19</v>
      </c>
      <c r="K7797" s="1" t="s">
        <v>37</v>
      </c>
      <c r="L7797" s="1" t="s">
        <v>26895</v>
      </c>
      <c r="M7797" s="1" t="s">
        <v>5</v>
      </c>
      <c r="N7797" s="1" t="s">
        <v>1009</v>
      </c>
      <c r="O7797" s="1" t="s">
        <v>38</v>
      </c>
      <c r="P7797" s="5" t="s">
        <v>30746</v>
      </c>
    </row>
    <row r="7798" spans="1:16" x14ac:dyDescent="0.2">
      <c r="A7798" s="1" t="s">
        <v>42</v>
      </c>
      <c r="B7798" s="1" t="s">
        <v>43</v>
      </c>
      <c r="C7798" s="1" t="s">
        <v>26899</v>
      </c>
      <c r="D7798" s="1" t="s">
        <v>26900</v>
      </c>
      <c r="E7798" s="1" t="s">
        <v>26901</v>
      </c>
      <c r="F7798" s="1" t="s">
        <v>10</v>
      </c>
      <c r="G7798" s="1" t="s">
        <v>10</v>
      </c>
      <c r="H7798" s="1" t="s">
        <v>10</v>
      </c>
      <c r="I7798" s="1" t="s">
        <v>7415</v>
      </c>
      <c r="J7798" s="1" t="s">
        <v>19</v>
      </c>
      <c r="K7798" s="1" t="s">
        <v>37</v>
      </c>
      <c r="L7798" s="1" t="s">
        <v>26898</v>
      </c>
      <c r="M7798" s="1" t="s">
        <v>5</v>
      </c>
      <c r="N7798" s="1" t="s">
        <v>1009</v>
      </c>
      <c r="O7798" s="1" t="s">
        <v>38</v>
      </c>
      <c r="P7798" s="5" t="s">
        <v>30746</v>
      </c>
    </row>
    <row r="7799" spans="1:16" x14ac:dyDescent="0.2">
      <c r="A7799" s="1" t="s">
        <v>42</v>
      </c>
      <c r="B7799" s="1" t="s">
        <v>43</v>
      </c>
      <c r="C7799" s="1" t="s">
        <v>26903</v>
      </c>
      <c r="D7799" s="1" t="s">
        <v>1190</v>
      </c>
      <c r="E7799" s="1" t="s">
        <v>26904</v>
      </c>
      <c r="F7799" s="1" t="s">
        <v>10</v>
      </c>
      <c r="G7799" s="1" t="s">
        <v>10</v>
      </c>
      <c r="H7799" s="1" t="s">
        <v>10</v>
      </c>
      <c r="I7799" s="1" t="s">
        <v>7415</v>
      </c>
      <c r="J7799" s="1" t="s">
        <v>19</v>
      </c>
      <c r="K7799" s="1" t="s">
        <v>37</v>
      </c>
      <c r="L7799" s="1" t="s">
        <v>26902</v>
      </c>
      <c r="M7799" s="1" t="s">
        <v>5</v>
      </c>
      <c r="N7799" s="1" t="s">
        <v>1009</v>
      </c>
      <c r="O7799" s="1" t="s">
        <v>38</v>
      </c>
      <c r="P7799" s="5" t="s">
        <v>30746</v>
      </c>
    </row>
    <row r="7800" spans="1:16" x14ac:dyDescent="0.2">
      <c r="A7800" s="1" t="s">
        <v>42</v>
      </c>
      <c r="B7800" s="1" t="s">
        <v>43</v>
      </c>
      <c r="C7800" s="1" t="s">
        <v>26906</v>
      </c>
      <c r="D7800" s="1" t="s">
        <v>8030</v>
      </c>
      <c r="E7800" s="1" t="s">
        <v>26907</v>
      </c>
      <c r="F7800" s="1" t="s">
        <v>27</v>
      </c>
      <c r="G7800" s="1" t="s">
        <v>10</v>
      </c>
      <c r="H7800" s="1" t="s">
        <v>26908</v>
      </c>
      <c r="I7800" s="1" t="s">
        <v>7415</v>
      </c>
      <c r="J7800" s="1" t="s">
        <v>19</v>
      </c>
      <c r="K7800" s="1" t="s">
        <v>37</v>
      </c>
      <c r="L7800" s="1" t="s">
        <v>26905</v>
      </c>
      <c r="M7800" s="1" t="s">
        <v>5</v>
      </c>
      <c r="N7800" s="1" t="s">
        <v>6</v>
      </c>
      <c r="O7800" s="1" t="s">
        <v>8</v>
      </c>
      <c r="P7800" s="5" t="s">
        <v>32494</v>
      </c>
    </row>
    <row r="7801" spans="1:16" x14ac:dyDescent="0.2">
      <c r="A7801" s="1" t="s">
        <v>42</v>
      </c>
      <c r="B7801" s="1" t="s">
        <v>43</v>
      </c>
      <c r="C7801" s="1" t="s">
        <v>26910</v>
      </c>
      <c r="D7801" s="1" t="s">
        <v>26911</v>
      </c>
      <c r="E7801" s="1" t="s">
        <v>26912</v>
      </c>
      <c r="F7801" s="1" t="s">
        <v>10</v>
      </c>
      <c r="G7801" s="1" t="s">
        <v>10</v>
      </c>
      <c r="H7801" s="1" t="s">
        <v>10</v>
      </c>
      <c r="I7801" s="1" t="s">
        <v>7415</v>
      </c>
      <c r="J7801" s="1" t="s">
        <v>19</v>
      </c>
      <c r="K7801" s="1" t="s">
        <v>37</v>
      </c>
      <c r="L7801" s="1" t="s">
        <v>26909</v>
      </c>
      <c r="M7801" s="1" t="s">
        <v>5</v>
      </c>
      <c r="N7801" s="1" t="s">
        <v>1009</v>
      </c>
      <c r="O7801" s="1" t="s">
        <v>38</v>
      </c>
      <c r="P7801" s="5" t="s">
        <v>30746</v>
      </c>
    </row>
    <row r="7802" spans="1:16" x14ac:dyDescent="0.2">
      <c r="A7802" s="1" t="s">
        <v>42</v>
      </c>
      <c r="B7802" s="1" t="s">
        <v>43</v>
      </c>
      <c r="C7802" s="1" t="s">
        <v>26914</v>
      </c>
      <c r="D7802" s="1" t="s">
        <v>26915</v>
      </c>
      <c r="E7802" s="1" t="s">
        <v>26916</v>
      </c>
      <c r="F7802" s="1" t="s">
        <v>10</v>
      </c>
      <c r="G7802" s="1" t="s">
        <v>10</v>
      </c>
      <c r="H7802" s="1" t="s">
        <v>10</v>
      </c>
      <c r="I7802" s="1" t="s">
        <v>7415</v>
      </c>
      <c r="J7802" s="1" t="s">
        <v>19</v>
      </c>
      <c r="K7802" s="1" t="s">
        <v>37</v>
      </c>
      <c r="L7802" s="1" t="s">
        <v>26913</v>
      </c>
      <c r="M7802" s="1" t="s">
        <v>5</v>
      </c>
      <c r="N7802" s="1" t="s">
        <v>1009</v>
      </c>
      <c r="O7802" s="1" t="s">
        <v>38</v>
      </c>
      <c r="P7802" s="5" t="s">
        <v>30746</v>
      </c>
    </row>
    <row r="7803" spans="1:16" x14ac:dyDescent="0.2">
      <c r="A7803" s="1" t="s">
        <v>20</v>
      </c>
      <c r="B7803" s="1" t="s">
        <v>309</v>
      </c>
      <c r="C7803" s="1" t="s">
        <v>26918</v>
      </c>
      <c r="D7803" s="1" t="s">
        <v>19311</v>
      </c>
      <c r="E7803" s="1" t="s">
        <v>26919</v>
      </c>
      <c r="F7803" s="1" t="s">
        <v>27</v>
      </c>
      <c r="G7803" s="1" t="s">
        <v>10</v>
      </c>
      <c r="H7803" s="1" t="s">
        <v>26920</v>
      </c>
      <c r="I7803" s="1" t="s">
        <v>7415</v>
      </c>
      <c r="J7803" s="1" t="s">
        <v>19</v>
      </c>
      <c r="K7803" s="1" t="s">
        <v>37</v>
      </c>
      <c r="L7803" s="1" t="s">
        <v>26917</v>
      </c>
      <c r="M7803" s="1" t="s">
        <v>5</v>
      </c>
      <c r="N7803" s="1" t="s">
        <v>1009</v>
      </c>
      <c r="O7803" s="1" t="s">
        <v>8</v>
      </c>
      <c r="P7803" s="5" t="s">
        <v>32495</v>
      </c>
    </row>
    <row r="7804" spans="1:16" x14ac:dyDescent="0.2">
      <c r="A7804" s="1" t="s">
        <v>194</v>
      </c>
      <c r="B7804" s="1" t="s">
        <v>396</v>
      </c>
      <c r="C7804" s="1" t="s">
        <v>26922</v>
      </c>
      <c r="D7804" s="1" t="s">
        <v>26923</v>
      </c>
      <c r="E7804" s="1"/>
      <c r="F7804" s="1" t="s">
        <v>10</v>
      </c>
      <c r="G7804" s="1" t="s">
        <v>10</v>
      </c>
      <c r="H7804" s="1" t="s">
        <v>10</v>
      </c>
      <c r="I7804" s="1" t="s">
        <v>7415</v>
      </c>
      <c r="J7804" s="1" t="s">
        <v>25145</v>
      </c>
      <c r="K7804" s="1" t="s">
        <v>27</v>
      </c>
      <c r="L7804" s="1" t="s">
        <v>26921</v>
      </c>
      <c r="M7804" s="1" t="s">
        <v>5</v>
      </c>
      <c r="N7804" s="1" t="s">
        <v>1009</v>
      </c>
      <c r="O7804" s="1" t="s">
        <v>38</v>
      </c>
      <c r="P7804" s="5" t="s">
        <v>32289</v>
      </c>
    </row>
    <row r="7805" spans="1:16" x14ac:dyDescent="0.2">
      <c r="A7805" s="1" t="s">
        <v>194</v>
      </c>
      <c r="B7805" s="1" t="s">
        <v>396</v>
      </c>
      <c r="C7805" s="1" t="s">
        <v>26925</v>
      </c>
      <c r="D7805" s="1" t="s">
        <v>26926</v>
      </c>
      <c r="E7805" s="1"/>
      <c r="F7805" s="1" t="s">
        <v>10</v>
      </c>
      <c r="G7805" s="1" t="s">
        <v>10</v>
      </c>
      <c r="H7805" s="1" t="s">
        <v>10</v>
      </c>
      <c r="I7805" s="1" t="s">
        <v>7415</v>
      </c>
      <c r="J7805" s="1" t="s">
        <v>25145</v>
      </c>
      <c r="K7805" s="1" t="s">
        <v>27</v>
      </c>
      <c r="L7805" s="1" t="s">
        <v>26924</v>
      </c>
      <c r="M7805" s="1" t="s">
        <v>5</v>
      </c>
      <c r="N7805" s="1" t="s">
        <v>1009</v>
      </c>
      <c r="O7805" s="1" t="s">
        <v>38</v>
      </c>
      <c r="P7805" s="5" t="s">
        <v>32496</v>
      </c>
    </row>
    <row r="7806" spans="1:16" x14ac:dyDescent="0.2">
      <c r="A7806" s="1" t="s">
        <v>194</v>
      </c>
      <c r="B7806" s="1" t="s">
        <v>396</v>
      </c>
      <c r="C7806" s="1" t="s">
        <v>26928</v>
      </c>
      <c r="D7806" s="1" t="s">
        <v>26929</v>
      </c>
      <c r="E7806" s="1"/>
      <c r="F7806" s="1" t="s">
        <v>10</v>
      </c>
      <c r="G7806" s="1" t="s">
        <v>10</v>
      </c>
      <c r="H7806" s="1" t="s">
        <v>10</v>
      </c>
      <c r="I7806" s="1" t="s">
        <v>7415</v>
      </c>
      <c r="J7806" s="1" t="s">
        <v>25145</v>
      </c>
      <c r="K7806" s="1" t="s">
        <v>27</v>
      </c>
      <c r="L7806" s="1" t="s">
        <v>26927</v>
      </c>
      <c r="M7806" s="1" t="s">
        <v>5</v>
      </c>
      <c r="N7806" s="1" t="s">
        <v>1009</v>
      </c>
      <c r="O7806" s="1" t="s">
        <v>38</v>
      </c>
      <c r="P7806" s="5" t="s">
        <v>32497</v>
      </c>
    </row>
    <row r="7807" spans="1:16" x14ac:dyDescent="0.2">
      <c r="A7807" s="1" t="s">
        <v>194</v>
      </c>
      <c r="B7807" s="1" t="s">
        <v>396</v>
      </c>
      <c r="C7807" s="1" t="s">
        <v>26931</v>
      </c>
      <c r="D7807" s="1" t="s">
        <v>26932</v>
      </c>
      <c r="E7807" s="1"/>
      <c r="F7807" s="1" t="s">
        <v>10</v>
      </c>
      <c r="G7807" s="1" t="s">
        <v>10</v>
      </c>
      <c r="H7807" s="1" t="s">
        <v>10</v>
      </c>
      <c r="I7807" s="1" t="s">
        <v>7415</v>
      </c>
      <c r="J7807" s="1" t="s">
        <v>25145</v>
      </c>
      <c r="K7807" s="1" t="s">
        <v>27</v>
      </c>
      <c r="L7807" s="1" t="s">
        <v>26930</v>
      </c>
      <c r="M7807" s="1" t="s">
        <v>5</v>
      </c>
      <c r="N7807" s="1" t="s">
        <v>1009</v>
      </c>
      <c r="O7807" s="1" t="s">
        <v>38</v>
      </c>
      <c r="P7807" s="5" t="s">
        <v>32289</v>
      </c>
    </row>
    <row r="7808" spans="1:16" x14ac:dyDescent="0.2">
      <c r="A7808" s="1" t="s">
        <v>66</v>
      </c>
      <c r="B7808" s="1" t="s">
        <v>212</v>
      </c>
      <c r="C7808" s="1" t="s">
        <v>26934</v>
      </c>
      <c r="D7808" s="1" t="s">
        <v>26935</v>
      </c>
      <c r="E7808" s="1"/>
      <c r="F7808" s="1" t="s">
        <v>10</v>
      </c>
      <c r="G7808" s="1" t="s">
        <v>10</v>
      </c>
      <c r="H7808" s="1" t="s">
        <v>10</v>
      </c>
      <c r="I7808" s="1" t="s">
        <v>7415</v>
      </c>
      <c r="J7808" s="1" t="s">
        <v>25141</v>
      </c>
      <c r="K7808" s="1" t="s">
        <v>27</v>
      </c>
      <c r="L7808" s="1" t="s">
        <v>26933</v>
      </c>
      <c r="M7808" s="1" t="s">
        <v>5</v>
      </c>
      <c r="N7808" s="1" t="s">
        <v>1009</v>
      </c>
      <c r="O7808" s="1" t="s">
        <v>38</v>
      </c>
      <c r="P7808" s="5" t="s">
        <v>32498</v>
      </c>
    </row>
    <row r="7809" spans="1:16" x14ac:dyDescent="0.2">
      <c r="A7809" s="1" t="s">
        <v>66</v>
      </c>
      <c r="B7809" s="1" t="s">
        <v>212</v>
      </c>
      <c r="C7809" s="1" t="s">
        <v>26937</v>
      </c>
      <c r="D7809" s="1" t="s">
        <v>26938</v>
      </c>
      <c r="E7809" s="1"/>
      <c r="F7809" s="1" t="s">
        <v>10</v>
      </c>
      <c r="G7809" s="1" t="s">
        <v>10</v>
      </c>
      <c r="H7809" s="1" t="s">
        <v>10</v>
      </c>
      <c r="I7809" s="1" t="s">
        <v>7415</v>
      </c>
      <c r="J7809" s="1" t="s">
        <v>25141</v>
      </c>
      <c r="K7809" s="1" t="s">
        <v>11</v>
      </c>
      <c r="L7809" s="1" t="s">
        <v>26936</v>
      </c>
      <c r="M7809" s="1" t="s">
        <v>5</v>
      </c>
      <c r="N7809" s="1" t="s">
        <v>1009</v>
      </c>
      <c r="O7809" s="1" t="s">
        <v>38</v>
      </c>
      <c r="P7809" s="5" t="s">
        <v>32313</v>
      </c>
    </row>
    <row r="7810" spans="1:16" x14ac:dyDescent="0.2">
      <c r="A7810" s="1" t="s">
        <v>194</v>
      </c>
      <c r="B7810" s="1" t="s">
        <v>195</v>
      </c>
      <c r="C7810" s="1" t="s">
        <v>26940</v>
      </c>
      <c r="D7810" s="1" t="s">
        <v>85</v>
      </c>
      <c r="E7810" s="1"/>
      <c r="F7810" s="1" t="s">
        <v>10</v>
      </c>
      <c r="G7810" s="1" t="s">
        <v>10</v>
      </c>
      <c r="H7810" s="1" t="s">
        <v>10</v>
      </c>
      <c r="I7810" s="1" t="s">
        <v>7415</v>
      </c>
      <c r="J7810" s="1" t="s">
        <v>21769</v>
      </c>
      <c r="K7810" s="1" t="s">
        <v>27</v>
      </c>
      <c r="L7810" s="1" t="s">
        <v>26939</v>
      </c>
      <c r="M7810" s="1" t="s">
        <v>5</v>
      </c>
      <c r="N7810" s="1" t="s">
        <v>6</v>
      </c>
      <c r="O7810" s="1" t="s">
        <v>38</v>
      </c>
      <c r="P7810" s="5" t="s">
        <v>32499</v>
      </c>
    </row>
    <row r="7811" spans="1:16" x14ac:dyDescent="0.2">
      <c r="A7811" s="1" t="s">
        <v>194</v>
      </c>
      <c r="B7811" s="1" t="s">
        <v>195</v>
      </c>
      <c r="C7811" s="1" t="s">
        <v>26942</v>
      </c>
      <c r="D7811" s="1" t="s">
        <v>85</v>
      </c>
      <c r="E7811" s="1"/>
      <c r="F7811" s="1" t="s">
        <v>10</v>
      </c>
      <c r="G7811" s="1" t="s">
        <v>10</v>
      </c>
      <c r="H7811" s="1" t="s">
        <v>10</v>
      </c>
      <c r="I7811" s="1" t="s">
        <v>7415</v>
      </c>
      <c r="J7811" s="1" t="s">
        <v>21769</v>
      </c>
      <c r="K7811" s="1" t="s">
        <v>27</v>
      </c>
      <c r="L7811" s="1" t="s">
        <v>26941</v>
      </c>
      <c r="M7811" s="1" t="s">
        <v>5</v>
      </c>
      <c r="N7811" s="1" t="s">
        <v>6</v>
      </c>
      <c r="O7811" s="1" t="s">
        <v>38</v>
      </c>
      <c r="P7811" s="5" t="s">
        <v>32499</v>
      </c>
    </row>
    <row r="7812" spans="1:16" x14ac:dyDescent="0.2">
      <c r="A7812" s="1" t="s">
        <v>194</v>
      </c>
      <c r="B7812" s="1" t="s">
        <v>195</v>
      </c>
      <c r="C7812" s="1" t="s">
        <v>26944</v>
      </c>
      <c r="D7812" s="1" t="s">
        <v>26945</v>
      </c>
      <c r="E7812" s="1"/>
      <c r="F7812" s="1" t="s">
        <v>474</v>
      </c>
      <c r="G7812" s="1" t="s">
        <v>10</v>
      </c>
      <c r="H7812" s="1" t="s">
        <v>10</v>
      </c>
      <c r="I7812" s="1" t="s">
        <v>7415</v>
      </c>
      <c r="J7812" s="1" t="s">
        <v>21769</v>
      </c>
      <c r="K7812" s="1" t="s">
        <v>27</v>
      </c>
      <c r="L7812" s="1" t="s">
        <v>26943</v>
      </c>
      <c r="M7812" s="1" t="s">
        <v>5</v>
      </c>
      <c r="N7812" s="1" t="s">
        <v>25</v>
      </c>
      <c r="O7812" s="1" t="s">
        <v>38</v>
      </c>
      <c r="P7812" s="5" t="s">
        <v>32500</v>
      </c>
    </row>
    <row r="7813" spans="1:16" x14ac:dyDescent="0.2">
      <c r="A7813" s="1" t="s">
        <v>194</v>
      </c>
      <c r="B7813" s="1" t="s">
        <v>195</v>
      </c>
      <c r="C7813" s="1" t="s">
        <v>26947</v>
      </c>
      <c r="D7813" s="1" t="s">
        <v>19753</v>
      </c>
      <c r="E7813" s="1"/>
      <c r="F7813" s="1" t="s">
        <v>474</v>
      </c>
      <c r="G7813" s="1" t="s">
        <v>10</v>
      </c>
      <c r="H7813" s="1" t="s">
        <v>26948</v>
      </c>
      <c r="I7813" s="1" t="s">
        <v>7415</v>
      </c>
      <c r="J7813" s="1" t="s">
        <v>21769</v>
      </c>
      <c r="K7813" s="1" t="s">
        <v>27</v>
      </c>
      <c r="L7813" s="1" t="s">
        <v>26946</v>
      </c>
      <c r="M7813" s="1" t="s">
        <v>5</v>
      </c>
      <c r="N7813" s="1" t="s">
        <v>25</v>
      </c>
      <c r="O7813" s="1" t="s">
        <v>38</v>
      </c>
      <c r="P7813" s="5" t="s">
        <v>32501</v>
      </c>
    </row>
    <row r="7814" spans="1:16" x14ac:dyDescent="0.2">
      <c r="A7814" s="1" t="s">
        <v>194</v>
      </c>
      <c r="B7814" s="1" t="s">
        <v>4492</v>
      </c>
      <c r="C7814" s="1" t="s">
        <v>26950</v>
      </c>
      <c r="D7814" s="1" t="s">
        <v>10</v>
      </c>
      <c r="E7814" s="1"/>
      <c r="F7814" s="1" t="s">
        <v>474</v>
      </c>
      <c r="G7814" s="1" t="s">
        <v>10</v>
      </c>
      <c r="H7814" s="1" t="s">
        <v>10</v>
      </c>
      <c r="I7814" s="1" t="s">
        <v>7415</v>
      </c>
      <c r="J7814" s="1" t="s">
        <v>21769</v>
      </c>
      <c r="K7814" s="1" t="s">
        <v>64</v>
      </c>
      <c r="L7814" s="1" t="s">
        <v>26949</v>
      </c>
      <c r="M7814" s="1" t="s">
        <v>5</v>
      </c>
      <c r="N7814" s="1" t="s">
        <v>1009</v>
      </c>
      <c r="O7814" s="1" t="s">
        <v>8</v>
      </c>
      <c r="P7814" s="5"/>
    </row>
    <row r="7815" spans="1:16" x14ac:dyDescent="0.2">
      <c r="A7815" s="1" t="s">
        <v>194</v>
      </c>
      <c r="B7815" s="1" t="s">
        <v>195</v>
      </c>
      <c r="C7815" s="1" t="s">
        <v>26952</v>
      </c>
      <c r="D7815" s="1" t="s">
        <v>26953</v>
      </c>
      <c r="E7815" s="1"/>
      <c r="F7815" s="1" t="s">
        <v>393</v>
      </c>
      <c r="G7815" s="1" t="s">
        <v>10</v>
      </c>
      <c r="H7815" s="1" t="s">
        <v>10</v>
      </c>
      <c r="I7815" s="1" t="s">
        <v>7415</v>
      </c>
      <c r="J7815" s="1" t="s">
        <v>21769</v>
      </c>
      <c r="K7815" s="1" t="s">
        <v>27</v>
      </c>
      <c r="L7815" s="1" t="s">
        <v>26951</v>
      </c>
      <c r="M7815" s="1" t="s">
        <v>5</v>
      </c>
      <c r="N7815" s="1" t="s">
        <v>6</v>
      </c>
      <c r="O7815" s="1" t="s">
        <v>38</v>
      </c>
      <c r="P7815" s="5" t="s">
        <v>32502</v>
      </c>
    </row>
    <row r="7816" spans="1:16" x14ac:dyDescent="0.2">
      <c r="A7816" s="1" t="s">
        <v>194</v>
      </c>
      <c r="B7816" s="1" t="s">
        <v>195</v>
      </c>
      <c r="C7816" s="1" t="s">
        <v>26955</v>
      </c>
      <c r="D7816" s="1" t="s">
        <v>26347</v>
      </c>
      <c r="E7816" s="1"/>
      <c r="F7816" s="1" t="s">
        <v>10</v>
      </c>
      <c r="G7816" s="1" t="s">
        <v>10</v>
      </c>
      <c r="H7816" s="1" t="s">
        <v>10</v>
      </c>
      <c r="I7816" s="1" t="s">
        <v>7415</v>
      </c>
      <c r="J7816" s="1" t="s">
        <v>21769</v>
      </c>
      <c r="K7816" s="1" t="s">
        <v>27</v>
      </c>
      <c r="L7816" s="1" t="s">
        <v>26954</v>
      </c>
      <c r="M7816" s="1" t="s">
        <v>5</v>
      </c>
      <c r="N7816" s="1" t="s">
        <v>25</v>
      </c>
      <c r="O7816" s="1" t="s">
        <v>38</v>
      </c>
      <c r="P7816" s="5" t="s">
        <v>32503</v>
      </c>
    </row>
    <row r="7817" spans="1:16" x14ac:dyDescent="0.2">
      <c r="A7817" s="1" t="s">
        <v>194</v>
      </c>
      <c r="B7817" s="1" t="s">
        <v>4492</v>
      </c>
      <c r="C7817" s="1" t="s">
        <v>26957</v>
      </c>
      <c r="D7817" s="1" t="s">
        <v>21420</v>
      </c>
      <c r="E7817" s="1"/>
      <c r="F7817" s="1" t="s">
        <v>683</v>
      </c>
      <c r="G7817" s="1" t="s">
        <v>685</v>
      </c>
      <c r="H7817" s="1" t="s">
        <v>10</v>
      </c>
      <c r="I7817" s="1" t="s">
        <v>7415</v>
      </c>
      <c r="J7817" s="1" t="s">
        <v>21769</v>
      </c>
      <c r="K7817" s="1" t="s">
        <v>64</v>
      </c>
      <c r="L7817" s="1" t="s">
        <v>26956</v>
      </c>
      <c r="M7817" s="1" t="s">
        <v>5</v>
      </c>
      <c r="N7817" s="1" t="s">
        <v>6</v>
      </c>
      <c r="O7817" s="1" t="s">
        <v>8</v>
      </c>
      <c r="P7817" s="5"/>
    </row>
    <row r="7818" spans="1:16" x14ac:dyDescent="0.2">
      <c r="A7818" s="1" t="s">
        <v>194</v>
      </c>
      <c r="B7818" s="1" t="s">
        <v>195</v>
      </c>
      <c r="C7818" s="1" t="s">
        <v>26959</v>
      </c>
      <c r="D7818" s="1" t="s">
        <v>19808</v>
      </c>
      <c r="E7818" s="1"/>
      <c r="F7818" s="1" t="s">
        <v>474</v>
      </c>
      <c r="G7818" s="1" t="s">
        <v>10</v>
      </c>
      <c r="H7818" s="1" t="s">
        <v>26948</v>
      </c>
      <c r="I7818" s="1" t="s">
        <v>7415</v>
      </c>
      <c r="J7818" s="1" t="s">
        <v>21769</v>
      </c>
      <c r="K7818" s="1" t="s">
        <v>27</v>
      </c>
      <c r="L7818" s="1" t="s">
        <v>26958</v>
      </c>
      <c r="M7818" s="1" t="s">
        <v>5</v>
      </c>
      <c r="N7818" s="1" t="s">
        <v>6</v>
      </c>
      <c r="O7818" s="1" t="s">
        <v>38</v>
      </c>
      <c r="P7818" s="5" t="s">
        <v>32504</v>
      </c>
    </row>
    <row r="7819" spans="1:16" x14ac:dyDescent="0.2">
      <c r="A7819" s="1" t="s">
        <v>487</v>
      </c>
      <c r="B7819" s="1" t="s">
        <v>488</v>
      </c>
      <c r="C7819" s="1" t="s">
        <v>26961</v>
      </c>
      <c r="D7819" s="1" t="s">
        <v>10</v>
      </c>
      <c r="E7819" s="1"/>
      <c r="F7819" s="1" t="s">
        <v>27</v>
      </c>
      <c r="G7819" s="1" t="s">
        <v>10</v>
      </c>
      <c r="H7819" s="1" t="s">
        <v>1760</v>
      </c>
      <c r="I7819" s="1" t="s">
        <v>7415</v>
      </c>
      <c r="J7819" s="1" t="s">
        <v>25137</v>
      </c>
      <c r="K7819" s="1" t="s">
        <v>64</v>
      </c>
      <c r="L7819" s="1" t="s">
        <v>26960</v>
      </c>
      <c r="M7819" s="1" t="s">
        <v>5</v>
      </c>
      <c r="N7819" s="1" t="s">
        <v>6</v>
      </c>
      <c r="O7819" s="1" t="s">
        <v>8</v>
      </c>
      <c r="P7819" s="5" t="s">
        <v>10</v>
      </c>
    </row>
    <row r="7820" spans="1:16" x14ac:dyDescent="0.2">
      <c r="A7820" s="1" t="s">
        <v>66</v>
      </c>
      <c r="B7820" s="1" t="s">
        <v>1127</v>
      </c>
      <c r="C7820" s="1" t="s">
        <v>26963</v>
      </c>
      <c r="D7820" s="1" t="s">
        <v>23361</v>
      </c>
      <c r="E7820" s="1"/>
      <c r="F7820" s="1" t="s">
        <v>10</v>
      </c>
      <c r="G7820" s="1" t="s">
        <v>10</v>
      </c>
      <c r="H7820" s="1" t="s">
        <v>10</v>
      </c>
      <c r="I7820" s="1" t="s">
        <v>7415</v>
      </c>
      <c r="J7820" s="1" t="s">
        <v>25141</v>
      </c>
      <c r="K7820" s="1" t="s">
        <v>27</v>
      </c>
      <c r="L7820" s="1" t="s">
        <v>26962</v>
      </c>
      <c r="M7820" s="1" t="s">
        <v>5</v>
      </c>
      <c r="N7820" s="1" t="s">
        <v>1009</v>
      </c>
      <c r="O7820" s="1" t="s">
        <v>38</v>
      </c>
      <c r="P7820" s="5" t="s">
        <v>32505</v>
      </c>
    </row>
    <row r="7821" spans="1:16" x14ac:dyDescent="0.2">
      <c r="A7821" s="1" t="s">
        <v>66</v>
      </c>
      <c r="B7821" s="1" t="s">
        <v>1127</v>
      </c>
      <c r="C7821" s="1" t="s">
        <v>26965</v>
      </c>
      <c r="D7821" s="1" t="s">
        <v>26966</v>
      </c>
      <c r="E7821" s="1"/>
      <c r="F7821" s="1" t="s">
        <v>10</v>
      </c>
      <c r="G7821" s="1" t="s">
        <v>10</v>
      </c>
      <c r="H7821" s="1" t="s">
        <v>10</v>
      </c>
      <c r="I7821" s="1" t="s">
        <v>7415</v>
      </c>
      <c r="J7821" s="1" t="s">
        <v>25141</v>
      </c>
      <c r="K7821" s="1" t="s">
        <v>27</v>
      </c>
      <c r="L7821" s="1" t="s">
        <v>26964</v>
      </c>
      <c r="M7821" s="1" t="s">
        <v>5</v>
      </c>
      <c r="N7821" s="1" t="s">
        <v>1009</v>
      </c>
      <c r="O7821" s="1" t="s">
        <v>38</v>
      </c>
      <c r="P7821" s="5" t="s">
        <v>32506</v>
      </c>
    </row>
    <row r="7822" spans="1:16" x14ac:dyDescent="0.2">
      <c r="A7822" s="1" t="s">
        <v>66</v>
      </c>
      <c r="B7822" s="1" t="s">
        <v>498</v>
      </c>
      <c r="C7822" s="1" t="s">
        <v>26968</v>
      </c>
      <c r="D7822" s="1" t="s">
        <v>26969</v>
      </c>
      <c r="E7822" s="1"/>
      <c r="F7822" s="1" t="s">
        <v>10</v>
      </c>
      <c r="G7822" s="1" t="s">
        <v>10</v>
      </c>
      <c r="H7822" s="1" t="s">
        <v>10</v>
      </c>
      <c r="I7822" s="1" t="s">
        <v>7415</v>
      </c>
      <c r="J7822" s="1" t="s">
        <v>25141</v>
      </c>
      <c r="K7822" s="1" t="s">
        <v>27</v>
      </c>
      <c r="L7822" s="1" t="s">
        <v>26967</v>
      </c>
      <c r="M7822" s="1" t="s">
        <v>5</v>
      </c>
      <c r="N7822" s="1" t="s">
        <v>1009</v>
      </c>
      <c r="O7822" s="1" t="s">
        <v>38</v>
      </c>
      <c r="P7822" s="5" t="s">
        <v>32498</v>
      </c>
    </row>
    <row r="7823" spans="1:16" x14ac:dyDescent="0.2">
      <c r="A7823" s="1" t="s">
        <v>66</v>
      </c>
      <c r="B7823" s="1" t="s">
        <v>212</v>
      </c>
      <c r="C7823" s="1" t="s">
        <v>26971</v>
      </c>
      <c r="D7823" s="1" t="s">
        <v>26972</v>
      </c>
      <c r="E7823" s="1"/>
      <c r="F7823" s="1" t="s">
        <v>10</v>
      </c>
      <c r="G7823" s="1" t="s">
        <v>10</v>
      </c>
      <c r="H7823" s="1" t="s">
        <v>10</v>
      </c>
      <c r="I7823" s="1" t="s">
        <v>7415</v>
      </c>
      <c r="J7823" s="1" t="s">
        <v>25141</v>
      </c>
      <c r="K7823" s="1" t="s">
        <v>27</v>
      </c>
      <c r="L7823" s="1" t="s">
        <v>26970</v>
      </c>
      <c r="M7823" s="1" t="s">
        <v>5</v>
      </c>
      <c r="N7823" s="1" t="s">
        <v>6</v>
      </c>
      <c r="O7823" s="1" t="s">
        <v>38</v>
      </c>
      <c r="P7823" s="5" t="s">
        <v>31845</v>
      </c>
    </row>
    <row r="7824" spans="1:16" x14ac:dyDescent="0.2">
      <c r="A7824" s="1" t="s">
        <v>66</v>
      </c>
      <c r="B7824" s="1" t="s">
        <v>212</v>
      </c>
      <c r="C7824" s="1" t="s">
        <v>26974</v>
      </c>
      <c r="D7824" s="1" t="s">
        <v>26975</v>
      </c>
      <c r="E7824" s="1"/>
      <c r="F7824" s="1" t="s">
        <v>10</v>
      </c>
      <c r="G7824" s="1" t="s">
        <v>10</v>
      </c>
      <c r="H7824" s="1" t="s">
        <v>10</v>
      </c>
      <c r="I7824" s="1" t="s">
        <v>7415</v>
      </c>
      <c r="J7824" s="1" t="s">
        <v>25141</v>
      </c>
      <c r="K7824" s="1" t="s">
        <v>27</v>
      </c>
      <c r="L7824" s="1" t="s">
        <v>26973</v>
      </c>
      <c r="M7824" s="1" t="s">
        <v>5</v>
      </c>
      <c r="N7824" s="1" t="s">
        <v>6</v>
      </c>
      <c r="O7824" s="1" t="s">
        <v>38</v>
      </c>
      <c r="P7824" s="5" t="s">
        <v>31845</v>
      </c>
    </row>
    <row r="7825" spans="1:16" x14ac:dyDescent="0.2">
      <c r="A7825" s="1" t="s">
        <v>66</v>
      </c>
      <c r="B7825" s="1" t="s">
        <v>1127</v>
      </c>
      <c r="C7825" s="1" t="s">
        <v>26977</v>
      </c>
      <c r="D7825" s="1" t="s">
        <v>26978</v>
      </c>
      <c r="E7825" s="1"/>
      <c r="F7825" s="1" t="s">
        <v>10</v>
      </c>
      <c r="G7825" s="1" t="s">
        <v>10</v>
      </c>
      <c r="H7825" s="1" t="s">
        <v>10</v>
      </c>
      <c r="I7825" s="1" t="s">
        <v>7415</v>
      </c>
      <c r="J7825" s="1" t="s">
        <v>25141</v>
      </c>
      <c r="K7825" s="1" t="s">
        <v>27</v>
      </c>
      <c r="L7825" s="1" t="s">
        <v>26976</v>
      </c>
      <c r="M7825" s="1" t="s">
        <v>5</v>
      </c>
      <c r="N7825" s="1" t="s">
        <v>1009</v>
      </c>
      <c r="O7825" s="1" t="s">
        <v>38</v>
      </c>
      <c r="P7825" s="5" t="s">
        <v>32507</v>
      </c>
    </row>
    <row r="7826" spans="1:16" x14ac:dyDescent="0.2">
      <c r="A7826" s="1" t="s">
        <v>66</v>
      </c>
      <c r="B7826" s="1" t="s">
        <v>212</v>
      </c>
      <c r="C7826" s="1" t="s">
        <v>26980</v>
      </c>
      <c r="D7826" s="1" t="s">
        <v>26981</v>
      </c>
      <c r="E7826" s="1"/>
      <c r="F7826" s="1" t="s">
        <v>10</v>
      </c>
      <c r="G7826" s="1" t="s">
        <v>10</v>
      </c>
      <c r="H7826" s="1" t="s">
        <v>10</v>
      </c>
      <c r="I7826" s="1" t="s">
        <v>7415</v>
      </c>
      <c r="J7826" s="1" t="s">
        <v>25141</v>
      </c>
      <c r="K7826" s="1" t="s">
        <v>27</v>
      </c>
      <c r="L7826" s="1" t="s">
        <v>26979</v>
      </c>
      <c r="M7826" s="1" t="s">
        <v>5</v>
      </c>
      <c r="N7826" s="1" t="s">
        <v>1009</v>
      </c>
      <c r="O7826" s="1" t="s">
        <v>38</v>
      </c>
      <c r="P7826" s="5" t="s">
        <v>32498</v>
      </c>
    </row>
    <row r="7827" spans="1:16" x14ac:dyDescent="0.2">
      <c r="A7827" s="1" t="s">
        <v>20</v>
      </c>
      <c r="B7827" s="1" t="s">
        <v>172</v>
      </c>
      <c r="C7827" s="1" t="s">
        <v>26983</v>
      </c>
      <c r="D7827" s="1" t="s">
        <v>26984</v>
      </c>
      <c r="E7827" s="1"/>
      <c r="F7827" s="1" t="s">
        <v>10</v>
      </c>
      <c r="G7827" s="1" t="s">
        <v>10</v>
      </c>
      <c r="H7827" s="1" t="s">
        <v>10</v>
      </c>
      <c r="I7827" s="1" t="s">
        <v>7415</v>
      </c>
      <c r="J7827" s="1" t="s">
        <v>19</v>
      </c>
      <c r="K7827" s="1" t="s">
        <v>7</v>
      </c>
      <c r="L7827" s="1" t="s">
        <v>26982</v>
      </c>
      <c r="M7827" s="1" t="s">
        <v>5</v>
      </c>
      <c r="N7827" s="1" t="s">
        <v>6</v>
      </c>
      <c r="O7827" s="1" t="s">
        <v>38</v>
      </c>
      <c r="P7827" s="5" t="s">
        <v>32508</v>
      </c>
    </row>
    <row r="7828" spans="1:16" x14ac:dyDescent="0.2">
      <c r="A7828" s="1" t="s">
        <v>1385</v>
      </c>
      <c r="B7828" s="1" t="s">
        <v>1386</v>
      </c>
      <c r="C7828" s="1" t="s">
        <v>26986</v>
      </c>
      <c r="D7828" s="1" t="s">
        <v>26987</v>
      </c>
      <c r="E7828" s="1"/>
      <c r="F7828" s="1" t="s">
        <v>27</v>
      </c>
      <c r="G7828" s="1" t="s">
        <v>10</v>
      </c>
      <c r="H7828" s="1" t="s">
        <v>26988</v>
      </c>
      <c r="I7828" s="1" t="s">
        <v>7415</v>
      </c>
      <c r="J7828" s="1" t="s">
        <v>19</v>
      </c>
      <c r="K7828" s="1" t="s">
        <v>37</v>
      </c>
      <c r="L7828" s="1" t="s">
        <v>26985</v>
      </c>
      <c r="M7828" s="1" t="s">
        <v>5</v>
      </c>
      <c r="N7828" s="1" t="s">
        <v>1009</v>
      </c>
      <c r="O7828" s="1" t="s">
        <v>8</v>
      </c>
      <c r="P7828" s="5" t="s">
        <v>30790</v>
      </c>
    </row>
    <row r="7829" spans="1:16" x14ac:dyDescent="0.2">
      <c r="A7829" s="1" t="s">
        <v>20</v>
      </c>
      <c r="B7829" s="1" t="s">
        <v>93</v>
      </c>
      <c r="C7829" s="1" t="s">
        <v>26990</v>
      </c>
      <c r="D7829" s="1" t="s">
        <v>26991</v>
      </c>
      <c r="E7829" s="1"/>
      <c r="F7829" s="1" t="s">
        <v>10</v>
      </c>
      <c r="G7829" s="1" t="s">
        <v>10</v>
      </c>
      <c r="H7829" s="1" t="s">
        <v>10</v>
      </c>
      <c r="I7829" s="1" t="s">
        <v>7415</v>
      </c>
      <c r="J7829" s="1" t="s">
        <v>19</v>
      </c>
      <c r="K7829" s="1" t="s">
        <v>7</v>
      </c>
      <c r="L7829" s="1" t="s">
        <v>26989</v>
      </c>
      <c r="M7829" s="1" t="s">
        <v>5</v>
      </c>
      <c r="N7829" s="1" t="s">
        <v>6</v>
      </c>
      <c r="O7829" s="1" t="s">
        <v>38</v>
      </c>
      <c r="P7829" s="5" t="s">
        <v>32509</v>
      </c>
    </row>
    <row r="7830" spans="1:16" x14ac:dyDescent="0.2">
      <c r="A7830" s="1" t="s">
        <v>20</v>
      </c>
      <c r="B7830" s="1" t="s">
        <v>93</v>
      </c>
      <c r="C7830" s="1" t="s">
        <v>26993</v>
      </c>
      <c r="D7830" s="1" t="s">
        <v>26994</v>
      </c>
      <c r="E7830" s="1"/>
      <c r="F7830" s="1" t="s">
        <v>10</v>
      </c>
      <c r="G7830" s="1" t="s">
        <v>10</v>
      </c>
      <c r="H7830" s="1" t="s">
        <v>10</v>
      </c>
      <c r="I7830" s="1" t="s">
        <v>7415</v>
      </c>
      <c r="J7830" s="1" t="s">
        <v>19</v>
      </c>
      <c r="K7830" s="1" t="s">
        <v>7</v>
      </c>
      <c r="L7830" s="1" t="s">
        <v>26992</v>
      </c>
      <c r="M7830" s="1" t="s">
        <v>5</v>
      </c>
      <c r="N7830" s="1" t="s">
        <v>6</v>
      </c>
      <c r="O7830" s="1" t="s">
        <v>38</v>
      </c>
      <c r="P7830" s="5" t="s">
        <v>32510</v>
      </c>
    </row>
    <row r="7831" spans="1:16" x14ac:dyDescent="0.2">
      <c r="A7831" s="1" t="s">
        <v>329</v>
      </c>
      <c r="B7831" s="1" t="s">
        <v>1738</v>
      </c>
      <c r="C7831" s="1" t="s">
        <v>26996</v>
      </c>
      <c r="D7831" s="1" t="s">
        <v>26997</v>
      </c>
      <c r="E7831" s="1"/>
      <c r="F7831" s="1" t="s">
        <v>10</v>
      </c>
      <c r="G7831" s="1" t="s">
        <v>10</v>
      </c>
      <c r="H7831" s="1" t="s">
        <v>10</v>
      </c>
      <c r="I7831" s="1" t="s">
        <v>7415</v>
      </c>
      <c r="J7831" s="1" t="s">
        <v>19</v>
      </c>
      <c r="K7831" s="1" t="s">
        <v>47</v>
      </c>
      <c r="L7831" s="1" t="s">
        <v>26995</v>
      </c>
      <c r="M7831" s="1" t="s">
        <v>5</v>
      </c>
      <c r="N7831" s="1" t="s">
        <v>25</v>
      </c>
      <c r="O7831" s="1" t="s">
        <v>38</v>
      </c>
      <c r="P7831" s="5" t="s">
        <v>30791</v>
      </c>
    </row>
    <row r="7832" spans="1:16" x14ac:dyDescent="0.2">
      <c r="A7832" s="1" t="s">
        <v>20</v>
      </c>
      <c r="B7832" s="1" t="s">
        <v>172</v>
      </c>
      <c r="C7832" s="1" t="s">
        <v>26999</v>
      </c>
      <c r="D7832" s="1" t="s">
        <v>27000</v>
      </c>
      <c r="E7832" s="1"/>
      <c r="F7832" s="1" t="s">
        <v>10</v>
      </c>
      <c r="G7832" s="1" t="s">
        <v>10</v>
      </c>
      <c r="H7832" s="1" t="s">
        <v>10</v>
      </c>
      <c r="I7832" s="1" t="s">
        <v>7415</v>
      </c>
      <c r="J7832" s="1" t="s">
        <v>19</v>
      </c>
      <c r="K7832" s="1" t="s">
        <v>7</v>
      </c>
      <c r="L7832" s="1" t="s">
        <v>26998</v>
      </c>
      <c r="M7832" s="1" t="s">
        <v>5</v>
      </c>
      <c r="N7832" s="1" t="s">
        <v>1009</v>
      </c>
      <c r="O7832" s="1" t="s">
        <v>38</v>
      </c>
      <c r="P7832" s="5" t="s">
        <v>32511</v>
      </c>
    </row>
    <row r="7833" spans="1:16" x14ac:dyDescent="0.2">
      <c r="A7833" s="1" t="s">
        <v>42</v>
      </c>
      <c r="B7833" s="1" t="s">
        <v>50</v>
      </c>
      <c r="C7833" s="1" t="s">
        <v>27002</v>
      </c>
      <c r="D7833" s="1" t="s">
        <v>9272</v>
      </c>
      <c r="E7833" s="1"/>
      <c r="F7833" s="1" t="s">
        <v>10</v>
      </c>
      <c r="G7833" s="1" t="s">
        <v>10</v>
      </c>
      <c r="H7833" s="1" t="s">
        <v>10</v>
      </c>
      <c r="I7833" s="1" t="s">
        <v>7415</v>
      </c>
      <c r="J7833" s="1" t="s">
        <v>19</v>
      </c>
      <c r="K7833" s="1" t="s">
        <v>47</v>
      </c>
      <c r="L7833" s="1" t="s">
        <v>27001</v>
      </c>
      <c r="M7833" s="1" t="s">
        <v>5</v>
      </c>
      <c r="N7833" s="1" t="s">
        <v>1009</v>
      </c>
      <c r="O7833" s="1" t="s">
        <v>38</v>
      </c>
      <c r="P7833" s="5" t="s">
        <v>30746</v>
      </c>
    </row>
    <row r="7834" spans="1:16" x14ac:dyDescent="0.2">
      <c r="A7834" s="1" t="s">
        <v>194</v>
      </c>
      <c r="B7834" s="1" t="s">
        <v>396</v>
      </c>
      <c r="C7834" s="1" t="s">
        <v>27004</v>
      </c>
      <c r="D7834" s="1" t="s">
        <v>27005</v>
      </c>
      <c r="E7834" s="1"/>
      <c r="F7834" s="1" t="s">
        <v>10</v>
      </c>
      <c r="G7834" s="1" t="s">
        <v>10</v>
      </c>
      <c r="H7834" s="1" t="s">
        <v>10</v>
      </c>
      <c r="I7834" s="1" t="s">
        <v>7415</v>
      </c>
      <c r="J7834" s="1" t="s">
        <v>25145</v>
      </c>
      <c r="K7834" s="1" t="s">
        <v>2555</v>
      </c>
      <c r="L7834" s="1" t="s">
        <v>27003</v>
      </c>
      <c r="M7834" s="1" t="s">
        <v>5</v>
      </c>
      <c r="N7834" s="1" t="s">
        <v>1009</v>
      </c>
      <c r="O7834" s="1" t="s">
        <v>38</v>
      </c>
      <c r="P7834" s="5" t="s">
        <v>32512</v>
      </c>
    </row>
    <row r="7835" spans="1:16" x14ac:dyDescent="0.2">
      <c r="A7835" s="1" t="s">
        <v>194</v>
      </c>
      <c r="B7835" s="1" t="s">
        <v>396</v>
      </c>
      <c r="C7835" s="1" t="s">
        <v>27007</v>
      </c>
      <c r="D7835" s="1" t="s">
        <v>27008</v>
      </c>
      <c r="E7835" s="1"/>
      <c r="F7835" s="1" t="s">
        <v>10</v>
      </c>
      <c r="G7835" s="1" t="s">
        <v>10</v>
      </c>
      <c r="H7835" s="1" t="s">
        <v>10</v>
      </c>
      <c r="I7835" s="1" t="s">
        <v>7415</v>
      </c>
      <c r="J7835" s="1" t="s">
        <v>25145</v>
      </c>
      <c r="K7835" s="1" t="s">
        <v>27</v>
      </c>
      <c r="L7835" s="1" t="s">
        <v>27006</v>
      </c>
      <c r="M7835" s="1" t="s">
        <v>5</v>
      </c>
      <c r="N7835" s="1" t="s">
        <v>1009</v>
      </c>
      <c r="O7835" s="1" t="s">
        <v>38</v>
      </c>
      <c r="P7835" s="5" t="s">
        <v>30773</v>
      </c>
    </row>
    <row r="7836" spans="1:16" x14ac:dyDescent="0.2">
      <c r="A7836" s="1" t="s">
        <v>194</v>
      </c>
      <c r="B7836" s="1" t="s">
        <v>396</v>
      </c>
      <c r="C7836" s="1" t="s">
        <v>27010</v>
      </c>
      <c r="D7836" s="1" t="s">
        <v>27011</v>
      </c>
      <c r="E7836" s="1"/>
      <c r="F7836" s="1" t="s">
        <v>10</v>
      </c>
      <c r="G7836" s="1" t="s">
        <v>10</v>
      </c>
      <c r="H7836" s="1" t="s">
        <v>10</v>
      </c>
      <c r="I7836" s="1" t="s">
        <v>7415</v>
      </c>
      <c r="J7836" s="1" t="s">
        <v>25145</v>
      </c>
      <c r="K7836" s="1" t="s">
        <v>27</v>
      </c>
      <c r="L7836" s="1" t="s">
        <v>27009</v>
      </c>
      <c r="M7836" s="1" t="s">
        <v>5</v>
      </c>
      <c r="N7836" s="1" t="s">
        <v>1009</v>
      </c>
      <c r="O7836" s="1" t="s">
        <v>38</v>
      </c>
      <c r="P7836" s="5" t="s">
        <v>32417</v>
      </c>
    </row>
    <row r="7837" spans="1:16" x14ac:dyDescent="0.2">
      <c r="A7837" s="1" t="s">
        <v>194</v>
      </c>
      <c r="B7837" s="1" t="s">
        <v>396</v>
      </c>
      <c r="C7837" s="1" t="s">
        <v>27013</v>
      </c>
      <c r="D7837" s="1" t="s">
        <v>27014</v>
      </c>
      <c r="E7837" s="1"/>
      <c r="F7837" s="1" t="s">
        <v>10</v>
      </c>
      <c r="G7837" s="1" t="s">
        <v>10</v>
      </c>
      <c r="H7837" s="1" t="s">
        <v>10</v>
      </c>
      <c r="I7837" s="1" t="s">
        <v>7415</v>
      </c>
      <c r="J7837" s="1" t="s">
        <v>25145</v>
      </c>
      <c r="K7837" s="1" t="s">
        <v>27</v>
      </c>
      <c r="L7837" s="1" t="s">
        <v>27012</v>
      </c>
      <c r="M7837" s="1" t="s">
        <v>5</v>
      </c>
      <c r="N7837" s="1" t="s">
        <v>1009</v>
      </c>
      <c r="O7837" s="1" t="s">
        <v>38</v>
      </c>
      <c r="P7837" s="5" t="s">
        <v>32417</v>
      </c>
    </row>
    <row r="7838" spans="1:16" x14ac:dyDescent="0.2">
      <c r="A7838" s="1" t="s">
        <v>194</v>
      </c>
      <c r="B7838" s="1" t="s">
        <v>396</v>
      </c>
      <c r="C7838" s="1" t="s">
        <v>27016</v>
      </c>
      <c r="D7838" s="1" t="s">
        <v>27017</v>
      </c>
      <c r="E7838" s="1"/>
      <c r="F7838" s="1" t="s">
        <v>10</v>
      </c>
      <c r="G7838" s="1" t="s">
        <v>10</v>
      </c>
      <c r="H7838" s="1" t="s">
        <v>10</v>
      </c>
      <c r="I7838" s="1" t="s">
        <v>7415</v>
      </c>
      <c r="J7838" s="1" t="s">
        <v>25145</v>
      </c>
      <c r="K7838" s="1" t="s">
        <v>27</v>
      </c>
      <c r="L7838" s="1" t="s">
        <v>27015</v>
      </c>
      <c r="M7838" s="1" t="s">
        <v>5</v>
      </c>
      <c r="N7838" s="1" t="s">
        <v>1009</v>
      </c>
      <c r="O7838" s="1" t="s">
        <v>38</v>
      </c>
      <c r="P7838" s="5" t="s">
        <v>32451</v>
      </c>
    </row>
    <row r="7839" spans="1:16" x14ac:dyDescent="0.2">
      <c r="A7839" s="1" t="s">
        <v>194</v>
      </c>
      <c r="B7839" s="1" t="s">
        <v>396</v>
      </c>
      <c r="C7839" s="1" t="s">
        <v>27019</v>
      </c>
      <c r="D7839" s="1" t="s">
        <v>27019</v>
      </c>
      <c r="E7839" s="1"/>
      <c r="F7839" s="1" t="s">
        <v>10</v>
      </c>
      <c r="G7839" s="1" t="s">
        <v>10</v>
      </c>
      <c r="H7839" s="1" t="s">
        <v>10</v>
      </c>
      <c r="I7839" s="1" t="s">
        <v>7415</v>
      </c>
      <c r="J7839" s="1" t="s">
        <v>25145</v>
      </c>
      <c r="K7839" s="1" t="s">
        <v>27</v>
      </c>
      <c r="L7839" s="1" t="s">
        <v>27018</v>
      </c>
      <c r="M7839" s="1" t="s">
        <v>5</v>
      </c>
      <c r="N7839" s="1" t="s">
        <v>1009</v>
      </c>
      <c r="O7839" s="1" t="s">
        <v>38</v>
      </c>
      <c r="P7839" s="5" t="s">
        <v>32417</v>
      </c>
    </row>
    <row r="7840" spans="1:16" x14ac:dyDescent="0.2">
      <c r="A7840" s="1" t="s">
        <v>194</v>
      </c>
      <c r="B7840" s="1" t="s">
        <v>396</v>
      </c>
      <c r="C7840" s="1" t="s">
        <v>27021</v>
      </c>
      <c r="D7840" s="1" t="s">
        <v>27022</v>
      </c>
      <c r="E7840" s="1"/>
      <c r="F7840" s="1" t="s">
        <v>10</v>
      </c>
      <c r="G7840" s="1" t="s">
        <v>10</v>
      </c>
      <c r="H7840" s="1" t="s">
        <v>10</v>
      </c>
      <c r="I7840" s="1" t="s">
        <v>7415</v>
      </c>
      <c r="J7840" s="1" t="s">
        <v>25145</v>
      </c>
      <c r="K7840" s="1" t="s">
        <v>27</v>
      </c>
      <c r="L7840" s="1" t="s">
        <v>27020</v>
      </c>
      <c r="M7840" s="1" t="s">
        <v>5</v>
      </c>
      <c r="N7840" s="1" t="s">
        <v>1009</v>
      </c>
      <c r="O7840" s="1" t="s">
        <v>38</v>
      </c>
      <c r="P7840" s="5" t="s">
        <v>32417</v>
      </c>
    </row>
    <row r="7841" spans="1:16" x14ac:dyDescent="0.2">
      <c r="A7841" s="1" t="s">
        <v>194</v>
      </c>
      <c r="B7841" s="1" t="s">
        <v>396</v>
      </c>
      <c r="C7841" s="1" t="s">
        <v>27024</v>
      </c>
      <c r="D7841" s="1" t="s">
        <v>27025</v>
      </c>
      <c r="E7841" s="1"/>
      <c r="F7841" s="1" t="s">
        <v>10</v>
      </c>
      <c r="G7841" s="1" t="s">
        <v>10</v>
      </c>
      <c r="H7841" s="1" t="s">
        <v>10</v>
      </c>
      <c r="I7841" s="1" t="s">
        <v>7415</v>
      </c>
      <c r="J7841" s="1" t="s">
        <v>25145</v>
      </c>
      <c r="K7841" s="1" t="s">
        <v>27</v>
      </c>
      <c r="L7841" s="1" t="s">
        <v>27023</v>
      </c>
      <c r="M7841" s="1" t="s">
        <v>5</v>
      </c>
      <c r="N7841" s="1" t="s">
        <v>1009</v>
      </c>
      <c r="O7841" s="1" t="s">
        <v>38</v>
      </c>
      <c r="P7841" s="5" t="s">
        <v>32417</v>
      </c>
    </row>
    <row r="7842" spans="1:16" x14ac:dyDescent="0.2">
      <c r="A7842" s="1" t="s">
        <v>194</v>
      </c>
      <c r="B7842" s="1" t="s">
        <v>396</v>
      </c>
      <c r="C7842" s="1" t="s">
        <v>27027</v>
      </c>
      <c r="D7842" s="1" t="s">
        <v>27028</v>
      </c>
      <c r="E7842" s="1"/>
      <c r="F7842" s="1" t="s">
        <v>10</v>
      </c>
      <c r="G7842" s="1" t="s">
        <v>10</v>
      </c>
      <c r="H7842" s="1" t="s">
        <v>10</v>
      </c>
      <c r="I7842" s="1" t="s">
        <v>7415</v>
      </c>
      <c r="J7842" s="1" t="s">
        <v>25178</v>
      </c>
      <c r="K7842" s="1" t="s">
        <v>27</v>
      </c>
      <c r="L7842" s="1" t="s">
        <v>27026</v>
      </c>
      <c r="M7842" s="1" t="s">
        <v>5</v>
      </c>
      <c r="N7842" s="1" t="s">
        <v>1009</v>
      </c>
      <c r="O7842" s="1" t="s">
        <v>38</v>
      </c>
      <c r="P7842" s="5" t="s">
        <v>32450</v>
      </c>
    </row>
    <row r="7843" spans="1:16" x14ac:dyDescent="0.2">
      <c r="A7843" s="1" t="s">
        <v>194</v>
      </c>
      <c r="B7843" s="1" t="s">
        <v>396</v>
      </c>
      <c r="C7843" s="1" t="s">
        <v>27030</v>
      </c>
      <c r="D7843" s="1" t="s">
        <v>27031</v>
      </c>
      <c r="E7843" s="1"/>
      <c r="F7843" s="1" t="s">
        <v>10</v>
      </c>
      <c r="G7843" s="1" t="s">
        <v>10</v>
      </c>
      <c r="H7843" s="1" t="s">
        <v>10</v>
      </c>
      <c r="I7843" s="1" t="s">
        <v>7415</v>
      </c>
      <c r="J7843" s="1" t="s">
        <v>25141</v>
      </c>
      <c r="K7843" s="1" t="s">
        <v>27</v>
      </c>
      <c r="L7843" s="1" t="s">
        <v>27029</v>
      </c>
      <c r="M7843" s="1" t="s">
        <v>5</v>
      </c>
      <c r="N7843" s="1" t="s">
        <v>6</v>
      </c>
      <c r="O7843" s="1" t="s">
        <v>38</v>
      </c>
      <c r="P7843" s="5" t="s">
        <v>32513</v>
      </c>
    </row>
    <row r="7844" spans="1:16" x14ac:dyDescent="0.2">
      <c r="A7844" s="1" t="s">
        <v>194</v>
      </c>
      <c r="B7844" s="1" t="s">
        <v>396</v>
      </c>
      <c r="C7844" s="1" t="s">
        <v>27033</v>
      </c>
      <c r="D7844" s="1" t="s">
        <v>27034</v>
      </c>
      <c r="E7844" s="1"/>
      <c r="F7844" s="1" t="s">
        <v>10</v>
      </c>
      <c r="G7844" s="1" t="s">
        <v>10</v>
      </c>
      <c r="H7844" s="1" t="s">
        <v>10</v>
      </c>
      <c r="I7844" s="1" t="s">
        <v>7415</v>
      </c>
      <c r="J7844" s="1" t="s">
        <v>25145</v>
      </c>
      <c r="K7844" s="1" t="s">
        <v>27</v>
      </c>
      <c r="L7844" s="1" t="s">
        <v>27032</v>
      </c>
      <c r="M7844" s="1" t="s">
        <v>5</v>
      </c>
      <c r="N7844" s="1" t="s">
        <v>1009</v>
      </c>
      <c r="O7844" s="1" t="s">
        <v>38</v>
      </c>
      <c r="P7844" s="5" t="s">
        <v>32514</v>
      </c>
    </row>
    <row r="7845" spans="1:16" x14ac:dyDescent="0.2">
      <c r="A7845" s="1" t="s">
        <v>194</v>
      </c>
      <c r="B7845" s="1" t="s">
        <v>396</v>
      </c>
      <c r="C7845" s="1" t="s">
        <v>27036</v>
      </c>
      <c r="D7845" s="1" t="s">
        <v>27037</v>
      </c>
      <c r="E7845" s="1"/>
      <c r="F7845" s="1" t="s">
        <v>10</v>
      </c>
      <c r="G7845" s="1" t="s">
        <v>10</v>
      </c>
      <c r="H7845" s="1" t="s">
        <v>10</v>
      </c>
      <c r="I7845" s="1" t="s">
        <v>7415</v>
      </c>
      <c r="J7845" s="1" t="s">
        <v>25145</v>
      </c>
      <c r="K7845" s="1" t="s">
        <v>27</v>
      </c>
      <c r="L7845" s="1" t="s">
        <v>27035</v>
      </c>
      <c r="M7845" s="1" t="s">
        <v>5</v>
      </c>
      <c r="N7845" s="1" t="s">
        <v>1009</v>
      </c>
      <c r="O7845" s="1" t="s">
        <v>38</v>
      </c>
      <c r="P7845" s="5" t="s">
        <v>32515</v>
      </c>
    </row>
    <row r="7846" spans="1:16" x14ac:dyDescent="0.2">
      <c r="A7846" s="1" t="s">
        <v>487</v>
      </c>
      <c r="B7846" s="1" t="s">
        <v>10</v>
      </c>
      <c r="C7846" s="1" t="s">
        <v>27039</v>
      </c>
      <c r="D7846" s="1" t="s">
        <v>27040</v>
      </c>
      <c r="E7846" s="1"/>
      <c r="F7846" s="1" t="s">
        <v>393</v>
      </c>
      <c r="G7846" s="1" t="s">
        <v>10</v>
      </c>
      <c r="H7846" s="1" t="s">
        <v>10</v>
      </c>
      <c r="I7846" s="1" t="s">
        <v>7415</v>
      </c>
      <c r="J7846" s="1" t="s">
        <v>21769</v>
      </c>
      <c r="K7846" s="1" t="s">
        <v>64</v>
      </c>
      <c r="L7846" s="1" t="s">
        <v>27038</v>
      </c>
      <c r="M7846" s="1" t="s">
        <v>5</v>
      </c>
      <c r="N7846" s="1" t="s">
        <v>6</v>
      </c>
      <c r="O7846" s="1" t="s">
        <v>8</v>
      </c>
      <c r="P7846" s="5" t="s">
        <v>10</v>
      </c>
    </row>
    <row r="7847" spans="1:16" x14ac:dyDescent="0.2">
      <c r="A7847" s="1" t="s">
        <v>487</v>
      </c>
      <c r="B7847" s="1" t="s">
        <v>10</v>
      </c>
      <c r="C7847" s="1" t="s">
        <v>27042</v>
      </c>
      <c r="D7847" s="1" t="s">
        <v>27043</v>
      </c>
      <c r="E7847" s="1"/>
      <c r="F7847" s="1" t="s">
        <v>393</v>
      </c>
      <c r="G7847" s="1" t="s">
        <v>10</v>
      </c>
      <c r="H7847" s="1" t="s">
        <v>10</v>
      </c>
      <c r="I7847" s="1" t="s">
        <v>7415</v>
      </c>
      <c r="J7847" s="1" t="s">
        <v>21769</v>
      </c>
      <c r="K7847" s="1" t="s">
        <v>64</v>
      </c>
      <c r="L7847" s="1" t="s">
        <v>27041</v>
      </c>
      <c r="M7847" s="1" t="s">
        <v>5</v>
      </c>
      <c r="N7847" s="1" t="s">
        <v>6</v>
      </c>
      <c r="O7847" s="1" t="s">
        <v>8</v>
      </c>
      <c r="P7847" s="5" t="s">
        <v>10</v>
      </c>
    </row>
    <row r="7848" spans="1:16" x14ac:dyDescent="0.2">
      <c r="A7848" s="1" t="s">
        <v>487</v>
      </c>
      <c r="B7848" s="1" t="s">
        <v>488</v>
      </c>
      <c r="C7848" s="1" t="s">
        <v>27045</v>
      </c>
      <c r="D7848" s="1" t="s">
        <v>10</v>
      </c>
      <c r="E7848" s="1"/>
      <c r="F7848" s="1" t="s">
        <v>393</v>
      </c>
      <c r="G7848" s="1" t="s">
        <v>10</v>
      </c>
      <c r="H7848" s="1" t="s">
        <v>10</v>
      </c>
      <c r="I7848" s="1" t="s">
        <v>7415</v>
      </c>
      <c r="J7848" s="1" t="s">
        <v>21769</v>
      </c>
      <c r="K7848" s="1" t="s">
        <v>64</v>
      </c>
      <c r="L7848" s="1" t="s">
        <v>27044</v>
      </c>
      <c r="M7848" s="1" t="s">
        <v>5</v>
      </c>
      <c r="N7848" s="1" t="s">
        <v>6</v>
      </c>
      <c r="O7848" s="1" t="s">
        <v>8</v>
      </c>
      <c r="P7848" s="5" t="s">
        <v>10</v>
      </c>
    </row>
    <row r="7849" spans="1:16" x14ac:dyDescent="0.2">
      <c r="A7849" s="1" t="s">
        <v>487</v>
      </c>
      <c r="B7849" s="1" t="s">
        <v>488</v>
      </c>
      <c r="C7849" s="1" t="s">
        <v>27047</v>
      </c>
      <c r="D7849" s="1" t="s">
        <v>6376</v>
      </c>
      <c r="E7849" s="1"/>
      <c r="F7849" s="1" t="s">
        <v>393</v>
      </c>
      <c r="G7849" s="1" t="s">
        <v>10</v>
      </c>
      <c r="H7849" s="1" t="s">
        <v>10</v>
      </c>
      <c r="I7849" s="1" t="s">
        <v>7415</v>
      </c>
      <c r="J7849" s="1" t="s">
        <v>21769</v>
      </c>
      <c r="K7849" s="1" t="s">
        <v>64</v>
      </c>
      <c r="L7849" s="1" t="s">
        <v>27046</v>
      </c>
      <c r="M7849" s="1" t="s">
        <v>5</v>
      </c>
      <c r="N7849" s="1" t="s">
        <v>6</v>
      </c>
      <c r="O7849" s="1" t="s">
        <v>8</v>
      </c>
      <c r="P7849" s="5" t="s">
        <v>10</v>
      </c>
    </row>
    <row r="7850" spans="1:16" x14ac:dyDescent="0.2">
      <c r="A7850" s="1" t="s">
        <v>487</v>
      </c>
      <c r="B7850" s="1" t="s">
        <v>488</v>
      </c>
      <c r="C7850" s="1" t="s">
        <v>27049</v>
      </c>
      <c r="D7850" s="1" t="s">
        <v>10</v>
      </c>
      <c r="E7850" s="1"/>
      <c r="F7850" s="1" t="s">
        <v>27</v>
      </c>
      <c r="G7850" s="1" t="s">
        <v>10</v>
      </c>
      <c r="H7850" s="1" t="s">
        <v>26177</v>
      </c>
      <c r="I7850" s="1" t="s">
        <v>7415</v>
      </c>
      <c r="J7850" s="1" t="s">
        <v>25137</v>
      </c>
      <c r="K7850" s="1" t="s">
        <v>64</v>
      </c>
      <c r="L7850" s="1" t="s">
        <v>27048</v>
      </c>
      <c r="M7850" s="1" t="s">
        <v>5</v>
      </c>
      <c r="N7850" s="1" t="s">
        <v>6</v>
      </c>
      <c r="O7850" s="1" t="s">
        <v>8</v>
      </c>
      <c r="P7850" s="5"/>
    </row>
    <row r="7851" spans="1:16" x14ac:dyDescent="0.2">
      <c r="A7851" s="1" t="s">
        <v>194</v>
      </c>
      <c r="B7851" s="1" t="s">
        <v>6481</v>
      </c>
      <c r="C7851" s="1" t="s">
        <v>27051</v>
      </c>
      <c r="D7851" s="1" t="s">
        <v>27052</v>
      </c>
      <c r="E7851" s="1"/>
      <c r="F7851" s="1" t="s">
        <v>10</v>
      </c>
      <c r="G7851" s="1" t="s">
        <v>10</v>
      </c>
      <c r="H7851" s="1" t="s">
        <v>10</v>
      </c>
      <c r="I7851" s="1" t="s">
        <v>7415</v>
      </c>
      <c r="J7851" s="1" t="s">
        <v>25286</v>
      </c>
      <c r="K7851" s="1" t="s">
        <v>27</v>
      </c>
      <c r="L7851" s="1" t="s">
        <v>27050</v>
      </c>
      <c r="M7851" s="1" t="s">
        <v>5</v>
      </c>
      <c r="N7851" s="1" t="s">
        <v>1009</v>
      </c>
      <c r="O7851" s="1" t="s">
        <v>38</v>
      </c>
      <c r="P7851" s="5" t="s">
        <v>32516</v>
      </c>
    </row>
    <row r="7852" spans="1:16" x14ac:dyDescent="0.2">
      <c r="A7852" s="1" t="s">
        <v>66</v>
      </c>
      <c r="B7852" s="1" t="s">
        <v>212</v>
      </c>
      <c r="C7852" s="1" t="s">
        <v>27054</v>
      </c>
      <c r="D7852" s="1" t="s">
        <v>27055</v>
      </c>
      <c r="E7852" s="1"/>
      <c r="F7852" s="1" t="s">
        <v>10</v>
      </c>
      <c r="G7852" s="1" t="s">
        <v>10</v>
      </c>
      <c r="H7852" s="1" t="s">
        <v>10</v>
      </c>
      <c r="I7852" s="1" t="s">
        <v>7415</v>
      </c>
      <c r="J7852" s="1" t="s">
        <v>25141</v>
      </c>
      <c r="K7852" s="1" t="s">
        <v>11</v>
      </c>
      <c r="L7852" s="1" t="s">
        <v>27053</v>
      </c>
      <c r="M7852" s="1" t="s">
        <v>5</v>
      </c>
      <c r="N7852" s="1" t="s">
        <v>1009</v>
      </c>
      <c r="O7852" s="1" t="s">
        <v>38</v>
      </c>
      <c r="P7852" s="5" t="s">
        <v>32517</v>
      </c>
    </row>
    <row r="7853" spans="1:16" x14ac:dyDescent="0.2">
      <c r="A7853" s="1" t="s">
        <v>194</v>
      </c>
      <c r="B7853" s="1" t="s">
        <v>396</v>
      </c>
      <c r="C7853" s="1" t="s">
        <v>27057</v>
      </c>
      <c r="D7853" s="1" t="s">
        <v>27058</v>
      </c>
      <c r="E7853" s="1"/>
      <c r="F7853" s="1" t="s">
        <v>10</v>
      </c>
      <c r="G7853" s="1" t="s">
        <v>10</v>
      </c>
      <c r="H7853" s="1" t="s">
        <v>10</v>
      </c>
      <c r="I7853" s="1" t="s">
        <v>7415</v>
      </c>
      <c r="J7853" s="1" t="s">
        <v>25145</v>
      </c>
      <c r="K7853" s="1" t="s">
        <v>27</v>
      </c>
      <c r="L7853" s="1" t="s">
        <v>27056</v>
      </c>
      <c r="M7853" s="1" t="s">
        <v>5</v>
      </c>
      <c r="N7853" s="1" t="s">
        <v>25</v>
      </c>
      <c r="O7853" s="1" t="s">
        <v>38</v>
      </c>
      <c r="P7853" s="5" t="s">
        <v>30786</v>
      </c>
    </row>
    <row r="7854" spans="1:16" x14ac:dyDescent="0.2">
      <c r="A7854" s="1" t="s">
        <v>66</v>
      </c>
      <c r="B7854" s="1" t="s">
        <v>1117</v>
      </c>
      <c r="C7854" s="1" t="s">
        <v>27060</v>
      </c>
      <c r="D7854" s="1" t="s">
        <v>8331</v>
      </c>
      <c r="E7854" s="1"/>
      <c r="F7854" s="1" t="s">
        <v>27</v>
      </c>
      <c r="G7854" s="1" t="s">
        <v>10</v>
      </c>
      <c r="H7854" s="1" t="s">
        <v>1116</v>
      </c>
      <c r="I7854" s="1" t="s">
        <v>7415</v>
      </c>
      <c r="J7854" s="1" t="s">
        <v>25137</v>
      </c>
      <c r="K7854" s="1" t="s">
        <v>64</v>
      </c>
      <c r="L7854" s="1" t="s">
        <v>27059</v>
      </c>
      <c r="M7854" s="1" t="s">
        <v>5</v>
      </c>
      <c r="N7854" s="1" t="s">
        <v>6</v>
      </c>
      <c r="O7854" s="1" t="s">
        <v>8</v>
      </c>
      <c r="P7854" s="5" t="s">
        <v>31890</v>
      </c>
    </row>
    <row r="7855" spans="1:16" x14ac:dyDescent="0.2">
      <c r="A7855" s="1" t="s">
        <v>66</v>
      </c>
      <c r="B7855" s="1" t="s">
        <v>1117</v>
      </c>
      <c r="C7855" s="1" t="s">
        <v>27062</v>
      </c>
      <c r="D7855" s="1" t="s">
        <v>8331</v>
      </c>
      <c r="E7855" s="1"/>
      <c r="F7855" s="1" t="s">
        <v>27</v>
      </c>
      <c r="G7855" s="1" t="s">
        <v>10</v>
      </c>
      <c r="H7855" s="1" t="s">
        <v>1116</v>
      </c>
      <c r="I7855" s="1" t="s">
        <v>7415</v>
      </c>
      <c r="J7855" s="1" t="s">
        <v>25137</v>
      </c>
      <c r="K7855" s="1" t="s">
        <v>64</v>
      </c>
      <c r="L7855" s="1" t="s">
        <v>27061</v>
      </c>
      <c r="M7855" s="1" t="s">
        <v>5</v>
      </c>
      <c r="N7855" s="1" t="s">
        <v>6</v>
      </c>
      <c r="O7855" s="1" t="s">
        <v>8</v>
      </c>
      <c r="P7855" s="5" t="s">
        <v>31890</v>
      </c>
    </row>
    <row r="7856" spans="1:16" x14ac:dyDescent="0.2">
      <c r="A7856" s="1" t="s">
        <v>66</v>
      </c>
      <c r="B7856" s="1" t="s">
        <v>1117</v>
      </c>
      <c r="C7856" s="1" t="s">
        <v>27064</v>
      </c>
      <c r="D7856" s="1" t="s">
        <v>8331</v>
      </c>
      <c r="E7856" s="1"/>
      <c r="F7856" s="1" t="s">
        <v>27</v>
      </c>
      <c r="G7856" s="1" t="s">
        <v>10</v>
      </c>
      <c r="H7856" s="1" t="s">
        <v>1116</v>
      </c>
      <c r="I7856" s="1" t="s">
        <v>7415</v>
      </c>
      <c r="J7856" s="1" t="s">
        <v>25137</v>
      </c>
      <c r="K7856" s="1" t="s">
        <v>64</v>
      </c>
      <c r="L7856" s="1" t="s">
        <v>27063</v>
      </c>
      <c r="M7856" s="1" t="s">
        <v>5</v>
      </c>
      <c r="N7856" s="1" t="s">
        <v>6</v>
      </c>
      <c r="O7856" s="1" t="s">
        <v>8</v>
      </c>
      <c r="P7856" s="5" t="s">
        <v>31890</v>
      </c>
    </row>
    <row r="7857" spans="1:16" x14ac:dyDescent="0.2">
      <c r="A7857" s="1" t="s">
        <v>42</v>
      </c>
      <c r="B7857" s="1" t="s">
        <v>50</v>
      </c>
      <c r="C7857" s="1" t="s">
        <v>27066</v>
      </c>
      <c r="D7857" s="1" t="s">
        <v>27067</v>
      </c>
      <c r="E7857" s="1"/>
      <c r="F7857" s="1" t="s">
        <v>10</v>
      </c>
      <c r="G7857" s="1" t="s">
        <v>10</v>
      </c>
      <c r="H7857" s="1" t="s">
        <v>10</v>
      </c>
      <c r="I7857" s="1" t="s">
        <v>7415</v>
      </c>
      <c r="J7857" s="1" t="s">
        <v>19</v>
      </c>
      <c r="K7857" s="1" t="s">
        <v>47</v>
      </c>
      <c r="L7857" s="1" t="s">
        <v>27065</v>
      </c>
      <c r="M7857" s="1" t="s">
        <v>5</v>
      </c>
      <c r="N7857" s="1" t="s">
        <v>1009</v>
      </c>
      <c r="O7857" s="1" t="s">
        <v>38</v>
      </c>
      <c r="P7857" s="5" t="s">
        <v>30792</v>
      </c>
    </row>
    <row r="7858" spans="1:16" x14ac:dyDescent="0.2">
      <c r="A7858" s="1" t="s">
        <v>194</v>
      </c>
      <c r="B7858" s="1" t="s">
        <v>396</v>
      </c>
      <c r="C7858" s="1" t="s">
        <v>27069</v>
      </c>
      <c r="D7858" s="1" t="s">
        <v>27070</v>
      </c>
      <c r="E7858" s="1"/>
      <c r="F7858" s="1" t="s">
        <v>10</v>
      </c>
      <c r="G7858" s="1" t="s">
        <v>10</v>
      </c>
      <c r="H7858" s="1" t="s">
        <v>10</v>
      </c>
      <c r="I7858" s="1" t="s">
        <v>7415</v>
      </c>
      <c r="J7858" s="1" t="s">
        <v>25145</v>
      </c>
      <c r="K7858" s="1" t="s">
        <v>27</v>
      </c>
      <c r="L7858" s="1" t="s">
        <v>27068</v>
      </c>
      <c r="M7858" s="1" t="s">
        <v>5</v>
      </c>
      <c r="N7858" s="1" t="s">
        <v>6</v>
      </c>
      <c r="O7858" s="1" t="s">
        <v>38</v>
      </c>
      <c r="P7858" s="5" t="s">
        <v>31859</v>
      </c>
    </row>
    <row r="7859" spans="1:16" x14ac:dyDescent="0.2">
      <c r="A7859" s="1" t="s">
        <v>32</v>
      </c>
      <c r="B7859" s="1" t="s">
        <v>140</v>
      </c>
      <c r="C7859" s="1" t="s">
        <v>27072</v>
      </c>
      <c r="D7859" s="1" t="s">
        <v>27073</v>
      </c>
      <c r="E7859" s="1"/>
      <c r="F7859" s="1" t="s">
        <v>27</v>
      </c>
      <c r="G7859" s="1" t="s">
        <v>10</v>
      </c>
      <c r="H7859" s="1" t="s">
        <v>27074</v>
      </c>
      <c r="I7859" s="1" t="s">
        <v>7415</v>
      </c>
      <c r="J7859" s="1" t="s">
        <v>19</v>
      </c>
      <c r="K7859" s="1" t="s">
        <v>64</v>
      </c>
      <c r="L7859" s="1" t="s">
        <v>27071</v>
      </c>
      <c r="M7859" s="1" t="s">
        <v>5</v>
      </c>
      <c r="N7859" s="1" t="s">
        <v>25</v>
      </c>
      <c r="O7859" s="1" t="s">
        <v>8</v>
      </c>
      <c r="P7859" s="5" t="s">
        <v>30775</v>
      </c>
    </row>
    <row r="7860" spans="1:16" x14ac:dyDescent="0.2">
      <c r="A7860" s="1" t="s">
        <v>194</v>
      </c>
      <c r="B7860" s="1" t="s">
        <v>396</v>
      </c>
      <c r="C7860" s="1" t="s">
        <v>27076</v>
      </c>
      <c r="D7860" s="1" t="s">
        <v>27077</v>
      </c>
      <c r="E7860" s="1"/>
      <c r="F7860" s="1" t="s">
        <v>10</v>
      </c>
      <c r="G7860" s="1" t="s">
        <v>10</v>
      </c>
      <c r="H7860" s="1" t="s">
        <v>10</v>
      </c>
      <c r="I7860" s="1" t="s">
        <v>7415</v>
      </c>
      <c r="J7860" s="1" t="s">
        <v>25145</v>
      </c>
      <c r="K7860" s="1" t="s">
        <v>27</v>
      </c>
      <c r="L7860" s="1" t="s">
        <v>27075</v>
      </c>
      <c r="M7860" s="1" t="s">
        <v>5</v>
      </c>
      <c r="N7860" s="1" t="s">
        <v>1009</v>
      </c>
      <c r="O7860" s="1" t="s">
        <v>38</v>
      </c>
      <c r="P7860" s="5" t="s">
        <v>32283</v>
      </c>
    </row>
    <row r="7861" spans="1:16" x14ac:dyDescent="0.2">
      <c r="A7861" s="1" t="s">
        <v>194</v>
      </c>
      <c r="B7861" s="1" t="s">
        <v>396</v>
      </c>
      <c r="C7861" s="1" t="s">
        <v>27079</v>
      </c>
      <c r="D7861" s="1" t="s">
        <v>27080</v>
      </c>
      <c r="E7861" s="1"/>
      <c r="F7861" s="1" t="s">
        <v>10</v>
      </c>
      <c r="G7861" s="1" t="s">
        <v>10</v>
      </c>
      <c r="H7861" s="1" t="s">
        <v>10</v>
      </c>
      <c r="I7861" s="1" t="s">
        <v>7415</v>
      </c>
      <c r="J7861" s="1" t="s">
        <v>25145</v>
      </c>
      <c r="K7861" s="1" t="s">
        <v>27</v>
      </c>
      <c r="L7861" s="1" t="s">
        <v>27078</v>
      </c>
      <c r="M7861" s="1" t="s">
        <v>5</v>
      </c>
      <c r="N7861" s="1" t="s">
        <v>1009</v>
      </c>
      <c r="O7861" s="1" t="s">
        <v>38</v>
      </c>
      <c r="P7861" s="5" t="s">
        <v>32283</v>
      </c>
    </row>
    <row r="7862" spans="1:16" x14ac:dyDescent="0.2">
      <c r="A7862" s="1" t="s">
        <v>66</v>
      </c>
      <c r="B7862" s="1" t="s">
        <v>1117</v>
      </c>
      <c r="C7862" s="1" t="s">
        <v>27082</v>
      </c>
      <c r="D7862" s="1" t="s">
        <v>27083</v>
      </c>
      <c r="E7862" s="1"/>
      <c r="F7862" s="1" t="s">
        <v>414</v>
      </c>
      <c r="G7862" s="1" t="s">
        <v>786</v>
      </c>
      <c r="H7862" s="1" t="s">
        <v>10</v>
      </c>
      <c r="I7862" s="1" t="s">
        <v>7415</v>
      </c>
      <c r="J7862" s="1" t="s">
        <v>25137</v>
      </c>
      <c r="K7862" s="1" t="s">
        <v>64</v>
      </c>
      <c r="L7862" s="1" t="s">
        <v>27081</v>
      </c>
      <c r="M7862" s="1" t="s">
        <v>5</v>
      </c>
      <c r="N7862" s="1" t="s">
        <v>6</v>
      </c>
      <c r="O7862" s="1" t="s">
        <v>8</v>
      </c>
      <c r="P7862" s="5" t="s">
        <v>32518</v>
      </c>
    </row>
    <row r="7863" spans="1:16" x14ac:dyDescent="0.2">
      <c r="A7863" s="1" t="s">
        <v>20</v>
      </c>
      <c r="B7863" s="1" t="s">
        <v>93</v>
      </c>
      <c r="C7863" s="1" t="s">
        <v>26076</v>
      </c>
      <c r="D7863" s="1" t="s">
        <v>10</v>
      </c>
      <c r="E7863" s="1"/>
      <c r="F7863" s="1" t="s">
        <v>10</v>
      </c>
      <c r="G7863" s="1" t="s">
        <v>10</v>
      </c>
      <c r="H7863" s="1" t="s">
        <v>10</v>
      </c>
      <c r="I7863" s="1" t="s">
        <v>7415</v>
      </c>
      <c r="J7863" s="1" t="s">
        <v>19</v>
      </c>
      <c r="K7863" s="1" t="s">
        <v>7</v>
      </c>
      <c r="L7863" s="1" t="s">
        <v>27084</v>
      </c>
      <c r="M7863" s="1" t="s">
        <v>5</v>
      </c>
      <c r="N7863" s="1" t="s">
        <v>1009</v>
      </c>
      <c r="O7863" s="1" t="s">
        <v>38</v>
      </c>
      <c r="P7863" s="5" t="s">
        <v>32519</v>
      </c>
    </row>
    <row r="7864" spans="1:16" x14ac:dyDescent="0.2">
      <c r="A7864" s="1" t="s">
        <v>487</v>
      </c>
      <c r="B7864" s="1" t="s">
        <v>488</v>
      </c>
      <c r="C7864" s="1" t="s">
        <v>27086</v>
      </c>
      <c r="D7864" s="1" t="s">
        <v>27087</v>
      </c>
      <c r="E7864" s="1"/>
      <c r="F7864" s="1" t="s">
        <v>10</v>
      </c>
      <c r="G7864" s="1" t="s">
        <v>10</v>
      </c>
      <c r="H7864" s="1" t="s">
        <v>10</v>
      </c>
      <c r="I7864" s="1" t="s">
        <v>7415</v>
      </c>
      <c r="J7864" s="1" t="s">
        <v>25286</v>
      </c>
      <c r="K7864" s="1" t="s">
        <v>2555</v>
      </c>
      <c r="L7864" s="1" t="s">
        <v>27085</v>
      </c>
      <c r="M7864" s="1" t="s">
        <v>5</v>
      </c>
      <c r="N7864" s="1" t="s">
        <v>25</v>
      </c>
      <c r="O7864" s="1" t="s">
        <v>38</v>
      </c>
      <c r="P7864" s="5" t="s">
        <v>32520</v>
      </c>
    </row>
    <row r="7865" spans="1:16" x14ac:dyDescent="0.2">
      <c r="A7865" s="1" t="s">
        <v>194</v>
      </c>
      <c r="B7865" s="1" t="s">
        <v>6481</v>
      </c>
      <c r="C7865" s="1" t="s">
        <v>27089</v>
      </c>
      <c r="D7865" s="1" t="s">
        <v>27090</v>
      </c>
      <c r="E7865" s="1"/>
      <c r="F7865" s="1" t="s">
        <v>10</v>
      </c>
      <c r="G7865" s="1" t="s">
        <v>10</v>
      </c>
      <c r="H7865" s="1" t="s">
        <v>10</v>
      </c>
      <c r="I7865" s="1" t="s">
        <v>7415</v>
      </c>
      <c r="J7865" s="1" t="s">
        <v>25286</v>
      </c>
      <c r="K7865" s="1" t="s">
        <v>27</v>
      </c>
      <c r="L7865" s="1" t="s">
        <v>27088</v>
      </c>
      <c r="M7865" s="1" t="s">
        <v>5</v>
      </c>
      <c r="N7865" s="1" t="s">
        <v>1009</v>
      </c>
      <c r="O7865" s="1" t="s">
        <v>38</v>
      </c>
      <c r="P7865" s="5" t="s">
        <v>32521</v>
      </c>
    </row>
    <row r="7866" spans="1:16" x14ac:dyDescent="0.2">
      <c r="A7866" s="1" t="s">
        <v>20</v>
      </c>
      <c r="B7866" s="1" t="s">
        <v>101</v>
      </c>
      <c r="C7866" s="1" t="s">
        <v>27092</v>
      </c>
      <c r="D7866" s="1" t="s">
        <v>10</v>
      </c>
      <c r="E7866" s="1"/>
      <c r="F7866" s="1" t="s">
        <v>27</v>
      </c>
      <c r="G7866" s="1" t="s">
        <v>10</v>
      </c>
      <c r="H7866" s="1" t="s">
        <v>6402</v>
      </c>
      <c r="I7866" s="1" t="s">
        <v>7415</v>
      </c>
      <c r="J7866" s="1" t="s">
        <v>25137</v>
      </c>
      <c r="K7866" s="1" t="s">
        <v>64</v>
      </c>
      <c r="L7866" s="1" t="s">
        <v>27091</v>
      </c>
      <c r="M7866" s="1" t="s">
        <v>5</v>
      </c>
      <c r="N7866" s="1" t="s">
        <v>6</v>
      </c>
      <c r="O7866" s="1" t="s">
        <v>8</v>
      </c>
      <c r="P7866" s="5" t="s">
        <v>10</v>
      </c>
    </row>
    <row r="7867" spans="1:16" x14ac:dyDescent="0.2">
      <c r="A7867" s="1" t="s">
        <v>194</v>
      </c>
      <c r="B7867" s="1" t="s">
        <v>396</v>
      </c>
      <c r="C7867" s="1" t="s">
        <v>27094</v>
      </c>
      <c r="D7867" s="1" t="s">
        <v>27095</v>
      </c>
      <c r="E7867" s="1"/>
      <c r="F7867" s="1" t="s">
        <v>10</v>
      </c>
      <c r="G7867" s="1" t="s">
        <v>10</v>
      </c>
      <c r="H7867" s="1" t="s">
        <v>10</v>
      </c>
      <c r="I7867" s="1" t="s">
        <v>7415</v>
      </c>
      <c r="J7867" s="1" t="s">
        <v>25145</v>
      </c>
      <c r="K7867" s="1" t="s">
        <v>2555</v>
      </c>
      <c r="L7867" s="1" t="s">
        <v>27093</v>
      </c>
      <c r="M7867" s="1" t="s">
        <v>5</v>
      </c>
      <c r="N7867" s="1" t="s">
        <v>1009</v>
      </c>
      <c r="O7867" s="1" t="s">
        <v>38</v>
      </c>
      <c r="P7867" s="5" t="s">
        <v>32451</v>
      </c>
    </row>
    <row r="7868" spans="1:16" x14ac:dyDescent="0.2">
      <c r="A7868" s="1" t="s">
        <v>20</v>
      </c>
      <c r="B7868" s="1" t="s">
        <v>445</v>
      </c>
      <c r="C7868" s="1" t="s">
        <v>27097</v>
      </c>
      <c r="D7868" s="1" t="s">
        <v>27098</v>
      </c>
      <c r="E7868" s="1" t="s">
        <v>27099</v>
      </c>
      <c r="F7868" s="1" t="s">
        <v>10</v>
      </c>
      <c r="G7868" s="1" t="s">
        <v>10</v>
      </c>
      <c r="H7868" s="1" t="s">
        <v>10</v>
      </c>
      <c r="I7868" s="1" t="s">
        <v>7415</v>
      </c>
      <c r="J7868" s="1" t="s">
        <v>25141</v>
      </c>
      <c r="K7868" s="1" t="s">
        <v>27</v>
      </c>
      <c r="L7868" s="1" t="s">
        <v>27096</v>
      </c>
      <c r="M7868" s="1" t="s">
        <v>5</v>
      </c>
      <c r="N7868" s="1" t="s">
        <v>6</v>
      </c>
      <c r="O7868" s="1" t="s">
        <v>38</v>
      </c>
      <c r="P7868" s="5" t="s">
        <v>32522</v>
      </c>
    </row>
    <row r="7869" spans="1:16" x14ac:dyDescent="0.2">
      <c r="A7869" s="1" t="s">
        <v>66</v>
      </c>
      <c r="B7869" s="1" t="s">
        <v>212</v>
      </c>
      <c r="C7869" s="1" t="s">
        <v>27101</v>
      </c>
      <c r="D7869" s="1" t="s">
        <v>27102</v>
      </c>
      <c r="E7869" s="1"/>
      <c r="F7869" s="1" t="s">
        <v>10</v>
      </c>
      <c r="G7869" s="1" t="s">
        <v>10</v>
      </c>
      <c r="H7869" s="1" t="s">
        <v>10</v>
      </c>
      <c r="I7869" s="1" t="s">
        <v>7415</v>
      </c>
      <c r="J7869" s="1" t="s">
        <v>25141</v>
      </c>
      <c r="K7869" s="1" t="s">
        <v>27</v>
      </c>
      <c r="L7869" s="1" t="s">
        <v>27100</v>
      </c>
      <c r="M7869" s="1" t="s">
        <v>5</v>
      </c>
      <c r="N7869" s="1" t="s">
        <v>6</v>
      </c>
      <c r="O7869" s="1" t="s">
        <v>38</v>
      </c>
      <c r="P7869" s="5" t="s">
        <v>32396</v>
      </c>
    </row>
    <row r="7870" spans="1:16" x14ac:dyDescent="0.2">
      <c r="A7870" s="1" t="s">
        <v>66</v>
      </c>
      <c r="B7870" s="1" t="s">
        <v>212</v>
      </c>
      <c r="C7870" s="1" t="s">
        <v>27104</v>
      </c>
      <c r="D7870" s="1" t="s">
        <v>27105</v>
      </c>
      <c r="E7870" s="1"/>
      <c r="F7870" s="1" t="s">
        <v>10</v>
      </c>
      <c r="G7870" s="1" t="s">
        <v>10</v>
      </c>
      <c r="H7870" s="1" t="s">
        <v>10</v>
      </c>
      <c r="I7870" s="1" t="s">
        <v>7415</v>
      </c>
      <c r="J7870" s="1" t="s">
        <v>25141</v>
      </c>
      <c r="K7870" s="1" t="s">
        <v>27</v>
      </c>
      <c r="L7870" s="1" t="s">
        <v>27103</v>
      </c>
      <c r="M7870" s="1" t="s">
        <v>5</v>
      </c>
      <c r="N7870" s="1" t="s">
        <v>1009</v>
      </c>
      <c r="O7870" s="1" t="s">
        <v>38</v>
      </c>
      <c r="P7870" s="5" t="s">
        <v>32523</v>
      </c>
    </row>
    <row r="7871" spans="1:16" x14ac:dyDescent="0.2">
      <c r="A7871" s="1" t="s">
        <v>66</v>
      </c>
      <c r="B7871" s="1" t="s">
        <v>212</v>
      </c>
      <c r="C7871" s="1" t="s">
        <v>27107</v>
      </c>
      <c r="D7871" s="1" t="s">
        <v>27108</v>
      </c>
      <c r="E7871" s="1"/>
      <c r="F7871" s="1" t="s">
        <v>10</v>
      </c>
      <c r="G7871" s="1" t="s">
        <v>10</v>
      </c>
      <c r="H7871" s="1" t="s">
        <v>10</v>
      </c>
      <c r="I7871" s="1" t="s">
        <v>7415</v>
      </c>
      <c r="J7871" s="1" t="s">
        <v>25141</v>
      </c>
      <c r="K7871" s="1" t="s">
        <v>27</v>
      </c>
      <c r="L7871" s="1" t="s">
        <v>27106</v>
      </c>
      <c r="M7871" s="1" t="s">
        <v>5</v>
      </c>
      <c r="N7871" s="1" t="s">
        <v>6</v>
      </c>
      <c r="O7871" s="1" t="s">
        <v>38</v>
      </c>
      <c r="P7871" s="5" t="s">
        <v>32396</v>
      </c>
    </row>
    <row r="7872" spans="1:16" x14ac:dyDescent="0.2">
      <c r="A7872" s="1" t="s">
        <v>66</v>
      </c>
      <c r="B7872" s="1" t="s">
        <v>212</v>
      </c>
      <c r="C7872" s="1" t="s">
        <v>27110</v>
      </c>
      <c r="D7872" s="1" t="s">
        <v>27111</v>
      </c>
      <c r="E7872" s="1"/>
      <c r="F7872" s="1" t="s">
        <v>10</v>
      </c>
      <c r="G7872" s="1" t="s">
        <v>10</v>
      </c>
      <c r="H7872" s="1" t="s">
        <v>10</v>
      </c>
      <c r="I7872" s="1" t="s">
        <v>7415</v>
      </c>
      <c r="J7872" s="1" t="s">
        <v>25141</v>
      </c>
      <c r="K7872" s="1" t="s">
        <v>27</v>
      </c>
      <c r="L7872" s="1" t="s">
        <v>27109</v>
      </c>
      <c r="M7872" s="1" t="s">
        <v>5</v>
      </c>
      <c r="N7872" s="1" t="s">
        <v>1009</v>
      </c>
      <c r="O7872" s="1" t="s">
        <v>38</v>
      </c>
      <c r="P7872" s="5" t="s">
        <v>32524</v>
      </c>
    </row>
    <row r="7873" spans="1:16" x14ac:dyDescent="0.2">
      <c r="A7873" s="1" t="s">
        <v>42</v>
      </c>
      <c r="B7873" s="1" t="s">
        <v>50</v>
      </c>
      <c r="C7873" s="1" t="s">
        <v>27113</v>
      </c>
      <c r="D7873" s="1" t="s">
        <v>16125</v>
      </c>
      <c r="E7873" s="1"/>
      <c r="F7873" s="1" t="s">
        <v>10</v>
      </c>
      <c r="G7873" s="1" t="s">
        <v>10</v>
      </c>
      <c r="H7873" s="1" t="s">
        <v>10</v>
      </c>
      <c r="I7873" s="1" t="s">
        <v>7415</v>
      </c>
      <c r="J7873" s="1" t="s">
        <v>19</v>
      </c>
      <c r="K7873" s="1" t="s">
        <v>47</v>
      </c>
      <c r="L7873" s="1" t="s">
        <v>27112</v>
      </c>
      <c r="M7873" s="1" t="s">
        <v>5</v>
      </c>
      <c r="N7873" s="1" t="s">
        <v>1009</v>
      </c>
      <c r="O7873" s="1" t="s">
        <v>38</v>
      </c>
      <c r="P7873" s="5" t="s">
        <v>30793</v>
      </c>
    </row>
    <row r="7874" spans="1:16" x14ac:dyDescent="0.2">
      <c r="A7874" s="1" t="s">
        <v>194</v>
      </c>
      <c r="B7874" s="1" t="s">
        <v>195</v>
      </c>
      <c r="C7874" s="1" t="s">
        <v>27115</v>
      </c>
      <c r="D7874" s="1" t="s">
        <v>85</v>
      </c>
      <c r="E7874" s="1" t="s">
        <v>27116</v>
      </c>
      <c r="F7874" s="1" t="s">
        <v>474</v>
      </c>
      <c r="G7874" s="1" t="s">
        <v>10</v>
      </c>
      <c r="H7874" s="1" t="s">
        <v>10</v>
      </c>
      <c r="I7874" s="1" t="s">
        <v>7415</v>
      </c>
      <c r="J7874" s="1" t="s">
        <v>21769</v>
      </c>
      <c r="K7874" s="1" t="s">
        <v>27</v>
      </c>
      <c r="L7874" s="1" t="s">
        <v>27114</v>
      </c>
      <c r="M7874" s="1" t="s">
        <v>5</v>
      </c>
      <c r="N7874" s="1" t="s">
        <v>25</v>
      </c>
      <c r="O7874" s="1" t="s">
        <v>38</v>
      </c>
      <c r="P7874" s="5" t="s">
        <v>32320</v>
      </c>
    </row>
    <row r="7875" spans="1:16" x14ac:dyDescent="0.2">
      <c r="A7875" s="1" t="s">
        <v>194</v>
      </c>
      <c r="B7875" s="1" t="s">
        <v>6481</v>
      </c>
      <c r="C7875" s="1" t="s">
        <v>27118</v>
      </c>
      <c r="D7875" s="1" t="s">
        <v>27119</v>
      </c>
      <c r="E7875" s="1"/>
      <c r="F7875" s="1" t="s">
        <v>10</v>
      </c>
      <c r="G7875" s="1" t="s">
        <v>10</v>
      </c>
      <c r="H7875" s="1" t="s">
        <v>10</v>
      </c>
      <c r="I7875" s="1" t="s">
        <v>7415</v>
      </c>
      <c r="J7875" s="1" t="s">
        <v>25286</v>
      </c>
      <c r="K7875" s="1" t="s">
        <v>27</v>
      </c>
      <c r="L7875" s="1" t="s">
        <v>27117</v>
      </c>
      <c r="M7875" s="1" t="s">
        <v>5</v>
      </c>
      <c r="N7875" s="1" t="s">
        <v>1009</v>
      </c>
      <c r="O7875" s="1" t="s">
        <v>38</v>
      </c>
      <c r="P7875" s="5" t="s">
        <v>32525</v>
      </c>
    </row>
    <row r="7876" spans="1:16" x14ac:dyDescent="0.2">
      <c r="A7876" s="1" t="s">
        <v>194</v>
      </c>
      <c r="B7876" s="1" t="s">
        <v>396</v>
      </c>
      <c r="C7876" s="1" t="s">
        <v>27121</v>
      </c>
      <c r="D7876" s="1" t="s">
        <v>27122</v>
      </c>
      <c r="E7876" s="1"/>
      <c r="F7876" s="1" t="s">
        <v>10</v>
      </c>
      <c r="G7876" s="1" t="s">
        <v>10</v>
      </c>
      <c r="H7876" s="1" t="s">
        <v>10</v>
      </c>
      <c r="I7876" s="1" t="s">
        <v>7415</v>
      </c>
      <c r="J7876" s="1" t="s">
        <v>25145</v>
      </c>
      <c r="K7876" s="1" t="s">
        <v>27</v>
      </c>
      <c r="L7876" s="1" t="s">
        <v>27120</v>
      </c>
      <c r="M7876" s="1" t="s">
        <v>5</v>
      </c>
      <c r="N7876" s="1" t="s">
        <v>6</v>
      </c>
      <c r="O7876" s="1" t="s">
        <v>38</v>
      </c>
      <c r="P7876" s="5" t="s">
        <v>32526</v>
      </c>
    </row>
    <row r="7877" spans="1:16" x14ac:dyDescent="0.2">
      <c r="A7877" s="1" t="s">
        <v>194</v>
      </c>
      <c r="B7877" s="1" t="s">
        <v>396</v>
      </c>
      <c r="C7877" s="1" t="s">
        <v>27124</v>
      </c>
      <c r="D7877" s="1" t="s">
        <v>27125</v>
      </c>
      <c r="E7877" s="1"/>
      <c r="F7877" s="1" t="s">
        <v>10</v>
      </c>
      <c r="G7877" s="1" t="s">
        <v>10</v>
      </c>
      <c r="H7877" s="1" t="s">
        <v>10</v>
      </c>
      <c r="I7877" s="1" t="s">
        <v>7415</v>
      </c>
      <c r="J7877" s="1" t="s">
        <v>25145</v>
      </c>
      <c r="K7877" s="1" t="s">
        <v>27</v>
      </c>
      <c r="L7877" s="1" t="s">
        <v>27123</v>
      </c>
      <c r="M7877" s="1" t="s">
        <v>5</v>
      </c>
      <c r="N7877" s="1" t="s">
        <v>1009</v>
      </c>
      <c r="O7877" s="1" t="s">
        <v>38</v>
      </c>
      <c r="P7877" s="5" t="s">
        <v>32402</v>
      </c>
    </row>
    <row r="7878" spans="1:16" x14ac:dyDescent="0.2">
      <c r="A7878" s="1" t="s">
        <v>194</v>
      </c>
      <c r="B7878" s="1" t="s">
        <v>6481</v>
      </c>
      <c r="C7878" s="1" t="s">
        <v>27127</v>
      </c>
      <c r="D7878" s="1" t="s">
        <v>27128</v>
      </c>
      <c r="E7878" s="1"/>
      <c r="F7878" s="1" t="s">
        <v>10</v>
      </c>
      <c r="G7878" s="1" t="s">
        <v>10</v>
      </c>
      <c r="H7878" s="1" t="s">
        <v>10</v>
      </c>
      <c r="I7878" s="1" t="s">
        <v>7415</v>
      </c>
      <c r="J7878" s="1" t="s">
        <v>25145</v>
      </c>
      <c r="K7878" s="1" t="s">
        <v>27</v>
      </c>
      <c r="L7878" s="1" t="s">
        <v>27126</v>
      </c>
      <c r="M7878" s="1" t="s">
        <v>5</v>
      </c>
      <c r="N7878" s="1" t="s">
        <v>1009</v>
      </c>
      <c r="O7878" s="1" t="s">
        <v>38</v>
      </c>
      <c r="P7878" s="5" t="s">
        <v>32527</v>
      </c>
    </row>
    <row r="7879" spans="1:16" x14ac:dyDescent="0.2">
      <c r="A7879" s="1" t="s">
        <v>487</v>
      </c>
      <c r="B7879" s="1" t="s">
        <v>765</v>
      </c>
      <c r="C7879" s="1" t="s">
        <v>27130</v>
      </c>
      <c r="D7879" s="1" t="s">
        <v>510</v>
      </c>
      <c r="E7879" s="1"/>
      <c r="F7879" s="1" t="s">
        <v>27</v>
      </c>
      <c r="G7879" s="1" t="s">
        <v>10</v>
      </c>
      <c r="H7879" s="1" t="s">
        <v>27131</v>
      </c>
      <c r="I7879" s="1" t="s">
        <v>7415</v>
      </c>
      <c r="J7879" s="1" t="s">
        <v>25137</v>
      </c>
      <c r="K7879" s="1" t="s">
        <v>64</v>
      </c>
      <c r="L7879" s="1" t="s">
        <v>27129</v>
      </c>
      <c r="M7879" s="1" t="s">
        <v>5</v>
      </c>
      <c r="N7879" s="1" t="s">
        <v>6</v>
      </c>
      <c r="O7879" s="1" t="s">
        <v>8</v>
      </c>
      <c r="P7879" s="5"/>
    </row>
    <row r="7880" spans="1:16" x14ac:dyDescent="0.2">
      <c r="A7880" s="1" t="s">
        <v>66</v>
      </c>
      <c r="B7880" s="1" t="s">
        <v>1117</v>
      </c>
      <c r="C7880" s="1" t="s">
        <v>27133</v>
      </c>
      <c r="D7880" s="1" t="s">
        <v>25540</v>
      </c>
      <c r="E7880" s="1"/>
      <c r="F7880" s="1" t="s">
        <v>27</v>
      </c>
      <c r="G7880" s="1" t="s">
        <v>10</v>
      </c>
      <c r="H7880" s="1" t="s">
        <v>25541</v>
      </c>
      <c r="I7880" s="1" t="s">
        <v>7415</v>
      </c>
      <c r="J7880" s="1" t="s">
        <v>25137</v>
      </c>
      <c r="K7880" s="1" t="s">
        <v>64</v>
      </c>
      <c r="L7880" s="1" t="s">
        <v>27132</v>
      </c>
      <c r="M7880" s="1" t="s">
        <v>5</v>
      </c>
      <c r="N7880" s="1" t="s">
        <v>6</v>
      </c>
      <c r="O7880" s="1" t="s">
        <v>8</v>
      </c>
      <c r="P7880" s="5" t="s">
        <v>30515</v>
      </c>
    </row>
    <row r="7881" spans="1:16" x14ac:dyDescent="0.2">
      <c r="A7881" s="1" t="s">
        <v>487</v>
      </c>
      <c r="B7881" s="1" t="s">
        <v>10</v>
      </c>
      <c r="C7881" s="1" t="s">
        <v>27135</v>
      </c>
      <c r="D7881" s="1" t="s">
        <v>27136</v>
      </c>
      <c r="E7881" s="1"/>
      <c r="F7881" s="1" t="s">
        <v>393</v>
      </c>
      <c r="G7881" s="1" t="s">
        <v>10</v>
      </c>
      <c r="H7881" s="1" t="s">
        <v>10</v>
      </c>
      <c r="I7881" s="1" t="s">
        <v>7415</v>
      </c>
      <c r="J7881" s="1" t="s">
        <v>21769</v>
      </c>
      <c r="K7881" s="1" t="s">
        <v>64</v>
      </c>
      <c r="L7881" s="1" t="s">
        <v>27134</v>
      </c>
      <c r="M7881" s="1" t="s">
        <v>5</v>
      </c>
      <c r="N7881" s="1" t="s">
        <v>6</v>
      </c>
      <c r="O7881" s="1" t="s">
        <v>8</v>
      </c>
      <c r="P7881" s="5" t="s">
        <v>10</v>
      </c>
    </row>
    <row r="7882" spans="1:16" x14ac:dyDescent="0.2">
      <c r="A7882" s="1" t="s">
        <v>194</v>
      </c>
      <c r="B7882" s="1" t="s">
        <v>396</v>
      </c>
      <c r="C7882" s="1" t="s">
        <v>27138</v>
      </c>
      <c r="D7882" s="1" t="s">
        <v>27138</v>
      </c>
      <c r="E7882" s="1"/>
      <c r="F7882" s="1" t="s">
        <v>393</v>
      </c>
      <c r="G7882" s="1" t="s">
        <v>10</v>
      </c>
      <c r="H7882" s="1" t="s">
        <v>10</v>
      </c>
      <c r="I7882" s="1" t="s">
        <v>7415</v>
      </c>
      <c r="J7882" s="1" t="s">
        <v>21769</v>
      </c>
      <c r="K7882" s="1" t="s">
        <v>64</v>
      </c>
      <c r="L7882" s="1" t="s">
        <v>27137</v>
      </c>
      <c r="M7882" s="1" t="s">
        <v>5</v>
      </c>
      <c r="N7882" s="1" t="s">
        <v>6</v>
      </c>
      <c r="O7882" s="1" t="s">
        <v>8</v>
      </c>
      <c r="P7882" s="5" t="s">
        <v>10</v>
      </c>
    </row>
    <row r="7883" spans="1:16" x14ac:dyDescent="0.2">
      <c r="A7883" s="1" t="s">
        <v>487</v>
      </c>
      <c r="B7883" s="1" t="s">
        <v>10</v>
      </c>
      <c r="C7883" s="1" t="s">
        <v>27140</v>
      </c>
      <c r="D7883" s="1" t="s">
        <v>27141</v>
      </c>
      <c r="E7883" s="1"/>
      <c r="F7883" s="1" t="s">
        <v>393</v>
      </c>
      <c r="G7883" s="1" t="s">
        <v>10</v>
      </c>
      <c r="H7883" s="1" t="s">
        <v>10</v>
      </c>
      <c r="I7883" s="1" t="s">
        <v>7415</v>
      </c>
      <c r="J7883" s="1" t="s">
        <v>21769</v>
      </c>
      <c r="K7883" s="1" t="s">
        <v>64</v>
      </c>
      <c r="L7883" s="1" t="s">
        <v>27139</v>
      </c>
      <c r="M7883" s="1" t="s">
        <v>5</v>
      </c>
      <c r="N7883" s="1" t="s">
        <v>6</v>
      </c>
      <c r="O7883" s="1" t="s">
        <v>8</v>
      </c>
      <c r="P7883" s="5" t="s">
        <v>10</v>
      </c>
    </row>
    <row r="7884" spans="1:16" x14ac:dyDescent="0.2">
      <c r="A7884" s="1" t="s">
        <v>66</v>
      </c>
      <c r="B7884" s="1" t="s">
        <v>1117</v>
      </c>
      <c r="C7884" s="1" t="s">
        <v>27143</v>
      </c>
      <c r="D7884" s="1" t="s">
        <v>8042</v>
      </c>
      <c r="E7884" s="1"/>
      <c r="F7884" s="1" t="s">
        <v>414</v>
      </c>
      <c r="G7884" s="1" t="s">
        <v>10</v>
      </c>
      <c r="H7884" s="1" t="s">
        <v>10</v>
      </c>
      <c r="I7884" s="1" t="s">
        <v>7415</v>
      </c>
      <c r="J7884" s="1" t="s">
        <v>25137</v>
      </c>
      <c r="K7884" s="1" t="s">
        <v>64</v>
      </c>
      <c r="L7884" s="1" t="s">
        <v>27142</v>
      </c>
      <c r="M7884" s="1" t="s">
        <v>5</v>
      </c>
      <c r="N7884" s="1" t="s">
        <v>25</v>
      </c>
      <c r="O7884" s="1" t="s">
        <v>8</v>
      </c>
      <c r="P7884" s="5" t="s">
        <v>32326</v>
      </c>
    </row>
    <row r="7885" spans="1:16" x14ac:dyDescent="0.2">
      <c r="A7885" s="1" t="s">
        <v>42</v>
      </c>
      <c r="B7885" s="1" t="s">
        <v>50</v>
      </c>
      <c r="C7885" s="1" t="s">
        <v>27145</v>
      </c>
      <c r="D7885" s="1" t="s">
        <v>27145</v>
      </c>
      <c r="E7885" s="1"/>
      <c r="F7885" s="1" t="s">
        <v>10</v>
      </c>
      <c r="G7885" s="1" t="s">
        <v>10</v>
      </c>
      <c r="H7885" s="1" t="s">
        <v>10</v>
      </c>
      <c r="I7885" s="1" t="s">
        <v>7415</v>
      </c>
      <c r="J7885" s="1" t="s">
        <v>19</v>
      </c>
      <c r="K7885" s="1" t="s">
        <v>47</v>
      </c>
      <c r="L7885" s="1" t="s">
        <v>27144</v>
      </c>
      <c r="M7885" s="1" t="s">
        <v>5</v>
      </c>
      <c r="N7885" s="1" t="s">
        <v>1009</v>
      </c>
      <c r="O7885" s="1" t="s">
        <v>38</v>
      </c>
      <c r="P7885" s="5" t="s">
        <v>30746</v>
      </c>
    </row>
    <row r="7886" spans="1:16" x14ac:dyDescent="0.2">
      <c r="A7886" s="1" t="s">
        <v>42</v>
      </c>
      <c r="B7886" s="1" t="s">
        <v>50</v>
      </c>
      <c r="C7886" s="1" t="s">
        <v>27147</v>
      </c>
      <c r="D7886" s="1" t="s">
        <v>27148</v>
      </c>
      <c r="E7886" s="1"/>
      <c r="F7886" s="1" t="s">
        <v>10</v>
      </c>
      <c r="G7886" s="1" t="s">
        <v>10</v>
      </c>
      <c r="H7886" s="1" t="s">
        <v>10</v>
      </c>
      <c r="I7886" s="1" t="s">
        <v>7415</v>
      </c>
      <c r="J7886" s="1" t="s">
        <v>21769</v>
      </c>
      <c r="K7886" s="1" t="s">
        <v>64</v>
      </c>
      <c r="L7886" s="1" t="s">
        <v>27146</v>
      </c>
      <c r="M7886" s="1" t="s">
        <v>5</v>
      </c>
      <c r="N7886" s="1" t="s">
        <v>1009</v>
      </c>
      <c r="O7886" s="1" t="s">
        <v>38</v>
      </c>
      <c r="P7886" s="5" t="s">
        <v>30794</v>
      </c>
    </row>
    <row r="7887" spans="1:16" x14ac:dyDescent="0.2">
      <c r="A7887" s="1" t="s">
        <v>20</v>
      </c>
      <c r="B7887" s="1" t="s">
        <v>445</v>
      </c>
      <c r="C7887" s="1" t="s">
        <v>27150</v>
      </c>
      <c r="D7887" s="1" t="s">
        <v>10</v>
      </c>
      <c r="E7887" s="1" t="s">
        <v>27151</v>
      </c>
      <c r="F7887" s="1" t="s">
        <v>10</v>
      </c>
      <c r="G7887" s="1" t="s">
        <v>10</v>
      </c>
      <c r="H7887" s="1" t="s">
        <v>10</v>
      </c>
      <c r="I7887" s="1" t="s">
        <v>7415</v>
      </c>
      <c r="J7887" s="1" t="s">
        <v>21769</v>
      </c>
      <c r="K7887" s="1" t="s">
        <v>27</v>
      </c>
      <c r="L7887" s="1" t="s">
        <v>27149</v>
      </c>
      <c r="M7887" s="1" t="s">
        <v>5</v>
      </c>
      <c r="N7887" s="1" t="s">
        <v>25</v>
      </c>
      <c r="O7887" s="1" t="s">
        <v>38</v>
      </c>
      <c r="P7887" s="5" t="s">
        <v>32528</v>
      </c>
    </row>
    <row r="7888" spans="1:16" x14ac:dyDescent="0.2">
      <c r="A7888" s="1" t="s">
        <v>66</v>
      </c>
      <c r="B7888" s="1" t="s">
        <v>212</v>
      </c>
      <c r="C7888" s="1" t="s">
        <v>27153</v>
      </c>
      <c r="D7888" s="1" t="s">
        <v>27154</v>
      </c>
      <c r="E7888" s="1"/>
      <c r="F7888" s="1" t="s">
        <v>10</v>
      </c>
      <c r="G7888" s="1" t="s">
        <v>10</v>
      </c>
      <c r="H7888" s="1" t="s">
        <v>10</v>
      </c>
      <c r="I7888" s="1" t="s">
        <v>7415</v>
      </c>
      <c r="J7888" s="1" t="s">
        <v>21769</v>
      </c>
      <c r="K7888" s="1" t="s">
        <v>27</v>
      </c>
      <c r="L7888" s="1" t="s">
        <v>27152</v>
      </c>
      <c r="M7888" s="1" t="s">
        <v>5</v>
      </c>
      <c r="N7888" s="1" t="s">
        <v>25</v>
      </c>
      <c r="O7888" s="1" t="s">
        <v>38</v>
      </c>
      <c r="P7888" s="5" t="s">
        <v>32375</v>
      </c>
    </row>
    <row r="7889" spans="1:16" x14ac:dyDescent="0.2">
      <c r="A7889" s="1" t="s">
        <v>66</v>
      </c>
      <c r="B7889" s="1" t="s">
        <v>212</v>
      </c>
      <c r="C7889" s="1" t="s">
        <v>27156</v>
      </c>
      <c r="D7889" s="1" t="s">
        <v>27157</v>
      </c>
      <c r="E7889" s="1"/>
      <c r="F7889" s="1" t="s">
        <v>10</v>
      </c>
      <c r="G7889" s="1" t="s">
        <v>10</v>
      </c>
      <c r="H7889" s="1" t="s">
        <v>10</v>
      </c>
      <c r="I7889" s="1" t="s">
        <v>7415</v>
      </c>
      <c r="J7889" s="1" t="s">
        <v>21769</v>
      </c>
      <c r="K7889" s="1" t="s">
        <v>27</v>
      </c>
      <c r="L7889" s="1" t="s">
        <v>27155</v>
      </c>
      <c r="M7889" s="1" t="s">
        <v>5</v>
      </c>
      <c r="N7889" s="1" t="s">
        <v>25</v>
      </c>
      <c r="O7889" s="1" t="s">
        <v>38</v>
      </c>
      <c r="P7889" s="5" t="s">
        <v>30795</v>
      </c>
    </row>
    <row r="7890" spans="1:16" x14ac:dyDescent="0.2">
      <c r="A7890" s="1" t="s">
        <v>1086</v>
      </c>
      <c r="B7890" s="1" t="s">
        <v>2272</v>
      </c>
      <c r="C7890" s="1" t="s">
        <v>27159</v>
      </c>
      <c r="D7890" s="1" t="s">
        <v>27160</v>
      </c>
      <c r="E7890" s="1" t="s">
        <v>27161</v>
      </c>
      <c r="F7890" s="1" t="s">
        <v>10</v>
      </c>
      <c r="G7890" s="1" t="s">
        <v>10</v>
      </c>
      <c r="H7890" s="1" t="s">
        <v>10</v>
      </c>
      <c r="I7890" s="1" t="s">
        <v>7415</v>
      </c>
      <c r="J7890" s="1" t="s">
        <v>19</v>
      </c>
      <c r="K7890" s="1" t="s">
        <v>64</v>
      </c>
      <c r="L7890" s="1" t="s">
        <v>27158</v>
      </c>
      <c r="M7890" s="1" t="s">
        <v>5</v>
      </c>
      <c r="N7890" s="1" t="s">
        <v>25</v>
      </c>
      <c r="O7890" s="1" t="s">
        <v>38</v>
      </c>
      <c r="P7890" s="5" t="s">
        <v>30796</v>
      </c>
    </row>
    <row r="7891" spans="1:16" x14ac:dyDescent="0.2">
      <c r="A7891" s="1" t="s">
        <v>10</v>
      </c>
      <c r="B7891" s="1" t="s">
        <v>10</v>
      </c>
      <c r="C7891" s="1" t="s">
        <v>15976</v>
      </c>
      <c r="D7891" s="1" t="s">
        <v>10</v>
      </c>
      <c r="E7891" s="1" t="s">
        <v>10</v>
      </c>
      <c r="F7891" s="1" t="s">
        <v>9688</v>
      </c>
      <c r="G7891" s="1" t="s">
        <v>1042</v>
      </c>
      <c r="H7891" s="1" t="s">
        <v>27164</v>
      </c>
      <c r="I7891" s="1" t="s">
        <v>27162</v>
      </c>
      <c r="J7891" s="1" t="s">
        <v>10</v>
      </c>
      <c r="K7891" s="1" t="s">
        <v>10</v>
      </c>
      <c r="L7891" s="1" t="s">
        <v>27163</v>
      </c>
      <c r="M7891" s="1" t="s">
        <v>5</v>
      </c>
      <c r="N7891" s="1" t="s">
        <v>10</v>
      </c>
      <c r="O7891" s="1" t="s">
        <v>8</v>
      </c>
      <c r="P7891" s="5"/>
    </row>
    <row r="7892" spans="1:16" x14ac:dyDescent="0.2">
      <c r="A7892" s="1" t="s">
        <v>10</v>
      </c>
      <c r="B7892" s="1" t="s">
        <v>10</v>
      </c>
      <c r="C7892" s="1" t="s">
        <v>27166</v>
      </c>
      <c r="D7892" s="1" t="s">
        <v>10</v>
      </c>
      <c r="E7892" s="1" t="s">
        <v>10</v>
      </c>
      <c r="F7892" s="1" t="s">
        <v>27167</v>
      </c>
      <c r="G7892" s="1" t="s">
        <v>1042</v>
      </c>
      <c r="H7892" s="1" t="s">
        <v>27168</v>
      </c>
      <c r="I7892" s="1" t="s">
        <v>27162</v>
      </c>
      <c r="J7892" s="1" t="s">
        <v>10</v>
      </c>
      <c r="K7892" s="1" t="s">
        <v>10</v>
      </c>
      <c r="L7892" s="1" t="s">
        <v>27165</v>
      </c>
      <c r="M7892" s="1" t="s">
        <v>5</v>
      </c>
      <c r="N7892" s="1" t="s">
        <v>10</v>
      </c>
      <c r="O7892" s="1" t="s">
        <v>8</v>
      </c>
      <c r="P7892" s="5"/>
    </row>
    <row r="7893" spans="1:16" x14ac:dyDescent="0.2">
      <c r="A7893" s="1" t="s">
        <v>10</v>
      </c>
      <c r="B7893" s="1" t="s">
        <v>10</v>
      </c>
      <c r="C7893" s="1" t="s">
        <v>27170</v>
      </c>
      <c r="D7893" s="1" t="s">
        <v>10</v>
      </c>
      <c r="E7893" s="1" t="s">
        <v>10</v>
      </c>
      <c r="F7893" s="1" t="s">
        <v>10</v>
      </c>
      <c r="G7893" s="1" t="s">
        <v>27171</v>
      </c>
      <c r="H7893" s="1" t="s">
        <v>10</v>
      </c>
      <c r="I7893" s="1" t="s">
        <v>27162</v>
      </c>
      <c r="J7893" s="1" t="s">
        <v>10</v>
      </c>
      <c r="K7893" s="1" t="s">
        <v>10</v>
      </c>
      <c r="L7893" s="1" t="s">
        <v>27169</v>
      </c>
      <c r="M7893" s="1" t="s">
        <v>5</v>
      </c>
      <c r="N7893" s="1" t="s">
        <v>10</v>
      </c>
      <c r="O7893" s="1" t="s">
        <v>8</v>
      </c>
      <c r="P7893" s="5"/>
    </row>
    <row r="7894" spans="1:16" x14ac:dyDescent="0.2">
      <c r="A7894" s="1" t="s">
        <v>10</v>
      </c>
      <c r="B7894" s="1" t="s">
        <v>10</v>
      </c>
      <c r="C7894" s="1" t="s">
        <v>27173</v>
      </c>
      <c r="D7894" s="1" t="s">
        <v>10</v>
      </c>
      <c r="E7894" s="1" t="s">
        <v>10</v>
      </c>
      <c r="F7894" s="1" t="s">
        <v>10246</v>
      </c>
      <c r="G7894" s="1" t="s">
        <v>1042</v>
      </c>
      <c r="H7894" s="1" t="s">
        <v>27173</v>
      </c>
      <c r="I7894" s="1" t="s">
        <v>27162</v>
      </c>
      <c r="J7894" s="1" t="s">
        <v>10</v>
      </c>
      <c r="K7894" s="1" t="s">
        <v>10</v>
      </c>
      <c r="L7894" s="1" t="s">
        <v>27172</v>
      </c>
      <c r="M7894" s="1" t="s">
        <v>5</v>
      </c>
      <c r="N7894" s="1" t="s">
        <v>10</v>
      </c>
      <c r="O7894" s="1" t="s">
        <v>8</v>
      </c>
      <c r="P7894" s="5"/>
    </row>
    <row r="7895" spans="1:16" x14ac:dyDescent="0.2">
      <c r="A7895" s="1" t="s">
        <v>10</v>
      </c>
      <c r="B7895" s="1" t="s">
        <v>10</v>
      </c>
      <c r="C7895" s="1" t="s">
        <v>27175</v>
      </c>
      <c r="D7895" s="1" t="s">
        <v>10</v>
      </c>
      <c r="E7895" s="1" t="s">
        <v>10</v>
      </c>
      <c r="F7895" s="1" t="s">
        <v>10246</v>
      </c>
      <c r="G7895" s="1" t="s">
        <v>1042</v>
      </c>
      <c r="H7895" s="1" t="s">
        <v>27175</v>
      </c>
      <c r="I7895" s="1" t="s">
        <v>27162</v>
      </c>
      <c r="J7895" s="1" t="s">
        <v>10</v>
      </c>
      <c r="K7895" s="1" t="s">
        <v>10</v>
      </c>
      <c r="L7895" s="1" t="s">
        <v>27174</v>
      </c>
      <c r="M7895" s="1" t="s">
        <v>5</v>
      </c>
      <c r="N7895" s="1" t="s">
        <v>10</v>
      </c>
      <c r="O7895" s="1" t="s">
        <v>8</v>
      </c>
      <c r="P7895" s="5"/>
    </row>
    <row r="7896" spans="1:16" x14ac:dyDescent="0.2">
      <c r="A7896" s="1" t="s">
        <v>10</v>
      </c>
      <c r="B7896" s="1" t="s">
        <v>10</v>
      </c>
      <c r="C7896" s="1" t="s">
        <v>6538</v>
      </c>
      <c r="D7896" s="1" t="s">
        <v>10</v>
      </c>
      <c r="E7896" s="1" t="s">
        <v>10</v>
      </c>
      <c r="F7896" s="1" t="s">
        <v>10</v>
      </c>
      <c r="G7896" s="1" t="s">
        <v>18</v>
      </c>
      <c r="H7896" s="1" t="s">
        <v>10</v>
      </c>
      <c r="I7896" s="1" t="s">
        <v>27162</v>
      </c>
      <c r="J7896" s="1" t="s">
        <v>10</v>
      </c>
      <c r="K7896" s="1" t="s">
        <v>10</v>
      </c>
      <c r="L7896" s="1" t="s">
        <v>27176</v>
      </c>
      <c r="M7896" s="1" t="s">
        <v>5</v>
      </c>
      <c r="N7896" s="1" t="s">
        <v>10</v>
      </c>
      <c r="O7896" s="1" t="s">
        <v>8</v>
      </c>
      <c r="P7896" s="5"/>
    </row>
    <row r="7897" spans="1:16" x14ac:dyDescent="0.2">
      <c r="A7897" s="1" t="s">
        <v>10</v>
      </c>
      <c r="B7897" s="1" t="s">
        <v>10</v>
      </c>
      <c r="C7897" s="1" t="s">
        <v>27178</v>
      </c>
      <c r="D7897" s="1" t="s">
        <v>10</v>
      </c>
      <c r="E7897" s="1" t="s">
        <v>27179</v>
      </c>
      <c r="F7897" s="1" t="s">
        <v>19669</v>
      </c>
      <c r="G7897" s="1" t="s">
        <v>18</v>
      </c>
      <c r="H7897" s="1" t="s">
        <v>27178</v>
      </c>
      <c r="I7897" s="1" t="s">
        <v>27162</v>
      </c>
      <c r="J7897" s="1" t="s">
        <v>10</v>
      </c>
      <c r="K7897" s="1" t="s">
        <v>10</v>
      </c>
      <c r="L7897" s="1" t="s">
        <v>27177</v>
      </c>
      <c r="M7897" s="1" t="s">
        <v>5</v>
      </c>
      <c r="N7897" s="1" t="s">
        <v>10</v>
      </c>
      <c r="O7897" s="1" t="s">
        <v>8</v>
      </c>
      <c r="P7897" s="5"/>
    </row>
    <row r="7898" spans="1:16" x14ac:dyDescent="0.2">
      <c r="A7898" s="1" t="s">
        <v>10</v>
      </c>
      <c r="B7898" s="1" t="s">
        <v>10</v>
      </c>
      <c r="C7898" s="1" t="s">
        <v>27181</v>
      </c>
      <c r="D7898" s="1" t="s">
        <v>10</v>
      </c>
      <c r="E7898" s="1" t="s">
        <v>27182</v>
      </c>
      <c r="F7898" s="1" t="s">
        <v>10</v>
      </c>
      <c r="G7898" s="1" t="s">
        <v>27183</v>
      </c>
      <c r="H7898" s="1" t="s">
        <v>10</v>
      </c>
      <c r="I7898" s="1" t="s">
        <v>27162</v>
      </c>
      <c r="J7898" s="1" t="s">
        <v>10</v>
      </c>
      <c r="K7898" s="1" t="s">
        <v>10</v>
      </c>
      <c r="L7898" s="1" t="s">
        <v>27180</v>
      </c>
      <c r="M7898" s="1" t="s">
        <v>5</v>
      </c>
      <c r="N7898" s="1" t="s">
        <v>10</v>
      </c>
      <c r="O7898" s="1" t="s">
        <v>8</v>
      </c>
      <c r="P7898" s="5"/>
    </row>
    <row r="7899" spans="1:16" x14ac:dyDescent="0.2">
      <c r="A7899" s="1" t="s">
        <v>10</v>
      </c>
      <c r="B7899" s="1" t="s">
        <v>10</v>
      </c>
      <c r="C7899" s="1" t="s">
        <v>27185</v>
      </c>
      <c r="D7899" s="1" t="s">
        <v>10</v>
      </c>
      <c r="E7899" s="1" t="s">
        <v>27186</v>
      </c>
      <c r="F7899" s="1" t="s">
        <v>10</v>
      </c>
      <c r="G7899" s="1" t="s">
        <v>27183</v>
      </c>
      <c r="H7899" s="1" t="s">
        <v>10</v>
      </c>
      <c r="I7899" s="1" t="s">
        <v>27162</v>
      </c>
      <c r="J7899" s="1" t="s">
        <v>10</v>
      </c>
      <c r="K7899" s="1" t="s">
        <v>10</v>
      </c>
      <c r="L7899" s="1" t="s">
        <v>27184</v>
      </c>
      <c r="M7899" s="1" t="s">
        <v>5</v>
      </c>
      <c r="N7899" s="1" t="s">
        <v>10</v>
      </c>
      <c r="O7899" s="1" t="s">
        <v>8</v>
      </c>
      <c r="P7899" s="5"/>
    </row>
    <row r="7900" spans="1:16" x14ac:dyDescent="0.2">
      <c r="A7900" s="1" t="s">
        <v>10</v>
      </c>
      <c r="B7900" s="1" t="s">
        <v>10</v>
      </c>
      <c r="C7900" s="1" t="s">
        <v>27188</v>
      </c>
      <c r="D7900" s="1" t="s">
        <v>10</v>
      </c>
      <c r="E7900" s="1" t="s">
        <v>10</v>
      </c>
      <c r="F7900" s="1" t="s">
        <v>7164</v>
      </c>
      <c r="G7900" s="1" t="s">
        <v>1042</v>
      </c>
      <c r="H7900" s="1" t="s">
        <v>27189</v>
      </c>
      <c r="I7900" s="1" t="s">
        <v>27162</v>
      </c>
      <c r="J7900" s="1" t="s">
        <v>10</v>
      </c>
      <c r="K7900" s="1" t="s">
        <v>10</v>
      </c>
      <c r="L7900" s="1" t="s">
        <v>27187</v>
      </c>
      <c r="M7900" s="1" t="s">
        <v>5</v>
      </c>
      <c r="N7900" s="1" t="s">
        <v>10</v>
      </c>
      <c r="O7900" s="1" t="s">
        <v>8</v>
      </c>
      <c r="P7900" s="5"/>
    </row>
    <row r="7901" spans="1:16" x14ac:dyDescent="0.2">
      <c r="A7901" s="1" t="s">
        <v>10</v>
      </c>
      <c r="B7901" s="1" t="s">
        <v>10</v>
      </c>
      <c r="C7901" s="1" t="s">
        <v>27191</v>
      </c>
      <c r="D7901" s="1" t="s">
        <v>10</v>
      </c>
      <c r="E7901" s="1" t="s">
        <v>27193</v>
      </c>
      <c r="F7901" s="1" t="s">
        <v>27192</v>
      </c>
      <c r="G7901" s="1" t="s">
        <v>1042</v>
      </c>
      <c r="H7901" s="1" t="s">
        <v>27191</v>
      </c>
      <c r="I7901" s="1" t="s">
        <v>27162</v>
      </c>
      <c r="J7901" s="1" t="s">
        <v>10</v>
      </c>
      <c r="K7901" s="1" t="s">
        <v>10</v>
      </c>
      <c r="L7901" s="1" t="s">
        <v>27190</v>
      </c>
      <c r="M7901" s="1" t="s">
        <v>5</v>
      </c>
      <c r="N7901" s="1" t="s">
        <v>10</v>
      </c>
      <c r="O7901" s="1" t="s">
        <v>8</v>
      </c>
      <c r="P7901" s="5"/>
    </row>
    <row r="7902" spans="1:16" x14ac:dyDescent="0.2">
      <c r="A7902" s="1" t="s">
        <v>10</v>
      </c>
      <c r="B7902" s="1" t="s">
        <v>10</v>
      </c>
      <c r="C7902" s="1" t="s">
        <v>27195</v>
      </c>
      <c r="D7902" s="1" t="s">
        <v>10</v>
      </c>
      <c r="E7902" s="1" t="s">
        <v>7213</v>
      </c>
      <c r="F7902" s="1" t="s">
        <v>7860</v>
      </c>
      <c r="G7902" s="1" t="s">
        <v>1042</v>
      </c>
      <c r="H7902" s="1" t="s">
        <v>27195</v>
      </c>
      <c r="I7902" s="1" t="s">
        <v>27162</v>
      </c>
      <c r="J7902" s="1" t="s">
        <v>10</v>
      </c>
      <c r="K7902" s="1" t="s">
        <v>10</v>
      </c>
      <c r="L7902" s="1" t="s">
        <v>27194</v>
      </c>
      <c r="M7902" s="1" t="s">
        <v>5</v>
      </c>
      <c r="N7902" s="1" t="s">
        <v>10</v>
      </c>
      <c r="O7902" s="1" t="s">
        <v>8</v>
      </c>
      <c r="P7902" s="5"/>
    </row>
    <row r="7903" spans="1:16" x14ac:dyDescent="0.2">
      <c r="A7903" s="1" t="s">
        <v>10</v>
      </c>
      <c r="B7903" s="1" t="s">
        <v>10</v>
      </c>
      <c r="C7903" s="1" t="s">
        <v>27197</v>
      </c>
      <c r="D7903" s="1" t="s">
        <v>10</v>
      </c>
      <c r="E7903" s="1" t="s">
        <v>27198</v>
      </c>
      <c r="F7903" s="1" t="s">
        <v>10</v>
      </c>
      <c r="G7903" s="1" t="s">
        <v>27183</v>
      </c>
      <c r="H7903" s="1" t="s">
        <v>10</v>
      </c>
      <c r="I7903" s="1" t="s">
        <v>27162</v>
      </c>
      <c r="J7903" s="1" t="s">
        <v>10</v>
      </c>
      <c r="K7903" s="1" t="s">
        <v>10</v>
      </c>
      <c r="L7903" s="1" t="s">
        <v>27196</v>
      </c>
      <c r="M7903" s="1" t="s">
        <v>5</v>
      </c>
      <c r="N7903" s="1" t="s">
        <v>10</v>
      </c>
      <c r="O7903" s="1" t="s">
        <v>8</v>
      </c>
      <c r="P7903" s="5"/>
    </row>
    <row r="7904" spans="1:16" x14ac:dyDescent="0.2">
      <c r="A7904" s="1" t="s">
        <v>10</v>
      </c>
      <c r="B7904" s="1" t="s">
        <v>10</v>
      </c>
      <c r="C7904" s="1" t="s">
        <v>27200</v>
      </c>
      <c r="D7904" s="1" t="s">
        <v>10</v>
      </c>
      <c r="E7904" s="1" t="s">
        <v>27201</v>
      </c>
      <c r="F7904" s="1" t="s">
        <v>10</v>
      </c>
      <c r="G7904" s="1" t="s">
        <v>10</v>
      </c>
      <c r="H7904" s="1" t="s">
        <v>10</v>
      </c>
      <c r="I7904" s="1" t="s">
        <v>27162</v>
      </c>
      <c r="J7904" s="1" t="s">
        <v>10</v>
      </c>
      <c r="K7904" s="1" t="s">
        <v>10</v>
      </c>
      <c r="L7904" s="1" t="s">
        <v>27199</v>
      </c>
      <c r="M7904" s="1" t="s">
        <v>5</v>
      </c>
      <c r="N7904" s="1" t="s">
        <v>10</v>
      </c>
      <c r="O7904" s="1" t="s">
        <v>38</v>
      </c>
      <c r="P7904" s="5"/>
    </row>
    <row r="7905" spans="1:16" x14ac:dyDescent="0.2">
      <c r="A7905" s="1" t="s">
        <v>10</v>
      </c>
      <c r="B7905" s="1" t="s">
        <v>10</v>
      </c>
      <c r="C7905" s="1" t="s">
        <v>27203</v>
      </c>
      <c r="D7905" s="1" t="s">
        <v>10</v>
      </c>
      <c r="E7905" s="1" t="s">
        <v>10</v>
      </c>
      <c r="F7905" s="1" t="s">
        <v>2168</v>
      </c>
      <c r="G7905" s="1" t="s">
        <v>1042</v>
      </c>
      <c r="H7905" s="1" t="s">
        <v>1019</v>
      </c>
      <c r="I7905" s="1" t="s">
        <v>27162</v>
      </c>
      <c r="J7905" s="1" t="s">
        <v>10</v>
      </c>
      <c r="K7905" s="1" t="s">
        <v>10</v>
      </c>
      <c r="L7905" s="1" t="s">
        <v>27202</v>
      </c>
      <c r="M7905" s="1" t="s">
        <v>5</v>
      </c>
      <c r="N7905" s="1" t="s">
        <v>10</v>
      </c>
      <c r="O7905" s="1" t="s">
        <v>8</v>
      </c>
      <c r="P7905" s="5"/>
    </row>
    <row r="7906" spans="1:16" x14ac:dyDescent="0.2">
      <c r="A7906" s="1" t="s">
        <v>10</v>
      </c>
      <c r="B7906" s="1" t="s">
        <v>10</v>
      </c>
      <c r="C7906" s="1" t="s">
        <v>7332</v>
      </c>
      <c r="D7906" s="1" t="s">
        <v>10</v>
      </c>
      <c r="E7906" s="1" t="s">
        <v>27205</v>
      </c>
      <c r="F7906" s="1" t="s">
        <v>7164</v>
      </c>
      <c r="G7906" s="1" t="s">
        <v>1042</v>
      </c>
      <c r="H7906" s="1" t="s">
        <v>27206</v>
      </c>
      <c r="I7906" s="1" t="s">
        <v>27162</v>
      </c>
      <c r="J7906" s="1" t="s">
        <v>10</v>
      </c>
      <c r="K7906" s="1" t="s">
        <v>10</v>
      </c>
      <c r="L7906" s="1" t="s">
        <v>27204</v>
      </c>
      <c r="M7906" s="1" t="s">
        <v>5</v>
      </c>
      <c r="N7906" s="1" t="s">
        <v>10</v>
      </c>
      <c r="O7906" s="1" t="s">
        <v>8</v>
      </c>
      <c r="P7906" s="5"/>
    </row>
    <row r="7907" spans="1:16" x14ac:dyDescent="0.2">
      <c r="A7907" s="1" t="s">
        <v>10</v>
      </c>
      <c r="B7907" s="1" t="s">
        <v>10</v>
      </c>
      <c r="C7907" s="1" t="s">
        <v>27208</v>
      </c>
      <c r="D7907" s="1" t="s">
        <v>10</v>
      </c>
      <c r="E7907" s="1" t="s">
        <v>10</v>
      </c>
      <c r="F7907" s="1" t="s">
        <v>27209</v>
      </c>
      <c r="G7907" s="1" t="s">
        <v>27183</v>
      </c>
      <c r="H7907" s="1" t="s">
        <v>27210</v>
      </c>
      <c r="I7907" s="1" t="s">
        <v>27162</v>
      </c>
      <c r="J7907" s="1" t="s">
        <v>10</v>
      </c>
      <c r="K7907" s="1" t="s">
        <v>10</v>
      </c>
      <c r="L7907" s="1" t="s">
        <v>27207</v>
      </c>
      <c r="M7907" s="1" t="s">
        <v>5</v>
      </c>
      <c r="N7907" s="1" t="s">
        <v>10</v>
      </c>
      <c r="O7907" s="1" t="s">
        <v>8</v>
      </c>
      <c r="P7907" s="5"/>
    </row>
    <row r="7908" spans="1:16" x14ac:dyDescent="0.2">
      <c r="A7908" s="1" t="s">
        <v>10</v>
      </c>
      <c r="B7908" s="1" t="s">
        <v>10</v>
      </c>
      <c r="C7908" s="1" t="s">
        <v>27212</v>
      </c>
      <c r="D7908" s="1" t="s">
        <v>10</v>
      </c>
      <c r="E7908" s="1" t="s">
        <v>10</v>
      </c>
      <c r="F7908" s="1" t="s">
        <v>1108</v>
      </c>
      <c r="G7908" s="1" t="s">
        <v>27183</v>
      </c>
      <c r="H7908" s="1" t="s">
        <v>27213</v>
      </c>
      <c r="I7908" s="1" t="s">
        <v>27162</v>
      </c>
      <c r="J7908" s="1" t="s">
        <v>10</v>
      </c>
      <c r="K7908" s="1" t="s">
        <v>10</v>
      </c>
      <c r="L7908" s="1" t="s">
        <v>27211</v>
      </c>
      <c r="M7908" s="1" t="s">
        <v>5</v>
      </c>
      <c r="N7908" s="1" t="s">
        <v>10</v>
      </c>
      <c r="O7908" s="1" t="s">
        <v>8</v>
      </c>
      <c r="P7908" s="5"/>
    </row>
    <row r="7909" spans="1:16" x14ac:dyDescent="0.2">
      <c r="A7909" s="1" t="s">
        <v>10</v>
      </c>
      <c r="B7909" s="1" t="s">
        <v>10</v>
      </c>
      <c r="C7909" s="1" t="s">
        <v>2026</v>
      </c>
      <c r="D7909" s="1" t="s">
        <v>10</v>
      </c>
      <c r="E7909" s="1" t="s">
        <v>27215</v>
      </c>
      <c r="F7909" s="1" t="s">
        <v>10</v>
      </c>
      <c r="G7909" s="1" t="s">
        <v>10</v>
      </c>
      <c r="H7909" s="1" t="s">
        <v>10</v>
      </c>
      <c r="I7909" s="1" t="s">
        <v>27162</v>
      </c>
      <c r="J7909" s="1" t="s">
        <v>10</v>
      </c>
      <c r="K7909" s="1" t="s">
        <v>10</v>
      </c>
      <c r="L7909" s="1" t="s">
        <v>27214</v>
      </c>
      <c r="M7909" s="1" t="s">
        <v>5</v>
      </c>
      <c r="N7909" s="1" t="s">
        <v>10</v>
      </c>
      <c r="O7909" s="1" t="s">
        <v>38</v>
      </c>
      <c r="P7909" s="5"/>
    </row>
    <row r="7910" spans="1:16" x14ac:dyDescent="0.2">
      <c r="A7910" s="1" t="s">
        <v>10</v>
      </c>
      <c r="B7910" s="1" t="s">
        <v>10</v>
      </c>
      <c r="C7910" s="1" t="s">
        <v>27217</v>
      </c>
      <c r="D7910" s="1" t="s">
        <v>10</v>
      </c>
      <c r="E7910" s="1" t="s">
        <v>27218</v>
      </c>
      <c r="F7910" s="1" t="s">
        <v>10</v>
      </c>
      <c r="G7910" s="1" t="s">
        <v>10</v>
      </c>
      <c r="H7910" s="1" t="s">
        <v>10</v>
      </c>
      <c r="I7910" s="1" t="s">
        <v>27162</v>
      </c>
      <c r="J7910" s="1" t="s">
        <v>10</v>
      </c>
      <c r="K7910" s="1" t="s">
        <v>10</v>
      </c>
      <c r="L7910" s="1" t="s">
        <v>27216</v>
      </c>
      <c r="M7910" s="1" t="s">
        <v>5</v>
      </c>
      <c r="N7910" s="1" t="s">
        <v>10</v>
      </c>
      <c r="O7910" s="1" t="s">
        <v>38</v>
      </c>
      <c r="P7910" s="5"/>
    </row>
    <row r="7911" spans="1:16" x14ac:dyDescent="0.2">
      <c r="A7911" s="1" t="s">
        <v>10</v>
      </c>
      <c r="B7911" s="1" t="s">
        <v>10</v>
      </c>
      <c r="C7911" s="1" t="s">
        <v>27220</v>
      </c>
      <c r="D7911" s="1" t="s">
        <v>10</v>
      </c>
      <c r="E7911" s="1" t="s">
        <v>27221</v>
      </c>
      <c r="F7911" s="1" t="s">
        <v>7164</v>
      </c>
      <c r="G7911" s="1" t="s">
        <v>1042</v>
      </c>
      <c r="H7911" s="1" t="s">
        <v>27222</v>
      </c>
      <c r="I7911" s="1" t="s">
        <v>27162</v>
      </c>
      <c r="J7911" s="1" t="s">
        <v>10</v>
      </c>
      <c r="K7911" s="1" t="s">
        <v>10</v>
      </c>
      <c r="L7911" s="1" t="s">
        <v>27219</v>
      </c>
      <c r="M7911" s="1" t="s">
        <v>5</v>
      </c>
      <c r="N7911" s="1" t="s">
        <v>10</v>
      </c>
      <c r="O7911" s="1" t="s">
        <v>8</v>
      </c>
      <c r="P7911" s="5"/>
    </row>
    <row r="7912" spans="1:16" x14ac:dyDescent="0.2">
      <c r="A7912" s="1" t="s">
        <v>10</v>
      </c>
      <c r="B7912" s="1" t="s">
        <v>10</v>
      </c>
      <c r="C7912" s="1" t="s">
        <v>27224</v>
      </c>
      <c r="D7912" s="1" t="s">
        <v>10</v>
      </c>
      <c r="E7912" s="1" t="s">
        <v>27225</v>
      </c>
      <c r="F7912" s="1" t="s">
        <v>10</v>
      </c>
      <c r="G7912" s="1" t="s">
        <v>27226</v>
      </c>
      <c r="H7912" s="1" t="s">
        <v>10</v>
      </c>
      <c r="I7912" s="1" t="s">
        <v>27162</v>
      </c>
      <c r="J7912" s="1" t="s">
        <v>10</v>
      </c>
      <c r="K7912" s="1" t="s">
        <v>10</v>
      </c>
      <c r="L7912" s="1" t="s">
        <v>27223</v>
      </c>
      <c r="M7912" s="1" t="s">
        <v>5</v>
      </c>
      <c r="N7912" s="1" t="s">
        <v>10</v>
      </c>
      <c r="O7912" s="1" t="s">
        <v>8</v>
      </c>
      <c r="P7912" s="5"/>
    </row>
    <row r="7913" spans="1:16" x14ac:dyDescent="0.2">
      <c r="A7913" s="1" t="s">
        <v>10</v>
      </c>
      <c r="B7913" s="1" t="s">
        <v>10</v>
      </c>
      <c r="C7913" s="1" t="s">
        <v>1458</v>
      </c>
      <c r="D7913" s="1" t="s">
        <v>10</v>
      </c>
      <c r="E7913" s="1" t="s">
        <v>10</v>
      </c>
      <c r="F7913" s="1" t="s">
        <v>1108</v>
      </c>
      <c r="G7913" s="1" t="s">
        <v>27183</v>
      </c>
      <c r="H7913" s="1" t="s">
        <v>1458</v>
      </c>
      <c r="I7913" s="1" t="s">
        <v>27162</v>
      </c>
      <c r="J7913" s="1" t="s">
        <v>10</v>
      </c>
      <c r="K7913" s="1" t="s">
        <v>10</v>
      </c>
      <c r="L7913" s="1" t="s">
        <v>27227</v>
      </c>
      <c r="M7913" s="1" t="s">
        <v>5</v>
      </c>
      <c r="N7913" s="1" t="s">
        <v>10</v>
      </c>
      <c r="O7913" s="1" t="s">
        <v>8</v>
      </c>
      <c r="P7913" s="5"/>
    </row>
    <row r="7914" spans="1:16" x14ac:dyDescent="0.2">
      <c r="A7914" s="1" t="s">
        <v>10</v>
      </c>
      <c r="B7914" s="1" t="s">
        <v>10</v>
      </c>
      <c r="C7914" s="1" t="s">
        <v>27229</v>
      </c>
      <c r="D7914" s="1" t="s">
        <v>10</v>
      </c>
      <c r="E7914" s="1" t="s">
        <v>27230</v>
      </c>
      <c r="F7914" s="1" t="s">
        <v>10</v>
      </c>
      <c r="G7914" s="1" t="s">
        <v>10</v>
      </c>
      <c r="H7914" s="1" t="s">
        <v>10</v>
      </c>
      <c r="I7914" s="1" t="s">
        <v>27162</v>
      </c>
      <c r="J7914" s="1" t="s">
        <v>10</v>
      </c>
      <c r="K7914" s="1" t="s">
        <v>10</v>
      </c>
      <c r="L7914" s="1" t="s">
        <v>27228</v>
      </c>
      <c r="M7914" s="1" t="s">
        <v>5</v>
      </c>
      <c r="N7914" s="1" t="s">
        <v>10</v>
      </c>
      <c r="O7914" s="1" t="s">
        <v>38</v>
      </c>
      <c r="P7914" s="5"/>
    </row>
    <row r="7915" spans="1:16" x14ac:dyDescent="0.2">
      <c r="A7915" s="1" t="s">
        <v>10</v>
      </c>
      <c r="B7915" s="1" t="s">
        <v>10</v>
      </c>
      <c r="C7915" s="1" t="s">
        <v>27232</v>
      </c>
      <c r="D7915" s="1" t="s">
        <v>10</v>
      </c>
      <c r="E7915" s="1" t="s">
        <v>27234</v>
      </c>
      <c r="F7915" s="1" t="s">
        <v>27233</v>
      </c>
      <c r="G7915" s="1" t="s">
        <v>1042</v>
      </c>
      <c r="H7915" s="1" t="s">
        <v>27235</v>
      </c>
      <c r="I7915" s="1" t="s">
        <v>27162</v>
      </c>
      <c r="J7915" s="1" t="s">
        <v>10</v>
      </c>
      <c r="K7915" s="1" t="s">
        <v>10</v>
      </c>
      <c r="L7915" s="1" t="s">
        <v>27231</v>
      </c>
      <c r="M7915" s="1" t="s">
        <v>5</v>
      </c>
      <c r="N7915" s="1" t="s">
        <v>10</v>
      </c>
      <c r="O7915" s="1" t="s">
        <v>8</v>
      </c>
      <c r="P7915" s="5"/>
    </row>
    <row r="7916" spans="1:16" x14ac:dyDescent="0.2">
      <c r="A7916" s="1" t="s">
        <v>10</v>
      </c>
      <c r="B7916" s="1" t="s">
        <v>10</v>
      </c>
      <c r="C7916" s="1" t="s">
        <v>27237</v>
      </c>
      <c r="D7916" s="1" t="s">
        <v>10</v>
      </c>
      <c r="E7916" s="1" t="s">
        <v>27238</v>
      </c>
      <c r="F7916" s="1" t="s">
        <v>10</v>
      </c>
      <c r="G7916" s="1" t="s">
        <v>9990</v>
      </c>
      <c r="H7916" s="1" t="s">
        <v>10</v>
      </c>
      <c r="I7916" s="1" t="s">
        <v>27162</v>
      </c>
      <c r="J7916" s="1" t="s">
        <v>10</v>
      </c>
      <c r="K7916" s="1" t="s">
        <v>10</v>
      </c>
      <c r="L7916" s="1" t="s">
        <v>27236</v>
      </c>
      <c r="M7916" s="1" t="s">
        <v>5</v>
      </c>
      <c r="N7916" s="1" t="s">
        <v>10</v>
      </c>
      <c r="O7916" s="1" t="s">
        <v>8</v>
      </c>
      <c r="P7916" s="5"/>
    </row>
    <row r="7917" spans="1:16" x14ac:dyDescent="0.2">
      <c r="A7917" s="1" t="s">
        <v>10</v>
      </c>
      <c r="B7917" s="1" t="s">
        <v>10</v>
      </c>
      <c r="C7917" s="1" t="s">
        <v>27240</v>
      </c>
      <c r="D7917" s="1" t="s">
        <v>10</v>
      </c>
      <c r="E7917" s="1" t="s">
        <v>27241</v>
      </c>
      <c r="F7917" s="1" t="s">
        <v>10</v>
      </c>
      <c r="G7917" s="1" t="s">
        <v>10</v>
      </c>
      <c r="H7917" s="1" t="s">
        <v>10</v>
      </c>
      <c r="I7917" s="1" t="s">
        <v>27162</v>
      </c>
      <c r="J7917" s="1" t="s">
        <v>10</v>
      </c>
      <c r="K7917" s="1" t="s">
        <v>10</v>
      </c>
      <c r="L7917" s="1" t="s">
        <v>27239</v>
      </c>
      <c r="M7917" s="1" t="s">
        <v>5</v>
      </c>
      <c r="N7917" s="1" t="s">
        <v>10</v>
      </c>
      <c r="O7917" s="1" t="s">
        <v>38</v>
      </c>
      <c r="P7917" s="5"/>
    </row>
    <row r="7918" spans="1:16" x14ac:dyDescent="0.2">
      <c r="A7918" s="1" t="s">
        <v>10</v>
      </c>
      <c r="B7918" s="1" t="s">
        <v>10</v>
      </c>
      <c r="C7918" s="1" t="s">
        <v>27243</v>
      </c>
      <c r="D7918" s="1" t="s">
        <v>10</v>
      </c>
      <c r="E7918" s="1" t="s">
        <v>10</v>
      </c>
      <c r="F7918" s="1" t="s">
        <v>10</v>
      </c>
      <c r="G7918" s="1" t="s">
        <v>27244</v>
      </c>
      <c r="H7918" s="1" t="s">
        <v>10</v>
      </c>
      <c r="I7918" s="1" t="s">
        <v>27162</v>
      </c>
      <c r="J7918" s="1" t="s">
        <v>10</v>
      </c>
      <c r="K7918" s="1" t="s">
        <v>10</v>
      </c>
      <c r="L7918" s="1" t="s">
        <v>27242</v>
      </c>
      <c r="M7918" s="1" t="s">
        <v>5</v>
      </c>
      <c r="N7918" s="1" t="s">
        <v>10</v>
      </c>
      <c r="O7918" s="1" t="s">
        <v>8</v>
      </c>
      <c r="P7918" s="5"/>
    </row>
    <row r="7919" spans="1:16" x14ac:dyDescent="0.2">
      <c r="A7919" s="1" t="s">
        <v>10</v>
      </c>
      <c r="B7919" s="1" t="s">
        <v>10</v>
      </c>
      <c r="C7919" s="1" t="s">
        <v>19136</v>
      </c>
      <c r="D7919" s="1" t="s">
        <v>10</v>
      </c>
      <c r="E7919" s="1" t="s">
        <v>27246</v>
      </c>
      <c r="F7919" s="1" t="s">
        <v>31</v>
      </c>
      <c r="G7919" s="1" t="s">
        <v>1042</v>
      </c>
      <c r="H7919" s="1" t="s">
        <v>19136</v>
      </c>
      <c r="I7919" s="1" t="s">
        <v>27162</v>
      </c>
      <c r="J7919" s="1" t="s">
        <v>10</v>
      </c>
      <c r="K7919" s="1" t="s">
        <v>10</v>
      </c>
      <c r="L7919" s="1" t="s">
        <v>27245</v>
      </c>
      <c r="M7919" s="1" t="s">
        <v>5</v>
      </c>
      <c r="N7919" s="1" t="s">
        <v>10</v>
      </c>
      <c r="O7919" s="1" t="s">
        <v>8</v>
      </c>
      <c r="P7919" s="5"/>
    </row>
    <row r="7920" spans="1:16" x14ac:dyDescent="0.2">
      <c r="A7920" s="1" t="s">
        <v>10</v>
      </c>
      <c r="B7920" s="1" t="s">
        <v>10</v>
      </c>
      <c r="C7920" s="1" t="s">
        <v>27248</v>
      </c>
      <c r="D7920" s="1" t="s">
        <v>10</v>
      </c>
      <c r="E7920" s="1" t="s">
        <v>10</v>
      </c>
      <c r="F7920" s="1" t="s">
        <v>1108</v>
      </c>
      <c r="G7920" s="1" t="s">
        <v>27183</v>
      </c>
      <c r="H7920" s="1" t="s">
        <v>27249</v>
      </c>
      <c r="I7920" s="1" t="s">
        <v>27162</v>
      </c>
      <c r="J7920" s="1" t="s">
        <v>10</v>
      </c>
      <c r="K7920" s="1" t="s">
        <v>10</v>
      </c>
      <c r="L7920" s="1" t="s">
        <v>27247</v>
      </c>
      <c r="M7920" s="1" t="s">
        <v>5</v>
      </c>
      <c r="N7920" s="1" t="s">
        <v>10</v>
      </c>
      <c r="O7920" s="1" t="s">
        <v>8</v>
      </c>
      <c r="P7920" s="5"/>
    </row>
    <row r="7921" spans="1:16" x14ac:dyDescent="0.2">
      <c r="A7921" s="1" t="s">
        <v>10</v>
      </c>
      <c r="B7921" s="1" t="s">
        <v>10</v>
      </c>
      <c r="C7921" s="1" t="s">
        <v>27251</v>
      </c>
      <c r="D7921" s="1" t="s">
        <v>10</v>
      </c>
      <c r="E7921" s="1" t="s">
        <v>27252</v>
      </c>
      <c r="F7921" s="1" t="s">
        <v>27192</v>
      </c>
      <c r="G7921" s="1" t="s">
        <v>1042</v>
      </c>
      <c r="H7921" s="1" t="s">
        <v>27251</v>
      </c>
      <c r="I7921" s="1" t="s">
        <v>27162</v>
      </c>
      <c r="J7921" s="1" t="s">
        <v>10</v>
      </c>
      <c r="K7921" s="1" t="s">
        <v>10</v>
      </c>
      <c r="L7921" s="1" t="s">
        <v>27250</v>
      </c>
      <c r="M7921" s="1" t="s">
        <v>5</v>
      </c>
      <c r="N7921" s="1" t="s">
        <v>10</v>
      </c>
      <c r="O7921" s="1" t="s">
        <v>8</v>
      </c>
      <c r="P7921" s="5"/>
    </row>
    <row r="7922" spans="1:16" x14ac:dyDescent="0.2">
      <c r="A7922" s="1" t="s">
        <v>20</v>
      </c>
      <c r="B7922" s="1" t="s">
        <v>21</v>
      </c>
      <c r="C7922" s="1" t="s">
        <v>27254</v>
      </c>
      <c r="D7922" s="1" t="s">
        <v>27255</v>
      </c>
      <c r="E7922" s="1" t="s">
        <v>27257</v>
      </c>
      <c r="F7922" s="1" t="s">
        <v>9</v>
      </c>
      <c r="G7922" s="1" t="s">
        <v>18</v>
      </c>
      <c r="H7922" s="1" t="s">
        <v>10</v>
      </c>
      <c r="I7922" s="1" t="s">
        <v>1868</v>
      </c>
      <c r="J7922" s="1" t="s">
        <v>27256</v>
      </c>
      <c r="K7922" s="1" t="s">
        <v>7</v>
      </c>
      <c r="L7922" s="1" t="s">
        <v>27253</v>
      </c>
      <c r="M7922" s="1" t="s">
        <v>5</v>
      </c>
      <c r="N7922" s="1" t="s">
        <v>1009</v>
      </c>
      <c r="O7922" s="1" t="s">
        <v>8</v>
      </c>
      <c r="P7922" s="5" t="s">
        <v>32529</v>
      </c>
    </row>
    <row r="7923" spans="1:16" x14ac:dyDescent="0.2">
      <c r="A7923" s="1" t="s">
        <v>329</v>
      </c>
      <c r="B7923" s="1" t="s">
        <v>2622</v>
      </c>
      <c r="C7923" s="1" t="s">
        <v>27259</v>
      </c>
      <c r="D7923" s="1" t="s">
        <v>27260</v>
      </c>
      <c r="E7923" s="1" t="s">
        <v>27262</v>
      </c>
      <c r="F7923" s="1" t="s">
        <v>10</v>
      </c>
      <c r="G7923" s="1" t="s">
        <v>10</v>
      </c>
      <c r="H7923" s="1" t="s">
        <v>10</v>
      </c>
      <c r="I7923" s="1" t="s">
        <v>1868</v>
      </c>
      <c r="J7923" s="1" t="s">
        <v>27261</v>
      </c>
      <c r="K7923" s="1" t="s">
        <v>27</v>
      </c>
      <c r="L7923" s="1" t="s">
        <v>27258</v>
      </c>
      <c r="M7923" s="1" t="s">
        <v>5</v>
      </c>
      <c r="N7923" s="1" t="s">
        <v>25</v>
      </c>
      <c r="O7923" s="1" t="s">
        <v>38</v>
      </c>
      <c r="P7923" s="5" t="s">
        <v>32530</v>
      </c>
    </row>
    <row r="7924" spans="1:16" x14ac:dyDescent="0.2">
      <c r="A7924" s="1" t="s">
        <v>20</v>
      </c>
      <c r="B7924" s="1" t="s">
        <v>309</v>
      </c>
      <c r="C7924" s="1" t="s">
        <v>27266</v>
      </c>
      <c r="D7924" s="1" t="s">
        <v>27267</v>
      </c>
      <c r="E7924" s="1" t="s">
        <v>27268</v>
      </c>
      <c r="F7924" s="1" t="s">
        <v>10</v>
      </c>
      <c r="G7924" s="1" t="s">
        <v>10</v>
      </c>
      <c r="H7924" s="1" t="s">
        <v>10</v>
      </c>
      <c r="I7924" s="1" t="s">
        <v>1868</v>
      </c>
      <c r="J7924" s="1" t="s">
        <v>27256</v>
      </c>
      <c r="K7924" s="1" t="s">
        <v>7</v>
      </c>
      <c r="L7924" s="1" t="s">
        <v>27265</v>
      </c>
      <c r="M7924" s="1" t="s">
        <v>5</v>
      </c>
      <c r="N7924" s="1" t="s">
        <v>25</v>
      </c>
      <c r="O7924" s="1" t="s">
        <v>38</v>
      </c>
      <c r="P7924" s="5" t="s">
        <v>30797</v>
      </c>
    </row>
    <row r="7925" spans="1:16" x14ac:dyDescent="0.2">
      <c r="A7925" s="1" t="s">
        <v>20</v>
      </c>
      <c r="B7925" s="1" t="s">
        <v>253</v>
      </c>
      <c r="C7925" s="1" t="s">
        <v>27270</v>
      </c>
      <c r="D7925" s="1" t="s">
        <v>27271</v>
      </c>
      <c r="E7925" s="1" t="s">
        <v>27273</v>
      </c>
      <c r="F7925" s="1" t="s">
        <v>10</v>
      </c>
      <c r="G7925" s="1" t="s">
        <v>10</v>
      </c>
      <c r="H7925" s="1" t="s">
        <v>10</v>
      </c>
      <c r="I7925" s="1" t="s">
        <v>1868</v>
      </c>
      <c r="J7925" s="1" t="s">
        <v>27272</v>
      </c>
      <c r="K7925" s="1" t="s">
        <v>27</v>
      </c>
      <c r="L7925" s="1" t="s">
        <v>27269</v>
      </c>
      <c r="M7925" s="1" t="s">
        <v>5</v>
      </c>
      <c r="N7925" s="1" t="s">
        <v>25</v>
      </c>
      <c r="O7925" s="1" t="s">
        <v>38</v>
      </c>
      <c r="P7925" s="5" t="s">
        <v>30798</v>
      </c>
    </row>
    <row r="7926" spans="1:16" x14ac:dyDescent="0.2">
      <c r="A7926" s="1" t="s">
        <v>329</v>
      </c>
      <c r="B7926" s="1" t="s">
        <v>596</v>
      </c>
      <c r="C7926" s="1" t="s">
        <v>27275</v>
      </c>
      <c r="D7926" s="1" t="s">
        <v>27276</v>
      </c>
      <c r="E7926" s="1" t="s">
        <v>27277</v>
      </c>
      <c r="F7926" s="1" t="s">
        <v>27</v>
      </c>
      <c r="G7926" s="1" t="s">
        <v>1042</v>
      </c>
      <c r="H7926" s="1" t="s">
        <v>27278</v>
      </c>
      <c r="I7926" s="1" t="s">
        <v>1868</v>
      </c>
      <c r="J7926" s="1" t="s">
        <v>27272</v>
      </c>
      <c r="K7926" s="1" t="s">
        <v>27</v>
      </c>
      <c r="L7926" s="1" t="s">
        <v>27274</v>
      </c>
      <c r="M7926" s="1" t="s">
        <v>5</v>
      </c>
      <c r="N7926" s="1" t="s">
        <v>25</v>
      </c>
      <c r="O7926" s="1" t="s">
        <v>8</v>
      </c>
      <c r="P7926" s="5" t="s">
        <v>30799</v>
      </c>
    </row>
    <row r="7927" spans="1:16" x14ac:dyDescent="0.2">
      <c r="A7927" s="1" t="s">
        <v>20</v>
      </c>
      <c r="B7927" s="1" t="s">
        <v>309</v>
      </c>
      <c r="C7927" s="1" t="s">
        <v>27280</v>
      </c>
      <c r="D7927" s="1" t="s">
        <v>27281</v>
      </c>
      <c r="E7927" s="1" t="s">
        <v>27282</v>
      </c>
      <c r="F7927" s="1" t="s">
        <v>10</v>
      </c>
      <c r="G7927" s="1" t="s">
        <v>10</v>
      </c>
      <c r="H7927" s="1" t="s">
        <v>10</v>
      </c>
      <c r="I7927" s="1" t="s">
        <v>1868</v>
      </c>
      <c r="J7927" s="1" t="s">
        <v>27256</v>
      </c>
      <c r="K7927" s="1" t="s">
        <v>7</v>
      </c>
      <c r="L7927" s="1" t="s">
        <v>27279</v>
      </c>
      <c r="M7927" s="1" t="s">
        <v>5</v>
      </c>
      <c r="N7927" s="1" t="s">
        <v>25</v>
      </c>
      <c r="O7927" s="1" t="s">
        <v>38</v>
      </c>
      <c r="P7927" s="5" t="s">
        <v>30797</v>
      </c>
    </row>
    <row r="7928" spans="1:16" x14ac:dyDescent="0.2">
      <c r="A7928" s="1" t="s">
        <v>20</v>
      </c>
      <c r="B7928" s="1" t="s">
        <v>4373</v>
      </c>
      <c r="C7928" s="1" t="s">
        <v>27284</v>
      </c>
      <c r="D7928" s="1" t="s">
        <v>27285</v>
      </c>
      <c r="E7928" s="1" t="s">
        <v>27286</v>
      </c>
      <c r="F7928" s="1" t="s">
        <v>10</v>
      </c>
      <c r="G7928" s="1" t="s">
        <v>10</v>
      </c>
      <c r="H7928" s="1" t="s">
        <v>10</v>
      </c>
      <c r="I7928" s="1" t="s">
        <v>1868</v>
      </c>
      <c r="J7928" s="1" t="s">
        <v>27272</v>
      </c>
      <c r="K7928" s="1" t="s">
        <v>27</v>
      </c>
      <c r="L7928" s="1" t="s">
        <v>27283</v>
      </c>
      <c r="M7928" s="1" t="s">
        <v>5</v>
      </c>
      <c r="N7928" s="1" t="s">
        <v>25</v>
      </c>
      <c r="O7928" s="1" t="s">
        <v>38</v>
      </c>
      <c r="P7928" s="5" t="s">
        <v>30800</v>
      </c>
    </row>
    <row r="7929" spans="1:16" x14ac:dyDescent="0.2">
      <c r="A7929" s="1" t="s">
        <v>20</v>
      </c>
      <c r="B7929" s="1" t="s">
        <v>309</v>
      </c>
      <c r="C7929" s="1" t="s">
        <v>27288</v>
      </c>
      <c r="D7929" s="1" t="s">
        <v>7139</v>
      </c>
      <c r="E7929" s="1" t="s">
        <v>27289</v>
      </c>
      <c r="F7929" s="1" t="s">
        <v>10</v>
      </c>
      <c r="G7929" s="1" t="s">
        <v>10</v>
      </c>
      <c r="H7929" s="1" t="s">
        <v>10</v>
      </c>
      <c r="I7929" s="1" t="s">
        <v>1868</v>
      </c>
      <c r="J7929" s="1" t="s">
        <v>27256</v>
      </c>
      <c r="K7929" s="1" t="s">
        <v>7</v>
      </c>
      <c r="L7929" s="1" t="s">
        <v>27287</v>
      </c>
      <c r="M7929" s="1" t="s">
        <v>5</v>
      </c>
      <c r="N7929" s="1" t="s">
        <v>1009</v>
      </c>
      <c r="O7929" s="1" t="s">
        <v>38</v>
      </c>
      <c r="P7929" s="5" t="s">
        <v>30801</v>
      </c>
    </row>
    <row r="7930" spans="1:16" x14ac:dyDescent="0.2">
      <c r="A7930" s="1" t="s">
        <v>20</v>
      </c>
      <c r="B7930" s="1" t="s">
        <v>132</v>
      </c>
      <c r="C7930" s="1" t="s">
        <v>27291</v>
      </c>
      <c r="D7930" s="1" t="s">
        <v>4739</v>
      </c>
      <c r="E7930" s="1" t="s">
        <v>27292</v>
      </c>
      <c r="F7930" s="1" t="s">
        <v>10</v>
      </c>
      <c r="G7930" s="1" t="s">
        <v>10</v>
      </c>
      <c r="H7930" s="1" t="s">
        <v>10</v>
      </c>
      <c r="I7930" s="1" t="s">
        <v>1868</v>
      </c>
      <c r="J7930" s="1" t="s">
        <v>27256</v>
      </c>
      <c r="K7930" s="1" t="s">
        <v>231</v>
      </c>
      <c r="L7930" s="1" t="s">
        <v>27290</v>
      </c>
      <c r="M7930" s="1" t="s">
        <v>5</v>
      </c>
      <c r="N7930" s="1" t="s">
        <v>25</v>
      </c>
      <c r="O7930" s="1" t="s">
        <v>38</v>
      </c>
      <c r="P7930" s="5" t="s">
        <v>30802</v>
      </c>
    </row>
    <row r="7931" spans="1:16" x14ac:dyDescent="0.2">
      <c r="A7931" s="1" t="s">
        <v>42</v>
      </c>
      <c r="B7931" s="1" t="s">
        <v>43</v>
      </c>
      <c r="C7931" s="1" t="s">
        <v>8030</v>
      </c>
      <c r="D7931" s="1" t="s">
        <v>8030</v>
      </c>
      <c r="E7931" s="1" t="s">
        <v>27294</v>
      </c>
      <c r="F7931" s="1" t="s">
        <v>27</v>
      </c>
      <c r="G7931" s="1" t="s">
        <v>1042</v>
      </c>
      <c r="H7931" s="1" t="s">
        <v>27295</v>
      </c>
      <c r="I7931" s="1" t="s">
        <v>1868</v>
      </c>
      <c r="J7931" s="1" t="s">
        <v>27256</v>
      </c>
      <c r="K7931" s="1" t="s">
        <v>37</v>
      </c>
      <c r="L7931" s="1" t="s">
        <v>27293</v>
      </c>
      <c r="M7931" s="1" t="s">
        <v>5</v>
      </c>
      <c r="N7931" s="1" t="s">
        <v>1009</v>
      </c>
      <c r="O7931" s="1" t="s">
        <v>8</v>
      </c>
      <c r="P7931" s="5" t="s">
        <v>14</v>
      </c>
    </row>
    <row r="7932" spans="1:16" x14ac:dyDescent="0.2">
      <c r="A7932" s="1" t="s">
        <v>20</v>
      </c>
      <c r="B7932" s="1" t="s">
        <v>21</v>
      </c>
      <c r="C7932" s="1" t="s">
        <v>27298</v>
      </c>
      <c r="D7932" s="1" t="s">
        <v>27299</v>
      </c>
      <c r="E7932" s="1" t="s">
        <v>27300</v>
      </c>
      <c r="F7932" s="1" t="s">
        <v>9</v>
      </c>
      <c r="G7932" s="1" t="s">
        <v>18</v>
      </c>
      <c r="H7932" s="1" t="s">
        <v>10</v>
      </c>
      <c r="I7932" s="1" t="s">
        <v>1868</v>
      </c>
      <c r="J7932" s="1" t="s">
        <v>27256</v>
      </c>
      <c r="K7932" s="1" t="s">
        <v>7</v>
      </c>
      <c r="L7932" s="1" t="s">
        <v>27297</v>
      </c>
      <c r="M7932" s="1" t="s">
        <v>5</v>
      </c>
      <c r="N7932" s="1" t="s">
        <v>1009</v>
      </c>
      <c r="O7932" s="1" t="s">
        <v>8</v>
      </c>
      <c r="P7932" s="5" t="s">
        <v>32529</v>
      </c>
    </row>
    <row r="7933" spans="1:16" x14ac:dyDescent="0.2">
      <c r="A7933" s="1" t="s">
        <v>20</v>
      </c>
      <c r="B7933" s="1" t="s">
        <v>445</v>
      </c>
      <c r="C7933" s="1" t="s">
        <v>18992</v>
      </c>
      <c r="D7933" s="1" t="s">
        <v>27302</v>
      </c>
      <c r="E7933" s="1" t="s">
        <v>27303</v>
      </c>
      <c r="F7933" s="1" t="s">
        <v>10</v>
      </c>
      <c r="G7933" s="1" t="s">
        <v>10</v>
      </c>
      <c r="H7933" s="1" t="s">
        <v>10</v>
      </c>
      <c r="I7933" s="1" t="s">
        <v>1868</v>
      </c>
      <c r="J7933" s="1" t="s">
        <v>27256</v>
      </c>
      <c r="K7933" s="1" t="s">
        <v>47</v>
      </c>
      <c r="L7933" s="1" t="s">
        <v>27301</v>
      </c>
      <c r="M7933" s="1" t="s">
        <v>5</v>
      </c>
      <c r="N7933" s="1" t="s">
        <v>25</v>
      </c>
      <c r="O7933" s="1" t="s">
        <v>38</v>
      </c>
      <c r="P7933" s="5" t="s">
        <v>30803</v>
      </c>
    </row>
    <row r="7934" spans="1:16" x14ac:dyDescent="0.2">
      <c r="A7934" s="1" t="s">
        <v>329</v>
      </c>
      <c r="B7934" s="1" t="s">
        <v>596</v>
      </c>
      <c r="C7934" s="1" t="s">
        <v>27305</v>
      </c>
      <c r="D7934" s="1" t="s">
        <v>27306</v>
      </c>
      <c r="E7934" s="1" t="s">
        <v>27307</v>
      </c>
      <c r="F7934" s="1" t="s">
        <v>10</v>
      </c>
      <c r="G7934" s="1" t="s">
        <v>10</v>
      </c>
      <c r="H7934" s="1" t="s">
        <v>10</v>
      </c>
      <c r="I7934" s="1" t="s">
        <v>1868</v>
      </c>
      <c r="J7934" s="1" t="s">
        <v>27272</v>
      </c>
      <c r="K7934" s="1" t="s">
        <v>27</v>
      </c>
      <c r="L7934" s="1" t="s">
        <v>27304</v>
      </c>
      <c r="M7934" s="1" t="s">
        <v>5</v>
      </c>
      <c r="N7934" s="1" t="s">
        <v>25</v>
      </c>
      <c r="O7934" s="1" t="s">
        <v>38</v>
      </c>
      <c r="P7934" s="5" t="s">
        <v>30798</v>
      </c>
    </row>
    <row r="7935" spans="1:16" x14ac:dyDescent="0.2">
      <c r="A7935" s="1" t="s">
        <v>329</v>
      </c>
      <c r="B7935" s="1" t="s">
        <v>340</v>
      </c>
      <c r="C7935" s="1" t="s">
        <v>27309</v>
      </c>
      <c r="D7935" s="1" t="s">
        <v>27310</v>
      </c>
      <c r="E7935" s="1" t="s">
        <v>27311</v>
      </c>
      <c r="F7935" s="1" t="s">
        <v>27</v>
      </c>
      <c r="G7935" s="1" t="s">
        <v>1042</v>
      </c>
      <c r="H7935" s="1" t="s">
        <v>27312</v>
      </c>
      <c r="I7935" s="1" t="s">
        <v>1868</v>
      </c>
      <c r="J7935" s="1" t="s">
        <v>27256</v>
      </c>
      <c r="K7935" s="1" t="s">
        <v>7</v>
      </c>
      <c r="L7935" s="1" t="s">
        <v>27308</v>
      </c>
      <c r="M7935" s="1" t="s">
        <v>5</v>
      </c>
      <c r="N7935" s="1" t="s">
        <v>1009</v>
      </c>
      <c r="O7935" s="1" t="s">
        <v>8</v>
      </c>
      <c r="P7935" s="5" t="s">
        <v>60</v>
      </c>
    </row>
    <row r="7936" spans="1:16" x14ac:dyDescent="0.2">
      <c r="A7936" s="1" t="s">
        <v>42</v>
      </c>
      <c r="B7936" s="1" t="s">
        <v>43</v>
      </c>
      <c r="C7936" s="1" t="s">
        <v>27314</v>
      </c>
      <c r="D7936" s="1" t="s">
        <v>27315</v>
      </c>
      <c r="E7936" s="1" t="s">
        <v>27317</v>
      </c>
      <c r="F7936" s="1" t="s">
        <v>414</v>
      </c>
      <c r="G7936" s="1" t="s">
        <v>11355</v>
      </c>
      <c r="H7936" s="1" t="s">
        <v>10</v>
      </c>
      <c r="I7936" s="1" t="s">
        <v>1868</v>
      </c>
      <c r="J7936" s="1" t="s">
        <v>27256</v>
      </c>
      <c r="K7936" s="1" t="s">
        <v>27316</v>
      </c>
      <c r="L7936" s="1" t="s">
        <v>27313</v>
      </c>
      <c r="M7936" s="1" t="s">
        <v>5</v>
      </c>
      <c r="N7936" s="1" t="s">
        <v>1009</v>
      </c>
      <c r="O7936" s="1" t="s">
        <v>8</v>
      </c>
      <c r="P7936" s="5" t="s">
        <v>32531</v>
      </c>
    </row>
    <row r="7937" spans="1:16" x14ac:dyDescent="0.2">
      <c r="A7937" s="1" t="s">
        <v>20</v>
      </c>
      <c r="B7937" s="1" t="s">
        <v>132</v>
      </c>
      <c r="C7937" s="1" t="s">
        <v>27319</v>
      </c>
      <c r="D7937" s="1" t="s">
        <v>27320</v>
      </c>
      <c r="E7937" s="1" t="s">
        <v>27322</v>
      </c>
      <c r="F7937" s="1" t="s">
        <v>10</v>
      </c>
      <c r="G7937" s="1" t="s">
        <v>10</v>
      </c>
      <c r="H7937" s="1" t="s">
        <v>10</v>
      </c>
      <c r="I7937" s="1" t="s">
        <v>1868</v>
      </c>
      <c r="J7937" s="1" t="s">
        <v>27321</v>
      </c>
      <c r="K7937" s="1" t="s">
        <v>27</v>
      </c>
      <c r="L7937" s="1" t="s">
        <v>27318</v>
      </c>
      <c r="M7937" s="1" t="s">
        <v>5</v>
      </c>
      <c r="N7937" s="1" t="s">
        <v>25</v>
      </c>
      <c r="O7937" s="1" t="s">
        <v>38</v>
      </c>
      <c r="P7937" s="5" t="s">
        <v>30804</v>
      </c>
    </row>
    <row r="7938" spans="1:16" x14ac:dyDescent="0.2">
      <c r="A7938" s="1" t="s">
        <v>20</v>
      </c>
      <c r="B7938" s="1" t="s">
        <v>93</v>
      </c>
      <c r="C7938" s="1" t="s">
        <v>27324</v>
      </c>
      <c r="D7938" s="1" t="s">
        <v>1962</v>
      </c>
      <c r="E7938" s="1" t="s">
        <v>27325</v>
      </c>
      <c r="F7938" s="1" t="s">
        <v>27</v>
      </c>
      <c r="G7938" s="1" t="s">
        <v>1042</v>
      </c>
      <c r="H7938" s="1" t="s">
        <v>3932</v>
      </c>
      <c r="I7938" s="1" t="s">
        <v>1868</v>
      </c>
      <c r="J7938" s="1" t="s">
        <v>27256</v>
      </c>
      <c r="K7938" s="1" t="s">
        <v>7</v>
      </c>
      <c r="L7938" s="1" t="s">
        <v>27323</v>
      </c>
      <c r="M7938" s="1" t="s">
        <v>5</v>
      </c>
      <c r="N7938" s="1" t="s">
        <v>1009</v>
      </c>
      <c r="O7938" s="1" t="s">
        <v>8</v>
      </c>
      <c r="P7938" s="5" t="s">
        <v>32529</v>
      </c>
    </row>
    <row r="7939" spans="1:16" x14ac:dyDescent="0.2">
      <c r="A7939" s="1" t="s">
        <v>20</v>
      </c>
      <c r="B7939" s="1" t="s">
        <v>93</v>
      </c>
      <c r="C7939" s="1" t="s">
        <v>27327</v>
      </c>
      <c r="D7939" s="1" t="s">
        <v>4187</v>
      </c>
      <c r="E7939" s="1" t="s">
        <v>27328</v>
      </c>
      <c r="F7939" s="1" t="s">
        <v>27</v>
      </c>
      <c r="G7939" s="1" t="s">
        <v>1042</v>
      </c>
      <c r="H7939" s="1" t="s">
        <v>3932</v>
      </c>
      <c r="I7939" s="1" t="s">
        <v>1868</v>
      </c>
      <c r="J7939" s="1" t="s">
        <v>27256</v>
      </c>
      <c r="K7939" s="1" t="s">
        <v>7</v>
      </c>
      <c r="L7939" s="1" t="s">
        <v>27326</v>
      </c>
      <c r="M7939" s="1" t="s">
        <v>5</v>
      </c>
      <c r="N7939" s="1" t="s">
        <v>1009</v>
      </c>
      <c r="O7939" s="1" t="s">
        <v>8</v>
      </c>
      <c r="P7939" s="5" t="s">
        <v>32529</v>
      </c>
    </row>
    <row r="7940" spans="1:16" x14ac:dyDescent="0.2">
      <c r="A7940" s="1" t="s">
        <v>20</v>
      </c>
      <c r="B7940" s="1" t="s">
        <v>172</v>
      </c>
      <c r="C7940" s="1" t="s">
        <v>27331</v>
      </c>
      <c r="D7940" s="1" t="s">
        <v>27332</v>
      </c>
      <c r="E7940" s="1" t="s">
        <v>27333</v>
      </c>
      <c r="F7940" s="1" t="s">
        <v>10</v>
      </c>
      <c r="G7940" s="1" t="s">
        <v>10</v>
      </c>
      <c r="H7940" s="1" t="s">
        <v>10</v>
      </c>
      <c r="I7940" s="1" t="s">
        <v>1868</v>
      </c>
      <c r="J7940" s="1" t="s">
        <v>27256</v>
      </c>
      <c r="K7940" s="1" t="s">
        <v>7</v>
      </c>
      <c r="L7940" s="1" t="s">
        <v>27330</v>
      </c>
      <c r="M7940" s="1" t="s">
        <v>5</v>
      </c>
      <c r="N7940" s="1" t="s">
        <v>25</v>
      </c>
      <c r="O7940" s="1" t="s">
        <v>38</v>
      </c>
      <c r="P7940" s="5" t="s">
        <v>30805</v>
      </c>
    </row>
    <row r="7941" spans="1:16" x14ac:dyDescent="0.2">
      <c r="A7941" s="1" t="s">
        <v>20</v>
      </c>
      <c r="B7941" s="1" t="s">
        <v>101</v>
      </c>
      <c r="C7941" s="1" t="s">
        <v>27335</v>
      </c>
      <c r="D7941" s="1" t="s">
        <v>27336</v>
      </c>
      <c r="E7941" s="1"/>
      <c r="F7941" s="1" t="s">
        <v>10</v>
      </c>
      <c r="G7941" s="1" t="s">
        <v>10</v>
      </c>
      <c r="H7941" s="1" t="s">
        <v>10</v>
      </c>
      <c r="I7941" s="1" t="s">
        <v>1868</v>
      </c>
      <c r="J7941" s="1" t="s">
        <v>27256</v>
      </c>
      <c r="K7941" s="1" t="s">
        <v>231</v>
      </c>
      <c r="L7941" s="1" t="s">
        <v>27334</v>
      </c>
      <c r="M7941" s="1" t="s">
        <v>5</v>
      </c>
      <c r="N7941" s="1" t="s">
        <v>25</v>
      </c>
      <c r="O7941" s="1" t="s">
        <v>38</v>
      </c>
      <c r="P7941" s="5" t="s">
        <v>30550</v>
      </c>
    </row>
    <row r="7942" spans="1:16" x14ac:dyDescent="0.2">
      <c r="A7942" s="1" t="s">
        <v>20</v>
      </c>
      <c r="B7942" s="1" t="s">
        <v>445</v>
      </c>
      <c r="C7942" s="1" t="s">
        <v>27338</v>
      </c>
      <c r="D7942" s="1" t="s">
        <v>27339</v>
      </c>
      <c r="E7942" s="1" t="s">
        <v>27340</v>
      </c>
      <c r="F7942" s="1" t="s">
        <v>10</v>
      </c>
      <c r="G7942" s="1" t="s">
        <v>10</v>
      </c>
      <c r="H7942" s="1" t="s">
        <v>10</v>
      </c>
      <c r="I7942" s="1" t="s">
        <v>1868</v>
      </c>
      <c r="J7942" s="1" t="s">
        <v>27272</v>
      </c>
      <c r="K7942" s="1" t="s">
        <v>27</v>
      </c>
      <c r="L7942" s="1" t="s">
        <v>27337</v>
      </c>
      <c r="M7942" s="1" t="s">
        <v>5</v>
      </c>
      <c r="N7942" s="1" t="s">
        <v>25</v>
      </c>
      <c r="O7942" s="1" t="s">
        <v>38</v>
      </c>
      <c r="P7942" s="5" t="s">
        <v>32532</v>
      </c>
    </row>
    <row r="7943" spans="1:16" x14ac:dyDescent="0.2">
      <c r="A7943" s="1" t="s">
        <v>42</v>
      </c>
      <c r="B7943" s="1" t="s">
        <v>1341</v>
      </c>
      <c r="C7943" s="1" t="s">
        <v>27342</v>
      </c>
      <c r="D7943" s="1" t="s">
        <v>27343</v>
      </c>
      <c r="E7943" s="1" t="s">
        <v>27344</v>
      </c>
      <c r="F7943" s="1" t="s">
        <v>10</v>
      </c>
      <c r="G7943" s="1" t="s">
        <v>10</v>
      </c>
      <c r="H7943" s="1" t="s">
        <v>10</v>
      </c>
      <c r="I7943" s="1" t="s">
        <v>1868</v>
      </c>
      <c r="J7943" s="1" t="s">
        <v>27329</v>
      </c>
      <c r="K7943" s="1" t="s">
        <v>27</v>
      </c>
      <c r="L7943" s="1" t="s">
        <v>27341</v>
      </c>
      <c r="M7943" s="1" t="s">
        <v>5</v>
      </c>
      <c r="N7943" s="1" t="s">
        <v>1009</v>
      </c>
      <c r="O7943" s="1" t="s">
        <v>38</v>
      </c>
      <c r="P7943" s="5" t="s">
        <v>30806</v>
      </c>
    </row>
    <row r="7944" spans="1:16" x14ac:dyDescent="0.2">
      <c r="A7944" s="1" t="s">
        <v>20</v>
      </c>
      <c r="B7944" s="1" t="s">
        <v>132</v>
      </c>
      <c r="C7944" s="1" t="s">
        <v>27346</v>
      </c>
      <c r="D7944" s="1" t="s">
        <v>27347</v>
      </c>
      <c r="E7944" s="1"/>
      <c r="F7944" s="1" t="s">
        <v>10</v>
      </c>
      <c r="G7944" s="1" t="s">
        <v>10</v>
      </c>
      <c r="H7944" s="1" t="s">
        <v>10</v>
      </c>
      <c r="I7944" s="1" t="s">
        <v>1868</v>
      </c>
      <c r="J7944" s="1" t="s">
        <v>27256</v>
      </c>
      <c r="K7944" s="1" t="s">
        <v>231</v>
      </c>
      <c r="L7944" s="1" t="s">
        <v>27345</v>
      </c>
      <c r="M7944" s="1" t="s">
        <v>5</v>
      </c>
      <c r="N7944" s="1" t="s">
        <v>1009</v>
      </c>
      <c r="O7944" s="1" t="s">
        <v>38</v>
      </c>
      <c r="P7944" s="5" t="s">
        <v>31894</v>
      </c>
    </row>
    <row r="7945" spans="1:16" x14ac:dyDescent="0.2">
      <c r="A7945" s="1" t="s">
        <v>20</v>
      </c>
      <c r="B7945" s="1" t="s">
        <v>132</v>
      </c>
      <c r="C7945" s="1" t="s">
        <v>27349</v>
      </c>
      <c r="D7945" s="1" t="s">
        <v>27350</v>
      </c>
      <c r="E7945" s="1"/>
      <c r="F7945" s="1" t="s">
        <v>10</v>
      </c>
      <c r="G7945" s="1" t="s">
        <v>10</v>
      </c>
      <c r="H7945" s="1" t="s">
        <v>10</v>
      </c>
      <c r="I7945" s="1" t="s">
        <v>1868</v>
      </c>
      <c r="J7945" s="1" t="s">
        <v>27256</v>
      </c>
      <c r="K7945" s="1" t="s">
        <v>231</v>
      </c>
      <c r="L7945" s="1" t="s">
        <v>27348</v>
      </c>
      <c r="M7945" s="1" t="s">
        <v>5</v>
      </c>
      <c r="N7945" s="1" t="s">
        <v>1009</v>
      </c>
      <c r="O7945" s="1" t="s">
        <v>38</v>
      </c>
      <c r="P7945" s="5" t="s">
        <v>31894</v>
      </c>
    </row>
    <row r="7946" spans="1:16" x14ac:dyDescent="0.2">
      <c r="A7946" s="1" t="s">
        <v>20</v>
      </c>
      <c r="B7946" s="1" t="s">
        <v>132</v>
      </c>
      <c r="C7946" s="1" t="s">
        <v>27352</v>
      </c>
      <c r="D7946" s="1" t="s">
        <v>27353</v>
      </c>
      <c r="E7946" s="1"/>
      <c r="F7946" s="1" t="s">
        <v>10</v>
      </c>
      <c r="G7946" s="1" t="s">
        <v>10</v>
      </c>
      <c r="H7946" s="1" t="s">
        <v>10</v>
      </c>
      <c r="I7946" s="1" t="s">
        <v>1868</v>
      </c>
      <c r="J7946" s="1" t="s">
        <v>27256</v>
      </c>
      <c r="K7946" s="1" t="s">
        <v>231</v>
      </c>
      <c r="L7946" s="1" t="s">
        <v>27351</v>
      </c>
      <c r="M7946" s="1" t="s">
        <v>5</v>
      </c>
      <c r="N7946" s="1" t="s">
        <v>1009</v>
      </c>
      <c r="O7946" s="1" t="s">
        <v>38</v>
      </c>
      <c r="P7946" s="5" t="s">
        <v>31894</v>
      </c>
    </row>
    <row r="7947" spans="1:16" x14ac:dyDescent="0.2">
      <c r="A7947" s="1" t="s">
        <v>20</v>
      </c>
      <c r="B7947" s="1" t="s">
        <v>132</v>
      </c>
      <c r="C7947" s="1" t="s">
        <v>27355</v>
      </c>
      <c r="D7947" s="1" t="s">
        <v>27356</v>
      </c>
      <c r="E7947" s="1"/>
      <c r="F7947" s="1" t="s">
        <v>10</v>
      </c>
      <c r="G7947" s="1" t="s">
        <v>10</v>
      </c>
      <c r="H7947" s="1" t="s">
        <v>10</v>
      </c>
      <c r="I7947" s="1" t="s">
        <v>1868</v>
      </c>
      <c r="J7947" s="1" t="s">
        <v>27256</v>
      </c>
      <c r="K7947" s="1" t="s">
        <v>231</v>
      </c>
      <c r="L7947" s="1" t="s">
        <v>27354</v>
      </c>
      <c r="M7947" s="1" t="s">
        <v>5</v>
      </c>
      <c r="N7947" s="1" t="s">
        <v>25</v>
      </c>
      <c r="O7947" s="1" t="s">
        <v>38</v>
      </c>
      <c r="P7947" s="5" t="s">
        <v>30550</v>
      </c>
    </row>
    <row r="7948" spans="1:16" x14ac:dyDescent="0.2">
      <c r="A7948" s="1" t="s">
        <v>20</v>
      </c>
      <c r="B7948" s="1" t="s">
        <v>132</v>
      </c>
      <c r="C7948" s="1" t="s">
        <v>27358</v>
      </c>
      <c r="D7948" s="1" t="s">
        <v>27359</v>
      </c>
      <c r="E7948" s="1"/>
      <c r="F7948" s="1" t="s">
        <v>10</v>
      </c>
      <c r="G7948" s="1" t="s">
        <v>10</v>
      </c>
      <c r="H7948" s="1" t="s">
        <v>10</v>
      </c>
      <c r="I7948" s="1" t="s">
        <v>1868</v>
      </c>
      <c r="J7948" s="1" t="s">
        <v>27256</v>
      </c>
      <c r="K7948" s="1" t="s">
        <v>231</v>
      </c>
      <c r="L7948" s="1" t="s">
        <v>27357</v>
      </c>
      <c r="M7948" s="1" t="s">
        <v>5</v>
      </c>
      <c r="N7948" s="1" t="s">
        <v>1009</v>
      </c>
      <c r="O7948" s="1" t="s">
        <v>38</v>
      </c>
      <c r="P7948" s="5" t="s">
        <v>31894</v>
      </c>
    </row>
    <row r="7949" spans="1:16" x14ac:dyDescent="0.2">
      <c r="A7949" s="1" t="s">
        <v>20</v>
      </c>
      <c r="B7949" s="1" t="s">
        <v>132</v>
      </c>
      <c r="C7949" s="1" t="s">
        <v>27361</v>
      </c>
      <c r="D7949" s="1" t="s">
        <v>16009</v>
      </c>
      <c r="E7949" s="1" t="s">
        <v>27363</v>
      </c>
      <c r="F7949" s="1" t="s">
        <v>10</v>
      </c>
      <c r="G7949" s="1" t="s">
        <v>10</v>
      </c>
      <c r="H7949" s="1" t="s">
        <v>10</v>
      </c>
      <c r="I7949" s="1" t="s">
        <v>1868</v>
      </c>
      <c r="J7949" s="1" t="s">
        <v>27256</v>
      </c>
      <c r="K7949" s="1" t="s">
        <v>27362</v>
      </c>
      <c r="L7949" s="1" t="s">
        <v>27360</v>
      </c>
      <c r="M7949" s="1" t="s">
        <v>5</v>
      </c>
      <c r="N7949" s="1" t="s">
        <v>25</v>
      </c>
      <c r="O7949" s="1" t="s">
        <v>38</v>
      </c>
      <c r="P7949" s="5" t="s">
        <v>30807</v>
      </c>
    </row>
    <row r="7950" spans="1:16" x14ac:dyDescent="0.2">
      <c r="A7950" s="1" t="s">
        <v>20</v>
      </c>
      <c r="B7950" s="1" t="s">
        <v>132</v>
      </c>
      <c r="C7950" s="1" t="s">
        <v>27365</v>
      </c>
      <c r="D7950" s="1" t="s">
        <v>7404</v>
      </c>
      <c r="E7950" s="1"/>
      <c r="F7950" s="1" t="s">
        <v>10</v>
      </c>
      <c r="G7950" s="1" t="s">
        <v>10</v>
      </c>
      <c r="H7950" s="1" t="s">
        <v>10</v>
      </c>
      <c r="I7950" s="1" t="s">
        <v>1868</v>
      </c>
      <c r="J7950" s="1" t="s">
        <v>27256</v>
      </c>
      <c r="K7950" s="1" t="s">
        <v>231</v>
      </c>
      <c r="L7950" s="1" t="s">
        <v>27364</v>
      </c>
      <c r="M7950" s="1" t="s">
        <v>5</v>
      </c>
      <c r="N7950" s="1" t="s">
        <v>25</v>
      </c>
      <c r="O7950" s="1" t="s">
        <v>38</v>
      </c>
      <c r="P7950" s="5" t="s">
        <v>30550</v>
      </c>
    </row>
    <row r="7951" spans="1:16" x14ac:dyDescent="0.2">
      <c r="A7951" s="1" t="s">
        <v>20</v>
      </c>
      <c r="B7951" s="1" t="s">
        <v>132</v>
      </c>
      <c r="C7951" s="1" t="s">
        <v>27367</v>
      </c>
      <c r="D7951" s="1" t="s">
        <v>27368</v>
      </c>
      <c r="E7951" s="1"/>
      <c r="F7951" s="1" t="s">
        <v>10</v>
      </c>
      <c r="G7951" s="1" t="s">
        <v>10</v>
      </c>
      <c r="H7951" s="1" t="s">
        <v>10</v>
      </c>
      <c r="I7951" s="1" t="s">
        <v>1868</v>
      </c>
      <c r="J7951" s="1" t="s">
        <v>27256</v>
      </c>
      <c r="K7951" s="1" t="s">
        <v>231</v>
      </c>
      <c r="L7951" s="1" t="s">
        <v>27366</v>
      </c>
      <c r="M7951" s="1" t="s">
        <v>5</v>
      </c>
      <c r="N7951" s="1" t="s">
        <v>1009</v>
      </c>
      <c r="O7951" s="1" t="s">
        <v>38</v>
      </c>
      <c r="P7951" s="5" t="s">
        <v>31894</v>
      </c>
    </row>
    <row r="7952" spans="1:16" x14ac:dyDescent="0.2">
      <c r="A7952" s="1" t="s">
        <v>66</v>
      </c>
      <c r="B7952" s="1" t="s">
        <v>67</v>
      </c>
      <c r="C7952" s="1" t="s">
        <v>27370</v>
      </c>
      <c r="D7952" s="1" t="s">
        <v>27371</v>
      </c>
      <c r="E7952" s="1" t="s">
        <v>27372</v>
      </c>
      <c r="F7952" s="1" t="s">
        <v>10</v>
      </c>
      <c r="G7952" s="1" t="s">
        <v>10</v>
      </c>
      <c r="H7952" s="1" t="s">
        <v>10</v>
      </c>
      <c r="I7952" s="1" t="s">
        <v>1868</v>
      </c>
      <c r="J7952" s="1" t="s">
        <v>27261</v>
      </c>
      <c r="K7952" s="1" t="s">
        <v>27</v>
      </c>
      <c r="L7952" s="1" t="s">
        <v>27369</v>
      </c>
      <c r="M7952" s="1" t="s">
        <v>5</v>
      </c>
      <c r="N7952" s="1" t="s">
        <v>1009</v>
      </c>
      <c r="O7952" s="1" t="s">
        <v>38</v>
      </c>
      <c r="P7952" s="5" t="s">
        <v>32533</v>
      </c>
    </row>
    <row r="7953" spans="1:16" x14ac:dyDescent="0.2">
      <c r="A7953" s="1" t="s">
        <v>20</v>
      </c>
      <c r="B7953" s="1" t="s">
        <v>132</v>
      </c>
      <c r="C7953" s="1" t="s">
        <v>27374</v>
      </c>
      <c r="D7953" s="1" t="s">
        <v>27375</v>
      </c>
      <c r="E7953" s="1"/>
      <c r="F7953" s="1" t="s">
        <v>10</v>
      </c>
      <c r="G7953" s="1" t="s">
        <v>10</v>
      </c>
      <c r="H7953" s="1" t="s">
        <v>10</v>
      </c>
      <c r="I7953" s="1" t="s">
        <v>1868</v>
      </c>
      <c r="J7953" s="1" t="s">
        <v>27256</v>
      </c>
      <c r="K7953" s="1" t="s">
        <v>231</v>
      </c>
      <c r="L7953" s="1" t="s">
        <v>27373</v>
      </c>
      <c r="M7953" s="1" t="s">
        <v>5</v>
      </c>
      <c r="N7953" s="1" t="s">
        <v>1009</v>
      </c>
      <c r="O7953" s="1" t="s">
        <v>38</v>
      </c>
      <c r="P7953" s="5" t="s">
        <v>31894</v>
      </c>
    </row>
    <row r="7954" spans="1:16" x14ac:dyDescent="0.2">
      <c r="A7954" s="1" t="s">
        <v>20</v>
      </c>
      <c r="B7954" s="1" t="s">
        <v>132</v>
      </c>
      <c r="C7954" s="1" t="s">
        <v>27377</v>
      </c>
      <c r="D7954" s="1" t="s">
        <v>27378</v>
      </c>
      <c r="E7954" s="1" t="s">
        <v>27379</v>
      </c>
      <c r="F7954" s="1" t="s">
        <v>10</v>
      </c>
      <c r="G7954" s="1" t="s">
        <v>10</v>
      </c>
      <c r="H7954" s="1" t="s">
        <v>10</v>
      </c>
      <c r="I7954" s="1" t="s">
        <v>1868</v>
      </c>
      <c r="J7954" s="1" t="s">
        <v>27256</v>
      </c>
      <c r="K7954" s="1" t="s">
        <v>231</v>
      </c>
      <c r="L7954" s="1" t="s">
        <v>27376</v>
      </c>
      <c r="M7954" s="1" t="s">
        <v>5</v>
      </c>
      <c r="N7954" s="1" t="s">
        <v>1009</v>
      </c>
      <c r="O7954" s="1" t="s">
        <v>38</v>
      </c>
      <c r="P7954" s="5" t="s">
        <v>31894</v>
      </c>
    </row>
    <row r="7955" spans="1:16" x14ac:dyDescent="0.2">
      <c r="A7955" s="1" t="s">
        <v>20</v>
      </c>
      <c r="B7955" s="1" t="s">
        <v>21</v>
      </c>
      <c r="C7955" s="1" t="s">
        <v>27382</v>
      </c>
      <c r="D7955" s="1" t="s">
        <v>6484</v>
      </c>
      <c r="E7955" s="1" t="s">
        <v>27383</v>
      </c>
      <c r="F7955" s="1" t="s">
        <v>9</v>
      </c>
      <c r="G7955" s="1" t="s">
        <v>18</v>
      </c>
      <c r="H7955" s="1" t="s">
        <v>10</v>
      </c>
      <c r="I7955" s="1" t="s">
        <v>1868</v>
      </c>
      <c r="J7955" s="1" t="s">
        <v>27256</v>
      </c>
      <c r="K7955" s="1" t="s">
        <v>7</v>
      </c>
      <c r="L7955" s="1" t="s">
        <v>27381</v>
      </c>
      <c r="M7955" s="1" t="s">
        <v>5</v>
      </c>
      <c r="N7955" s="1" t="s">
        <v>1009</v>
      </c>
      <c r="O7955" s="1" t="s">
        <v>8</v>
      </c>
      <c r="P7955" s="5" t="s">
        <v>32529</v>
      </c>
    </row>
    <row r="7956" spans="1:16" x14ac:dyDescent="0.2">
      <c r="A7956" s="1" t="s">
        <v>20</v>
      </c>
      <c r="B7956" s="1" t="s">
        <v>132</v>
      </c>
      <c r="C7956" s="1" t="s">
        <v>27385</v>
      </c>
      <c r="D7956" s="1" t="s">
        <v>20865</v>
      </c>
      <c r="E7956" s="1"/>
      <c r="F7956" s="1" t="s">
        <v>10</v>
      </c>
      <c r="G7956" s="1" t="s">
        <v>10</v>
      </c>
      <c r="H7956" s="1" t="s">
        <v>10</v>
      </c>
      <c r="I7956" s="1" t="s">
        <v>1868</v>
      </c>
      <c r="J7956" s="1" t="s">
        <v>27256</v>
      </c>
      <c r="K7956" s="1" t="s">
        <v>231</v>
      </c>
      <c r="L7956" s="1" t="s">
        <v>27384</v>
      </c>
      <c r="M7956" s="1" t="s">
        <v>5</v>
      </c>
      <c r="N7956" s="1" t="s">
        <v>1009</v>
      </c>
      <c r="O7956" s="1" t="s">
        <v>38</v>
      </c>
      <c r="P7956" s="5" t="s">
        <v>31894</v>
      </c>
    </row>
    <row r="7957" spans="1:16" x14ac:dyDescent="0.2">
      <c r="A7957" s="1" t="s">
        <v>20</v>
      </c>
      <c r="B7957" s="1" t="s">
        <v>132</v>
      </c>
      <c r="C7957" s="1" t="s">
        <v>27387</v>
      </c>
      <c r="D7957" s="1" t="s">
        <v>27388</v>
      </c>
      <c r="E7957" s="1"/>
      <c r="F7957" s="1" t="s">
        <v>10</v>
      </c>
      <c r="G7957" s="1" t="s">
        <v>10</v>
      </c>
      <c r="H7957" s="1" t="s">
        <v>10</v>
      </c>
      <c r="I7957" s="1" t="s">
        <v>1868</v>
      </c>
      <c r="J7957" s="1" t="s">
        <v>27256</v>
      </c>
      <c r="K7957" s="1" t="s">
        <v>231</v>
      </c>
      <c r="L7957" s="1" t="s">
        <v>27386</v>
      </c>
      <c r="M7957" s="1" t="s">
        <v>5</v>
      </c>
      <c r="N7957" s="1" t="s">
        <v>1009</v>
      </c>
      <c r="O7957" s="1" t="s">
        <v>38</v>
      </c>
      <c r="P7957" s="5" t="s">
        <v>31894</v>
      </c>
    </row>
    <row r="7958" spans="1:16" x14ac:dyDescent="0.2">
      <c r="A7958" s="1" t="s">
        <v>20</v>
      </c>
      <c r="B7958" s="1" t="s">
        <v>132</v>
      </c>
      <c r="C7958" s="1" t="s">
        <v>27390</v>
      </c>
      <c r="D7958" s="1" t="s">
        <v>27391</v>
      </c>
      <c r="E7958" s="1"/>
      <c r="F7958" s="1" t="s">
        <v>10</v>
      </c>
      <c r="G7958" s="1" t="s">
        <v>10</v>
      </c>
      <c r="H7958" s="1" t="s">
        <v>10</v>
      </c>
      <c r="I7958" s="1" t="s">
        <v>1868</v>
      </c>
      <c r="J7958" s="1" t="s">
        <v>27256</v>
      </c>
      <c r="K7958" s="1" t="s">
        <v>231</v>
      </c>
      <c r="L7958" s="1" t="s">
        <v>27389</v>
      </c>
      <c r="M7958" s="1" t="s">
        <v>5</v>
      </c>
      <c r="N7958" s="1" t="s">
        <v>1009</v>
      </c>
      <c r="O7958" s="1" t="s">
        <v>38</v>
      </c>
      <c r="P7958" s="5" t="s">
        <v>31894</v>
      </c>
    </row>
    <row r="7959" spans="1:16" x14ac:dyDescent="0.2">
      <c r="A7959" s="1" t="s">
        <v>20</v>
      </c>
      <c r="B7959" s="1" t="s">
        <v>132</v>
      </c>
      <c r="C7959" s="1" t="s">
        <v>27393</v>
      </c>
      <c r="D7959" s="1" t="s">
        <v>27394</v>
      </c>
      <c r="E7959" s="1"/>
      <c r="F7959" s="1" t="s">
        <v>10</v>
      </c>
      <c r="G7959" s="1" t="s">
        <v>10</v>
      </c>
      <c r="H7959" s="1" t="s">
        <v>10</v>
      </c>
      <c r="I7959" s="1" t="s">
        <v>1868</v>
      </c>
      <c r="J7959" s="1" t="s">
        <v>27256</v>
      </c>
      <c r="K7959" s="1" t="s">
        <v>231</v>
      </c>
      <c r="L7959" s="1" t="s">
        <v>27392</v>
      </c>
      <c r="M7959" s="1" t="s">
        <v>5</v>
      </c>
      <c r="N7959" s="1" t="s">
        <v>1009</v>
      </c>
      <c r="O7959" s="1" t="s">
        <v>38</v>
      </c>
      <c r="P7959" s="5" t="s">
        <v>31894</v>
      </c>
    </row>
    <row r="7960" spans="1:16" x14ac:dyDescent="0.2">
      <c r="A7960" s="1" t="s">
        <v>20</v>
      </c>
      <c r="B7960" s="1" t="s">
        <v>132</v>
      </c>
      <c r="C7960" s="1" t="s">
        <v>27396</v>
      </c>
      <c r="D7960" s="1" t="s">
        <v>27397</v>
      </c>
      <c r="E7960" s="1"/>
      <c r="F7960" s="1" t="s">
        <v>10</v>
      </c>
      <c r="G7960" s="1" t="s">
        <v>10</v>
      </c>
      <c r="H7960" s="1" t="s">
        <v>10</v>
      </c>
      <c r="I7960" s="1" t="s">
        <v>1868</v>
      </c>
      <c r="J7960" s="1" t="s">
        <v>27256</v>
      </c>
      <c r="K7960" s="1" t="s">
        <v>231</v>
      </c>
      <c r="L7960" s="1" t="s">
        <v>27395</v>
      </c>
      <c r="M7960" s="1" t="s">
        <v>5</v>
      </c>
      <c r="N7960" s="1" t="s">
        <v>1009</v>
      </c>
      <c r="O7960" s="1" t="s">
        <v>38</v>
      </c>
      <c r="P7960" s="5" t="s">
        <v>31894</v>
      </c>
    </row>
    <row r="7961" spans="1:16" x14ac:dyDescent="0.2">
      <c r="A7961" s="1" t="s">
        <v>20</v>
      </c>
      <c r="B7961" s="1" t="s">
        <v>132</v>
      </c>
      <c r="C7961" s="1" t="s">
        <v>27399</v>
      </c>
      <c r="D7961" s="1" t="s">
        <v>27400</v>
      </c>
      <c r="E7961" s="1"/>
      <c r="F7961" s="1" t="s">
        <v>10</v>
      </c>
      <c r="G7961" s="1" t="s">
        <v>10</v>
      </c>
      <c r="H7961" s="1" t="s">
        <v>10</v>
      </c>
      <c r="I7961" s="1" t="s">
        <v>1868</v>
      </c>
      <c r="J7961" s="1" t="s">
        <v>27256</v>
      </c>
      <c r="K7961" s="1" t="s">
        <v>231</v>
      </c>
      <c r="L7961" s="1" t="s">
        <v>27398</v>
      </c>
      <c r="M7961" s="1" t="s">
        <v>5</v>
      </c>
      <c r="N7961" s="1" t="s">
        <v>1009</v>
      </c>
      <c r="O7961" s="1" t="s">
        <v>38</v>
      </c>
      <c r="P7961" s="5" t="s">
        <v>31894</v>
      </c>
    </row>
    <row r="7962" spans="1:16" x14ac:dyDescent="0.2">
      <c r="A7962" s="1" t="s">
        <v>20</v>
      </c>
      <c r="B7962" s="1" t="s">
        <v>132</v>
      </c>
      <c r="C7962" s="1" t="s">
        <v>27402</v>
      </c>
      <c r="D7962" s="1" t="s">
        <v>17778</v>
      </c>
      <c r="E7962" s="1" t="s">
        <v>27403</v>
      </c>
      <c r="F7962" s="1" t="s">
        <v>10</v>
      </c>
      <c r="G7962" s="1" t="s">
        <v>10</v>
      </c>
      <c r="H7962" s="1" t="s">
        <v>10</v>
      </c>
      <c r="I7962" s="1" t="s">
        <v>1868</v>
      </c>
      <c r="J7962" s="1" t="s">
        <v>27256</v>
      </c>
      <c r="K7962" s="1" t="s">
        <v>231</v>
      </c>
      <c r="L7962" s="1" t="s">
        <v>27401</v>
      </c>
      <c r="M7962" s="1" t="s">
        <v>5</v>
      </c>
      <c r="N7962" s="1" t="s">
        <v>1009</v>
      </c>
      <c r="O7962" s="1" t="s">
        <v>38</v>
      </c>
      <c r="P7962" s="5" t="s">
        <v>31894</v>
      </c>
    </row>
    <row r="7963" spans="1:16" x14ac:dyDescent="0.2">
      <c r="A7963" s="1" t="s">
        <v>20</v>
      </c>
      <c r="B7963" s="1" t="s">
        <v>445</v>
      </c>
      <c r="C7963" s="1" t="s">
        <v>27405</v>
      </c>
      <c r="D7963" s="1" t="s">
        <v>27406</v>
      </c>
      <c r="E7963" s="1"/>
      <c r="F7963" s="1" t="s">
        <v>10</v>
      </c>
      <c r="G7963" s="1" t="s">
        <v>10</v>
      </c>
      <c r="H7963" s="1" t="s">
        <v>10</v>
      </c>
      <c r="I7963" s="1" t="s">
        <v>1868</v>
      </c>
      <c r="J7963" s="1" t="s">
        <v>27407</v>
      </c>
      <c r="K7963" s="1" t="s">
        <v>27</v>
      </c>
      <c r="L7963" s="1" t="s">
        <v>27404</v>
      </c>
      <c r="M7963" s="1" t="s">
        <v>5</v>
      </c>
      <c r="N7963" s="1" t="s">
        <v>25</v>
      </c>
      <c r="O7963" s="1" t="s">
        <v>38</v>
      </c>
      <c r="P7963" s="5" t="s">
        <v>30808</v>
      </c>
    </row>
    <row r="7964" spans="1:16" x14ac:dyDescent="0.2">
      <c r="A7964" s="1" t="s">
        <v>20</v>
      </c>
      <c r="B7964" s="1" t="s">
        <v>21</v>
      </c>
      <c r="C7964" s="1" t="s">
        <v>27409</v>
      </c>
      <c r="D7964" s="1" t="s">
        <v>27410</v>
      </c>
      <c r="E7964" s="1" t="s">
        <v>27411</v>
      </c>
      <c r="F7964" s="1" t="s">
        <v>9</v>
      </c>
      <c r="G7964" s="1" t="s">
        <v>18</v>
      </c>
      <c r="H7964" s="1" t="s">
        <v>10</v>
      </c>
      <c r="I7964" s="1" t="s">
        <v>1868</v>
      </c>
      <c r="J7964" s="1" t="s">
        <v>27256</v>
      </c>
      <c r="K7964" s="1" t="s">
        <v>7</v>
      </c>
      <c r="L7964" s="1" t="s">
        <v>27408</v>
      </c>
      <c r="M7964" s="1" t="s">
        <v>5</v>
      </c>
      <c r="N7964" s="1" t="s">
        <v>1009</v>
      </c>
      <c r="O7964" s="1" t="s">
        <v>8</v>
      </c>
      <c r="P7964" s="5" t="s">
        <v>32534</v>
      </c>
    </row>
    <row r="7965" spans="1:16" x14ac:dyDescent="0.2">
      <c r="A7965" s="1" t="s">
        <v>42</v>
      </c>
      <c r="B7965" s="1" t="s">
        <v>1341</v>
      </c>
      <c r="C7965" s="1" t="s">
        <v>27413</v>
      </c>
      <c r="D7965" s="1" t="s">
        <v>24143</v>
      </c>
      <c r="E7965" s="1" t="s">
        <v>27414</v>
      </c>
      <c r="F7965" s="1" t="s">
        <v>10</v>
      </c>
      <c r="G7965" s="1" t="s">
        <v>10</v>
      </c>
      <c r="H7965" s="1" t="s">
        <v>10</v>
      </c>
      <c r="I7965" s="1" t="s">
        <v>1868</v>
      </c>
      <c r="J7965" s="1" t="s">
        <v>27329</v>
      </c>
      <c r="K7965" s="1" t="s">
        <v>27</v>
      </c>
      <c r="L7965" s="1" t="s">
        <v>27412</v>
      </c>
      <c r="M7965" s="1" t="s">
        <v>5</v>
      </c>
      <c r="N7965" s="1" t="s">
        <v>25</v>
      </c>
      <c r="O7965" s="1" t="s">
        <v>38</v>
      </c>
      <c r="P7965" s="5" t="s">
        <v>30809</v>
      </c>
    </row>
    <row r="7966" spans="1:16" x14ac:dyDescent="0.2">
      <c r="A7966" s="1" t="s">
        <v>20</v>
      </c>
      <c r="B7966" s="1" t="s">
        <v>445</v>
      </c>
      <c r="C7966" s="1" t="s">
        <v>27416</v>
      </c>
      <c r="D7966" s="1" t="s">
        <v>27417</v>
      </c>
      <c r="E7966" s="1" t="s">
        <v>27418</v>
      </c>
      <c r="F7966" s="1" t="s">
        <v>10</v>
      </c>
      <c r="G7966" s="1" t="s">
        <v>10</v>
      </c>
      <c r="H7966" s="1" t="s">
        <v>10</v>
      </c>
      <c r="I7966" s="1" t="s">
        <v>1868</v>
      </c>
      <c r="J7966" s="1" t="s">
        <v>27329</v>
      </c>
      <c r="K7966" s="1" t="s">
        <v>27</v>
      </c>
      <c r="L7966" s="1" t="s">
        <v>27415</v>
      </c>
      <c r="M7966" s="1" t="s">
        <v>5</v>
      </c>
      <c r="N7966" s="1" t="s">
        <v>25</v>
      </c>
      <c r="O7966" s="1" t="s">
        <v>38</v>
      </c>
      <c r="P7966" s="5" t="s">
        <v>30810</v>
      </c>
    </row>
    <row r="7967" spans="1:16" x14ac:dyDescent="0.2">
      <c r="A7967" s="1" t="s">
        <v>66</v>
      </c>
      <c r="B7967" s="1" t="s">
        <v>1117</v>
      </c>
      <c r="C7967" s="1" t="s">
        <v>27420</v>
      </c>
      <c r="D7967" s="1" t="s">
        <v>27421</v>
      </c>
      <c r="E7967" s="1"/>
      <c r="F7967" s="1" t="s">
        <v>10</v>
      </c>
      <c r="G7967" s="1" t="s">
        <v>10</v>
      </c>
      <c r="H7967" s="1" t="s">
        <v>10</v>
      </c>
      <c r="I7967" s="1" t="s">
        <v>1868</v>
      </c>
      <c r="J7967" s="1" t="s">
        <v>27422</v>
      </c>
      <c r="K7967" s="1" t="s">
        <v>443</v>
      </c>
      <c r="L7967" s="1" t="s">
        <v>27419</v>
      </c>
      <c r="M7967" s="1" t="s">
        <v>5</v>
      </c>
      <c r="N7967" s="1" t="s">
        <v>1009</v>
      </c>
      <c r="O7967" s="1" t="s">
        <v>38</v>
      </c>
      <c r="P7967" s="5" t="s">
        <v>30811</v>
      </c>
    </row>
    <row r="7968" spans="1:16" x14ac:dyDescent="0.2">
      <c r="A7968" s="1" t="s">
        <v>194</v>
      </c>
      <c r="B7968" s="1" t="s">
        <v>396</v>
      </c>
      <c r="C7968" s="1" t="s">
        <v>27424</v>
      </c>
      <c r="D7968" s="1" t="s">
        <v>27425</v>
      </c>
      <c r="E7968" s="1"/>
      <c r="F7968" s="1" t="s">
        <v>10</v>
      </c>
      <c r="G7968" s="1" t="s">
        <v>10</v>
      </c>
      <c r="H7968" s="1" t="s">
        <v>10</v>
      </c>
      <c r="I7968" s="1" t="s">
        <v>1868</v>
      </c>
      <c r="J7968" s="1" t="s">
        <v>27264</v>
      </c>
      <c r="K7968" s="1" t="s">
        <v>27</v>
      </c>
      <c r="L7968" s="1" t="s">
        <v>27423</v>
      </c>
      <c r="M7968" s="1" t="s">
        <v>5</v>
      </c>
      <c r="N7968" s="1" t="s">
        <v>1009</v>
      </c>
      <c r="O7968" s="1" t="s">
        <v>38</v>
      </c>
      <c r="P7968" s="5" t="s">
        <v>30811</v>
      </c>
    </row>
    <row r="7969" spans="1:16" x14ac:dyDescent="0.2">
      <c r="A7969" s="1" t="s">
        <v>329</v>
      </c>
      <c r="B7969" s="1" t="s">
        <v>2622</v>
      </c>
      <c r="C7969" s="1" t="s">
        <v>27427</v>
      </c>
      <c r="D7969" s="1" t="s">
        <v>27428</v>
      </c>
      <c r="E7969" s="1" t="s">
        <v>27429</v>
      </c>
      <c r="F7969" s="1" t="s">
        <v>10</v>
      </c>
      <c r="G7969" s="1" t="s">
        <v>10</v>
      </c>
      <c r="H7969" s="1" t="s">
        <v>10</v>
      </c>
      <c r="I7969" s="1" t="s">
        <v>1868</v>
      </c>
      <c r="J7969" s="1" t="s">
        <v>27261</v>
      </c>
      <c r="K7969" s="1" t="s">
        <v>27</v>
      </c>
      <c r="L7969" s="1" t="s">
        <v>27426</v>
      </c>
      <c r="M7969" s="1" t="s">
        <v>5</v>
      </c>
      <c r="N7969" s="1" t="s">
        <v>25</v>
      </c>
      <c r="O7969" s="1" t="s">
        <v>38</v>
      </c>
      <c r="P7969" s="5" t="s">
        <v>32535</v>
      </c>
    </row>
    <row r="7970" spans="1:16" x14ac:dyDescent="0.2">
      <c r="A7970" s="1" t="s">
        <v>329</v>
      </c>
      <c r="B7970" s="1" t="s">
        <v>2622</v>
      </c>
      <c r="C7970" s="1" t="s">
        <v>27431</v>
      </c>
      <c r="D7970" s="1" t="s">
        <v>27432</v>
      </c>
      <c r="E7970" s="1" t="s">
        <v>27433</v>
      </c>
      <c r="F7970" s="1" t="s">
        <v>10</v>
      </c>
      <c r="G7970" s="1" t="s">
        <v>10</v>
      </c>
      <c r="H7970" s="1" t="s">
        <v>10</v>
      </c>
      <c r="I7970" s="1" t="s">
        <v>1868</v>
      </c>
      <c r="J7970" s="1" t="s">
        <v>27261</v>
      </c>
      <c r="K7970" s="1" t="s">
        <v>27</v>
      </c>
      <c r="L7970" s="1" t="s">
        <v>27430</v>
      </c>
      <c r="M7970" s="1" t="s">
        <v>5</v>
      </c>
      <c r="N7970" s="1" t="s">
        <v>1009</v>
      </c>
      <c r="O7970" s="1" t="s">
        <v>38</v>
      </c>
      <c r="P7970" s="5" t="s">
        <v>32536</v>
      </c>
    </row>
    <row r="7971" spans="1:16" x14ac:dyDescent="0.2">
      <c r="A7971" s="1" t="s">
        <v>42</v>
      </c>
      <c r="B7971" s="1" t="s">
        <v>1341</v>
      </c>
      <c r="C7971" s="1" t="s">
        <v>27435</v>
      </c>
      <c r="D7971" s="1" t="s">
        <v>27436</v>
      </c>
      <c r="E7971" s="1" t="s">
        <v>27437</v>
      </c>
      <c r="F7971" s="1" t="s">
        <v>10</v>
      </c>
      <c r="G7971" s="1" t="s">
        <v>10</v>
      </c>
      <c r="H7971" s="1" t="s">
        <v>10</v>
      </c>
      <c r="I7971" s="1" t="s">
        <v>1868</v>
      </c>
      <c r="J7971" s="1" t="s">
        <v>27272</v>
      </c>
      <c r="K7971" s="1" t="s">
        <v>27</v>
      </c>
      <c r="L7971" s="1" t="s">
        <v>27434</v>
      </c>
      <c r="M7971" s="1" t="s">
        <v>5</v>
      </c>
      <c r="N7971" s="1" t="s">
        <v>25</v>
      </c>
      <c r="O7971" s="1" t="s">
        <v>38</v>
      </c>
      <c r="P7971" s="5" t="s">
        <v>30798</v>
      </c>
    </row>
    <row r="7972" spans="1:16" x14ac:dyDescent="0.2">
      <c r="A7972" s="1" t="s">
        <v>20</v>
      </c>
      <c r="B7972" s="1" t="s">
        <v>21</v>
      </c>
      <c r="C7972" s="1" t="s">
        <v>27439</v>
      </c>
      <c r="D7972" s="1" t="s">
        <v>6625</v>
      </c>
      <c r="E7972" s="1"/>
      <c r="F7972" s="1" t="s">
        <v>9</v>
      </c>
      <c r="G7972" s="1" t="s">
        <v>18</v>
      </c>
      <c r="H7972" s="1" t="s">
        <v>10</v>
      </c>
      <c r="I7972" s="1" t="s">
        <v>1868</v>
      </c>
      <c r="J7972" s="1" t="s">
        <v>27256</v>
      </c>
      <c r="K7972" s="1" t="s">
        <v>7</v>
      </c>
      <c r="L7972" s="1" t="s">
        <v>27438</v>
      </c>
      <c r="M7972" s="1" t="s">
        <v>5</v>
      </c>
      <c r="N7972" s="1" t="s">
        <v>1009</v>
      </c>
      <c r="O7972" s="1" t="s">
        <v>8</v>
      </c>
      <c r="P7972" s="5" t="s">
        <v>32529</v>
      </c>
    </row>
    <row r="7973" spans="1:16" x14ac:dyDescent="0.2">
      <c r="A7973" s="1" t="s">
        <v>20</v>
      </c>
      <c r="B7973" s="1" t="s">
        <v>132</v>
      </c>
      <c r="C7973" s="1" t="s">
        <v>27441</v>
      </c>
      <c r="D7973" s="1" t="s">
        <v>27442</v>
      </c>
      <c r="E7973" s="1"/>
      <c r="F7973" s="1" t="s">
        <v>10</v>
      </c>
      <c r="G7973" s="1" t="s">
        <v>10</v>
      </c>
      <c r="H7973" s="1" t="s">
        <v>10</v>
      </c>
      <c r="I7973" s="1" t="s">
        <v>1868</v>
      </c>
      <c r="J7973" s="1" t="s">
        <v>27329</v>
      </c>
      <c r="K7973" s="1" t="s">
        <v>27</v>
      </c>
      <c r="L7973" s="1" t="s">
        <v>27440</v>
      </c>
      <c r="M7973" s="1" t="s">
        <v>5</v>
      </c>
      <c r="N7973" s="1" t="s">
        <v>25</v>
      </c>
      <c r="O7973" s="1" t="s">
        <v>38</v>
      </c>
      <c r="P7973" s="5" t="s">
        <v>30812</v>
      </c>
    </row>
    <row r="7974" spans="1:16" x14ac:dyDescent="0.2">
      <c r="A7974" s="1" t="s">
        <v>20</v>
      </c>
      <c r="B7974" s="1" t="s">
        <v>302</v>
      </c>
      <c r="C7974" s="1" t="s">
        <v>27444</v>
      </c>
      <c r="D7974" s="1" t="s">
        <v>27445</v>
      </c>
      <c r="E7974" s="1" t="s">
        <v>27446</v>
      </c>
      <c r="F7974" s="1" t="s">
        <v>10</v>
      </c>
      <c r="G7974" s="1" t="s">
        <v>10</v>
      </c>
      <c r="H7974" s="1" t="s">
        <v>10</v>
      </c>
      <c r="I7974" s="1" t="s">
        <v>1868</v>
      </c>
      <c r="J7974" s="1" t="s">
        <v>27256</v>
      </c>
      <c r="K7974" s="1" t="s">
        <v>1468</v>
      </c>
      <c r="L7974" s="1" t="s">
        <v>27443</v>
      </c>
      <c r="M7974" s="1" t="s">
        <v>5</v>
      </c>
      <c r="N7974" s="1" t="s">
        <v>25</v>
      </c>
      <c r="O7974" s="1" t="s">
        <v>38</v>
      </c>
      <c r="P7974" s="5" t="s">
        <v>30813</v>
      </c>
    </row>
    <row r="7975" spans="1:16" x14ac:dyDescent="0.2">
      <c r="A7975" s="1" t="s">
        <v>194</v>
      </c>
      <c r="B7975" s="1" t="s">
        <v>6481</v>
      </c>
      <c r="C7975" s="1" t="s">
        <v>27448</v>
      </c>
      <c r="D7975" s="1" t="s">
        <v>27449</v>
      </c>
      <c r="E7975" s="1"/>
      <c r="F7975" s="1" t="s">
        <v>10</v>
      </c>
      <c r="G7975" s="1" t="s">
        <v>10</v>
      </c>
      <c r="H7975" s="1" t="s">
        <v>10</v>
      </c>
      <c r="I7975" s="1" t="s">
        <v>1868</v>
      </c>
      <c r="J7975" s="1" t="s">
        <v>27422</v>
      </c>
      <c r="K7975" s="1" t="s">
        <v>443</v>
      </c>
      <c r="L7975" s="1" t="s">
        <v>27447</v>
      </c>
      <c r="M7975" s="1" t="s">
        <v>5</v>
      </c>
      <c r="N7975" s="1" t="s">
        <v>1009</v>
      </c>
      <c r="O7975" s="1" t="s">
        <v>38</v>
      </c>
      <c r="P7975" s="5" t="s">
        <v>30811</v>
      </c>
    </row>
    <row r="7976" spans="1:16" x14ac:dyDescent="0.2">
      <c r="A7976" s="1" t="s">
        <v>20</v>
      </c>
      <c r="B7976" s="1" t="s">
        <v>99</v>
      </c>
      <c r="C7976" s="1" t="s">
        <v>3502</v>
      </c>
      <c r="D7976" s="1" t="s">
        <v>1289</v>
      </c>
      <c r="E7976" s="1" t="s">
        <v>27451</v>
      </c>
      <c r="F7976" s="1" t="s">
        <v>10</v>
      </c>
      <c r="G7976" s="1" t="s">
        <v>10</v>
      </c>
      <c r="H7976" s="1" t="s">
        <v>10</v>
      </c>
      <c r="I7976" s="1" t="s">
        <v>1868</v>
      </c>
      <c r="J7976" s="1" t="s">
        <v>27256</v>
      </c>
      <c r="K7976" s="1" t="s">
        <v>1468</v>
      </c>
      <c r="L7976" s="1" t="s">
        <v>27450</v>
      </c>
      <c r="M7976" s="1" t="s">
        <v>5</v>
      </c>
      <c r="N7976" s="1" t="s">
        <v>25</v>
      </c>
      <c r="O7976" s="1" t="s">
        <v>38</v>
      </c>
      <c r="P7976" s="5" t="s">
        <v>30813</v>
      </c>
    </row>
    <row r="7977" spans="1:16" x14ac:dyDescent="0.2">
      <c r="A7977" s="1" t="s">
        <v>329</v>
      </c>
      <c r="B7977" s="1" t="s">
        <v>2622</v>
      </c>
      <c r="C7977" s="1" t="s">
        <v>27453</v>
      </c>
      <c r="D7977" s="1" t="s">
        <v>27454</v>
      </c>
      <c r="E7977" s="1" t="s">
        <v>27456</v>
      </c>
      <c r="F7977" s="1" t="s">
        <v>10</v>
      </c>
      <c r="G7977" s="1" t="s">
        <v>10</v>
      </c>
      <c r="H7977" s="1" t="s">
        <v>10</v>
      </c>
      <c r="I7977" s="1" t="s">
        <v>1868</v>
      </c>
      <c r="J7977" s="1" t="s">
        <v>27455</v>
      </c>
      <c r="K7977" s="1" t="s">
        <v>27</v>
      </c>
      <c r="L7977" s="1" t="s">
        <v>27452</v>
      </c>
      <c r="M7977" s="1" t="s">
        <v>5</v>
      </c>
      <c r="N7977" s="1" t="s">
        <v>25</v>
      </c>
      <c r="O7977" s="1" t="s">
        <v>38</v>
      </c>
      <c r="P7977" s="5" t="s">
        <v>32537</v>
      </c>
    </row>
    <row r="7978" spans="1:16" x14ac:dyDescent="0.2">
      <c r="A7978" s="1" t="s">
        <v>194</v>
      </c>
      <c r="B7978" s="1" t="s">
        <v>4492</v>
      </c>
      <c r="C7978" s="1" t="s">
        <v>27458</v>
      </c>
      <c r="D7978" s="1" t="s">
        <v>16686</v>
      </c>
      <c r="E7978" s="1"/>
      <c r="F7978" s="1" t="s">
        <v>10</v>
      </c>
      <c r="G7978" s="1" t="s">
        <v>10</v>
      </c>
      <c r="H7978" s="1" t="s">
        <v>10</v>
      </c>
      <c r="I7978" s="1" t="s">
        <v>1868</v>
      </c>
      <c r="J7978" s="1" t="s">
        <v>27422</v>
      </c>
      <c r="K7978" s="1" t="s">
        <v>443</v>
      </c>
      <c r="L7978" s="1" t="s">
        <v>27457</v>
      </c>
      <c r="M7978" s="1" t="s">
        <v>5</v>
      </c>
      <c r="N7978" s="1" t="s">
        <v>1009</v>
      </c>
      <c r="O7978" s="1" t="s">
        <v>38</v>
      </c>
      <c r="P7978" s="5" t="s">
        <v>29821</v>
      </c>
    </row>
    <row r="7979" spans="1:16" x14ac:dyDescent="0.2">
      <c r="A7979" s="1" t="s">
        <v>20</v>
      </c>
      <c r="B7979" s="1" t="s">
        <v>132</v>
      </c>
      <c r="C7979" s="1" t="s">
        <v>27460</v>
      </c>
      <c r="D7979" s="1" t="s">
        <v>27461</v>
      </c>
      <c r="E7979" s="1" t="s">
        <v>27462</v>
      </c>
      <c r="F7979" s="1" t="s">
        <v>10</v>
      </c>
      <c r="G7979" s="1" t="s">
        <v>10</v>
      </c>
      <c r="H7979" s="1" t="s">
        <v>10</v>
      </c>
      <c r="I7979" s="1" t="s">
        <v>1868</v>
      </c>
      <c r="J7979" s="1" t="s">
        <v>27264</v>
      </c>
      <c r="K7979" s="1" t="s">
        <v>27</v>
      </c>
      <c r="L7979" s="1" t="s">
        <v>27459</v>
      </c>
      <c r="M7979" s="1" t="s">
        <v>5</v>
      </c>
      <c r="N7979" s="1" t="s">
        <v>1009</v>
      </c>
      <c r="O7979" s="1" t="s">
        <v>38</v>
      </c>
      <c r="P7979" s="5" t="s">
        <v>30811</v>
      </c>
    </row>
    <row r="7980" spans="1:16" x14ac:dyDescent="0.2">
      <c r="A7980" s="1" t="s">
        <v>487</v>
      </c>
      <c r="B7980" s="1" t="s">
        <v>759</v>
      </c>
      <c r="C7980" s="1" t="s">
        <v>27464</v>
      </c>
      <c r="D7980" s="1" t="s">
        <v>27465</v>
      </c>
      <c r="E7980" s="1" t="s">
        <v>27466</v>
      </c>
      <c r="F7980" s="1" t="s">
        <v>10</v>
      </c>
      <c r="G7980" s="1" t="s">
        <v>10</v>
      </c>
      <c r="H7980" s="1" t="s">
        <v>10</v>
      </c>
      <c r="I7980" s="1" t="s">
        <v>1868</v>
      </c>
      <c r="J7980" s="1" t="s">
        <v>27256</v>
      </c>
      <c r="K7980" s="1" t="s">
        <v>64</v>
      </c>
      <c r="L7980" s="1" t="s">
        <v>27463</v>
      </c>
      <c r="M7980" s="1" t="s">
        <v>5</v>
      </c>
      <c r="N7980" s="1" t="s">
        <v>1009</v>
      </c>
      <c r="O7980" s="1" t="s">
        <v>38</v>
      </c>
      <c r="P7980" s="5" t="s">
        <v>32538</v>
      </c>
    </row>
    <row r="7981" spans="1:16" x14ac:dyDescent="0.2">
      <c r="A7981" s="1" t="s">
        <v>20</v>
      </c>
      <c r="B7981" s="1" t="s">
        <v>132</v>
      </c>
      <c r="C7981" s="1" t="s">
        <v>27468</v>
      </c>
      <c r="D7981" s="1" t="s">
        <v>27469</v>
      </c>
      <c r="E7981" s="1" t="s">
        <v>27470</v>
      </c>
      <c r="F7981" s="1" t="s">
        <v>10</v>
      </c>
      <c r="G7981" s="1" t="s">
        <v>10</v>
      </c>
      <c r="H7981" s="1" t="s">
        <v>10</v>
      </c>
      <c r="I7981" s="1" t="s">
        <v>1868</v>
      </c>
      <c r="J7981" s="1" t="s">
        <v>27256</v>
      </c>
      <c r="K7981" s="1" t="s">
        <v>231</v>
      </c>
      <c r="L7981" s="1" t="s">
        <v>27467</v>
      </c>
      <c r="M7981" s="1" t="s">
        <v>5</v>
      </c>
      <c r="N7981" s="1" t="s">
        <v>25</v>
      </c>
      <c r="O7981" s="1" t="s">
        <v>38</v>
      </c>
      <c r="P7981" s="5" t="s">
        <v>30550</v>
      </c>
    </row>
    <row r="7982" spans="1:16" x14ac:dyDescent="0.2">
      <c r="A7982" s="1" t="s">
        <v>194</v>
      </c>
      <c r="B7982" s="1" t="s">
        <v>396</v>
      </c>
      <c r="C7982" s="1" t="s">
        <v>27472</v>
      </c>
      <c r="D7982" s="1" t="s">
        <v>27473</v>
      </c>
      <c r="E7982" s="1"/>
      <c r="F7982" s="1" t="s">
        <v>10</v>
      </c>
      <c r="G7982" s="1" t="s">
        <v>10</v>
      </c>
      <c r="H7982" s="1" t="s">
        <v>10</v>
      </c>
      <c r="I7982" s="1" t="s">
        <v>1868</v>
      </c>
      <c r="J7982" s="1" t="s">
        <v>27264</v>
      </c>
      <c r="K7982" s="1" t="s">
        <v>443</v>
      </c>
      <c r="L7982" s="1" t="s">
        <v>27471</v>
      </c>
      <c r="M7982" s="1" t="s">
        <v>5</v>
      </c>
      <c r="N7982" s="1" t="s">
        <v>1009</v>
      </c>
      <c r="O7982" s="1" t="s">
        <v>38</v>
      </c>
      <c r="P7982" s="5" t="s">
        <v>29821</v>
      </c>
    </row>
    <row r="7983" spans="1:16" x14ac:dyDescent="0.2">
      <c r="A7983" s="1" t="s">
        <v>20</v>
      </c>
      <c r="B7983" s="1" t="s">
        <v>445</v>
      </c>
      <c r="C7983" s="1" t="s">
        <v>27475</v>
      </c>
      <c r="D7983" s="1" t="s">
        <v>27476</v>
      </c>
      <c r="E7983" s="1"/>
      <c r="F7983" s="1" t="s">
        <v>10</v>
      </c>
      <c r="G7983" s="1" t="s">
        <v>10</v>
      </c>
      <c r="H7983" s="1" t="s">
        <v>10</v>
      </c>
      <c r="I7983" s="1" t="s">
        <v>1868</v>
      </c>
      <c r="J7983" s="1" t="s">
        <v>27329</v>
      </c>
      <c r="K7983" s="1" t="s">
        <v>27</v>
      </c>
      <c r="L7983" s="1" t="s">
        <v>27474</v>
      </c>
      <c r="M7983" s="1" t="s">
        <v>5</v>
      </c>
      <c r="N7983" s="1" t="s">
        <v>25</v>
      </c>
      <c r="O7983" s="1" t="s">
        <v>38</v>
      </c>
      <c r="P7983" s="5" t="s">
        <v>32539</v>
      </c>
    </row>
    <row r="7984" spans="1:16" x14ac:dyDescent="0.2">
      <c r="A7984" s="1" t="s">
        <v>194</v>
      </c>
      <c r="B7984" s="1" t="s">
        <v>396</v>
      </c>
      <c r="C7984" s="1" t="s">
        <v>27478</v>
      </c>
      <c r="D7984" s="1" t="s">
        <v>27479</v>
      </c>
      <c r="E7984" s="1"/>
      <c r="F7984" s="1" t="s">
        <v>10</v>
      </c>
      <c r="G7984" s="1" t="s">
        <v>10</v>
      </c>
      <c r="H7984" s="1" t="s">
        <v>10</v>
      </c>
      <c r="I7984" s="1" t="s">
        <v>1868</v>
      </c>
      <c r="J7984" s="1" t="s">
        <v>27264</v>
      </c>
      <c r="K7984" s="1" t="s">
        <v>443</v>
      </c>
      <c r="L7984" s="1" t="s">
        <v>27477</v>
      </c>
      <c r="M7984" s="1" t="s">
        <v>5</v>
      </c>
      <c r="N7984" s="1" t="s">
        <v>1009</v>
      </c>
      <c r="O7984" s="1" t="s">
        <v>38</v>
      </c>
      <c r="P7984" s="5" t="s">
        <v>29821</v>
      </c>
    </row>
    <row r="7985" spans="1:16" x14ac:dyDescent="0.2">
      <c r="A7985" s="1" t="s">
        <v>194</v>
      </c>
      <c r="B7985" s="1" t="s">
        <v>396</v>
      </c>
      <c r="C7985" s="1" t="s">
        <v>27481</v>
      </c>
      <c r="D7985" s="1" t="s">
        <v>27482</v>
      </c>
      <c r="E7985" s="1" t="s">
        <v>27483</v>
      </c>
      <c r="F7985" s="1" t="s">
        <v>10</v>
      </c>
      <c r="G7985" s="1" t="s">
        <v>10</v>
      </c>
      <c r="H7985" s="1" t="s">
        <v>10</v>
      </c>
      <c r="I7985" s="1" t="s">
        <v>1868</v>
      </c>
      <c r="J7985" s="1" t="s">
        <v>27264</v>
      </c>
      <c r="K7985" s="1" t="s">
        <v>27</v>
      </c>
      <c r="L7985" s="1" t="s">
        <v>27480</v>
      </c>
      <c r="M7985" s="1" t="s">
        <v>5</v>
      </c>
      <c r="N7985" s="1" t="s">
        <v>1009</v>
      </c>
      <c r="O7985" s="1" t="s">
        <v>38</v>
      </c>
      <c r="P7985" s="5" t="s">
        <v>30811</v>
      </c>
    </row>
    <row r="7986" spans="1:16" x14ac:dyDescent="0.2">
      <c r="A7986" s="1" t="s">
        <v>194</v>
      </c>
      <c r="B7986" s="1" t="s">
        <v>396</v>
      </c>
      <c r="C7986" s="1" t="s">
        <v>27485</v>
      </c>
      <c r="D7986" s="1" t="s">
        <v>27486</v>
      </c>
      <c r="E7986" s="1"/>
      <c r="F7986" s="1" t="s">
        <v>10</v>
      </c>
      <c r="G7986" s="1" t="s">
        <v>10</v>
      </c>
      <c r="H7986" s="1" t="s">
        <v>10</v>
      </c>
      <c r="I7986" s="1" t="s">
        <v>1868</v>
      </c>
      <c r="J7986" s="1" t="s">
        <v>27264</v>
      </c>
      <c r="K7986" s="1" t="s">
        <v>27</v>
      </c>
      <c r="L7986" s="1" t="s">
        <v>27484</v>
      </c>
      <c r="M7986" s="1" t="s">
        <v>5</v>
      </c>
      <c r="N7986" s="1" t="s">
        <v>1009</v>
      </c>
      <c r="O7986" s="1" t="s">
        <v>38</v>
      </c>
      <c r="P7986" s="5" t="s">
        <v>30811</v>
      </c>
    </row>
    <row r="7987" spans="1:16" x14ac:dyDescent="0.2">
      <c r="A7987" s="1" t="s">
        <v>42</v>
      </c>
      <c r="B7987" s="1" t="s">
        <v>1341</v>
      </c>
      <c r="C7987" s="1" t="s">
        <v>27488</v>
      </c>
      <c r="D7987" s="1" t="s">
        <v>27488</v>
      </c>
      <c r="E7987" s="1" t="s">
        <v>27489</v>
      </c>
      <c r="F7987" s="1" t="s">
        <v>10</v>
      </c>
      <c r="G7987" s="1" t="s">
        <v>10</v>
      </c>
      <c r="H7987" s="1" t="s">
        <v>10</v>
      </c>
      <c r="I7987" s="1" t="s">
        <v>1868</v>
      </c>
      <c r="J7987" s="1" t="s">
        <v>27272</v>
      </c>
      <c r="K7987" s="1" t="s">
        <v>27</v>
      </c>
      <c r="L7987" s="1" t="s">
        <v>27487</v>
      </c>
      <c r="M7987" s="1" t="s">
        <v>5</v>
      </c>
      <c r="N7987" s="1" t="s">
        <v>6</v>
      </c>
      <c r="O7987" s="1" t="s">
        <v>38</v>
      </c>
      <c r="P7987" s="5" t="s">
        <v>32540</v>
      </c>
    </row>
    <row r="7988" spans="1:16" x14ac:dyDescent="0.2">
      <c r="A7988" s="1" t="s">
        <v>194</v>
      </c>
      <c r="B7988" s="1" t="s">
        <v>396</v>
      </c>
      <c r="C7988" s="1" t="s">
        <v>27491</v>
      </c>
      <c r="D7988" s="1" t="s">
        <v>27492</v>
      </c>
      <c r="E7988" s="1" t="s">
        <v>27493</v>
      </c>
      <c r="F7988" s="1" t="s">
        <v>10</v>
      </c>
      <c r="G7988" s="1" t="s">
        <v>10</v>
      </c>
      <c r="H7988" s="1" t="s">
        <v>10</v>
      </c>
      <c r="I7988" s="1" t="s">
        <v>1868</v>
      </c>
      <c r="J7988" s="1" t="s">
        <v>27264</v>
      </c>
      <c r="K7988" s="1" t="s">
        <v>27</v>
      </c>
      <c r="L7988" s="1" t="s">
        <v>27490</v>
      </c>
      <c r="M7988" s="1" t="s">
        <v>5</v>
      </c>
      <c r="N7988" s="1" t="s">
        <v>1009</v>
      </c>
      <c r="O7988" s="1" t="s">
        <v>38</v>
      </c>
      <c r="P7988" s="5" t="s">
        <v>30811</v>
      </c>
    </row>
    <row r="7989" spans="1:16" x14ac:dyDescent="0.2">
      <c r="A7989" s="1" t="s">
        <v>194</v>
      </c>
      <c r="B7989" s="1" t="s">
        <v>396</v>
      </c>
      <c r="C7989" s="1" t="s">
        <v>27495</v>
      </c>
      <c r="D7989" s="1" t="s">
        <v>27496</v>
      </c>
      <c r="E7989" s="1"/>
      <c r="F7989" s="1" t="s">
        <v>10</v>
      </c>
      <c r="G7989" s="1" t="s">
        <v>10</v>
      </c>
      <c r="H7989" s="1" t="s">
        <v>10</v>
      </c>
      <c r="I7989" s="1" t="s">
        <v>1868</v>
      </c>
      <c r="J7989" s="1" t="s">
        <v>27264</v>
      </c>
      <c r="K7989" s="1" t="s">
        <v>443</v>
      </c>
      <c r="L7989" s="1" t="s">
        <v>27494</v>
      </c>
      <c r="M7989" s="1" t="s">
        <v>5</v>
      </c>
      <c r="N7989" s="1" t="s">
        <v>1009</v>
      </c>
      <c r="O7989" s="1" t="s">
        <v>38</v>
      </c>
      <c r="P7989" s="5" t="s">
        <v>29821</v>
      </c>
    </row>
    <row r="7990" spans="1:16" x14ac:dyDescent="0.2">
      <c r="A7990" s="1" t="s">
        <v>194</v>
      </c>
      <c r="B7990" s="1" t="s">
        <v>396</v>
      </c>
      <c r="C7990" s="1" t="s">
        <v>27498</v>
      </c>
      <c r="D7990" s="1" t="s">
        <v>27499</v>
      </c>
      <c r="E7990" s="1"/>
      <c r="F7990" s="1" t="s">
        <v>10</v>
      </c>
      <c r="G7990" s="1" t="s">
        <v>10</v>
      </c>
      <c r="H7990" s="1" t="s">
        <v>10</v>
      </c>
      <c r="I7990" s="1" t="s">
        <v>1868</v>
      </c>
      <c r="J7990" s="1" t="s">
        <v>27264</v>
      </c>
      <c r="K7990" s="1" t="s">
        <v>443</v>
      </c>
      <c r="L7990" s="1" t="s">
        <v>27497</v>
      </c>
      <c r="M7990" s="1" t="s">
        <v>5</v>
      </c>
      <c r="N7990" s="1" t="s">
        <v>25</v>
      </c>
      <c r="O7990" s="1" t="s">
        <v>38</v>
      </c>
      <c r="P7990" s="5" t="s">
        <v>29821</v>
      </c>
    </row>
    <row r="7991" spans="1:16" x14ac:dyDescent="0.2">
      <c r="A7991" s="1" t="s">
        <v>42</v>
      </c>
      <c r="B7991" s="1" t="s">
        <v>1341</v>
      </c>
      <c r="C7991" s="1" t="s">
        <v>27501</v>
      </c>
      <c r="D7991" s="1" t="s">
        <v>27502</v>
      </c>
      <c r="E7991" s="1"/>
      <c r="F7991" s="1" t="s">
        <v>10</v>
      </c>
      <c r="G7991" s="1" t="s">
        <v>10</v>
      </c>
      <c r="H7991" s="1" t="s">
        <v>10</v>
      </c>
      <c r="I7991" s="1" t="s">
        <v>1868</v>
      </c>
      <c r="J7991" s="1" t="s">
        <v>27272</v>
      </c>
      <c r="K7991" s="1" t="s">
        <v>27</v>
      </c>
      <c r="L7991" s="1" t="s">
        <v>27500</v>
      </c>
      <c r="M7991" s="1" t="s">
        <v>5</v>
      </c>
      <c r="N7991" s="1" t="s">
        <v>25</v>
      </c>
      <c r="O7991" s="1" t="s">
        <v>38</v>
      </c>
      <c r="P7991" s="5" t="s">
        <v>30814</v>
      </c>
    </row>
    <row r="7992" spans="1:16" x14ac:dyDescent="0.2">
      <c r="A7992" s="1" t="s">
        <v>42</v>
      </c>
      <c r="B7992" s="1" t="s">
        <v>1341</v>
      </c>
      <c r="C7992" s="1" t="s">
        <v>27504</v>
      </c>
      <c r="D7992" s="1" t="s">
        <v>27505</v>
      </c>
      <c r="E7992" s="1" t="s">
        <v>27506</v>
      </c>
      <c r="F7992" s="1" t="s">
        <v>10</v>
      </c>
      <c r="G7992" s="1" t="s">
        <v>10</v>
      </c>
      <c r="H7992" s="1" t="s">
        <v>10</v>
      </c>
      <c r="I7992" s="1" t="s">
        <v>1868</v>
      </c>
      <c r="J7992" s="1" t="s">
        <v>27329</v>
      </c>
      <c r="K7992" s="1" t="s">
        <v>27</v>
      </c>
      <c r="L7992" s="1" t="s">
        <v>27503</v>
      </c>
      <c r="M7992" s="1" t="s">
        <v>5</v>
      </c>
      <c r="N7992" s="1" t="s">
        <v>25</v>
      </c>
      <c r="O7992" s="1" t="s">
        <v>38</v>
      </c>
      <c r="P7992" s="5" t="s">
        <v>32541</v>
      </c>
    </row>
    <row r="7993" spans="1:16" x14ac:dyDescent="0.2">
      <c r="A7993" s="1" t="s">
        <v>42</v>
      </c>
      <c r="B7993" s="1" t="s">
        <v>966</v>
      </c>
      <c r="C7993" s="1" t="s">
        <v>27508</v>
      </c>
      <c r="D7993" s="1" t="s">
        <v>27509</v>
      </c>
      <c r="E7993" s="1" t="s">
        <v>27510</v>
      </c>
      <c r="F7993" s="1" t="s">
        <v>10</v>
      </c>
      <c r="G7993" s="1" t="s">
        <v>10</v>
      </c>
      <c r="H7993" s="1" t="s">
        <v>10</v>
      </c>
      <c r="I7993" s="1" t="s">
        <v>1868</v>
      </c>
      <c r="J7993" s="1" t="s">
        <v>27272</v>
      </c>
      <c r="K7993" s="1" t="s">
        <v>27</v>
      </c>
      <c r="L7993" s="1" t="s">
        <v>27507</v>
      </c>
      <c r="M7993" s="1" t="s">
        <v>5</v>
      </c>
      <c r="N7993" s="1" t="s">
        <v>25</v>
      </c>
      <c r="O7993" s="1" t="s">
        <v>38</v>
      </c>
      <c r="P7993" s="5" t="s">
        <v>30798</v>
      </c>
    </row>
    <row r="7994" spans="1:16" x14ac:dyDescent="0.2">
      <c r="A7994" s="1" t="s">
        <v>42</v>
      </c>
      <c r="B7994" s="1" t="s">
        <v>1341</v>
      </c>
      <c r="C7994" s="1" t="s">
        <v>27512</v>
      </c>
      <c r="D7994" s="1" t="s">
        <v>27513</v>
      </c>
      <c r="E7994" s="1" t="s">
        <v>27514</v>
      </c>
      <c r="F7994" s="1" t="s">
        <v>10</v>
      </c>
      <c r="G7994" s="1" t="s">
        <v>10</v>
      </c>
      <c r="H7994" s="1" t="s">
        <v>10</v>
      </c>
      <c r="I7994" s="1" t="s">
        <v>1868</v>
      </c>
      <c r="J7994" s="1" t="s">
        <v>27272</v>
      </c>
      <c r="K7994" s="1" t="s">
        <v>27</v>
      </c>
      <c r="L7994" s="1" t="s">
        <v>27511</v>
      </c>
      <c r="M7994" s="1" t="s">
        <v>5</v>
      </c>
      <c r="N7994" s="1" t="s">
        <v>25</v>
      </c>
      <c r="O7994" s="1" t="s">
        <v>38</v>
      </c>
      <c r="P7994" s="5" t="s">
        <v>30799</v>
      </c>
    </row>
    <row r="7995" spans="1:16" x14ac:dyDescent="0.2">
      <c r="A7995" s="1" t="s">
        <v>32</v>
      </c>
      <c r="B7995" s="1" t="s">
        <v>10271</v>
      </c>
      <c r="C7995" s="1" t="s">
        <v>27516</v>
      </c>
      <c r="D7995" s="1" t="s">
        <v>27517</v>
      </c>
      <c r="E7995" s="1" t="s">
        <v>27518</v>
      </c>
      <c r="F7995" s="1" t="s">
        <v>10</v>
      </c>
      <c r="G7995" s="1" t="s">
        <v>10</v>
      </c>
      <c r="H7995" s="1" t="s">
        <v>10</v>
      </c>
      <c r="I7995" s="1" t="s">
        <v>1868</v>
      </c>
      <c r="J7995" s="1" t="s">
        <v>27256</v>
      </c>
      <c r="K7995" s="1" t="s">
        <v>64</v>
      </c>
      <c r="L7995" s="1" t="s">
        <v>27515</v>
      </c>
      <c r="M7995" s="1" t="s">
        <v>5</v>
      </c>
      <c r="N7995" s="1" t="s">
        <v>25</v>
      </c>
      <c r="O7995" s="1" t="s">
        <v>38</v>
      </c>
      <c r="P7995" s="5" t="s">
        <v>30797</v>
      </c>
    </row>
    <row r="7996" spans="1:16" x14ac:dyDescent="0.2">
      <c r="A7996" s="1" t="s">
        <v>1086</v>
      </c>
      <c r="B7996" s="1" t="s">
        <v>1400</v>
      </c>
      <c r="C7996" s="1" t="s">
        <v>27520</v>
      </c>
      <c r="D7996" s="1" t="s">
        <v>27521</v>
      </c>
      <c r="E7996" s="1"/>
      <c r="F7996" s="1" t="s">
        <v>10</v>
      </c>
      <c r="G7996" s="1" t="s">
        <v>10</v>
      </c>
      <c r="H7996" s="1" t="s">
        <v>10</v>
      </c>
      <c r="I7996" s="1" t="s">
        <v>1868</v>
      </c>
      <c r="J7996" s="1" t="s">
        <v>27272</v>
      </c>
      <c r="K7996" s="1" t="s">
        <v>27</v>
      </c>
      <c r="L7996" s="1" t="s">
        <v>27519</v>
      </c>
      <c r="M7996" s="1" t="s">
        <v>5</v>
      </c>
      <c r="N7996" s="1" t="s">
        <v>25</v>
      </c>
      <c r="O7996" s="1" t="s">
        <v>38</v>
      </c>
      <c r="P7996" s="5" t="s">
        <v>30798</v>
      </c>
    </row>
    <row r="7997" spans="1:16" x14ac:dyDescent="0.2">
      <c r="A7997" s="1" t="s">
        <v>20</v>
      </c>
      <c r="B7997" s="1" t="s">
        <v>445</v>
      </c>
      <c r="C7997" s="1" t="s">
        <v>27523</v>
      </c>
      <c r="D7997" s="1" t="s">
        <v>27524</v>
      </c>
      <c r="E7997" s="1" t="s">
        <v>27525</v>
      </c>
      <c r="F7997" s="1" t="s">
        <v>10</v>
      </c>
      <c r="G7997" s="1" t="s">
        <v>10</v>
      </c>
      <c r="H7997" s="1" t="s">
        <v>10</v>
      </c>
      <c r="I7997" s="1" t="s">
        <v>1868</v>
      </c>
      <c r="J7997" s="1" t="s">
        <v>27272</v>
      </c>
      <c r="K7997" s="1" t="s">
        <v>27</v>
      </c>
      <c r="L7997" s="1" t="s">
        <v>27522</v>
      </c>
      <c r="M7997" s="1" t="s">
        <v>5</v>
      </c>
      <c r="N7997" s="1" t="s">
        <v>25</v>
      </c>
      <c r="O7997" s="1" t="s">
        <v>38</v>
      </c>
      <c r="P7997" s="5" t="s">
        <v>30799</v>
      </c>
    </row>
    <row r="7998" spans="1:16" x14ac:dyDescent="0.2">
      <c r="A7998" s="1" t="s">
        <v>20</v>
      </c>
      <c r="B7998" s="1" t="s">
        <v>253</v>
      </c>
      <c r="C7998" s="1" t="s">
        <v>27527</v>
      </c>
      <c r="D7998" s="1" t="s">
        <v>27528</v>
      </c>
      <c r="E7998" s="1" t="s">
        <v>27529</v>
      </c>
      <c r="F7998" s="1" t="s">
        <v>10</v>
      </c>
      <c r="G7998" s="1" t="s">
        <v>10</v>
      </c>
      <c r="H7998" s="1" t="s">
        <v>10</v>
      </c>
      <c r="I7998" s="1" t="s">
        <v>1868</v>
      </c>
      <c r="J7998" s="1" t="s">
        <v>27256</v>
      </c>
      <c r="K7998" s="1" t="s">
        <v>47</v>
      </c>
      <c r="L7998" s="1" t="s">
        <v>27526</v>
      </c>
      <c r="M7998" s="1" t="s">
        <v>5</v>
      </c>
      <c r="N7998" s="1" t="s">
        <v>25</v>
      </c>
      <c r="O7998" s="1" t="s">
        <v>38</v>
      </c>
      <c r="P7998" s="5" t="s">
        <v>27530</v>
      </c>
    </row>
    <row r="7999" spans="1:16" x14ac:dyDescent="0.2">
      <c r="A7999" s="1" t="s">
        <v>20</v>
      </c>
      <c r="B7999" s="1" t="s">
        <v>445</v>
      </c>
      <c r="C7999" s="1" t="s">
        <v>27532</v>
      </c>
      <c r="D7999" s="1" t="s">
        <v>27533</v>
      </c>
      <c r="E7999" s="1" t="s">
        <v>27534</v>
      </c>
      <c r="F7999" s="1" t="s">
        <v>10</v>
      </c>
      <c r="G7999" s="1" t="s">
        <v>10</v>
      </c>
      <c r="H7999" s="1" t="s">
        <v>10</v>
      </c>
      <c r="I7999" s="1" t="s">
        <v>1868</v>
      </c>
      <c r="J7999" s="1" t="s">
        <v>27272</v>
      </c>
      <c r="K7999" s="1" t="s">
        <v>27</v>
      </c>
      <c r="L7999" s="1" t="s">
        <v>27531</v>
      </c>
      <c r="M7999" s="1" t="s">
        <v>5</v>
      </c>
      <c r="N7999" s="1" t="s">
        <v>25</v>
      </c>
      <c r="O7999" s="1" t="s">
        <v>38</v>
      </c>
      <c r="P7999" s="5" t="s">
        <v>30799</v>
      </c>
    </row>
    <row r="8000" spans="1:16" x14ac:dyDescent="0.2">
      <c r="A8000" s="1" t="s">
        <v>20</v>
      </c>
      <c r="B8000" s="1" t="s">
        <v>445</v>
      </c>
      <c r="C8000" s="1" t="s">
        <v>27536</v>
      </c>
      <c r="D8000" s="1" t="s">
        <v>27537</v>
      </c>
      <c r="E8000" s="1" t="s">
        <v>27538</v>
      </c>
      <c r="F8000" s="1" t="s">
        <v>10</v>
      </c>
      <c r="G8000" s="1" t="s">
        <v>10</v>
      </c>
      <c r="H8000" s="1" t="s">
        <v>10</v>
      </c>
      <c r="I8000" s="1" t="s">
        <v>1868</v>
      </c>
      <c r="J8000" s="1" t="s">
        <v>27329</v>
      </c>
      <c r="K8000" s="1" t="s">
        <v>27</v>
      </c>
      <c r="L8000" s="1" t="s">
        <v>27535</v>
      </c>
      <c r="M8000" s="1" t="s">
        <v>5</v>
      </c>
      <c r="N8000" s="1" t="s">
        <v>25</v>
      </c>
      <c r="O8000" s="1" t="s">
        <v>38</v>
      </c>
      <c r="P8000" s="5" t="s">
        <v>30815</v>
      </c>
    </row>
    <row r="8001" spans="1:16" x14ac:dyDescent="0.2">
      <c r="A8001" s="1" t="s">
        <v>20</v>
      </c>
      <c r="B8001" s="1" t="s">
        <v>253</v>
      </c>
      <c r="C8001" s="1" t="s">
        <v>27540</v>
      </c>
      <c r="D8001" s="1" t="s">
        <v>19208</v>
      </c>
      <c r="E8001" s="1" t="s">
        <v>27541</v>
      </c>
      <c r="F8001" s="1" t="s">
        <v>10</v>
      </c>
      <c r="G8001" s="1" t="s">
        <v>10</v>
      </c>
      <c r="H8001" s="1" t="s">
        <v>10</v>
      </c>
      <c r="I8001" s="1" t="s">
        <v>1868</v>
      </c>
      <c r="J8001" s="1" t="s">
        <v>27329</v>
      </c>
      <c r="K8001" s="1" t="s">
        <v>27</v>
      </c>
      <c r="L8001" s="1" t="s">
        <v>27539</v>
      </c>
      <c r="M8001" s="1" t="s">
        <v>5</v>
      </c>
      <c r="N8001" s="1" t="s">
        <v>25</v>
      </c>
      <c r="O8001" s="1" t="s">
        <v>38</v>
      </c>
      <c r="P8001" s="5" t="s">
        <v>32542</v>
      </c>
    </row>
    <row r="8002" spans="1:16" x14ac:dyDescent="0.2">
      <c r="A8002" s="1" t="s">
        <v>329</v>
      </c>
      <c r="B8002" s="1" t="s">
        <v>2622</v>
      </c>
      <c r="C8002" s="1" t="s">
        <v>27543</v>
      </c>
      <c r="D8002" s="1" t="s">
        <v>27544</v>
      </c>
      <c r="E8002" s="1" t="s">
        <v>27546</v>
      </c>
      <c r="F8002" s="1" t="s">
        <v>10</v>
      </c>
      <c r="G8002" s="1" t="s">
        <v>10</v>
      </c>
      <c r="H8002" s="1" t="s">
        <v>10</v>
      </c>
      <c r="I8002" s="1" t="s">
        <v>1868</v>
      </c>
      <c r="J8002" s="1" t="s">
        <v>27545</v>
      </c>
      <c r="K8002" s="1" t="s">
        <v>27</v>
      </c>
      <c r="L8002" s="1" t="s">
        <v>27542</v>
      </c>
      <c r="M8002" s="1" t="s">
        <v>5</v>
      </c>
      <c r="N8002" s="1" t="s">
        <v>1009</v>
      </c>
      <c r="O8002" s="1" t="s">
        <v>38</v>
      </c>
      <c r="P8002" s="5" t="s">
        <v>32543</v>
      </c>
    </row>
    <row r="8003" spans="1:16" x14ac:dyDescent="0.2">
      <c r="A8003" s="1" t="s">
        <v>20</v>
      </c>
      <c r="B8003" s="1" t="s">
        <v>132</v>
      </c>
      <c r="C8003" s="1" t="s">
        <v>27548</v>
      </c>
      <c r="D8003" s="1" t="s">
        <v>639</v>
      </c>
      <c r="E8003" s="1" t="s">
        <v>27549</v>
      </c>
      <c r="F8003" s="1" t="s">
        <v>10</v>
      </c>
      <c r="G8003" s="1" t="s">
        <v>10</v>
      </c>
      <c r="H8003" s="1" t="s">
        <v>10</v>
      </c>
      <c r="I8003" s="1" t="s">
        <v>1868</v>
      </c>
      <c r="J8003" s="1" t="s">
        <v>27256</v>
      </c>
      <c r="K8003" s="1" t="s">
        <v>231</v>
      </c>
      <c r="L8003" s="1" t="s">
        <v>27547</v>
      </c>
      <c r="M8003" s="1" t="s">
        <v>5</v>
      </c>
      <c r="N8003" s="1" t="s">
        <v>25</v>
      </c>
      <c r="O8003" s="1" t="s">
        <v>38</v>
      </c>
      <c r="P8003" s="5" t="s">
        <v>30550</v>
      </c>
    </row>
    <row r="8004" spans="1:16" x14ac:dyDescent="0.2">
      <c r="A8004" s="1" t="s">
        <v>194</v>
      </c>
      <c r="B8004" s="1" t="s">
        <v>396</v>
      </c>
      <c r="C8004" s="1" t="s">
        <v>27551</v>
      </c>
      <c r="D8004" s="1" t="s">
        <v>1103</v>
      </c>
      <c r="E8004" s="1"/>
      <c r="F8004" s="1" t="s">
        <v>10</v>
      </c>
      <c r="G8004" s="1" t="s">
        <v>10</v>
      </c>
      <c r="H8004" s="1" t="s">
        <v>10</v>
      </c>
      <c r="I8004" s="1" t="s">
        <v>1868</v>
      </c>
      <c r="J8004" s="1" t="s">
        <v>27264</v>
      </c>
      <c r="K8004" s="1" t="s">
        <v>27</v>
      </c>
      <c r="L8004" s="1" t="s">
        <v>27550</v>
      </c>
      <c r="M8004" s="1" t="s">
        <v>5</v>
      </c>
      <c r="N8004" s="1" t="s">
        <v>1009</v>
      </c>
      <c r="O8004" s="1" t="s">
        <v>38</v>
      </c>
      <c r="P8004" s="5" t="s">
        <v>30811</v>
      </c>
    </row>
    <row r="8005" spans="1:16" x14ac:dyDescent="0.2">
      <c r="A8005" s="1" t="s">
        <v>20</v>
      </c>
      <c r="B8005" s="1" t="s">
        <v>1804</v>
      </c>
      <c r="C8005" s="1" t="s">
        <v>27553</v>
      </c>
      <c r="D8005" s="1" t="s">
        <v>27554</v>
      </c>
      <c r="E8005" s="1" t="s">
        <v>27555</v>
      </c>
      <c r="F8005" s="1" t="s">
        <v>10</v>
      </c>
      <c r="G8005" s="1" t="s">
        <v>10</v>
      </c>
      <c r="H8005" s="1" t="s">
        <v>10</v>
      </c>
      <c r="I8005" s="1" t="s">
        <v>1868</v>
      </c>
      <c r="J8005" s="1" t="s">
        <v>27272</v>
      </c>
      <c r="K8005" s="1" t="s">
        <v>27</v>
      </c>
      <c r="L8005" s="1" t="s">
        <v>27552</v>
      </c>
      <c r="M8005" s="1" t="s">
        <v>5</v>
      </c>
      <c r="N8005" s="1" t="s">
        <v>25</v>
      </c>
      <c r="O8005" s="1" t="s">
        <v>38</v>
      </c>
      <c r="P8005" s="5" t="s">
        <v>32544</v>
      </c>
    </row>
    <row r="8006" spans="1:16" x14ac:dyDescent="0.2">
      <c r="A8006" s="1" t="s">
        <v>10</v>
      </c>
      <c r="B8006" s="1" t="s">
        <v>10</v>
      </c>
      <c r="C8006" s="1" t="s">
        <v>27557</v>
      </c>
      <c r="D8006" s="1" t="s">
        <v>27558</v>
      </c>
      <c r="E8006" s="1" t="s">
        <v>27559</v>
      </c>
      <c r="F8006" s="1" t="s">
        <v>10</v>
      </c>
      <c r="G8006" s="1" t="s">
        <v>10</v>
      </c>
      <c r="H8006" s="1" t="s">
        <v>10</v>
      </c>
      <c r="I8006" s="1" t="s">
        <v>1868</v>
      </c>
      <c r="J8006" s="1" t="s">
        <v>27272</v>
      </c>
      <c r="K8006" s="1" t="s">
        <v>10</v>
      </c>
      <c r="L8006" s="1" t="s">
        <v>27556</v>
      </c>
      <c r="M8006" s="1" t="s">
        <v>5</v>
      </c>
      <c r="N8006" s="1" t="s">
        <v>6</v>
      </c>
      <c r="O8006" s="1" t="s">
        <v>38</v>
      </c>
      <c r="P8006" s="5"/>
    </row>
    <row r="8007" spans="1:16" x14ac:dyDescent="0.2">
      <c r="A8007" s="1" t="s">
        <v>20</v>
      </c>
      <c r="B8007" s="1" t="s">
        <v>1804</v>
      </c>
      <c r="C8007" s="1" t="s">
        <v>27561</v>
      </c>
      <c r="D8007" s="1" t="s">
        <v>27562</v>
      </c>
      <c r="E8007" s="1" t="s">
        <v>27563</v>
      </c>
      <c r="F8007" s="1" t="s">
        <v>10</v>
      </c>
      <c r="G8007" s="1" t="s">
        <v>10</v>
      </c>
      <c r="H8007" s="1" t="s">
        <v>10</v>
      </c>
      <c r="I8007" s="1" t="s">
        <v>1868</v>
      </c>
      <c r="J8007" s="1" t="s">
        <v>27272</v>
      </c>
      <c r="K8007" s="1" t="s">
        <v>27</v>
      </c>
      <c r="L8007" s="1" t="s">
        <v>27560</v>
      </c>
      <c r="M8007" s="1" t="s">
        <v>5</v>
      </c>
      <c r="N8007" s="1" t="s">
        <v>25</v>
      </c>
      <c r="O8007" s="1" t="s">
        <v>38</v>
      </c>
      <c r="P8007" s="5" t="s">
        <v>32532</v>
      </c>
    </row>
    <row r="8008" spans="1:16" x14ac:dyDescent="0.2">
      <c r="A8008" s="1" t="s">
        <v>20</v>
      </c>
      <c r="B8008" s="1" t="s">
        <v>445</v>
      </c>
      <c r="C8008" s="1" t="s">
        <v>27565</v>
      </c>
      <c r="D8008" s="1" t="s">
        <v>27566</v>
      </c>
      <c r="E8008" s="1" t="s">
        <v>27567</v>
      </c>
      <c r="F8008" s="1" t="s">
        <v>10</v>
      </c>
      <c r="G8008" s="1" t="s">
        <v>10</v>
      </c>
      <c r="H8008" s="1" t="s">
        <v>10</v>
      </c>
      <c r="I8008" s="1" t="s">
        <v>1868</v>
      </c>
      <c r="J8008" s="1" t="s">
        <v>27256</v>
      </c>
      <c r="K8008" s="1" t="s">
        <v>6533</v>
      </c>
      <c r="L8008" s="1" t="s">
        <v>27564</v>
      </c>
      <c r="M8008" s="1" t="s">
        <v>5</v>
      </c>
      <c r="N8008" s="1" t="s">
        <v>25</v>
      </c>
      <c r="O8008" s="1" t="s">
        <v>38</v>
      </c>
      <c r="P8008" s="5" t="s">
        <v>30816</v>
      </c>
    </row>
    <row r="8009" spans="1:16" x14ac:dyDescent="0.2">
      <c r="A8009" s="1" t="s">
        <v>42</v>
      </c>
      <c r="B8009" s="1" t="s">
        <v>1341</v>
      </c>
      <c r="C8009" s="1" t="s">
        <v>27569</v>
      </c>
      <c r="D8009" s="1" t="s">
        <v>27570</v>
      </c>
      <c r="E8009" s="1" t="s">
        <v>27571</v>
      </c>
      <c r="F8009" s="1" t="s">
        <v>10</v>
      </c>
      <c r="G8009" s="1" t="s">
        <v>10</v>
      </c>
      <c r="H8009" s="1" t="s">
        <v>10</v>
      </c>
      <c r="I8009" s="1" t="s">
        <v>1868</v>
      </c>
      <c r="J8009" s="1" t="s">
        <v>27329</v>
      </c>
      <c r="K8009" s="1" t="s">
        <v>27</v>
      </c>
      <c r="L8009" s="1" t="s">
        <v>27568</v>
      </c>
      <c r="M8009" s="1" t="s">
        <v>5</v>
      </c>
      <c r="N8009" s="1" t="s">
        <v>25</v>
      </c>
      <c r="O8009" s="1" t="s">
        <v>38</v>
      </c>
      <c r="P8009" s="5" t="s">
        <v>30817</v>
      </c>
    </row>
    <row r="8010" spans="1:16" x14ac:dyDescent="0.2">
      <c r="A8010" s="1" t="s">
        <v>20</v>
      </c>
      <c r="B8010" s="1" t="s">
        <v>445</v>
      </c>
      <c r="C8010" s="1" t="s">
        <v>18920</v>
      </c>
      <c r="D8010" s="1" t="s">
        <v>27573</v>
      </c>
      <c r="E8010" s="1" t="s">
        <v>27574</v>
      </c>
      <c r="F8010" s="1" t="s">
        <v>10</v>
      </c>
      <c r="G8010" s="1" t="s">
        <v>10</v>
      </c>
      <c r="H8010" s="1" t="s">
        <v>10</v>
      </c>
      <c r="I8010" s="1" t="s">
        <v>1868</v>
      </c>
      <c r="J8010" s="1" t="s">
        <v>27272</v>
      </c>
      <c r="K8010" s="1" t="s">
        <v>27</v>
      </c>
      <c r="L8010" s="1" t="s">
        <v>27572</v>
      </c>
      <c r="M8010" s="1" t="s">
        <v>5</v>
      </c>
      <c r="N8010" s="1" t="s">
        <v>1009</v>
      </c>
      <c r="O8010" s="1" t="s">
        <v>38</v>
      </c>
      <c r="P8010" s="5" t="s">
        <v>30842</v>
      </c>
    </row>
    <row r="8011" spans="1:16" x14ac:dyDescent="0.2">
      <c r="A8011" s="1" t="s">
        <v>20</v>
      </c>
      <c r="B8011" s="1" t="s">
        <v>445</v>
      </c>
      <c r="C8011" s="1" t="s">
        <v>27576</v>
      </c>
      <c r="D8011" s="1" t="s">
        <v>27577</v>
      </c>
      <c r="E8011" s="1" t="s">
        <v>27578</v>
      </c>
      <c r="F8011" s="1" t="s">
        <v>10</v>
      </c>
      <c r="G8011" s="1" t="s">
        <v>10</v>
      </c>
      <c r="H8011" s="1" t="s">
        <v>10</v>
      </c>
      <c r="I8011" s="1" t="s">
        <v>1868</v>
      </c>
      <c r="J8011" s="1" t="s">
        <v>27272</v>
      </c>
      <c r="K8011" s="1" t="s">
        <v>27</v>
      </c>
      <c r="L8011" s="1" t="s">
        <v>27575</v>
      </c>
      <c r="M8011" s="1" t="s">
        <v>5</v>
      </c>
      <c r="N8011" s="1" t="s">
        <v>25</v>
      </c>
      <c r="O8011" s="1" t="s">
        <v>38</v>
      </c>
      <c r="P8011" s="5" t="s">
        <v>30798</v>
      </c>
    </row>
    <row r="8012" spans="1:16" x14ac:dyDescent="0.2">
      <c r="A8012" s="1" t="s">
        <v>10</v>
      </c>
      <c r="B8012" s="1" t="s">
        <v>10</v>
      </c>
      <c r="C8012" s="1" t="s">
        <v>27580</v>
      </c>
      <c r="D8012" s="1" t="s">
        <v>27581</v>
      </c>
      <c r="E8012" s="1" t="s">
        <v>27582</v>
      </c>
      <c r="F8012" s="1" t="s">
        <v>10</v>
      </c>
      <c r="G8012" s="1" t="s">
        <v>10</v>
      </c>
      <c r="H8012" s="1" t="s">
        <v>10</v>
      </c>
      <c r="I8012" s="1" t="s">
        <v>1868</v>
      </c>
      <c r="J8012" s="1" t="s">
        <v>27329</v>
      </c>
      <c r="K8012" s="1" t="s">
        <v>14695</v>
      </c>
      <c r="L8012" s="1" t="s">
        <v>27579</v>
      </c>
      <c r="M8012" s="1" t="s">
        <v>5</v>
      </c>
      <c r="N8012" s="1" t="s">
        <v>25</v>
      </c>
      <c r="O8012" s="1" t="s">
        <v>38</v>
      </c>
      <c r="P8012" s="5" t="s">
        <v>32539</v>
      </c>
    </row>
    <row r="8013" spans="1:16" x14ac:dyDescent="0.2">
      <c r="A8013" s="1" t="s">
        <v>329</v>
      </c>
      <c r="B8013" s="1" t="s">
        <v>2622</v>
      </c>
      <c r="C8013" s="1" t="s">
        <v>27584</v>
      </c>
      <c r="D8013" s="1" t="s">
        <v>27585</v>
      </c>
      <c r="E8013" s="1" t="s">
        <v>27586</v>
      </c>
      <c r="F8013" s="1" t="s">
        <v>10</v>
      </c>
      <c r="G8013" s="1" t="s">
        <v>10</v>
      </c>
      <c r="H8013" s="1" t="s">
        <v>10</v>
      </c>
      <c r="I8013" s="1" t="s">
        <v>1868</v>
      </c>
      <c r="J8013" s="1" t="s">
        <v>27545</v>
      </c>
      <c r="K8013" s="1" t="s">
        <v>27</v>
      </c>
      <c r="L8013" s="1" t="s">
        <v>27583</v>
      </c>
      <c r="M8013" s="1" t="s">
        <v>5</v>
      </c>
      <c r="N8013" s="1" t="s">
        <v>1009</v>
      </c>
      <c r="O8013" s="1" t="s">
        <v>38</v>
      </c>
      <c r="P8013" s="5" t="s">
        <v>32545</v>
      </c>
    </row>
    <row r="8014" spans="1:16" x14ac:dyDescent="0.2">
      <c r="A8014" s="1" t="s">
        <v>20</v>
      </c>
      <c r="B8014" s="1" t="s">
        <v>445</v>
      </c>
      <c r="C8014" s="1" t="s">
        <v>27588</v>
      </c>
      <c r="D8014" s="1" t="s">
        <v>27589</v>
      </c>
      <c r="E8014" s="1" t="s">
        <v>27590</v>
      </c>
      <c r="F8014" s="1" t="s">
        <v>10</v>
      </c>
      <c r="G8014" s="1" t="s">
        <v>10</v>
      </c>
      <c r="H8014" s="1" t="s">
        <v>10</v>
      </c>
      <c r="I8014" s="1" t="s">
        <v>1868</v>
      </c>
      <c r="J8014" s="1" t="s">
        <v>27256</v>
      </c>
      <c r="K8014" s="1" t="s">
        <v>6533</v>
      </c>
      <c r="L8014" s="1" t="s">
        <v>27587</v>
      </c>
      <c r="M8014" s="1" t="s">
        <v>5</v>
      </c>
      <c r="N8014" s="1" t="s">
        <v>25</v>
      </c>
      <c r="O8014" s="1" t="s">
        <v>38</v>
      </c>
      <c r="P8014" s="5" t="s">
        <v>30818</v>
      </c>
    </row>
    <row r="8015" spans="1:16" x14ac:dyDescent="0.2">
      <c r="A8015" s="1" t="s">
        <v>20</v>
      </c>
      <c r="B8015" s="1" t="s">
        <v>93</v>
      </c>
      <c r="C8015" s="1" t="s">
        <v>27592</v>
      </c>
      <c r="D8015" s="1" t="s">
        <v>27593</v>
      </c>
      <c r="E8015" s="1" t="s">
        <v>27594</v>
      </c>
      <c r="F8015" s="1" t="s">
        <v>10</v>
      </c>
      <c r="G8015" s="1" t="s">
        <v>10</v>
      </c>
      <c r="H8015" s="1" t="s">
        <v>10</v>
      </c>
      <c r="I8015" s="1" t="s">
        <v>1868</v>
      </c>
      <c r="J8015" s="1" t="s">
        <v>27272</v>
      </c>
      <c r="K8015" s="1" t="s">
        <v>27</v>
      </c>
      <c r="L8015" s="1" t="s">
        <v>27591</v>
      </c>
      <c r="M8015" s="1" t="s">
        <v>5</v>
      </c>
      <c r="N8015" s="1" t="s">
        <v>25</v>
      </c>
      <c r="O8015" s="1" t="s">
        <v>38</v>
      </c>
      <c r="P8015" s="5" t="s">
        <v>30798</v>
      </c>
    </row>
    <row r="8016" spans="1:16" x14ac:dyDescent="0.2">
      <c r="A8016" s="1" t="s">
        <v>20</v>
      </c>
      <c r="B8016" s="1" t="s">
        <v>1804</v>
      </c>
      <c r="C8016" s="1" t="s">
        <v>27596</v>
      </c>
      <c r="D8016" s="1" t="s">
        <v>27597</v>
      </c>
      <c r="E8016" s="1" t="s">
        <v>27598</v>
      </c>
      <c r="F8016" s="1" t="s">
        <v>10</v>
      </c>
      <c r="G8016" s="1" t="s">
        <v>10</v>
      </c>
      <c r="H8016" s="1" t="s">
        <v>10</v>
      </c>
      <c r="I8016" s="1" t="s">
        <v>1868</v>
      </c>
      <c r="J8016" s="1" t="s">
        <v>27272</v>
      </c>
      <c r="K8016" s="1" t="s">
        <v>27</v>
      </c>
      <c r="L8016" s="1" t="s">
        <v>27595</v>
      </c>
      <c r="M8016" s="1" t="s">
        <v>5</v>
      </c>
      <c r="N8016" s="1" t="s">
        <v>25</v>
      </c>
      <c r="O8016" s="1" t="s">
        <v>38</v>
      </c>
      <c r="P8016" s="5" t="s">
        <v>30819</v>
      </c>
    </row>
    <row r="8017" spans="1:16" x14ac:dyDescent="0.2">
      <c r="A8017" s="1" t="s">
        <v>42</v>
      </c>
      <c r="B8017" s="1" t="s">
        <v>1341</v>
      </c>
      <c r="C8017" s="1" t="s">
        <v>27600</v>
      </c>
      <c r="D8017" s="1" t="s">
        <v>27601</v>
      </c>
      <c r="E8017" s="1"/>
      <c r="F8017" s="1" t="s">
        <v>10</v>
      </c>
      <c r="G8017" s="1" t="s">
        <v>10</v>
      </c>
      <c r="H8017" s="1" t="s">
        <v>10</v>
      </c>
      <c r="I8017" s="1" t="s">
        <v>1868</v>
      </c>
      <c r="J8017" s="1" t="s">
        <v>27272</v>
      </c>
      <c r="K8017" s="1" t="s">
        <v>27</v>
      </c>
      <c r="L8017" s="1" t="s">
        <v>27599</v>
      </c>
      <c r="M8017" s="1" t="s">
        <v>5</v>
      </c>
      <c r="N8017" s="1" t="s">
        <v>25</v>
      </c>
      <c r="O8017" s="1" t="s">
        <v>38</v>
      </c>
      <c r="P8017" s="5" t="s">
        <v>30820</v>
      </c>
    </row>
    <row r="8018" spans="1:16" x14ac:dyDescent="0.2">
      <c r="A8018" s="1" t="s">
        <v>20</v>
      </c>
      <c r="B8018" s="1" t="s">
        <v>445</v>
      </c>
      <c r="C8018" s="1" t="s">
        <v>27603</v>
      </c>
      <c r="D8018" s="1" t="s">
        <v>27604</v>
      </c>
      <c r="E8018" s="1" t="s">
        <v>27605</v>
      </c>
      <c r="F8018" s="1" t="s">
        <v>10</v>
      </c>
      <c r="G8018" s="1" t="s">
        <v>10</v>
      </c>
      <c r="H8018" s="1" t="s">
        <v>10</v>
      </c>
      <c r="I8018" s="1" t="s">
        <v>1868</v>
      </c>
      <c r="J8018" s="1" t="s">
        <v>27272</v>
      </c>
      <c r="K8018" s="1" t="s">
        <v>27</v>
      </c>
      <c r="L8018" s="1" t="s">
        <v>27602</v>
      </c>
      <c r="M8018" s="1" t="s">
        <v>5</v>
      </c>
      <c r="N8018" s="1" t="s">
        <v>25</v>
      </c>
      <c r="O8018" s="1" t="s">
        <v>38</v>
      </c>
      <c r="P8018" s="5" t="s">
        <v>32532</v>
      </c>
    </row>
    <row r="8019" spans="1:16" x14ac:dyDescent="0.2">
      <c r="A8019" s="1" t="s">
        <v>20</v>
      </c>
      <c r="B8019" s="1" t="s">
        <v>445</v>
      </c>
      <c r="C8019" s="1" t="s">
        <v>27607</v>
      </c>
      <c r="D8019" s="1" t="s">
        <v>27608</v>
      </c>
      <c r="E8019" s="1" t="s">
        <v>27609</v>
      </c>
      <c r="F8019" s="1" t="s">
        <v>10</v>
      </c>
      <c r="G8019" s="1" t="s">
        <v>10</v>
      </c>
      <c r="H8019" s="1" t="s">
        <v>10</v>
      </c>
      <c r="I8019" s="1" t="s">
        <v>1868</v>
      </c>
      <c r="J8019" s="1" t="s">
        <v>27272</v>
      </c>
      <c r="K8019" s="1" t="s">
        <v>27</v>
      </c>
      <c r="L8019" s="1" t="s">
        <v>27606</v>
      </c>
      <c r="M8019" s="1" t="s">
        <v>5</v>
      </c>
      <c r="N8019" s="1" t="s">
        <v>25</v>
      </c>
      <c r="O8019" s="1" t="s">
        <v>38</v>
      </c>
      <c r="P8019" s="5" t="s">
        <v>32546</v>
      </c>
    </row>
    <row r="8020" spans="1:16" x14ac:dyDescent="0.2">
      <c r="A8020" s="1" t="s">
        <v>329</v>
      </c>
      <c r="B8020" s="1" t="s">
        <v>439</v>
      </c>
      <c r="C8020" s="1" t="s">
        <v>27611</v>
      </c>
      <c r="D8020" s="1" t="s">
        <v>12894</v>
      </c>
      <c r="E8020" s="1" t="s">
        <v>27612</v>
      </c>
      <c r="F8020" s="1" t="s">
        <v>10</v>
      </c>
      <c r="G8020" s="1" t="s">
        <v>10</v>
      </c>
      <c r="H8020" s="1" t="s">
        <v>10</v>
      </c>
      <c r="I8020" s="1" t="s">
        <v>1868</v>
      </c>
      <c r="J8020" s="1" t="s">
        <v>27272</v>
      </c>
      <c r="K8020" s="1" t="s">
        <v>27</v>
      </c>
      <c r="L8020" s="1" t="s">
        <v>27610</v>
      </c>
      <c r="M8020" s="1" t="s">
        <v>5</v>
      </c>
      <c r="N8020" s="1" t="s">
        <v>25</v>
      </c>
      <c r="O8020" s="1" t="s">
        <v>38</v>
      </c>
      <c r="P8020" s="5" t="s">
        <v>30798</v>
      </c>
    </row>
    <row r="8021" spans="1:16" x14ac:dyDescent="0.2">
      <c r="A8021" s="1" t="s">
        <v>329</v>
      </c>
      <c r="B8021" s="1" t="s">
        <v>2622</v>
      </c>
      <c r="C8021" s="1" t="s">
        <v>27614</v>
      </c>
      <c r="D8021" s="1" t="s">
        <v>27615</v>
      </c>
      <c r="E8021" s="1" t="s">
        <v>27616</v>
      </c>
      <c r="F8021" s="1" t="s">
        <v>10</v>
      </c>
      <c r="G8021" s="1" t="s">
        <v>10</v>
      </c>
      <c r="H8021" s="1" t="s">
        <v>10</v>
      </c>
      <c r="I8021" s="1" t="s">
        <v>1868</v>
      </c>
      <c r="J8021" s="1" t="s">
        <v>27261</v>
      </c>
      <c r="K8021" s="1" t="s">
        <v>27</v>
      </c>
      <c r="L8021" s="1" t="s">
        <v>27613</v>
      </c>
      <c r="M8021" s="1" t="s">
        <v>5</v>
      </c>
      <c r="N8021" s="1" t="s">
        <v>1009</v>
      </c>
      <c r="O8021" s="1" t="s">
        <v>38</v>
      </c>
      <c r="P8021" s="5" t="s">
        <v>32536</v>
      </c>
    </row>
    <row r="8022" spans="1:16" x14ac:dyDescent="0.2">
      <c r="A8022" s="1" t="s">
        <v>194</v>
      </c>
      <c r="B8022" s="1" t="s">
        <v>396</v>
      </c>
      <c r="C8022" s="1" t="s">
        <v>27618</v>
      </c>
      <c r="D8022" s="1" t="s">
        <v>27619</v>
      </c>
      <c r="E8022" s="1" t="s">
        <v>27620</v>
      </c>
      <c r="F8022" s="1" t="s">
        <v>10</v>
      </c>
      <c r="G8022" s="1" t="s">
        <v>10</v>
      </c>
      <c r="H8022" s="1" t="s">
        <v>10</v>
      </c>
      <c r="I8022" s="1" t="s">
        <v>1868</v>
      </c>
      <c r="J8022" s="1" t="s">
        <v>27321</v>
      </c>
      <c r="K8022" s="1" t="s">
        <v>27</v>
      </c>
      <c r="L8022" s="1" t="s">
        <v>27617</v>
      </c>
      <c r="M8022" s="1" t="s">
        <v>5</v>
      </c>
      <c r="N8022" s="1" t="s">
        <v>25</v>
      </c>
      <c r="O8022" s="1" t="s">
        <v>38</v>
      </c>
      <c r="P8022" s="5" t="s">
        <v>30821</v>
      </c>
    </row>
    <row r="8023" spans="1:16" x14ac:dyDescent="0.2">
      <c r="A8023" s="1" t="s">
        <v>329</v>
      </c>
      <c r="B8023" s="1" t="s">
        <v>2622</v>
      </c>
      <c r="C8023" s="1" t="s">
        <v>27622</v>
      </c>
      <c r="D8023" s="1" t="s">
        <v>27623</v>
      </c>
      <c r="E8023" s="1" t="s">
        <v>27624</v>
      </c>
      <c r="F8023" s="1" t="s">
        <v>10</v>
      </c>
      <c r="G8023" s="1" t="s">
        <v>10</v>
      </c>
      <c r="H8023" s="1" t="s">
        <v>10</v>
      </c>
      <c r="I8023" s="1" t="s">
        <v>1868</v>
      </c>
      <c r="J8023" s="1" t="s">
        <v>27261</v>
      </c>
      <c r="K8023" s="1" t="s">
        <v>27</v>
      </c>
      <c r="L8023" s="1" t="s">
        <v>27621</v>
      </c>
      <c r="M8023" s="1" t="s">
        <v>5</v>
      </c>
      <c r="N8023" s="1" t="s">
        <v>25</v>
      </c>
      <c r="O8023" s="1" t="s">
        <v>38</v>
      </c>
      <c r="P8023" s="5" t="s">
        <v>32547</v>
      </c>
    </row>
    <row r="8024" spans="1:16" x14ac:dyDescent="0.2">
      <c r="A8024" s="1" t="s">
        <v>42</v>
      </c>
      <c r="B8024" s="1" t="s">
        <v>966</v>
      </c>
      <c r="C8024" s="1" t="s">
        <v>27626</v>
      </c>
      <c r="D8024" s="1" t="s">
        <v>27627</v>
      </c>
      <c r="E8024" s="1" t="s">
        <v>27628</v>
      </c>
      <c r="F8024" s="1" t="s">
        <v>10</v>
      </c>
      <c r="G8024" s="1" t="s">
        <v>10</v>
      </c>
      <c r="H8024" s="1" t="s">
        <v>10</v>
      </c>
      <c r="I8024" s="1" t="s">
        <v>1868</v>
      </c>
      <c r="J8024" s="1" t="s">
        <v>27329</v>
      </c>
      <c r="K8024" s="1" t="s">
        <v>27</v>
      </c>
      <c r="L8024" s="1" t="s">
        <v>27625</v>
      </c>
      <c r="M8024" s="1" t="s">
        <v>5</v>
      </c>
      <c r="N8024" s="1" t="s">
        <v>25</v>
      </c>
      <c r="O8024" s="1" t="s">
        <v>38</v>
      </c>
      <c r="P8024" s="5" t="s">
        <v>32541</v>
      </c>
    </row>
    <row r="8025" spans="1:16" x14ac:dyDescent="0.2">
      <c r="A8025" s="1" t="s">
        <v>329</v>
      </c>
      <c r="B8025" s="1" t="s">
        <v>2622</v>
      </c>
      <c r="C8025" s="1" t="s">
        <v>27630</v>
      </c>
      <c r="D8025" s="1" t="s">
        <v>27631</v>
      </c>
      <c r="E8025" s="1" t="s">
        <v>27632</v>
      </c>
      <c r="F8025" s="1" t="s">
        <v>10</v>
      </c>
      <c r="G8025" s="1" t="s">
        <v>10</v>
      </c>
      <c r="H8025" s="1" t="s">
        <v>10</v>
      </c>
      <c r="I8025" s="1" t="s">
        <v>1868</v>
      </c>
      <c r="J8025" s="1" t="s">
        <v>27545</v>
      </c>
      <c r="K8025" s="1" t="s">
        <v>27</v>
      </c>
      <c r="L8025" s="1" t="s">
        <v>27629</v>
      </c>
      <c r="M8025" s="1" t="s">
        <v>5</v>
      </c>
      <c r="N8025" s="1" t="s">
        <v>6</v>
      </c>
      <c r="O8025" s="1" t="s">
        <v>38</v>
      </c>
      <c r="P8025" s="5"/>
    </row>
    <row r="8026" spans="1:16" x14ac:dyDescent="0.2">
      <c r="A8026" s="1" t="s">
        <v>20</v>
      </c>
      <c r="B8026" s="1" t="s">
        <v>445</v>
      </c>
      <c r="C8026" s="1" t="s">
        <v>27634</v>
      </c>
      <c r="D8026" s="1" t="s">
        <v>27635</v>
      </c>
      <c r="E8026" s="1" t="s">
        <v>27636</v>
      </c>
      <c r="F8026" s="1" t="s">
        <v>10</v>
      </c>
      <c r="G8026" s="1" t="s">
        <v>10</v>
      </c>
      <c r="H8026" s="1" t="s">
        <v>10</v>
      </c>
      <c r="I8026" s="1" t="s">
        <v>1868</v>
      </c>
      <c r="J8026" s="1" t="s">
        <v>27272</v>
      </c>
      <c r="K8026" s="1" t="s">
        <v>27</v>
      </c>
      <c r="L8026" s="1" t="s">
        <v>27633</v>
      </c>
      <c r="M8026" s="1" t="s">
        <v>5</v>
      </c>
      <c r="N8026" s="1" t="s">
        <v>25</v>
      </c>
      <c r="O8026" s="1" t="s">
        <v>38</v>
      </c>
      <c r="P8026" s="5" t="s">
        <v>30798</v>
      </c>
    </row>
    <row r="8027" spans="1:16" x14ac:dyDescent="0.2">
      <c r="A8027" s="1" t="s">
        <v>20</v>
      </c>
      <c r="B8027" s="1" t="s">
        <v>21</v>
      </c>
      <c r="C8027" s="1" t="s">
        <v>27638</v>
      </c>
      <c r="D8027" s="1" t="s">
        <v>427</v>
      </c>
      <c r="E8027" s="1"/>
      <c r="F8027" s="1" t="s">
        <v>27</v>
      </c>
      <c r="G8027" s="1" t="s">
        <v>10</v>
      </c>
      <c r="H8027" s="1" t="s">
        <v>27639</v>
      </c>
      <c r="I8027" s="1" t="s">
        <v>1868</v>
      </c>
      <c r="J8027" s="1" t="s">
        <v>27256</v>
      </c>
      <c r="K8027" s="1" t="s">
        <v>7</v>
      </c>
      <c r="L8027" s="1" t="s">
        <v>27637</v>
      </c>
      <c r="M8027" s="1" t="s">
        <v>5</v>
      </c>
      <c r="N8027" s="1" t="s">
        <v>25</v>
      </c>
      <c r="O8027" s="1" t="s">
        <v>8</v>
      </c>
      <c r="P8027" s="5" t="s">
        <v>30822</v>
      </c>
    </row>
    <row r="8028" spans="1:16" x14ac:dyDescent="0.2">
      <c r="A8028" s="1" t="s">
        <v>42</v>
      </c>
      <c r="B8028" s="1" t="s">
        <v>1341</v>
      </c>
      <c r="C8028" s="1" t="s">
        <v>27641</v>
      </c>
      <c r="D8028" s="1" t="s">
        <v>27642</v>
      </c>
      <c r="E8028" s="1"/>
      <c r="F8028" s="1" t="s">
        <v>10</v>
      </c>
      <c r="G8028" s="1" t="s">
        <v>10</v>
      </c>
      <c r="H8028" s="1" t="s">
        <v>10</v>
      </c>
      <c r="I8028" s="1" t="s">
        <v>1868</v>
      </c>
      <c r="J8028" s="1" t="s">
        <v>27272</v>
      </c>
      <c r="K8028" s="1" t="s">
        <v>27</v>
      </c>
      <c r="L8028" s="1" t="s">
        <v>27640</v>
      </c>
      <c r="M8028" s="1" t="s">
        <v>5</v>
      </c>
      <c r="N8028" s="1" t="s">
        <v>1009</v>
      </c>
      <c r="O8028" s="1" t="s">
        <v>38</v>
      </c>
      <c r="P8028" s="5" t="s">
        <v>30842</v>
      </c>
    </row>
    <row r="8029" spans="1:16" x14ac:dyDescent="0.2">
      <c r="A8029" s="1" t="s">
        <v>20</v>
      </c>
      <c r="B8029" s="1" t="s">
        <v>3530</v>
      </c>
      <c r="C8029" s="1" t="s">
        <v>27644</v>
      </c>
      <c r="D8029" s="1" t="s">
        <v>431</v>
      </c>
      <c r="E8029" s="1"/>
      <c r="F8029" s="1" t="s">
        <v>27</v>
      </c>
      <c r="G8029" s="1" t="s">
        <v>10</v>
      </c>
      <c r="H8029" s="1" t="s">
        <v>27645</v>
      </c>
      <c r="I8029" s="1" t="s">
        <v>1868</v>
      </c>
      <c r="J8029" s="1" t="s">
        <v>27256</v>
      </c>
      <c r="K8029" s="1" t="s">
        <v>7</v>
      </c>
      <c r="L8029" s="1" t="s">
        <v>27643</v>
      </c>
      <c r="M8029" s="1" t="s">
        <v>5</v>
      </c>
      <c r="N8029" s="1" t="s">
        <v>1009</v>
      </c>
      <c r="O8029" s="1" t="s">
        <v>8</v>
      </c>
      <c r="P8029" s="5" t="s">
        <v>30823</v>
      </c>
    </row>
    <row r="8030" spans="1:16" x14ac:dyDescent="0.2">
      <c r="A8030" s="1" t="s">
        <v>20</v>
      </c>
      <c r="B8030" s="1" t="s">
        <v>132</v>
      </c>
      <c r="C8030" s="1" t="s">
        <v>27647</v>
      </c>
      <c r="D8030" s="1" t="s">
        <v>16653</v>
      </c>
      <c r="E8030" s="1" t="s">
        <v>27649</v>
      </c>
      <c r="F8030" s="1" t="s">
        <v>10</v>
      </c>
      <c r="G8030" s="1" t="s">
        <v>10</v>
      </c>
      <c r="H8030" s="1" t="s">
        <v>10</v>
      </c>
      <c r="I8030" s="1" t="s">
        <v>1868</v>
      </c>
      <c r="J8030" s="1" t="s">
        <v>27648</v>
      </c>
      <c r="K8030" s="1" t="s">
        <v>27</v>
      </c>
      <c r="L8030" s="1" t="s">
        <v>27646</v>
      </c>
      <c r="M8030" s="1" t="s">
        <v>5</v>
      </c>
      <c r="N8030" s="1" t="s">
        <v>25</v>
      </c>
      <c r="O8030" s="1" t="s">
        <v>38</v>
      </c>
      <c r="P8030" s="5" t="s">
        <v>30798</v>
      </c>
    </row>
    <row r="8031" spans="1:16" x14ac:dyDescent="0.2">
      <c r="A8031" s="1" t="s">
        <v>20</v>
      </c>
      <c r="B8031" s="1" t="s">
        <v>445</v>
      </c>
      <c r="C8031" s="1" t="s">
        <v>27651</v>
      </c>
      <c r="D8031" s="1" t="s">
        <v>9076</v>
      </c>
      <c r="E8031" s="1"/>
      <c r="F8031" s="1" t="s">
        <v>10</v>
      </c>
      <c r="G8031" s="1" t="s">
        <v>10</v>
      </c>
      <c r="H8031" s="1" t="s">
        <v>10</v>
      </c>
      <c r="I8031" s="1" t="s">
        <v>1868</v>
      </c>
      <c r="J8031" s="1" t="s">
        <v>27272</v>
      </c>
      <c r="K8031" s="1" t="s">
        <v>27</v>
      </c>
      <c r="L8031" s="1" t="s">
        <v>27650</v>
      </c>
      <c r="M8031" s="1" t="s">
        <v>5</v>
      </c>
      <c r="N8031" s="1" t="s">
        <v>25</v>
      </c>
      <c r="O8031" s="1" t="s">
        <v>38</v>
      </c>
      <c r="P8031" s="5" t="s">
        <v>32548</v>
      </c>
    </row>
    <row r="8032" spans="1:16" x14ac:dyDescent="0.2">
      <c r="A8032" s="1" t="s">
        <v>42</v>
      </c>
      <c r="B8032" s="1" t="s">
        <v>1341</v>
      </c>
      <c r="C8032" s="1" t="s">
        <v>27653</v>
      </c>
      <c r="D8032" s="1" t="s">
        <v>27654</v>
      </c>
      <c r="E8032" s="1" t="s">
        <v>27655</v>
      </c>
      <c r="F8032" s="1" t="s">
        <v>10</v>
      </c>
      <c r="G8032" s="1" t="s">
        <v>10</v>
      </c>
      <c r="H8032" s="1" t="s">
        <v>10</v>
      </c>
      <c r="I8032" s="1" t="s">
        <v>1868</v>
      </c>
      <c r="J8032" s="1" t="s">
        <v>27296</v>
      </c>
      <c r="K8032" s="1" t="s">
        <v>130</v>
      </c>
      <c r="L8032" s="1" t="s">
        <v>27652</v>
      </c>
      <c r="M8032" s="1" t="s">
        <v>5</v>
      </c>
      <c r="N8032" s="1" t="s">
        <v>25</v>
      </c>
      <c r="O8032" s="1" t="s">
        <v>38</v>
      </c>
      <c r="P8032" s="5" t="s">
        <v>32549</v>
      </c>
    </row>
    <row r="8033" spans="1:16" x14ac:dyDescent="0.2">
      <c r="A8033" s="1" t="s">
        <v>20</v>
      </c>
      <c r="B8033" s="1" t="s">
        <v>21</v>
      </c>
      <c r="C8033" s="1" t="s">
        <v>27657</v>
      </c>
      <c r="D8033" s="1" t="s">
        <v>27658</v>
      </c>
      <c r="E8033" s="1" t="s">
        <v>27659</v>
      </c>
      <c r="F8033" s="1" t="s">
        <v>9</v>
      </c>
      <c r="G8033" s="1" t="s">
        <v>18</v>
      </c>
      <c r="H8033" s="1" t="s">
        <v>10</v>
      </c>
      <c r="I8033" s="1" t="s">
        <v>1868</v>
      </c>
      <c r="J8033" s="1" t="s">
        <v>27256</v>
      </c>
      <c r="K8033" s="1" t="s">
        <v>7</v>
      </c>
      <c r="L8033" s="1" t="s">
        <v>27656</v>
      </c>
      <c r="M8033" s="1" t="s">
        <v>5</v>
      </c>
      <c r="N8033" s="1" t="s">
        <v>1009</v>
      </c>
      <c r="O8033" s="1" t="s">
        <v>8</v>
      </c>
      <c r="P8033" s="5" t="s">
        <v>32529</v>
      </c>
    </row>
    <row r="8034" spans="1:16" x14ac:dyDescent="0.2">
      <c r="A8034" s="1" t="s">
        <v>20</v>
      </c>
      <c r="B8034" s="1" t="s">
        <v>253</v>
      </c>
      <c r="C8034" s="1" t="s">
        <v>27661</v>
      </c>
      <c r="D8034" s="1" t="s">
        <v>27662</v>
      </c>
      <c r="E8034" s="1" t="s">
        <v>27663</v>
      </c>
      <c r="F8034" s="1" t="s">
        <v>10</v>
      </c>
      <c r="G8034" s="1" t="s">
        <v>10</v>
      </c>
      <c r="H8034" s="1" t="s">
        <v>10</v>
      </c>
      <c r="I8034" s="1" t="s">
        <v>1868</v>
      </c>
      <c r="J8034" s="1" t="s">
        <v>27272</v>
      </c>
      <c r="K8034" s="1" t="s">
        <v>27</v>
      </c>
      <c r="L8034" s="1" t="s">
        <v>27660</v>
      </c>
      <c r="M8034" s="1" t="s">
        <v>5</v>
      </c>
      <c r="N8034" s="1" t="s">
        <v>25</v>
      </c>
      <c r="O8034" s="1" t="s">
        <v>38</v>
      </c>
      <c r="P8034" s="5" t="s">
        <v>30799</v>
      </c>
    </row>
    <row r="8035" spans="1:16" x14ac:dyDescent="0.2">
      <c r="A8035" s="1" t="s">
        <v>66</v>
      </c>
      <c r="B8035" s="1" t="s">
        <v>4741</v>
      </c>
      <c r="C8035" s="1" t="s">
        <v>27665</v>
      </c>
      <c r="D8035" s="1" t="s">
        <v>27666</v>
      </c>
      <c r="E8035" s="1" t="s">
        <v>27667</v>
      </c>
      <c r="F8035" s="1" t="s">
        <v>10</v>
      </c>
      <c r="G8035" s="1" t="s">
        <v>10</v>
      </c>
      <c r="H8035" s="1" t="s">
        <v>85</v>
      </c>
      <c r="I8035" s="1" t="s">
        <v>1868</v>
      </c>
      <c r="J8035" s="1" t="s">
        <v>27256</v>
      </c>
      <c r="K8035" s="1" t="s">
        <v>113</v>
      </c>
      <c r="L8035" s="1" t="s">
        <v>27664</v>
      </c>
      <c r="M8035" s="1" t="s">
        <v>5</v>
      </c>
      <c r="N8035" s="1" t="s">
        <v>1009</v>
      </c>
      <c r="O8035" s="1" t="s">
        <v>38</v>
      </c>
      <c r="P8035" s="5" t="s">
        <v>32550</v>
      </c>
    </row>
    <row r="8036" spans="1:16" x14ac:dyDescent="0.2">
      <c r="A8036" s="1" t="s">
        <v>42</v>
      </c>
      <c r="B8036" s="1" t="s">
        <v>50</v>
      </c>
      <c r="C8036" s="1" t="s">
        <v>27669</v>
      </c>
      <c r="D8036" s="1" t="s">
        <v>27670</v>
      </c>
      <c r="E8036" s="1" t="s">
        <v>27671</v>
      </c>
      <c r="F8036" s="1" t="s">
        <v>10</v>
      </c>
      <c r="G8036" s="1" t="s">
        <v>10</v>
      </c>
      <c r="H8036" s="1" t="s">
        <v>85</v>
      </c>
      <c r="I8036" s="1" t="s">
        <v>1868</v>
      </c>
      <c r="J8036" s="1" t="s">
        <v>27272</v>
      </c>
      <c r="K8036" s="1" t="s">
        <v>27</v>
      </c>
      <c r="L8036" s="1" t="s">
        <v>27668</v>
      </c>
      <c r="M8036" s="1" t="s">
        <v>5</v>
      </c>
      <c r="N8036" s="1" t="s">
        <v>1009</v>
      </c>
      <c r="O8036" s="1" t="s">
        <v>38</v>
      </c>
      <c r="P8036" s="5" t="s">
        <v>32551</v>
      </c>
    </row>
    <row r="8037" spans="1:16" x14ac:dyDescent="0.2">
      <c r="A8037" s="1" t="s">
        <v>42</v>
      </c>
      <c r="B8037" s="1" t="s">
        <v>43</v>
      </c>
      <c r="C8037" s="1" t="s">
        <v>27673</v>
      </c>
      <c r="D8037" s="1" t="s">
        <v>27674</v>
      </c>
      <c r="E8037" s="1" t="s">
        <v>27675</v>
      </c>
      <c r="F8037" s="1" t="s">
        <v>10</v>
      </c>
      <c r="G8037" s="1" t="s">
        <v>10</v>
      </c>
      <c r="H8037" s="1" t="s">
        <v>10</v>
      </c>
      <c r="I8037" s="1" t="s">
        <v>1868</v>
      </c>
      <c r="J8037" s="1" t="s">
        <v>27256</v>
      </c>
      <c r="K8037" s="1" t="s">
        <v>37</v>
      </c>
      <c r="L8037" s="1" t="s">
        <v>27672</v>
      </c>
      <c r="M8037" s="1" t="s">
        <v>5</v>
      </c>
      <c r="N8037" s="1" t="s">
        <v>25</v>
      </c>
      <c r="O8037" s="1" t="s">
        <v>38</v>
      </c>
      <c r="P8037" s="5" t="s">
        <v>30824</v>
      </c>
    </row>
    <row r="8038" spans="1:16" x14ac:dyDescent="0.2">
      <c r="A8038" s="1" t="s">
        <v>20</v>
      </c>
      <c r="B8038" s="1" t="s">
        <v>132</v>
      </c>
      <c r="C8038" s="1" t="s">
        <v>27677</v>
      </c>
      <c r="D8038" s="1" t="s">
        <v>16125</v>
      </c>
      <c r="E8038" s="1"/>
      <c r="F8038" s="1" t="s">
        <v>10</v>
      </c>
      <c r="G8038" s="1" t="s">
        <v>10</v>
      </c>
      <c r="H8038" s="1" t="s">
        <v>10</v>
      </c>
      <c r="I8038" s="1" t="s">
        <v>1868</v>
      </c>
      <c r="J8038" s="1" t="s">
        <v>27256</v>
      </c>
      <c r="K8038" s="1" t="s">
        <v>231</v>
      </c>
      <c r="L8038" s="1" t="s">
        <v>27676</v>
      </c>
      <c r="M8038" s="1" t="s">
        <v>5</v>
      </c>
      <c r="N8038" s="1" t="s">
        <v>25</v>
      </c>
      <c r="O8038" s="1" t="s">
        <v>38</v>
      </c>
      <c r="P8038" s="5" t="s">
        <v>30550</v>
      </c>
    </row>
    <row r="8039" spans="1:16" x14ac:dyDescent="0.2">
      <c r="A8039" s="1" t="s">
        <v>20</v>
      </c>
      <c r="B8039" s="1" t="s">
        <v>253</v>
      </c>
      <c r="C8039" s="1" t="s">
        <v>27679</v>
      </c>
      <c r="D8039" s="1" t="s">
        <v>27680</v>
      </c>
      <c r="E8039" s="1" t="s">
        <v>27681</v>
      </c>
      <c r="F8039" s="1" t="s">
        <v>10</v>
      </c>
      <c r="G8039" s="1" t="s">
        <v>10</v>
      </c>
      <c r="H8039" s="1" t="s">
        <v>10</v>
      </c>
      <c r="I8039" s="1" t="s">
        <v>1868</v>
      </c>
      <c r="J8039" s="1" t="s">
        <v>27321</v>
      </c>
      <c r="K8039" s="1" t="s">
        <v>27</v>
      </c>
      <c r="L8039" s="1" t="s">
        <v>27678</v>
      </c>
      <c r="M8039" s="1" t="s">
        <v>5</v>
      </c>
      <c r="N8039" s="1" t="s">
        <v>25</v>
      </c>
      <c r="O8039" s="1" t="s">
        <v>38</v>
      </c>
      <c r="P8039" s="5" t="s">
        <v>30803</v>
      </c>
    </row>
    <row r="8040" spans="1:16" x14ac:dyDescent="0.2">
      <c r="A8040" s="1" t="s">
        <v>329</v>
      </c>
      <c r="B8040" s="1" t="s">
        <v>2622</v>
      </c>
      <c r="C8040" s="1" t="s">
        <v>27683</v>
      </c>
      <c r="D8040" s="1" t="s">
        <v>27684</v>
      </c>
      <c r="E8040" s="1" t="s">
        <v>27685</v>
      </c>
      <c r="F8040" s="1" t="s">
        <v>10</v>
      </c>
      <c r="G8040" s="1" t="s">
        <v>10</v>
      </c>
      <c r="H8040" s="1" t="s">
        <v>10</v>
      </c>
      <c r="I8040" s="1" t="s">
        <v>1868</v>
      </c>
      <c r="J8040" s="1" t="s">
        <v>27545</v>
      </c>
      <c r="K8040" s="1" t="s">
        <v>27</v>
      </c>
      <c r="L8040" s="1" t="s">
        <v>27682</v>
      </c>
      <c r="M8040" s="1" t="s">
        <v>5</v>
      </c>
      <c r="N8040" s="1" t="s">
        <v>1009</v>
      </c>
      <c r="O8040" s="1" t="s">
        <v>38</v>
      </c>
      <c r="P8040" s="5" t="s">
        <v>32552</v>
      </c>
    </row>
    <row r="8041" spans="1:16" x14ac:dyDescent="0.2">
      <c r="A8041" s="1" t="s">
        <v>66</v>
      </c>
      <c r="B8041" s="1" t="s">
        <v>4741</v>
      </c>
      <c r="C8041" s="1" t="s">
        <v>27687</v>
      </c>
      <c r="D8041" s="1" t="s">
        <v>27687</v>
      </c>
      <c r="E8041" s="1" t="s">
        <v>27688</v>
      </c>
      <c r="F8041" s="1" t="s">
        <v>10</v>
      </c>
      <c r="G8041" s="1" t="s">
        <v>10</v>
      </c>
      <c r="H8041" s="1" t="s">
        <v>85</v>
      </c>
      <c r="I8041" s="1" t="s">
        <v>1868</v>
      </c>
      <c r="J8041" s="1" t="s">
        <v>27648</v>
      </c>
      <c r="K8041" s="1" t="s">
        <v>586</v>
      </c>
      <c r="L8041" s="1" t="s">
        <v>27686</v>
      </c>
      <c r="M8041" s="1" t="s">
        <v>5</v>
      </c>
      <c r="N8041" s="1" t="s">
        <v>1009</v>
      </c>
      <c r="O8041" s="1" t="s">
        <v>38</v>
      </c>
      <c r="P8041" s="5" t="s">
        <v>32550</v>
      </c>
    </row>
    <row r="8042" spans="1:16" x14ac:dyDescent="0.2">
      <c r="A8042" s="1" t="s">
        <v>42</v>
      </c>
      <c r="B8042" s="1" t="s">
        <v>588</v>
      </c>
      <c r="C8042" s="1" t="s">
        <v>27690</v>
      </c>
      <c r="D8042" s="1" t="s">
        <v>27690</v>
      </c>
      <c r="E8042" s="1" t="s">
        <v>27691</v>
      </c>
      <c r="F8042" s="1" t="s">
        <v>10</v>
      </c>
      <c r="G8042" s="1" t="s">
        <v>10</v>
      </c>
      <c r="H8042" s="1" t="s">
        <v>27692</v>
      </c>
      <c r="I8042" s="1" t="s">
        <v>1868</v>
      </c>
      <c r="J8042" s="1" t="s">
        <v>27648</v>
      </c>
      <c r="K8042" s="1" t="s">
        <v>27</v>
      </c>
      <c r="L8042" s="1" t="s">
        <v>27689</v>
      </c>
      <c r="M8042" s="1" t="s">
        <v>5</v>
      </c>
      <c r="N8042" s="1" t="s">
        <v>1009</v>
      </c>
      <c r="O8042" s="1" t="s">
        <v>8</v>
      </c>
      <c r="P8042" s="5" t="s">
        <v>32553</v>
      </c>
    </row>
    <row r="8043" spans="1:16" x14ac:dyDescent="0.2">
      <c r="A8043" s="1" t="s">
        <v>66</v>
      </c>
      <c r="B8043" s="1" t="s">
        <v>4741</v>
      </c>
      <c r="C8043" s="1" t="s">
        <v>27694</v>
      </c>
      <c r="D8043" s="1" t="s">
        <v>27694</v>
      </c>
      <c r="E8043" s="1" t="s">
        <v>27695</v>
      </c>
      <c r="F8043" s="1" t="s">
        <v>10</v>
      </c>
      <c r="G8043" s="1" t="s">
        <v>10</v>
      </c>
      <c r="H8043" s="1" t="s">
        <v>85</v>
      </c>
      <c r="I8043" s="1" t="s">
        <v>1868</v>
      </c>
      <c r="J8043" s="1" t="s">
        <v>27272</v>
      </c>
      <c r="K8043" s="1" t="s">
        <v>27</v>
      </c>
      <c r="L8043" s="1" t="s">
        <v>27693</v>
      </c>
      <c r="M8043" s="1" t="s">
        <v>5</v>
      </c>
      <c r="N8043" s="1" t="s">
        <v>1009</v>
      </c>
      <c r="O8043" s="1" t="s">
        <v>38</v>
      </c>
      <c r="P8043" s="5" t="s">
        <v>32551</v>
      </c>
    </row>
    <row r="8044" spans="1:16" x14ac:dyDescent="0.2">
      <c r="A8044" s="1" t="s">
        <v>20</v>
      </c>
      <c r="B8044" s="1" t="s">
        <v>1804</v>
      </c>
      <c r="C8044" s="1" t="s">
        <v>27697</v>
      </c>
      <c r="D8044" s="1" t="s">
        <v>27698</v>
      </c>
      <c r="E8044" s="1" t="s">
        <v>27697</v>
      </c>
      <c r="F8044" s="1" t="s">
        <v>10</v>
      </c>
      <c r="G8044" s="1" t="s">
        <v>10</v>
      </c>
      <c r="H8044" s="1" t="s">
        <v>10</v>
      </c>
      <c r="I8044" s="1" t="s">
        <v>1868</v>
      </c>
      <c r="J8044" s="1" t="s">
        <v>27329</v>
      </c>
      <c r="K8044" s="1" t="s">
        <v>27</v>
      </c>
      <c r="L8044" s="1" t="s">
        <v>27696</v>
      </c>
      <c r="M8044" s="1" t="s">
        <v>5</v>
      </c>
      <c r="N8044" s="1" t="s">
        <v>25</v>
      </c>
      <c r="O8044" s="1" t="s">
        <v>38</v>
      </c>
      <c r="P8044" s="5" t="s">
        <v>30825</v>
      </c>
    </row>
    <row r="8045" spans="1:16" x14ac:dyDescent="0.2">
      <c r="A8045" s="1" t="s">
        <v>42</v>
      </c>
      <c r="B8045" s="1" t="s">
        <v>50</v>
      </c>
      <c r="C8045" s="1" t="s">
        <v>27700</v>
      </c>
      <c r="D8045" s="1" t="s">
        <v>27701</v>
      </c>
      <c r="E8045" s="1" t="s">
        <v>27702</v>
      </c>
      <c r="F8045" s="1" t="s">
        <v>10</v>
      </c>
      <c r="G8045" s="1" t="s">
        <v>10</v>
      </c>
      <c r="H8045" s="1" t="s">
        <v>85</v>
      </c>
      <c r="I8045" s="1" t="s">
        <v>1868</v>
      </c>
      <c r="J8045" s="1" t="s">
        <v>27272</v>
      </c>
      <c r="K8045" s="1" t="s">
        <v>27</v>
      </c>
      <c r="L8045" s="1" t="s">
        <v>27699</v>
      </c>
      <c r="M8045" s="1" t="s">
        <v>5</v>
      </c>
      <c r="N8045" s="1" t="s">
        <v>1009</v>
      </c>
      <c r="O8045" s="1" t="s">
        <v>38</v>
      </c>
      <c r="P8045" s="5" t="s">
        <v>32551</v>
      </c>
    </row>
    <row r="8046" spans="1:16" x14ac:dyDescent="0.2">
      <c r="A8046" s="1" t="s">
        <v>329</v>
      </c>
      <c r="B8046" s="1" t="s">
        <v>596</v>
      </c>
      <c r="C8046" s="1" t="s">
        <v>27704</v>
      </c>
      <c r="D8046" s="1" t="s">
        <v>27705</v>
      </c>
      <c r="E8046" s="1" t="s">
        <v>27706</v>
      </c>
      <c r="F8046" s="1" t="s">
        <v>10</v>
      </c>
      <c r="G8046" s="1" t="s">
        <v>10</v>
      </c>
      <c r="H8046" s="1" t="s">
        <v>10</v>
      </c>
      <c r="I8046" s="1" t="s">
        <v>1868</v>
      </c>
      <c r="J8046" s="1" t="s">
        <v>27272</v>
      </c>
      <c r="K8046" s="1" t="s">
        <v>27</v>
      </c>
      <c r="L8046" s="1" t="s">
        <v>27703</v>
      </c>
      <c r="M8046" s="1" t="s">
        <v>5</v>
      </c>
      <c r="N8046" s="1" t="s">
        <v>25</v>
      </c>
      <c r="O8046" s="1" t="s">
        <v>38</v>
      </c>
      <c r="P8046" s="5" t="s">
        <v>32532</v>
      </c>
    </row>
    <row r="8047" spans="1:16" x14ac:dyDescent="0.2">
      <c r="A8047" s="1" t="s">
        <v>329</v>
      </c>
      <c r="B8047" s="1" t="s">
        <v>2622</v>
      </c>
      <c r="C8047" s="1" t="s">
        <v>27708</v>
      </c>
      <c r="D8047" s="1" t="s">
        <v>27709</v>
      </c>
      <c r="E8047" s="1" t="s">
        <v>27710</v>
      </c>
      <c r="F8047" s="1" t="s">
        <v>10</v>
      </c>
      <c r="G8047" s="1" t="s">
        <v>10</v>
      </c>
      <c r="H8047" s="1" t="s">
        <v>10</v>
      </c>
      <c r="I8047" s="1" t="s">
        <v>1868</v>
      </c>
      <c r="J8047" s="1" t="s">
        <v>27545</v>
      </c>
      <c r="K8047" s="1" t="s">
        <v>27</v>
      </c>
      <c r="L8047" s="1" t="s">
        <v>27707</v>
      </c>
      <c r="M8047" s="1" t="s">
        <v>5</v>
      </c>
      <c r="N8047" s="1" t="s">
        <v>1009</v>
      </c>
      <c r="O8047" s="1" t="s">
        <v>38</v>
      </c>
      <c r="P8047" s="5" t="s">
        <v>32554</v>
      </c>
    </row>
    <row r="8048" spans="1:16" x14ac:dyDescent="0.2">
      <c r="A8048" s="1" t="s">
        <v>329</v>
      </c>
      <c r="B8048" s="1" t="s">
        <v>2622</v>
      </c>
      <c r="C8048" s="1" t="s">
        <v>27712</v>
      </c>
      <c r="D8048" s="1" t="s">
        <v>27713</v>
      </c>
      <c r="E8048" s="1"/>
      <c r="F8048" s="1" t="s">
        <v>10</v>
      </c>
      <c r="G8048" s="1" t="s">
        <v>10</v>
      </c>
      <c r="H8048" s="1" t="s">
        <v>10</v>
      </c>
      <c r="I8048" s="1" t="s">
        <v>1868</v>
      </c>
      <c r="J8048" s="1" t="s">
        <v>27545</v>
      </c>
      <c r="K8048" s="1" t="s">
        <v>27</v>
      </c>
      <c r="L8048" s="1" t="s">
        <v>27711</v>
      </c>
      <c r="M8048" s="1" t="s">
        <v>5</v>
      </c>
      <c r="N8048" s="1" t="s">
        <v>1009</v>
      </c>
      <c r="O8048" s="1" t="s">
        <v>38</v>
      </c>
      <c r="P8048" s="5" t="s">
        <v>32555</v>
      </c>
    </row>
    <row r="8049" spans="1:16" x14ac:dyDescent="0.2">
      <c r="A8049" s="1" t="s">
        <v>20</v>
      </c>
      <c r="B8049" s="1" t="s">
        <v>21</v>
      </c>
      <c r="C8049" s="1" t="s">
        <v>27715</v>
      </c>
      <c r="D8049" s="1" t="s">
        <v>7315</v>
      </c>
      <c r="E8049" s="1" t="s">
        <v>27716</v>
      </c>
      <c r="F8049" s="1" t="s">
        <v>9</v>
      </c>
      <c r="G8049" s="1" t="s">
        <v>18</v>
      </c>
      <c r="H8049" s="1" t="s">
        <v>10</v>
      </c>
      <c r="I8049" s="1" t="s">
        <v>1868</v>
      </c>
      <c r="J8049" s="1" t="s">
        <v>27256</v>
      </c>
      <c r="K8049" s="1" t="s">
        <v>7</v>
      </c>
      <c r="L8049" s="1" t="s">
        <v>27714</v>
      </c>
      <c r="M8049" s="1" t="s">
        <v>5</v>
      </c>
      <c r="N8049" s="1" t="s">
        <v>1009</v>
      </c>
      <c r="O8049" s="1" t="s">
        <v>8</v>
      </c>
      <c r="P8049" s="5" t="s">
        <v>32529</v>
      </c>
    </row>
    <row r="8050" spans="1:16" x14ac:dyDescent="0.2">
      <c r="A8050" s="1" t="s">
        <v>20</v>
      </c>
      <c r="B8050" s="1" t="s">
        <v>21</v>
      </c>
      <c r="C8050" s="1" t="s">
        <v>27718</v>
      </c>
      <c r="D8050" s="1" t="s">
        <v>27719</v>
      </c>
      <c r="E8050" s="1" t="s">
        <v>27720</v>
      </c>
      <c r="F8050" s="1" t="s">
        <v>9</v>
      </c>
      <c r="G8050" s="1" t="s">
        <v>18</v>
      </c>
      <c r="H8050" s="1" t="s">
        <v>10</v>
      </c>
      <c r="I8050" s="1" t="s">
        <v>1868</v>
      </c>
      <c r="J8050" s="1" t="s">
        <v>27256</v>
      </c>
      <c r="K8050" s="1" t="s">
        <v>7</v>
      </c>
      <c r="L8050" s="1" t="s">
        <v>27717</v>
      </c>
      <c r="M8050" s="1" t="s">
        <v>5</v>
      </c>
      <c r="N8050" s="1" t="s">
        <v>1009</v>
      </c>
      <c r="O8050" s="1" t="s">
        <v>8</v>
      </c>
      <c r="P8050" s="5" t="s">
        <v>32529</v>
      </c>
    </row>
    <row r="8051" spans="1:16" x14ac:dyDescent="0.2">
      <c r="A8051" s="1" t="s">
        <v>20</v>
      </c>
      <c r="B8051" s="1" t="s">
        <v>21</v>
      </c>
      <c r="C8051" s="1" t="s">
        <v>27722</v>
      </c>
      <c r="D8051" s="1" t="s">
        <v>27723</v>
      </c>
      <c r="E8051" s="1" t="s">
        <v>27724</v>
      </c>
      <c r="F8051" s="1" t="s">
        <v>9</v>
      </c>
      <c r="G8051" s="1" t="s">
        <v>18</v>
      </c>
      <c r="H8051" s="1" t="s">
        <v>10</v>
      </c>
      <c r="I8051" s="1" t="s">
        <v>1868</v>
      </c>
      <c r="J8051" s="1" t="s">
        <v>27256</v>
      </c>
      <c r="K8051" s="1" t="s">
        <v>7</v>
      </c>
      <c r="L8051" s="1" t="s">
        <v>27721</v>
      </c>
      <c r="M8051" s="1" t="s">
        <v>5</v>
      </c>
      <c r="N8051" s="1" t="s">
        <v>1009</v>
      </c>
      <c r="O8051" s="1" t="s">
        <v>8</v>
      </c>
      <c r="P8051" s="5" t="s">
        <v>32529</v>
      </c>
    </row>
    <row r="8052" spans="1:16" x14ac:dyDescent="0.2">
      <c r="A8052" s="1" t="s">
        <v>20</v>
      </c>
      <c r="B8052" s="1" t="s">
        <v>21</v>
      </c>
      <c r="C8052" s="1" t="s">
        <v>27726</v>
      </c>
      <c r="D8052" s="1" t="s">
        <v>15036</v>
      </c>
      <c r="E8052" s="1" t="s">
        <v>27727</v>
      </c>
      <c r="F8052" s="1" t="s">
        <v>9</v>
      </c>
      <c r="G8052" s="1" t="s">
        <v>18</v>
      </c>
      <c r="H8052" s="1" t="s">
        <v>10</v>
      </c>
      <c r="I8052" s="1" t="s">
        <v>1868</v>
      </c>
      <c r="J8052" s="1" t="s">
        <v>27256</v>
      </c>
      <c r="K8052" s="1" t="s">
        <v>7</v>
      </c>
      <c r="L8052" s="1" t="s">
        <v>27725</v>
      </c>
      <c r="M8052" s="1" t="s">
        <v>5</v>
      </c>
      <c r="N8052" s="1" t="s">
        <v>1009</v>
      </c>
      <c r="O8052" s="1" t="s">
        <v>8</v>
      </c>
      <c r="P8052" s="5" t="s">
        <v>32534</v>
      </c>
    </row>
    <row r="8053" spans="1:16" x14ac:dyDescent="0.2">
      <c r="A8053" s="1" t="s">
        <v>20</v>
      </c>
      <c r="B8053" s="1" t="s">
        <v>21</v>
      </c>
      <c r="C8053" s="1" t="s">
        <v>27729</v>
      </c>
      <c r="D8053" s="1" t="s">
        <v>14757</v>
      </c>
      <c r="E8053" s="1" t="s">
        <v>27730</v>
      </c>
      <c r="F8053" s="1" t="s">
        <v>9</v>
      </c>
      <c r="G8053" s="1" t="s">
        <v>18</v>
      </c>
      <c r="H8053" s="1" t="s">
        <v>10</v>
      </c>
      <c r="I8053" s="1" t="s">
        <v>1868</v>
      </c>
      <c r="J8053" s="1" t="s">
        <v>27256</v>
      </c>
      <c r="K8053" s="1" t="s">
        <v>7</v>
      </c>
      <c r="L8053" s="1" t="s">
        <v>27728</v>
      </c>
      <c r="M8053" s="1" t="s">
        <v>5</v>
      </c>
      <c r="N8053" s="1" t="s">
        <v>1009</v>
      </c>
      <c r="O8053" s="1" t="s">
        <v>8</v>
      </c>
      <c r="P8053" s="5" t="s">
        <v>32529</v>
      </c>
    </row>
    <row r="8054" spans="1:16" x14ac:dyDescent="0.2">
      <c r="A8054" s="1" t="s">
        <v>20</v>
      </c>
      <c r="B8054" s="1" t="s">
        <v>21</v>
      </c>
      <c r="C8054" s="1" t="s">
        <v>27732</v>
      </c>
      <c r="D8054" s="1" t="s">
        <v>27733</v>
      </c>
      <c r="E8054" s="1" t="s">
        <v>27734</v>
      </c>
      <c r="F8054" s="1" t="s">
        <v>9</v>
      </c>
      <c r="G8054" s="1" t="s">
        <v>18</v>
      </c>
      <c r="H8054" s="1" t="s">
        <v>10</v>
      </c>
      <c r="I8054" s="1" t="s">
        <v>1868</v>
      </c>
      <c r="J8054" s="1" t="s">
        <v>27256</v>
      </c>
      <c r="K8054" s="1" t="s">
        <v>7</v>
      </c>
      <c r="L8054" s="1" t="s">
        <v>27731</v>
      </c>
      <c r="M8054" s="1" t="s">
        <v>5</v>
      </c>
      <c r="N8054" s="1" t="s">
        <v>1009</v>
      </c>
      <c r="O8054" s="1" t="s">
        <v>8</v>
      </c>
      <c r="P8054" s="5" t="s">
        <v>32529</v>
      </c>
    </row>
    <row r="8055" spans="1:16" x14ac:dyDescent="0.2">
      <c r="A8055" s="1" t="s">
        <v>20</v>
      </c>
      <c r="B8055" s="1" t="s">
        <v>21</v>
      </c>
      <c r="C8055" s="1" t="s">
        <v>27736</v>
      </c>
      <c r="D8055" s="1" t="s">
        <v>12501</v>
      </c>
      <c r="E8055" s="1" t="s">
        <v>27737</v>
      </c>
      <c r="F8055" s="1" t="s">
        <v>9</v>
      </c>
      <c r="G8055" s="1" t="s">
        <v>18</v>
      </c>
      <c r="H8055" s="1" t="s">
        <v>10</v>
      </c>
      <c r="I8055" s="1" t="s">
        <v>1868</v>
      </c>
      <c r="J8055" s="1" t="s">
        <v>27256</v>
      </c>
      <c r="K8055" s="1" t="s">
        <v>7</v>
      </c>
      <c r="L8055" s="1" t="s">
        <v>27735</v>
      </c>
      <c r="M8055" s="1" t="s">
        <v>5</v>
      </c>
      <c r="N8055" s="1" t="s">
        <v>1009</v>
      </c>
      <c r="O8055" s="1" t="s">
        <v>8</v>
      </c>
      <c r="P8055" s="5" t="s">
        <v>32529</v>
      </c>
    </row>
    <row r="8056" spans="1:16" x14ac:dyDescent="0.2">
      <c r="A8056" s="1" t="s">
        <v>20</v>
      </c>
      <c r="B8056" s="1" t="s">
        <v>21</v>
      </c>
      <c r="C8056" s="1" t="s">
        <v>27739</v>
      </c>
      <c r="D8056" s="1" t="s">
        <v>27740</v>
      </c>
      <c r="E8056" s="1" t="s">
        <v>27741</v>
      </c>
      <c r="F8056" s="1" t="s">
        <v>9</v>
      </c>
      <c r="G8056" s="1" t="s">
        <v>18</v>
      </c>
      <c r="H8056" s="1" t="s">
        <v>10</v>
      </c>
      <c r="I8056" s="1" t="s">
        <v>1868</v>
      </c>
      <c r="J8056" s="1" t="s">
        <v>27256</v>
      </c>
      <c r="K8056" s="1" t="s">
        <v>7</v>
      </c>
      <c r="L8056" s="1" t="s">
        <v>27738</v>
      </c>
      <c r="M8056" s="1" t="s">
        <v>5</v>
      </c>
      <c r="N8056" s="1" t="s">
        <v>1009</v>
      </c>
      <c r="O8056" s="1" t="s">
        <v>8</v>
      </c>
      <c r="P8056" s="5" t="s">
        <v>32529</v>
      </c>
    </row>
    <row r="8057" spans="1:16" x14ac:dyDescent="0.2">
      <c r="A8057" s="1" t="s">
        <v>20</v>
      </c>
      <c r="B8057" s="1" t="s">
        <v>21</v>
      </c>
      <c r="C8057" s="1" t="s">
        <v>27743</v>
      </c>
      <c r="D8057" s="1" t="s">
        <v>3247</v>
      </c>
      <c r="E8057" s="1" t="s">
        <v>27744</v>
      </c>
      <c r="F8057" s="1" t="s">
        <v>9</v>
      </c>
      <c r="G8057" s="1" t="s">
        <v>18</v>
      </c>
      <c r="H8057" s="1" t="s">
        <v>10</v>
      </c>
      <c r="I8057" s="1" t="s">
        <v>1868</v>
      </c>
      <c r="J8057" s="1" t="s">
        <v>27256</v>
      </c>
      <c r="K8057" s="1" t="s">
        <v>7</v>
      </c>
      <c r="L8057" s="1" t="s">
        <v>27742</v>
      </c>
      <c r="M8057" s="1" t="s">
        <v>5</v>
      </c>
      <c r="N8057" s="1" t="s">
        <v>1009</v>
      </c>
      <c r="O8057" s="1" t="s">
        <v>8</v>
      </c>
      <c r="P8057" s="5" t="s">
        <v>32534</v>
      </c>
    </row>
    <row r="8058" spans="1:16" x14ac:dyDescent="0.2">
      <c r="A8058" s="1" t="s">
        <v>20</v>
      </c>
      <c r="B8058" s="1" t="s">
        <v>21</v>
      </c>
      <c r="C8058" s="1" t="s">
        <v>27746</v>
      </c>
      <c r="D8058" s="1" t="s">
        <v>10335</v>
      </c>
      <c r="E8058" s="1" t="s">
        <v>27747</v>
      </c>
      <c r="F8058" s="1" t="s">
        <v>9</v>
      </c>
      <c r="G8058" s="1" t="s">
        <v>18</v>
      </c>
      <c r="H8058" s="1" t="s">
        <v>10</v>
      </c>
      <c r="I8058" s="1" t="s">
        <v>1868</v>
      </c>
      <c r="J8058" s="1" t="s">
        <v>27256</v>
      </c>
      <c r="K8058" s="1" t="s">
        <v>7</v>
      </c>
      <c r="L8058" s="1" t="s">
        <v>27745</v>
      </c>
      <c r="M8058" s="1" t="s">
        <v>5</v>
      </c>
      <c r="N8058" s="1" t="s">
        <v>1009</v>
      </c>
      <c r="O8058" s="1" t="s">
        <v>8</v>
      </c>
      <c r="P8058" s="5" t="s">
        <v>32529</v>
      </c>
    </row>
    <row r="8059" spans="1:16" x14ac:dyDescent="0.2">
      <c r="A8059" s="1" t="s">
        <v>20</v>
      </c>
      <c r="B8059" s="1" t="s">
        <v>21</v>
      </c>
      <c r="C8059" s="1" t="s">
        <v>27749</v>
      </c>
      <c r="D8059" s="1" t="s">
        <v>27750</v>
      </c>
      <c r="E8059" s="1" t="s">
        <v>27751</v>
      </c>
      <c r="F8059" s="1" t="s">
        <v>9</v>
      </c>
      <c r="G8059" s="1" t="s">
        <v>18</v>
      </c>
      <c r="H8059" s="1" t="s">
        <v>10</v>
      </c>
      <c r="I8059" s="1" t="s">
        <v>1868</v>
      </c>
      <c r="J8059" s="1" t="s">
        <v>27256</v>
      </c>
      <c r="K8059" s="1" t="s">
        <v>7</v>
      </c>
      <c r="L8059" s="1" t="s">
        <v>27748</v>
      </c>
      <c r="M8059" s="1" t="s">
        <v>5</v>
      </c>
      <c r="N8059" s="1" t="s">
        <v>1009</v>
      </c>
      <c r="O8059" s="1" t="s">
        <v>8</v>
      </c>
      <c r="P8059" s="5" t="s">
        <v>32529</v>
      </c>
    </row>
    <row r="8060" spans="1:16" x14ac:dyDescent="0.2">
      <c r="A8060" s="1" t="s">
        <v>20</v>
      </c>
      <c r="B8060" s="1" t="s">
        <v>21</v>
      </c>
      <c r="C8060" s="1" t="s">
        <v>27753</v>
      </c>
      <c r="D8060" s="1" t="s">
        <v>27754</v>
      </c>
      <c r="E8060" s="1" t="s">
        <v>27755</v>
      </c>
      <c r="F8060" s="1" t="s">
        <v>9</v>
      </c>
      <c r="G8060" s="1" t="s">
        <v>18</v>
      </c>
      <c r="H8060" s="1" t="s">
        <v>10</v>
      </c>
      <c r="I8060" s="1" t="s">
        <v>1868</v>
      </c>
      <c r="J8060" s="1" t="s">
        <v>27256</v>
      </c>
      <c r="K8060" s="1" t="s">
        <v>7</v>
      </c>
      <c r="L8060" s="1" t="s">
        <v>27752</v>
      </c>
      <c r="M8060" s="1" t="s">
        <v>5</v>
      </c>
      <c r="N8060" s="1" t="s">
        <v>1009</v>
      </c>
      <c r="O8060" s="1" t="s">
        <v>8</v>
      </c>
      <c r="P8060" s="5" t="s">
        <v>32529</v>
      </c>
    </row>
    <row r="8061" spans="1:16" x14ac:dyDescent="0.2">
      <c r="A8061" s="1" t="s">
        <v>20</v>
      </c>
      <c r="B8061" s="1" t="s">
        <v>99</v>
      </c>
      <c r="C8061" s="1" t="s">
        <v>27757</v>
      </c>
      <c r="D8061" s="1" t="s">
        <v>27758</v>
      </c>
      <c r="E8061" s="1" t="s">
        <v>27759</v>
      </c>
      <c r="F8061" s="1" t="s">
        <v>10</v>
      </c>
      <c r="G8061" s="1" t="s">
        <v>10</v>
      </c>
      <c r="H8061" s="1" t="s">
        <v>10</v>
      </c>
      <c r="I8061" s="1" t="s">
        <v>1868</v>
      </c>
      <c r="J8061" s="1" t="s">
        <v>27256</v>
      </c>
      <c r="K8061" s="1" t="s">
        <v>1468</v>
      </c>
      <c r="L8061" s="1" t="s">
        <v>27756</v>
      </c>
      <c r="M8061" s="1" t="s">
        <v>5</v>
      </c>
      <c r="N8061" s="1" t="s">
        <v>25</v>
      </c>
      <c r="O8061" s="1" t="s">
        <v>38</v>
      </c>
      <c r="P8061" s="5" t="s">
        <v>30800</v>
      </c>
    </row>
    <row r="8062" spans="1:16" x14ac:dyDescent="0.2">
      <c r="A8062" s="1" t="s">
        <v>66</v>
      </c>
      <c r="B8062" s="1" t="s">
        <v>67</v>
      </c>
      <c r="C8062" s="1" t="s">
        <v>27761</v>
      </c>
      <c r="D8062" s="1" t="s">
        <v>4113</v>
      </c>
      <c r="E8062" s="1" t="s">
        <v>27762</v>
      </c>
      <c r="F8062" s="1" t="s">
        <v>522</v>
      </c>
      <c r="G8062" s="1" t="s">
        <v>10</v>
      </c>
      <c r="H8062" s="1" t="s">
        <v>27763</v>
      </c>
      <c r="I8062" s="1" t="s">
        <v>1868</v>
      </c>
      <c r="J8062" s="1" t="s">
        <v>27261</v>
      </c>
      <c r="K8062" s="1" t="s">
        <v>27</v>
      </c>
      <c r="L8062" s="1" t="s">
        <v>27760</v>
      </c>
      <c r="M8062" s="1" t="s">
        <v>5</v>
      </c>
      <c r="N8062" s="1" t="s">
        <v>1009</v>
      </c>
      <c r="O8062" s="1" t="s">
        <v>38</v>
      </c>
      <c r="P8062" s="5" t="s">
        <v>32556</v>
      </c>
    </row>
    <row r="8063" spans="1:16" x14ac:dyDescent="0.2">
      <c r="A8063" s="1" t="s">
        <v>20</v>
      </c>
      <c r="B8063" s="1" t="s">
        <v>253</v>
      </c>
      <c r="C8063" s="1" t="s">
        <v>27765</v>
      </c>
      <c r="D8063" s="1" t="s">
        <v>27766</v>
      </c>
      <c r="E8063" s="1" t="s">
        <v>27767</v>
      </c>
      <c r="F8063" s="1" t="s">
        <v>10</v>
      </c>
      <c r="G8063" s="1" t="s">
        <v>10</v>
      </c>
      <c r="H8063" s="1" t="s">
        <v>10</v>
      </c>
      <c r="I8063" s="1" t="s">
        <v>1868</v>
      </c>
      <c r="J8063" s="1" t="s">
        <v>27272</v>
      </c>
      <c r="K8063" s="1" t="s">
        <v>27</v>
      </c>
      <c r="L8063" s="1" t="s">
        <v>27764</v>
      </c>
      <c r="M8063" s="1" t="s">
        <v>5</v>
      </c>
      <c r="N8063" s="1" t="s">
        <v>25</v>
      </c>
      <c r="O8063" s="1" t="s">
        <v>38</v>
      </c>
      <c r="P8063" s="5" t="s">
        <v>32557</v>
      </c>
    </row>
    <row r="8064" spans="1:16" x14ac:dyDescent="0.2">
      <c r="A8064" s="1" t="s">
        <v>20</v>
      </c>
      <c r="B8064" s="1" t="s">
        <v>302</v>
      </c>
      <c r="C8064" s="1" t="s">
        <v>27769</v>
      </c>
      <c r="D8064" s="1" t="s">
        <v>27770</v>
      </c>
      <c r="E8064" s="1" t="s">
        <v>27771</v>
      </c>
      <c r="F8064" s="1" t="s">
        <v>10</v>
      </c>
      <c r="G8064" s="1" t="s">
        <v>10</v>
      </c>
      <c r="H8064" s="1" t="s">
        <v>10</v>
      </c>
      <c r="I8064" s="1" t="s">
        <v>1868</v>
      </c>
      <c r="J8064" s="1" t="s">
        <v>27256</v>
      </c>
      <c r="K8064" s="1" t="s">
        <v>64</v>
      </c>
      <c r="L8064" s="1" t="s">
        <v>27768</v>
      </c>
      <c r="M8064" s="1" t="s">
        <v>5</v>
      </c>
      <c r="N8064" s="1" t="s">
        <v>25</v>
      </c>
      <c r="O8064" s="1" t="s">
        <v>38</v>
      </c>
      <c r="P8064" s="5" t="s">
        <v>30826</v>
      </c>
    </row>
    <row r="8065" spans="1:16" x14ac:dyDescent="0.2">
      <c r="A8065" s="1" t="s">
        <v>42</v>
      </c>
      <c r="B8065" s="1" t="s">
        <v>1341</v>
      </c>
      <c r="C8065" s="1" t="s">
        <v>27773</v>
      </c>
      <c r="D8065" s="1" t="s">
        <v>27774</v>
      </c>
      <c r="E8065" s="1" t="s">
        <v>27775</v>
      </c>
      <c r="F8065" s="1" t="s">
        <v>10</v>
      </c>
      <c r="G8065" s="1" t="s">
        <v>10</v>
      </c>
      <c r="H8065" s="1" t="s">
        <v>10</v>
      </c>
      <c r="I8065" s="1" t="s">
        <v>1868</v>
      </c>
      <c r="J8065" s="1" t="s">
        <v>27272</v>
      </c>
      <c r="K8065" s="1" t="s">
        <v>27</v>
      </c>
      <c r="L8065" s="1" t="s">
        <v>27772</v>
      </c>
      <c r="M8065" s="1" t="s">
        <v>5</v>
      </c>
      <c r="N8065" s="1" t="s">
        <v>25</v>
      </c>
      <c r="O8065" s="1" t="s">
        <v>38</v>
      </c>
      <c r="P8065" s="5" t="s">
        <v>32532</v>
      </c>
    </row>
    <row r="8066" spans="1:16" x14ac:dyDescent="0.2">
      <c r="A8066" s="1" t="s">
        <v>10</v>
      </c>
      <c r="B8066" s="1" t="s">
        <v>10</v>
      </c>
      <c r="C8066" s="1" t="s">
        <v>27777</v>
      </c>
      <c r="D8066" s="1" t="s">
        <v>27778</v>
      </c>
      <c r="E8066" s="1" t="s">
        <v>27779</v>
      </c>
      <c r="F8066" s="1" t="s">
        <v>10</v>
      </c>
      <c r="G8066" s="1" t="s">
        <v>10</v>
      </c>
      <c r="H8066" s="1" t="s">
        <v>10</v>
      </c>
      <c r="I8066" s="1" t="s">
        <v>1868</v>
      </c>
      <c r="J8066" s="1" t="s">
        <v>27256</v>
      </c>
      <c r="K8066" s="1" t="s">
        <v>10</v>
      </c>
      <c r="L8066" s="1" t="s">
        <v>27776</v>
      </c>
      <c r="M8066" s="1" t="s">
        <v>5</v>
      </c>
      <c r="N8066" s="1" t="s">
        <v>6</v>
      </c>
      <c r="O8066" s="1" t="s">
        <v>38</v>
      </c>
      <c r="P8066" s="5"/>
    </row>
    <row r="8067" spans="1:16" x14ac:dyDescent="0.2">
      <c r="A8067" s="1" t="s">
        <v>20</v>
      </c>
      <c r="B8067" s="1" t="s">
        <v>253</v>
      </c>
      <c r="C8067" s="1" t="s">
        <v>27781</v>
      </c>
      <c r="D8067" s="1" t="s">
        <v>27782</v>
      </c>
      <c r="E8067" s="1" t="s">
        <v>27783</v>
      </c>
      <c r="F8067" s="1" t="s">
        <v>10</v>
      </c>
      <c r="G8067" s="1" t="s">
        <v>10</v>
      </c>
      <c r="H8067" s="1" t="s">
        <v>10</v>
      </c>
      <c r="I8067" s="1" t="s">
        <v>1868</v>
      </c>
      <c r="J8067" s="1" t="s">
        <v>27272</v>
      </c>
      <c r="K8067" s="1" t="s">
        <v>27</v>
      </c>
      <c r="L8067" s="1" t="s">
        <v>27780</v>
      </c>
      <c r="M8067" s="1" t="s">
        <v>5</v>
      </c>
      <c r="N8067" s="1" t="s">
        <v>1009</v>
      </c>
      <c r="O8067" s="1" t="s">
        <v>38</v>
      </c>
      <c r="P8067" s="5" t="s">
        <v>30842</v>
      </c>
    </row>
    <row r="8068" spans="1:16" x14ac:dyDescent="0.2">
      <c r="A8068" s="1" t="s">
        <v>42</v>
      </c>
      <c r="B8068" s="1" t="s">
        <v>43</v>
      </c>
      <c r="C8068" s="1" t="s">
        <v>12036</v>
      </c>
      <c r="D8068" s="1" t="s">
        <v>19826</v>
      </c>
      <c r="E8068" s="1" t="s">
        <v>27785</v>
      </c>
      <c r="F8068" s="1" t="s">
        <v>27</v>
      </c>
      <c r="G8068" s="1" t="s">
        <v>1042</v>
      </c>
      <c r="H8068" s="1" t="s">
        <v>27786</v>
      </c>
      <c r="I8068" s="1" t="s">
        <v>1868</v>
      </c>
      <c r="J8068" s="1" t="s">
        <v>27256</v>
      </c>
      <c r="K8068" s="1" t="s">
        <v>37</v>
      </c>
      <c r="L8068" s="1" t="s">
        <v>27784</v>
      </c>
      <c r="M8068" s="1" t="s">
        <v>5</v>
      </c>
      <c r="N8068" s="1" t="s">
        <v>1009</v>
      </c>
      <c r="O8068" s="1" t="s">
        <v>8</v>
      </c>
      <c r="P8068" s="5" t="s">
        <v>32558</v>
      </c>
    </row>
    <row r="8069" spans="1:16" x14ac:dyDescent="0.2">
      <c r="A8069" s="1" t="s">
        <v>42</v>
      </c>
      <c r="B8069" s="1" t="s">
        <v>1341</v>
      </c>
      <c r="C8069" s="1" t="s">
        <v>27788</v>
      </c>
      <c r="D8069" s="1" t="s">
        <v>27789</v>
      </c>
      <c r="E8069" s="1"/>
      <c r="F8069" s="1" t="s">
        <v>10</v>
      </c>
      <c r="G8069" s="1" t="s">
        <v>10</v>
      </c>
      <c r="H8069" s="1" t="s">
        <v>10</v>
      </c>
      <c r="I8069" s="1" t="s">
        <v>1868</v>
      </c>
      <c r="J8069" s="1" t="s">
        <v>27272</v>
      </c>
      <c r="K8069" s="1" t="s">
        <v>27</v>
      </c>
      <c r="L8069" s="1" t="s">
        <v>27787</v>
      </c>
      <c r="M8069" s="1" t="s">
        <v>5</v>
      </c>
      <c r="N8069" s="1" t="s">
        <v>1009</v>
      </c>
      <c r="O8069" s="1" t="s">
        <v>38</v>
      </c>
      <c r="P8069" s="5" t="s">
        <v>30842</v>
      </c>
    </row>
    <row r="8070" spans="1:16" x14ac:dyDescent="0.2">
      <c r="A8070" s="1" t="s">
        <v>20</v>
      </c>
      <c r="B8070" s="1" t="s">
        <v>445</v>
      </c>
      <c r="C8070" s="1" t="s">
        <v>27791</v>
      </c>
      <c r="D8070" s="1" t="s">
        <v>27792</v>
      </c>
      <c r="E8070" s="1" t="s">
        <v>27793</v>
      </c>
      <c r="F8070" s="1" t="s">
        <v>10</v>
      </c>
      <c r="G8070" s="1" t="s">
        <v>10</v>
      </c>
      <c r="H8070" s="1" t="s">
        <v>10</v>
      </c>
      <c r="I8070" s="1" t="s">
        <v>1868</v>
      </c>
      <c r="J8070" s="1" t="s">
        <v>27261</v>
      </c>
      <c r="K8070" s="1" t="s">
        <v>27</v>
      </c>
      <c r="L8070" s="1" t="s">
        <v>27790</v>
      </c>
      <c r="M8070" s="1" t="s">
        <v>5</v>
      </c>
      <c r="N8070" s="1" t="s">
        <v>25</v>
      </c>
      <c r="O8070" s="1" t="s">
        <v>38</v>
      </c>
      <c r="P8070" s="5" t="s">
        <v>32559</v>
      </c>
    </row>
    <row r="8071" spans="1:16" x14ac:dyDescent="0.2">
      <c r="A8071" s="1" t="s">
        <v>20</v>
      </c>
      <c r="B8071" s="1" t="s">
        <v>132</v>
      </c>
      <c r="C8071" s="1" t="s">
        <v>27795</v>
      </c>
      <c r="D8071" s="1" t="s">
        <v>27796</v>
      </c>
      <c r="E8071" s="1" t="s">
        <v>27797</v>
      </c>
      <c r="F8071" s="1" t="s">
        <v>10</v>
      </c>
      <c r="G8071" s="1" t="s">
        <v>10</v>
      </c>
      <c r="H8071" s="1" t="s">
        <v>10</v>
      </c>
      <c r="I8071" s="1" t="s">
        <v>1868</v>
      </c>
      <c r="J8071" s="1" t="s">
        <v>27256</v>
      </c>
      <c r="K8071" s="1" t="s">
        <v>6533</v>
      </c>
      <c r="L8071" s="1" t="s">
        <v>27794</v>
      </c>
      <c r="M8071" s="1" t="s">
        <v>5</v>
      </c>
      <c r="N8071" s="1" t="s">
        <v>25</v>
      </c>
      <c r="O8071" s="1" t="s">
        <v>38</v>
      </c>
      <c r="P8071" s="5" t="s">
        <v>30827</v>
      </c>
    </row>
    <row r="8072" spans="1:16" x14ac:dyDescent="0.2">
      <c r="A8072" s="1" t="s">
        <v>42</v>
      </c>
      <c r="B8072" s="1" t="s">
        <v>1341</v>
      </c>
      <c r="C8072" s="1" t="s">
        <v>27799</v>
      </c>
      <c r="D8072" s="1" t="s">
        <v>27800</v>
      </c>
      <c r="E8072" s="1" t="s">
        <v>27801</v>
      </c>
      <c r="F8072" s="1" t="s">
        <v>10</v>
      </c>
      <c r="G8072" s="1" t="s">
        <v>10</v>
      </c>
      <c r="H8072" s="1" t="s">
        <v>10</v>
      </c>
      <c r="I8072" s="1" t="s">
        <v>1868</v>
      </c>
      <c r="J8072" s="1" t="s">
        <v>27329</v>
      </c>
      <c r="K8072" s="1" t="s">
        <v>27</v>
      </c>
      <c r="L8072" s="1" t="s">
        <v>27798</v>
      </c>
      <c r="M8072" s="1" t="s">
        <v>5</v>
      </c>
      <c r="N8072" s="1" t="s">
        <v>25</v>
      </c>
      <c r="O8072" s="1" t="s">
        <v>38</v>
      </c>
      <c r="P8072" s="5" t="s">
        <v>30809</v>
      </c>
    </row>
    <row r="8073" spans="1:16" x14ac:dyDescent="0.2">
      <c r="A8073" s="1" t="s">
        <v>20</v>
      </c>
      <c r="B8073" s="1" t="s">
        <v>445</v>
      </c>
      <c r="C8073" s="1" t="s">
        <v>27803</v>
      </c>
      <c r="D8073" s="1" t="s">
        <v>2951</v>
      </c>
      <c r="E8073" s="1" t="s">
        <v>27804</v>
      </c>
      <c r="F8073" s="1" t="s">
        <v>10</v>
      </c>
      <c r="G8073" s="1" t="s">
        <v>10</v>
      </c>
      <c r="H8073" s="1" t="s">
        <v>10</v>
      </c>
      <c r="I8073" s="1" t="s">
        <v>1868</v>
      </c>
      <c r="J8073" s="1" t="s">
        <v>27272</v>
      </c>
      <c r="K8073" s="1" t="s">
        <v>27</v>
      </c>
      <c r="L8073" s="1" t="s">
        <v>27802</v>
      </c>
      <c r="M8073" s="1" t="s">
        <v>5</v>
      </c>
      <c r="N8073" s="1" t="s">
        <v>25</v>
      </c>
      <c r="O8073" s="1" t="s">
        <v>38</v>
      </c>
      <c r="P8073" s="5" t="s">
        <v>30799</v>
      </c>
    </row>
    <row r="8074" spans="1:16" x14ac:dyDescent="0.2">
      <c r="A8074" s="1" t="s">
        <v>42</v>
      </c>
      <c r="B8074" s="1" t="s">
        <v>1341</v>
      </c>
      <c r="C8074" s="1" t="s">
        <v>27806</v>
      </c>
      <c r="D8074" s="1" t="s">
        <v>27807</v>
      </c>
      <c r="E8074" s="1" t="s">
        <v>27809</v>
      </c>
      <c r="F8074" s="1" t="s">
        <v>10</v>
      </c>
      <c r="G8074" s="1" t="s">
        <v>10</v>
      </c>
      <c r="H8074" s="1" t="s">
        <v>10</v>
      </c>
      <c r="I8074" s="1" t="s">
        <v>1868</v>
      </c>
      <c r="J8074" s="1" t="s">
        <v>27808</v>
      </c>
      <c r="K8074" s="1" t="s">
        <v>27</v>
      </c>
      <c r="L8074" s="1" t="s">
        <v>27805</v>
      </c>
      <c r="M8074" s="1" t="s">
        <v>5</v>
      </c>
      <c r="N8074" s="1" t="s">
        <v>25</v>
      </c>
      <c r="O8074" s="1" t="s">
        <v>38</v>
      </c>
      <c r="P8074" s="5" t="s">
        <v>30828</v>
      </c>
    </row>
    <row r="8075" spans="1:16" x14ac:dyDescent="0.2">
      <c r="A8075" s="1" t="s">
        <v>66</v>
      </c>
      <c r="B8075" s="1" t="s">
        <v>4741</v>
      </c>
      <c r="C8075" s="1" t="s">
        <v>27811</v>
      </c>
      <c r="D8075" s="1" t="s">
        <v>27812</v>
      </c>
      <c r="E8075" s="1" t="s">
        <v>27813</v>
      </c>
      <c r="F8075" s="1" t="s">
        <v>10</v>
      </c>
      <c r="G8075" s="1" t="s">
        <v>10</v>
      </c>
      <c r="H8075" s="1" t="s">
        <v>85</v>
      </c>
      <c r="I8075" s="1" t="s">
        <v>1868</v>
      </c>
      <c r="J8075" s="1" t="s">
        <v>27272</v>
      </c>
      <c r="K8075" s="1" t="s">
        <v>27</v>
      </c>
      <c r="L8075" s="1" t="s">
        <v>27810</v>
      </c>
      <c r="M8075" s="1" t="s">
        <v>5</v>
      </c>
      <c r="N8075" s="1" t="s">
        <v>1009</v>
      </c>
      <c r="O8075" s="1" t="s">
        <v>38</v>
      </c>
      <c r="P8075" s="5" t="s">
        <v>32551</v>
      </c>
    </row>
    <row r="8076" spans="1:16" x14ac:dyDescent="0.2">
      <c r="A8076" s="1" t="s">
        <v>20</v>
      </c>
      <c r="B8076" s="1" t="s">
        <v>132</v>
      </c>
      <c r="C8076" s="1" t="s">
        <v>27815</v>
      </c>
      <c r="D8076" s="1" t="s">
        <v>27816</v>
      </c>
      <c r="E8076" s="1" t="s">
        <v>27817</v>
      </c>
      <c r="F8076" s="1" t="s">
        <v>10</v>
      </c>
      <c r="G8076" s="1" t="s">
        <v>10</v>
      </c>
      <c r="H8076" s="1" t="s">
        <v>10</v>
      </c>
      <c r="I8076" s="1" t="s">
        <v>1868</v>
      </c>
      <c r="J8076" s="1" t="s">
        <v>27256</v>
      </c>
      <c r="K8076" s="1" t="s">
        <v>6533</v>
      </c>
      <c r="L8076" s="1" t="s">
        <v>27814</v>
      </c>
      <c r="M8076" s="1" t="s">
        <v>5</v>
      </c>
      <c r="N8076" s="1" t="s">
        <v>1009</v>
      </c>
      <c r="O8076" s="1" t="s">
        <v>38</v>
      </c>
      <c r="P8076" s="5" t="s">
        <v>30829</v>
      </c>
    </row>
    <row r="8077" spans="1:16" x14ac:dyDescent="0.2">
      <c r="A8077" s="1" t="s">
        <v>42</v>
      </c>
      <c r="B8077" s="1" t="s">
        <v>1341</v>
      </c>
      <c r="C8077" s="1" t="s">
        <v>27819</v>
      </c>
      <c r="D8077" s="1" t="s">
        <v>27820</v>
      </c>
      <c r="E8077" s="1" t="s">
        <v>27821</v>
      </c>
      <c r="F8077" s="1" t="s">
        <v>10</v>
      </c>
      <c r="G8077" s="1" t="s">
        <v>10</v>
      </c>
      <c r="H8077" s="1" t="s">
        <v>10</v>
      </c>
      <c r="I8077" s="1" t="s">
        <v>1868</v>
      </c>
      <c r="J8077" s="1" t="s">
        <v>27296</v>
      </c>
      <c r="K8077" s="1" t="s">
        <v>130</v>
      </c>
      <c r="L8077" s="1" t="s">
        <v>27818</v>
      </c>
      <c r="M8077" s="1" t="s">
        <v>5</v>
      </c>
      <c r="N8077" s="1" t="s">
        <v>25</v>
      </c>
      <c r="O8077" s="1" t="s">
        <v>38</v>
      </c>
      <c r="P8077" s="5" t="s">
        <v>32560</v>
      </c>
    </row>
    <row r="8078" spans="1:16" x14ac:dyDescent="0.2">
      <c r="A8078" s="1" t="s">
        <v>42</v>
      </c>
      <c r="B8078" s="1" t="s">
        <v>1341</v>
      </c>
      <c r="C8078" s="1" t="s">
        <v>27823</v>
      </c>
      <c r="D8078" s="1" t="s">
        <v>27824</v>
      </c>
      <c r="E8078" s="1"/>
      <c r="F8078" s="1" t="s">
        <v>10</v>
      </c>
      <c r="G8078" s="1" t="s">
        <v>10</v>
      </c>
      <c r="H8078" s="1" t="s">
        <v>10</v>
      </c>
      <c r="I8078" s="1" t="s">
        <v>1868</v>
      </c>
      <c r="J8078" s="1" t="s">
        <v>27296</v>
      </c>
      <c r="K8078" s="1" t="s">
        <v>130</v>
      </c>
      <c r="L8078" s="1" t="s">
        <v>27822</v>
      </c>
      <c r="M8078" s="1" t="s">
        <v>5</v>
      </c>
      <c r="N8078" s="1" t="s">
        <v>25</v>
      </c>
      <c r="O8078" s="1" t="s">
        <v>38</v>
      </c>
      <c r="P8078" s="5" t="s">
        <v>32561</v>
      </c>
    </row>
    <row r="8079" spans="1:16" x14ac:dyDescent="0.2">
      <c r="A8079" s="1" t="s">
        <v>329</v>
      </c>
      <c r="B8079" s="1" t="s">
        <v>2622</v>
      </c>
      <c r="C8079" s="1" t="s">
        <v>27826</v>
      </c>
      <c r="D8079" s="1" t="s">
        <v>27827</v>
      </c>
      <c r="E8079" s="1" t="s">
        <v>27828</v>
      </c>
      <c r="F8079" s="1" t="s">
        <v>10</v>
      </c>
      <c r="G8079" s="1" t="s">
        <v>10</v>
      </c>
      <c r="H8079" s="1" t="s">
        <v>10</v>
      </c>
      <c r="I8079" s="1" t="s">
        <v>1868</v>
      </c>
      <c r="J8079" s="1" t="s">
        <v>27261</v>
      </c>
      <c r="K8079" s="1" t="s">
        <v>27</v>
      </c>
      <c r="L8079" s="1" t="s">
        <v>27825</v>
      </c>
      <c r="M8079" s="1" t="s">
        <v>5</v>
      </c>
      <c r="N8079" s="1" t="s">
        <v>25</v>
      </c>
      <c r="O8079" s="1" t="s">
        <v>38</v>
      </c>
      <c r="P8079" s="5" t="s">
        <v>32547</v>
      </c>
    </row>
    <row r="8080" spans="1:16" x14ac:dyDescent="0.2">
      <c r="A8080" s="1" t="s">
        <v>329</v>
      </c>
      <c r="B8080" s="1" t="s">
        <v>340</v>
      </c>
      <c r="C8080" s="1" t="s">
        <v>27830</v>
      </c>
      <c r="D8080" s="1" t="s">
        <v>27831</v>
      </c>
      <c r="E8080" s="1" t="s">
        <v>27832</v>
      </c>
      <c r="F8080" s="1" t="s">
        <v>10</v>
      </c>
      <c r="G8080" s="1" t="s">
        <v>10</v>
      </c>
      <c r="H8080" s="1" t="s">
        <v>10</v>
      </c>
      <c r="I8080" s="1" t="s">
        <v>1868</v>
      </c>
      <c r="J8080" s="1" t="s">
        <v>27272</v>
      </c>
      <c r="K8080" s="1" t="s">
        <v>27</v>
      </c>
      <c r="L8080" s="1" t="s">
        <v>27829</v>
      </c>
      <c r="M8080" s="1" t="s">
        <v>5</v>
      </c>
      <c r="N8080" s="1" t="s">
        <v>25</v>
      </c>
      <c r="O8080" s="1" t="s">
        <v>38</v>
      </c>
      <c r="P8080" s="5" t="s">
        <v>30798</v>
      </c>
    </row>
    <row r="8081" spans="1:16" x14ac:dyDescent="0.2">
      <c r="A8081" s="1" t="s">
        <v>1086</v>
      </c>
      <c r="B8081" s="1" t="s">
        <v>1400</v>
      </c>
      <c r="C8081" s="1" t="s">
        <v>27834</v>
      </c>
      <c r="D8081" s="1" t="s">
        <v>27835</v>
      </c>
      <c r="E8081" s="1" t="s">
        <v>27836</v>
      </c>
      <c r="F8081" s="1" t="s">
        <v>27</v>
      </c>
      <c r="G8081" s="1" t="s">
        <v>1042</v>
      </c>
      <c r="H8081" s="1" t="s">
        <v>27837</v>
      </c>
      <c r="I8081" s="1" t="s">
        <v>1868</v>
      </c>
      <c r="J8081" s="1" t="s">
        <v>27272</v>
      </c>
      <c r="K8081" s="1" t="s">
        <v>27</v>
      </c>
      <c r="L8081" s="1" t="s">
        <v>27833</v>
      </c>
      <c r="M8081" s="1" t="s">
        <v>5</v>
      </c>
      <c r="N8081" s="1" t="s">
        <v>1009</v>
      </c>
      <c r="O8081" s="1" t="s">
        <v>8</v>
      </c>
      <c r="P8081" s="5" t="s">
        <v>32562</v>
      </c>
    </row>
    <row r="8082" spans="1:16" x14ac:dyDescent="0.2">
      <c r="A8082" s="1" t="s">
        <v>1086</v>
      </c>
      <c r="B8082" s="1" t="s">
        <v>1400</v>
      </c>
      <c r="C8082" s="1" t="s">
        <v>27839</v>
      </c>
      <c r="D8082" s="1" t="s">
        <v>27840</v>
      </c>
      <c r="E8082" s="1"/>
      <c r="F8082" s="1" t="s">
        <v>10</v>
      </c>
      <c r="G8082" s="1" t="s">
        <v>10</v>
      </c>
      <c r="H8082" s="1" t="s">
        <v>10</v>
      </c>
      <c r="I8082" s="1" t="s">
        <v>1868</v>
      </c>
      <c r="J8082" s="1" t="s">
        <v>27455</v>
      </c>
      <c r="K8082" s="1" t="s">
        <v>27</v>
      </c>
      <c r="L8082" s="1" t="s">
        <v>27838</v>
      </c>
      <c r="M8082" s="1" t="s">
        <v>5</v>
      </c>
      <c r="N8082" s="1" t="s">
        <v>1009</v>
      </c>
      <c r="O8082" s="1" t="s">
        <v>38</v>
      </c>
      <c r="P8082" s="5" t="s">
        <v>31856</v>
      </c>
    </row>
    <row r="8083" spans="1:16" x14ac:dyDescent="0.2">
      <c r="A8083" s="1" t="s">
        <v>42</v>
      </c>
      <c r="B8083" s="1" t="s">
        <v>1341</v>
      </c>
      <c r="C8083" s="1" t="s">
        <v>27842</v>
      </c>
      <c r="D8083" s="1" t="s">
        <v>27843</v>
      </c>
      <c r="E8083" s="1" t="s">
        <v>27844</v>
      </c>
      <c r="F8083" s="1" t="s">
        <v>10</v>
      </c>
      <c r="G8083" s="1" t="s">
        <v>10</v>
      </c>
      <c r="H8083" s="1" t="s">
        <v>10</v>
      </c>
      <c r="I8083" s="1" t="s">
        <v>1868</v>
      </c>
      <c r="J8083" s="1" t="s">
        <v>27329</v>
      </c>
      <c r="K8083" s="1" t="s">
        <v>27</v>
      </c>
      <c r="L8083" s="1" t="s">
        <v>27841</v>
      </c>
      <c r="M8083" s="1" t="s">
        <v>5</v>
      </c>
      <c r="N8083" s="1" t="s">
        <v>25</v>
      </c>
      <c r="O8083" s="1" t="s">
        <v>38</v>
      </c>
      <c r="P8083" s="5" t="s">
        <v>30809</v>
      </c>
    </row>
    <row r="8084" spans="1:16" x14ac:dyDescent="0.2">
      <c r="A8084" s="1" t="s">
        <v>20</v>
      </c>
      <c r="B8084" s="1" t="s">
        <v>445</v>
      </c>
      <c r="C8084" s="1" t="s">
        <v>27846</v>
      </c>
      <c r="D8084" s="1" t="s">
        <v>27847</v>
      </c>
      <c r="E8084" s="1" t="s">
        <v>27848</v>
      </c>
      <c r="F8084" s="1" t="s">
        <v>10</v>
      </c>
      <c r="G8084" s="1" t="s">
        <v>10</v>
      </c>
      <c r="H8084" s="1" t="s">
        <v>10</v>
      </c>
      <c r="I8084" s="1" t="s">
        <v>1868</v>
      </c>
      <c r="J8084" s="1" t="s">
        <v>27808</v>
      </c>
      <c r="K8084" s="1" t="s">
        <v>27</v>
      </c>
      <c r="L8084" s="1" t="s">
        <v>27845</v>
      </c>
      <c r="M8084" s="1" t="s">
        <v>5</v>
      </c>
      <c r="N8084" s="1" t="s">
        <v>25</v>
      </c>
      <c r="O8084" s="1" t="s">
        <v>38</v>
      </c>
      <c r="P8084" s="5" t="s">
        <v>30809</v>
      </c>
    </row>
    <row r="8085" spans="1:16" x14ac:dyDescent="0.2">
      <c r="A8085" s="1" t="s">
        <v>42</v>
      </c>
      <c r="B8085" s="1" t="s">
        <v>1341</v>
      </c>
      <c r="C8085" s="1" t="s">
        <v>27850</v>
      </c>
      <c r="D8085" s="1" t="s">
        <v>27851</v>
      </c>
      <c r="E8085" s="1" t="s">
        <v>27852</v>
      </c>
      <c r="F8085" s="1" t="s">
        <v>10</v>
      </c>
      <c r="G8085" s="1" t="s">
        <v>10</v>
      </c>
      <c r="H8085" s="1" t="s">
        <v>10</v>
      </c>
      <c r="I8085" s="1" t="s">
        <v>1868</v>
      </c>
      <c r="J8085" s="1" t="s">
        <v>27272</v>
      </c>
      <c r="K8085" s="1" t="s">
        <v>27</v>
      </c>
      <c r="L8085" s="1" t="s">
        <v>27849</v>
      </c>
      <c r="M8085" s="1" t="s">
        <v>5</v>
      </c>
      <c r="N8085" s="1" t="s">
        <v>25</v>
      </c>
      <c r="O8085" s="1" t="s">
        <v>38</v>
      </c>
      <c r="P8085" s="5" t="s">
        <v>30819</v>
      </c>
    </row>
    <row r="8086" spans="1:16" x14ac:dyDescent="0.2">
      <c r="A8086" s="1" t="s">
        <v>42</v>
      </c>
      <c r="B8086" s="1" t="s">
        <v>1341</v>
      </c>
      <c r="C8086" s="1" t="s">
        <v>27854</v>
      </c>
      <c r="D8086" s="1" t="s">
        <v>27855</v>
      </c>
      <c r="E8086" s="1" t="s">
        <v>27856</v>
      </c>
      <c r="F8086" s="1" t="s">
        <v>10</v>
      </c>
      <c r="G8086" s="1" t="s">
        <v>10</v>
      </c>
      <c r="H8086" s="1" t="s">
        <v>10</v>
      </c>
      <c r="I8086" s="1" t="s">
        <v>1868</v>
      </c>
      <c r="J8086" s="1" t="s">
        <v>27329</v>
      </c>
      <c r="K8086" s="1" t="s">
        <v>27</v>
      </c>
      <c r="L8086" s="1" t="s">
        <v>27853</v>
      </c>
      <c r="M8086" s="1" t="s">
        <v>5</v>
      </c>
      <c r="N8086" s="1" t="s">
        <v>25</v>
      </c>
      <c r="O8086" s="1" t="s">
        <v>38</v>
      </c>
      <c r="P8086" s="5" t="s">
        <v>30809</v>
      </c>
    </row>
    <row r="8087" spans="1:16" x14ac:dyDescent="0.2">
      <c r="A8087" s="1" t="s">
        <v>42</v>
      </c>
      <c r="B8087" s="1" t="s">
        <v>966</v>
      </c>
      <c r="C8087" s="1" t="s">
        <v>27858</v>
      </c>
      <c r="D8087" s="1" t="s">
        <v>27859</v>
      </c>
      <c r="E8087" s="1" t="s">
        <v>27860</v>
      </c>
      <c r="F8087" s="1" t="s">
        <v>10</v>
      </c>
      <c r="G8087" s="1" t="s">
        <v>10</v>
      </c>
      <c r="H8087" s="1" t="s">
        <v>10</v>
      </c>
      <c r="I8087" s="1" t="s">
        <v>1868</v>
      </c>
      <c r="J8087" s="1" t="s">
        <v>27272</v>
      </c>
      <c r="K8087" s="1" t="s">
        <v>27</v>
      </c>
      <c r="L8087" s="1" t="s">
        <v>27857</v>
      </c>
      <c r="M8087" s="1" t="s">
        <v>5</v>
      </c>
      <c r="N8087" s="1" t="s">
        <v>25</v>
      </c>
      <c r="O8087" s="1" t="s">
        <v>38</v>
      </c>
      <c r="P8087" s="5" t="s">
        <v>32532</v>
      </c>
    </row>
    <row r="8088" spans="1:16" x14ac:dyDescent="0.2">
      <c r="A8088" s="1" t="s">
        <v>329</v>
      </c>
      <c r="B8088" s="1" t="s">
        <v>596</v>
      </c>
      <c r="C8088" s="1" t="s">
        <v>27862</v>
      </c>
      <c r="D8088" s="1" t="s">
        <v>27863</v>
      </c>
      <c r="E8088" s="1" t="s">
        <v>27864</v>
      </c>
      <c r="F8088" s="1" t="s">
        <v>10</v>
      </c>
      <c r="G8088" s="1" t="s">
        <v>10</v>
      </c>
      <c r="H8088" s="1" t="s">
        <v>10</v>
      </c>
      <c r="I8088" s="1" t="s">
        <v>1868</v>
      </c>
      <c r="J8088" s="1" t="s">
        <v>27272</v>
      </c>
      <c r="K8088" s="1" t="s">
        <v>27</v>
      </c>
      <c r="L8088" s="1" t="s">
        <v>27861</v>
      </c>
      <c r="M8088" s="1" t="s">
        <v>5</v>
      </c>
      <c r="N8088" s="1" t="s">
        <v>25</v>
      </c>
      <c r="O8088" s="1" t="s">
        <v>38</v>
      </c>
      <c r="P8088" s="5" t="s">
        <v>32532</v>
      </c>
    </row>
    <row r="8089" spans="1:16" x14ac:dyDescent="0.2">
      <c r="A8089" s="1" t="s">
        <v>42</v>
      </c>
      <c r="B8089" s="1" t="s">
        <v>1341</v>
      </c>
      <c r="C8089" s="1" t="s">
        <v>27866</v>
      </c>
      <c r="D8089" s="1" t="s">
        <v>27867</v>
      </c>
      <c r="E8089" s="1" t="s">
        <v>27868</v>
      </c>
      <c r="F8089" s="1" t="s">
        <v>10</v>
      </c>
      <c r="G8089" s="1" t="s">
        <v>10</v>
      </c>
      <c r="H8089" s="1" t="s">
        <v>10</v>
      </c>
      <c r="I8089" s="1" t="s">
        <v>1868</v>
      </c>
      <c r="J8089" s="1" t="s">
        <v>27256</v>
      </c>
      <c r="K8089" s="1" t="s">
        <v>6533</v>
      </c>
      <c r="L8089" s="1" t="s">
        <v>27865</v>
      </c>
      <c r="M8089" s="1" t="s">
        <v>5</v>
      </c>
      <c r="N8089" s="1" t="s">
        <v>25</v>
      </c>
      <c r="O8089" s="1" t="s">
        <v>38</v>
      </c>
      <c r="P8089" s="5" t="s">
        <v>30797</v>
      </c>
    </row>
    <row r="8090" spans="1:16" x14ac:dyDescent="0.2">
      <c r="A8090" s="1" t="s">
        <v>329</v>
      </c>
      <c r="B8090" s="1" t="s">
        <v>2622</v>
      </c>
      <c r="C8090" s="1" t="s">
        <v>27870</v>
      </c>
      <c r="D8090" s="1" t="s">
        <v>27871</v>
      </c>
      <c r="E8090" s="1" t="s">
        <v>27872</v>
      </c>
      <c r="F8090" s="1" t="s">
        <v>10</v>
      </c>
      <c r="G8090" s="1" t="s">
        <v>10</v>
      </c>
      <c r="H8090" s="1" t="s">
        <v>10</v>
      </c>
      <c r="I8090" s="1" t="s">
        <v>1868</v>
      </c>
      <c r="J8090" s="1" t="s">
        <v>27545</v>
      </c>
      <c r="K8090" s="1" t="s">
        <v>27</v>
      </c>
      <c r="L8090" s="1" t="s">
        <v>27869</v>
      </c>
      <c r="M8090" s="1" t="s">
        <v>5</v>
      </c>
      <c r="N8090" s="1" t="s">
        <v>1009</v>
      </c>
      <c r="O8090" s="1" t="s">
        <v>38</v>
      </c>
      <c r="P8090" s="5" t="s">
        <v>32563</v>
      </c>
    </row>
    <row r="8091" spans="1:16" x14ac:dyDescent="0.2">
      <c r="A8091" s="1" t="s">
        <v>20</v>
      </c>
      <c r="B8091" s="1" t="s">
        <v>253</v>
      </c>
      <c r="C8091" s="1" t="s">
        <v>27874</v>
      </c>
      <c r="D8091" s="1" t="s">
        <v>27875</v>
      </c>
      <c r="E8091" s="1" t="s">
        <v>27876</v>
      </c>
      <c r="F8091" s="1" t="s">
        <v>10</v>
      </c>
      <c r="G8091" s="1" t="s">
        <v>10</v>
      </c>
      <c r="H8091" s="1" t="s">
        <v>10</v>
      </c>
      <c r="I8091" s="1" t="s">
        <v>1868</v>
      </c>
      <c r="J8091" s="1" t="s">
        <v>27272</v>
      </c>
      <c r="K8091" s="1" t="s">
        <v>27</v>
      </c>
      <c r="L8091" s="1" t="s">
        <v>27873</v>
      </c>
      <c r="M8091" s="1" t="s">
        <v>5</v>
      </c>
      <c r="N8091" s="1" t="s">
        <v>25</v>
      </c>
      <c r="O8091" s="1" t="s">
        <v>38</v>
      </c>
      <c r="P8091" s="5" t="s">
        <v>30798</v>
      </c>
    </row>
    <row r="8092" spans="1:16" x14ac:dyDescent="0.2">
      <c r="A8092" s="1" t="s">
        <v>42</v>
      </c>
      <c r="B8092" s="1" t="s">
        <v>1341</v>
      </c>
      <c r="C8092" s="1" t="s">
        <v>27878</v>
      </c>
      <c r="D8092" s="1" t="s">
        <v>27879</v>
      </c>
      <c r="E8092" s="1" t="s">
        <v>27880</v>
      </c>
      <c r="F8092" s="1" t="s">
        <v>10</v>
      </c>
      <c r="G8092" s="1" t="s">
        <v>10</v>
      </c>
      <c r="H8092" s="1" t="s">
        <v>10</v>
      </c>
      <c r="I8092" s="1" t="s">
        <v>1868</v>
      </c>
      <c r="J8092" s="1" t="s">
        <v>27272</v>
      </c>
      <c r="K8092" s="1" t="s">
        <v>27</v>
      </c>
      <c r="L8092" s="1" t="s">
        <v>27877</v>
      </c>
      <c r="M8092" s="1" t="s">
        <v>5</v>
      </c>
      <c r="N8092" s="1" t="s">
        <v>25</v>
      </c>
      <c r="O8092" s="1" t="s">
        <v>38</v>
      </c>
      <c r="P8092" s="5" t="s">
        <v>30798</v>
      </c>
    </row>
    <row r="8093" spans="1:16" x14ac:dyDescent="0.2">
      <c r="A8093" s="1" t="s">
        <v>42</v>
      </c>
      <c r="B8093" s="1" t="s">
        <v>1341</v>
      </c>
      <c r="C8093" s="1" t="s">
        <v>27882</v>
      </c>
      <c r="D8093" s="1" t="s">
        <v>27883</v>
      </c>
      <c r="E8093" s="1" t="s">
        <v>27884</v>
      </c>
      <c r="F8093" s="1" t="s">
        <v>10</v>
      </c>
      <c r="G8093" s="1" t="s">
        <v>10</v>
      </c>
      <c r="H8093" s="1" t="s">
        <v>10</v>
      </c>
      <c r="I8093" s="1" t="s">
        <v>1868</v>
      </c>
      <c r="J8093" s="1" t="s">
        <v>27296</v>
      </c>
      <c r="K8093" s="1" t="s">
        <v>130</v>
      </c>
      <c r="L8093" s="1" t="s">
        <v>27881</v>
      </c>
      <c r="M8093" s="1" t="s">
        <v>5</v>
      </c>
      <c r="N8093" s="1" t="s">
        <v>6</v>
      </c>
      <c r="O8093" s="1" t="s">
        <v>38</v>
      </c>
      <c r="P8093" s="5" t="s">
        <v>31554</v>
      </c>
    </row>
    <row r="8094" spans="1:16" x14ac:dyDescent="0.2">
      <c r="A8094" s="1" t="s">
        <v>20</v>
      </c>
      <c r="B8094" s="1" t="s">
        <v>445</v>
      </c>
      <c r="C8094" s="1" t="s">
        <v>27886</v>
      </c>
      <c r="D8094" s="1" t="s">
        <v>27887</v>
      </c>
      <c r="E8094" s="1" t="s">
        <v>27888</v>
      </c>
      <c r="F8094" s="1" t="s">
        <v>10</v>
      </c>
      <c r="G8094" s="1" t="s">
        <v>10</v>
      </c>
      <c r="H8094" s="1" t="s">
        <v>10</v>
      </c>
      <c r="I8094" s="1" t="s">
        <v>1868</v>
      </c>
      <c r="J8094" s="1" t="s">
        <v>27272</v>
      </c>
      <c r="K8094" s="1" t="s">
        <v>27</v>
      </c>
      <c r="L8094" s="1" t="s">
        <v>27885</v>
      </c>
      <c r="M8094" s="1" t="s">
        <v>5</v>
      </c>
      <c r="N8094" s="1" t="s">
        <v>25</v>
      </c>
      <c r="O8094" s="1" t="s">
        <v>38</v>
      </c>
      <c r="P8094" s="5" t="s">
        <v>30798</v>
      </c>
    </row>
    <row r="8095" spans="1:16" x14ac:dyDescent="0.2">
      <c r="A8095" s="1" t="s">
        <v>10</v>
      </c>
      <c r="B8095" s="1" t="s">
        <v>10</v>
      </c>
      <c r="C8095" s="1" t="s">
        <v>27890</v>
      </c>
      <c r="D8095" s="1" t="s">
        <v>27891</v>
      </c>
      <c r="E8095" s="1" t="s">
        <v>27892</v>
      </c>
      <c r="F8095" s="1" t="s">
        <v>27</v>
      </c>
      <c r="G8095" s="1" t="s">
        <v>10</v>
      </c>
      <c r="H8095" s="1" t="s">
        <v>27893</v>
      </c>
      <c r="I8095" s="1" t="s">
        <v>1868</v>
      </c>
      <c r="J8095" s="1" t="s">
        <v>27256</v>
      </c>
      <c r="K8095" s="1" t="s">
        <v>6533</v>
      </c>
      <c r="L8095" s="1" t="s">
        <v>27889</v>
      </c>
      <c r="M8095" s="1" t="s">
        <v>5</v>
      </c>
      <c r="N8095" s="1" t="s">
        <v>1009</v>
      </c>
      <c r="O8095" s="1" t="s">
        <v>8</v>
      </c>
      <c r="P8095" s="5" t="s">
        <v>32564</v>
      </c>
    </row>
    <row r="8096" spans="1:16" x14ac:dyDescent="0.2">
      <c r="A8096" s="1" t="s">
        <v>42</v>
      </c>
      <c r="B8096" s="1" t="s">
        <v>118</v>
      </c>
      <c r="C8096" s="1" t="s">
        <v>27895</v>
      </c>
      <c r="D8096" s="1" t="s">
        <v>27896</v>
      </c>
      <c r="E8096" s="1" t="s">
        <v>27897</v>
      </c>
      <c r="F8096" s="1" t="s">
        <v>27</v>
      </c>
      <c r="G8096" s="1" t="s">
        <v>10</v>
      </c>
      <c r="H8096" s="1" t="s">
        <v>27898</v>
      </c>
      <c r="I8096" s="1" t="s">
        <v>1868</v>
      </c>
      <c r="J8096" s="1" t="s">
        <v>27272</v>
      </c>
      <c r="K8096" s="1" t="s">
        <v>27</v>
      </c>
      <c r="L8096" s="1" t="s">
        <v>27894</v>
      </c>
      <c r="M8096" s="1" t="s">
        <v>5</v>
      </c>
      <c r="N8096" s="1" t="s">
        <v>25</v>
      </c>
      <c r="O8096" s="1" t="s">
        <v>8</v>
      </c>
      <c r="P8096" s="5" t="s">
        <v>32532</v>
      </c>
    </row>
    <row r="8097" spans="1:16" x14ac:dyDescent="0.2">
      <c r="A8097" s="1" t="s">
        <v>10</v>
      </c>
      <c r="B8097" s="1" t="s">
        <v>10</v>
      </c>
      <c r="C8097" s="1" t="s">
        <v>27900</v>
      </c>
      <c r="D8097" s="1" t="s">
        <v>27901</v>
      </c>
      <c r="E8097" s="1" t="s">
        <v>27902</v>
      </c>
      <c r="F8097" s="1" t="s">
        <v>10</v>
      </c>
      <c r="G8097" s="1" t="s">
        <v>10</v>
      </c>
      <c r="H8097" s="1" t="s">
        <v>10</v>
      </c>
      <c r="I8097" s="1" t="s">
        <v>1868</v>
      </c>
      <c r="J8097" s="1" t="s">
        <v>27272</v>
      </c>
      <c r="K8097" s="1" t="s">
        <v>10</v>
      </c>
      <c r="L8097" s="1" t="s">
        <v>27899</v>
      </c>
      <c r="M8097" s="1" t="s">
        <v>5</v>
      </c>
      <c r="N8097" s="1" t="s">
        <v>6</v>
      </c>
      <c r="O8097" s="1" t="s">
        <v>38</v>
      </c>
      <c r="P8097" s="5"/>
    </row>
    <row r="8098" spans="1:16" x14ac:dyDescent="0.2">
      <c r="A8098" s="1" t="s">
        <v>20</v>
      </c>
      <c r="B8098" s="1" t="s">
        <v>101</v>
      </c>
      <c r="C8098" s="1" t="s">
        <v>27904</v>
      </c>
      <c r="D8098" s="1" t="s">
        <v>27904</v>
      </c>
      <c r="E8098" s="1" t="s">
        <v>27905</v>
      </c>
      <c r="F8098" s="1" t="s">
        <v>10</v>
      </c>
      <c r="G8098" s="1" t="s">
        <v>10</v>
      </c>
      <c r="H8098" s="1" t="s">
        <v>10</v>
      </c>
      <c r="I8098" s="1" t="s">
        <v>1868</v>
      </c>
      <c r="J8098" s="1" t="s">
        <v>27256</v>
      </c>
      <c r="K8098" s="1" t="s">
        <v>179</v>
      </c>
      <c r="L8098" s="1" t="s">
        <v>27903</v>
      </c>
      <c r="M8098" s="1" t="s">
        <v>5</v>
      </c>
      <c r="N8098" s="1" t="s">
        <v>1009</v>
      </c>
      <c r="O8098" s="1" t="s">
        <v>38</v>
      </c>
      <c r="P8098" s="5" t="s">
        <v>32565</v>
      </c>
    </row>
    <row r="8099" spans="1:16" x14ac:dyDescent="0.2">
      <c r="A8099" s="1" t="s">
        <v>20</v>
      </c>
      <c r="B8099" s="1" t="s">
        <v>445</v>
      </c>
      <c r="C8099" s="1" t="s">
        <v>27907</v>
      </c>
      <c r="D8099" s="1" t="s">
        <v>27908</v>
      </c>
      <c r="E8099" s="1" t="s">
        <v>27909</v>
      </c>
      <c r="F8099" s="1" t="s">
        <v>10</v>
      </c>
      <c r="G8099" s="1" t="s">
        <v>10</v>
      </c>
      <c r="H8099" s="1" t="s">
        <v>10</v>
      </c>
      <c r="I8099" s="1" t="s">
        <v>1868</v>
      </c>
      <c r="J8099" s="1" t="s">
        <v>27272</v>
      </c>
      <c r="K8099" s="1" t="s">
        <v>27</v>
      </c>
      <c r="L8099" s="1" t="s">
        <v>27906</v>
      </c>
      <c r="M8099" s="1" t="s">
        <v>5</v>
      </c>
      <c r="N8099" s="1" t="s">
        <v>25</v>
      </c>
      <c r="O8099" s="1" t="s">
        <v>38</v>
      </c>
      <c r="P8099" s="5" t="s">
        <v>32566</v>
      </c>
    </row>
    <row r="8100" spans="1:16" x14ac:dyDescent="0.2">
      <c r="A8100" s="1" t="s">
        <v>10</v>
      </c>
      <c r="B8100" s="1" t="s">
        <v>10</v>
      </c>
      <c r="C8100" s="1" t="s">
        <v>27911</v>
      </c>
      <c r="D8100" s="1" t="s">
        <v>27912</v>
      </c>
      <c r="E8100" s="1" t="s">
        <v>27913</v>
      </c>
      <c r="F8100" s="1" t="s">
        <v>10</v>
      </c>
      <c r="G8100" s="1" t="s">
        <v>10</v>
      </c>
      <c r="H8100" s="1" t="s">
        <v>10</v>
      </c>
      <c r="I8100" s="1" t="s">
        <v>1868</v>
      </c>
      <c r="J8100" s="1" t="s">
        <v>27272</v>
      </c>
      <c r="K8100" s="1" t="s">
        <v>10</v>
      </c>
      <c r="L8100" s="1" t="s">
        <v>27910</v>
      </c>
      <c r="M8100" s="1" t="s">
        <v>5</v>
      </c>
      <c r="N8100" s="1" t="s">
        <v>6</v>
      </c>
      <c r="O8100" s="1" t="s">
        <v>38</v>
      </c>
      <c r="P8100" s="5"/>
    </row>
    <row r="8101" spans="1:16" x14ac:dyDescent="0.2">
      <c r="A8101" s="1" t="s">
        <v>66</v>
      </c>
      <c r="B8101" s="1" t="s">
        <v>574</v>
      </c>
      <c r="C8101" s="1" t="s">
        <v>27915</v>
      </c>
      <c r="D8101" s="1" t="s">
        <v>27916</v>
      </c>
      <c r="E8101" s="1"/>
      <c r="F8101" s="1" t="s">
        <v>27</v>
      </c>
      <c r="G8101" s="1" t="s">
        <v>1042</v>
      </c>
      <c r="H8101" s="1" t="s">
        <v>27917</v>
      </c>
      <c r="I8101" s="1" t="s">
        <v>1868</v>
      </c>
      <c r="J8101" s="1" t="s">
        <v>27256</v>
      </c>
      <c r="K8101" s="1" t="s">
        <v>7</v>
      </c>
      <c r="L8101" s="1" t="s">
        <v>27914</v>
      </c>
      <c r="M8101" s="1" t="s">
        <v>5</v>
      </c>
      <c r="N8101" s="1" t="s">
        <v>25</v>
      </c>
      <c r="O8101" s="1" t="s">
        <v>8</v>
      </c>
      <c r="P8101" s="5" t="s">
        <v>30830</v>
      </c>
    </row>
    <row r="8102" spans="1:16" x14ac:dyDescent="0.2">
      <c r="A8102" s="1" t="s">
        <v>20</v>
      </c>
      <c r="B8102" s="1" t="s">
        <v>21</v>
      </c>
      <c r="C8102" s="1" t="s">
        <v>27919</v>
      </c>
      <c r="D8102" s="1" t="s">
        <v>22123</v>
      </c>
      <c r="E8102" s="1" t="s">
        <v>27920</v>
      </c>
      <c r="F8102" s="1" t="s">
        <v>10</v>
      </c>
      <c r="G8102" s="1" t="s">
        <v>10</v>
      </c>
      <c r="H8102" s="1" t="s">
        <v>10</v>
      </c>
      <c r="I8102" s="1" t="s">
        <v>1868</v>
      </c>
      <c r="J8102" s="1" t="s">
        <v>27256</v>
      </c>
      <c r="K8102" s="1" t="s">
        <v>179</v>
      </c>
      <c r="L8102" s="1" t="s">
        <v>27918</v>
      </c>
      <c r="M8102" s="1" t="s">
        <v>5</v>
      </c>
      <c r="N8102" s="1" t="s">
        <v>1009</v>
      </c>
      <c r="O8102" s="1" t="s">
        <v>38</v>
      </c>
      <c r="P8102" s="5" t="s">
        <v>30831</v>
      </c>
    </row>
    <row r="8103" spans="1:16" x14ac:dyDescent="0.2">
      <c r="A8103" s="1" t="s">
        <v>20</v>
      </c>
      <c r="B8103" s="1" t="s">
        <v>132</v>
      </c>
      <c r="C8103" s="1" t="s">
        <v>27922</v>
      </c>
      <c r="D8103" s="1" t="s">
        <v>27923</v>
      </c>
      <c r="E8103" s="1"/>
      <c r="F8103" s="1" t="s">
        <v>414</v>
      </c>
      <c r="G8103" s="1" t="s">
        <v>10</v>
      </c>
      <c r="H8103" s="1" t="s">
        <v>10</v>
      </c>
      <c r="I8103" s="1" t="s">
        <v>1868</v>
      </c>
      <c r="J8103" s="1" t="s">
        <v>27256</v>
      </c>
      <c r="K8103" s="1" t="s">
        <v>231</v>
      </c>
      <c r="L8103" s="1" t="s">
        <v>27921</v>
      </c>
      <c r="M8103" s="1" t="s">
        <v>5</v>
      </c>
      <c r="N8103" s="1" t="s">
        <v>25</v>
      </c>
      <c r="O8103" s="1" t="s">
        <v>38</v>
      </c>
      <c r="P8103" s="5" t="s">
        <v>30550</v>
      </c>
    </row>
    <row r="8104" spans="1:16" x14ac:dyDescent="0.2">
      <c r="A8104" s="1" t="s">
        <v>329</v>
      </c>
      <c r="B8104" s="1" t="s">
        <v>596</v>
      </c>
      <c r="C8104" s="1" t="s">
        <v>27925</v>
      </c>
      <c r="D8104" s="1" t="s">
        <v>27926</v>
      </c>
      <c r="E8104" s="1" t="s">
        <v>27927</v>
      </c>
      <c r="F8104" s="1" t="s">
        <v>27</v>
      </c>
      <c r="G8104" s="1" t="s">
        <v>1042</v>
      </c>
      <c r="H8104" s="1" t="s">
        <v>27278</v>
      </c>
      <c r="I8104" s="1" t="s">
        <v>1868</v>
      </c>
      <c r="J8104" s="1" t="s">
        <v>27272</v>
      </c>
      <c r="K8104" s="1" t="s">
        <v>27</v>
      </c>
      <c r="L8104" s="1" t="s">
        <v>27924</v>
      </c>
      <c r="M8104" s="1" t="s">
        <v>5</v>
      </c>
      <c r="N8104" s="1" t="s">
        <v>1009</v>
      </c>
      <c r="O8104" s="1" t="s">
        <v>8</v>
      </c>
      <c r="P8104" s="5" t="s">
        <v>32567</v>
      </c>
    </row>
    <row r="8105" spans="1:16" x14ac:dyDescent="0.2">
      <c r="A8105" s="1" t="s">
        <v>20</v>
      </c>
      <c r="B8105" s="1" t="s">
        <v>132</v>
      </c>
      <c r="C8105" s="1" t="s">
        <v>27929</v>
      </c>
      <c r="D8105" s="1" t="s">
        <v>27930</v>
      </c>
      <c r="E8105" s="1" t="s">
        <v>27931</v>
      </c>
      <c r="F8105" s="1" t="s">
        <v>10</v>
      </c>
      <c r="G8105" s="1" t="s">
        <v>10</v>
      </c>
      <c r="H8105" s="1" t="s">
        <v>10</v>
      </c>
      <c r="I8105" s="1" t="s">
        <v>1868</v>
      </c>
      <c r="J8105" s="1" t="s">
        <v>27256</v>
      </c>
      <c r="K8105" s="1" t="s">
        <v>231</v>
      </c>
      <c r="L8105" s="1" t="s">
        <v>27928</v>
      </c>
      <c r="M8105" s="1" t="s">
        <v>5</v>
      </c>
      <c r="N8105" s="1" t="s">
        <v>25</v>
      </c>
      <c r="O8105" s="1" t="s">
        <v>38</v>
      </c>
      <c r="P8105" s="5" t="s">
        <v>30832</v>
      </c>
    </row>
    <row r="8106" spans="1:16" x14ac:dyDescent="0.2">
      <c r="A8106" s="1" t="s">
        <v>20</v>
      </c>
      <c r="B8106" s="1" t="s">
        <v>132</v>
      </c>
      <c r="C8106" s="1" t="s">
        <v>27933</v>
      </c>
      <c r="D8106" s="1" t="s">
        <v>27934</v>
      </c>
      <c r="E8106" s="1" t="s">
        <v>27935</v>
      </c>
      <c r="F8106" s="1" t="s">
        <v>10</v>
      </c>
      <c r="G8106" s="1" t="s">
        <v>10</v>
      </c>
      <c r="H8106" s="1" t="s">
        <v>10</v>
      </c>
      <c r="I8106" s="1" t="s">
        <v>1868</v>
      </c>
      <c r="J8106" s="1" t="s">
        <v>27256</v>
      </c>
      <c r="K8106" s="1" t="s">
        <v>231</v>
      </c>
      <c r="L8106" s="1" t="s">
        <v>27932</v>
      </c>
      <c r="M8106" s="1" t="s">
        <v>5</v>
      </c>
      <c r="N8106" s="1" t="s">
        <v>25</v>
      </c>
      <c r="O8106" s="1" t="s">
        <v>38</v>
      </c>
      <c r="P8106" s="5" t="s">
        <v>30832</v>
      </c>
    </row>
    <row r="8107" spans="1:16" x14ac:dyDescent="0.2">
      <c r="A8107" s="1" t="s">
        <v>42</v>
      </c>
      <c r="B8107" s="1" t="s">
        <v>43</v>
      </c>
      <c r="C8107" s="1" t="s">
        <v>27937</v>
      </c>
      <c r="D8107" s="1" t="s">
        <v>27938</v>
      </c>
      <c r="E8107" s="1" t="s">
        <v>27939</v>
      </c>
      <c r="F8107" s="1" t="s">
        <v>414</v>
      </c>
      <c r="G8107" s="1" t="s">
        <v>27940</v>
      </c>
      <c r="H8107" s="1" t="s">
        <v>10</v>
      </c>
      <c r="I8107" s="1" t="s">
        <v>1868</v>
      </c>
      <c r="J8107" s="1" t="s">
        <v>27256</v>
      </c>
      <c r="K8107" s="1" t="s">
        <v>179</v>
      </c>
      <c r="L8107" s="1" t="s">
        <v>27936</v>
      </c>
      <c r="M8107" s="1" t="s">
        <v>5</v>
      </c>
      <c r="N8107" s="1" t="s">
        <v>1009</v>
      </c>
      <c r="O8107" s="1" t="s">
        <v>8</v>
      </c>
      <c r="P8107" s="5" t="s">
        <v>32568</v>
      </c>
    </row>
    <row r="8108" spans="1:16" x14ac:dyDescent="0.2">
      <c r="A8108" s="1" t="s">
        <v>66</v>
      </c>
      <c r="B8108" s="1" t="s">
        <v>67</v>
      </c>
      <c r="C8108" s="1" t="s">
        <v>27942</v>
      </c>
      <c r="D8108" s="1" t="s">
        <v>286</v>
      </c>
      <c r="E8108" s="1" t="s">
        <v>27943</v>
      </c>
      <c r="F8108" s="1" t="s">
        <v>10</v>
      </c>
      <c r="G8108" s="1" t="s">
        <v>10</v>
      </c>
      <c r="H8108" s="1" t="s">
        <v>10</v>
      </c>
      <c r="I8108" s="1" t="s">
        <v>1868</v>
      </c>
      <c r="J8108" s="1" t="s">
        <v>27256</v>
      </c>
      <c r="K8108" s="1" t="s">
        <v>179</v>
      </c>
      <c r="L8108" s="1" t="s">
        <v>27941</v>
      </c>
      <c r="M8108" s="1" t="s">
        <v>5</v>
      </c>
      <c r="N8108" s="1" t="s">
        <v>1009</v>
      </c>
      <c r="O8108" s="1" t="s">
        <v>38</v>
      </c>
      <c r="P8108" s="5" t="s">
        <v>32569</v>
      </c>
    </row>
    <row r="8109" spans="1:16" x14ac:dyDescent="0.2">
      <c r="A8109" s="1" t="s">
        <v>1086</v>
      </c>
      <c r="B8109" s="1" t="s">
        <v>11891</v>
      </c>
      <c r="C8109" s="1" t="s">
        <v>27945</v>
      </c>
      <c r="D8109" s="1" t="s">
        <v>27946</v>
      </c>
      <c r="E8109" s="1"/>
      <c r="F8109" s="1" t="s">
        <v>27</v>
      </c>
      <c r="G8109" s="1" t="s">
        <v>1042</v>
      </c>
      <c r="H8109" s="1" t="s">
        <v>27947</v>
      </c>
      <c r="I8109" s="1" t="s">
        <v>1868</v>
      </c>
      <c r="J8109" s="1" t="s">
        <v>27455</v>
      </c>
      <c r="K8109" s="1" t="s">
        <v>27</v>
      </c>
      <c r="L8109" s="1" t="s">
        <v>27944</v>
      </c>
      <c r="M8109" s="1" t="s">
        <v>5</v>
      </c>
      <c r="N8109" s="1" t="s">
        <v>1009</v>
      </c>
      <c r="O8109" s="1" t="s">
        <v>8</v>
      </c>
      <c r="P8109" s="5" t="s">
        <v>32570</v>
      </c>
    </row>
    <row r="8110" spans="1:16" x14ac:dyDescent="0.2">
      <c r="A8110" s="1" t="s">
        <v>20</v>
      </c>
      <c r="B8110" s="1" t="s">
        <v>302</v>
      </c>
      <c r="C8110" s="1" t="s">
        <v>27949</v>
      </c>
      <c r="D8110" s="1" t="s">
        <v>7289</v>
      </c>
      <c r="E8110" s="1" t="s">
        <v>27950</v>
      </c>
      <c r="F8110" s="1" t="s">
        <v>10</v>
      </c>
      <c r="G8110" s="1" t="s">
        <v>10</v>
      </c>
      <c r="H8110" s="1" t="s">
        <v>10</v>
      </c>
      <c r="I8110" s="1" t="s">
        <v>1868</v>
      </c>
      <c r="J8110" s="1" t="s">
        <v>27256</v>
      </c>
      <c r="K8110" s="1" t="s">
        <v>64</v>
      </c>
      <c r="L8110" s="1" t="s">
        <v>27948</v>
      </c>
      <c r="M8110" s="1" t="s">
        <v>5</v>
      </c>
      <c r="N8110" s="1" t="s">
        <v>25</v>
      </c>
      <c r="O8110" s="1" t="s">
        <v>38</v>
      </c>
      <c r="P8110" s="5" t="s">
        <v>30833</v>
      </c>
    </row>
    <row r="8111" spans="1:16" x14ac:dyDescent="0.2">
      <c r="A8111" s="1" t="s">
        <v>20</v>
      </c>
      <c r="B8111" s="1" t="s">
        <v>1047</v>
      </c>
      <c r="C8111" s="1" t="s">
        <v>95</v>
      </c>
      <c r="D8111" s="1" t="s">
        <v>96</v>
      </c>
      <c r="E8111" s="1" t="s">
        <v>27952</v>
      </c>
      <c r="F8111" s="1" t="s">
        <v>27</v>
      </c>
      <c r="G8111" s="1" t="s">
        <v>1042</v>
      </c>
      <c r="H8111" s="1" t="s">
        <v>27953</v>
      </c>
      <c r="I8111" s="1" t="s">
        <v>1868</v>
      </c>
      <c r="J8111" s="1" t="s">
        <v>27256</v>
      </c>
      <c r="K8111" s="1" t="s">
        <v>1468</v>
      </c>
      <c r="L8111" s="1" t="s">
        <v>27951</v>
      </c>
      <c r="M8111" s="1" t="s">
        <v>5</v>
      </c>
      <c r="N8111" s="1" t="s">
        <v>25</v>
      </c>
      <c r="O8111" s="1" t="s">
        <v>8</v>
      </c>
      <c r="P8111" s="5" t="s">
        <v>30834</v>
      </c>
    </row>
    <row r="8112" spans="1:16" x14ac:dyDescent="0.2">
      <c r="A8112" s="1" t="s">
        <v>329</v>
      </c>
      <c r="B8112" s="1" t="s">
        <v>2622</v>
      </c>
      <c r="C8112" s="1" t="s">
        <v>27955</v>
      </c>
      <c r="D8112" s="1" t="s">
        <v>27956</v>
      </c>
      <c r="E8112" s="1" t="s">
        <v>27957</v>
      </c>
      <c r="F8112" s="1" t="s">
        <v>10</v>
      </c>
      <c r="G8112" s="1" t="s">
        <v>10</v>
      </c>
      <c r="H8112" s="1" t="s">
        <v>10</v>
      </c>
      <c r="I8112" s="1" t="s">
        <v>1868</v>
      </c>
      <c r="J8112" s="1" t="s">
        <v>27545</v>
      </c>
      <c r="K8112" s="1" t="s">
        <v>27</v>
      </c>
      <c r="L8112" s="1" t="s">
        <v>27954</v>
      </c>
      <c r="M8112" s="1" t="s">
        <v>5</v>
      </c>
      <c r="N8112" s="1" t="s">
        <v>25</v>
      </c>
      <c r="O8112" s="1" t="s">
        <v>38</v>
      </c>
      <c r="P8112" s="5" t="s">
        <v>32571</v>
      </c>
    </row>
    <row r="8113" spans="1:16" x14ac:dyDescent="0.2">
      <c r="A8113" s="1" t="s">
        <v>42</v>
      </c>
      <c r="B8113" s="1" t="s">
        <v>1341</v>
      </c>
      <c r="C8113" s="1" t="s">
        <v>27959</v>
      </c>
      <c r="D8113" s="1" t="s">
        <v>27960</v>
      </c>
      <c r="E8113" s="1" t="s">
        <v>27961</v>
      </c>
      <c r="F8113" s="1" t="s">
        <v>10</v>
      </c>
      <c r="G8113" s="1" t="s">
        <v>10</v>
      </c>
      <c r="H8113" s="1" t="s">
        <v>10</v>
      </c>
      <c r="I8113" s="1" t="s">
        <v>1868</v>
      </c>
      <c r="J8113" s="1" t="s">
        <v>27272</v>
      </c>
      <c r="K8113" s="1" t="s">
        <v>27</v>
      </c>
      <c r="L8113" s="1" t="s">
        <v>27958</v>
      </c>
      <c r="M8113" s="1" t="s">
        <v>5</v>
      </c>
      <c r="N8113" s="1" t="s">
        <v>25</v>
      </c>
      <c r="O8113" s="1" t="s">
        <v>38</v>
      </c>
      <c r="P8113" s="5" t="s">
        <v>30798</v>
      </c>
    </row>
    <row r="8114" spans="1:16" x14ac:dyDescent="0.2">
      <c r="A8114" s="1" t="s">
        <v>20</v>
      </c>
      <c r="B8114" s="1" t="s">
        <v>445</v>
      </c>
      <c r="C8114" s="1" t="s">
        <v>27963</v>
      </c>
      <c r="D8114" s="1" t="s">
        <v>27964</v>
      </c>
      <c r="E8114" s="1" t="s">
        <v>27965</v>
      </c>
      <c r="F8114" s="1" t="s">
        <v>10</v>
      </c>
      <c r="G8114" s="1" t="s">
        <v>10</v>
      </c>
      <c r="H8114" s="1" t="s">
        <v>10</v>
      </c>
      <c r="I8114" s="1" t="s">
        <v>1868</v>
      </c>
      <c r="J8114" s="1" t="s">
        <v>27272</v>
      </c>
      <c r="K8114" s="1" t="s">
        <v>27</v>
      </c>
      <c r="L8114" s="1" t="s">
        <v>27962</v>
      </c>
      <c r="M8114" s="1" t="s">
        <v>5</v>
      </c>
      <c r="N8114" s="1" t="s">
        <v>25</v>
      </c>
      <c r="O8114" s="1" t="s">
        <v>38</v>
      </c>
      <c r="P8114" s="5" t="s">
        <v>32572</v>
      </c>
    </row>
    <row r="8115" spans="1:16" x14ac:dyDescent="0.2">
      <c r="A8115" s="1" t="s">
        <v>20</v>
      </c>
      <c r="B8115" s="1" t="s">
        <v>445</v>
      </c>
      <c r="C8115" s="1" t="s">
        <v>27967</v>
      </c>
      <c r="D8115" s="1" t="s">
        <v>6463</v>
      </c>
      <c r="E8115" s="1" t="s">
        <v>27968</v>
      </c>
      <c r="F8115" s="1" t="s">
        <v>27</v>
      </c>
      <c r="G8115" s="1" t="s">
        <v>10</v>
      </c>
      <c r="H8115" s="1" t="s">
        <v>27969</v>
      </c>
      <c r="I8115" s="1" t="s">
        <v>1868</v>
      </c>
      <c r="J8115" s="1" t="s">
        <v>27272</v>
      </c>
      <c r="K8115" s="1" t="s">
        <v>27</v>
      </c>
      <c r="L8115" s="1" t="s">
        <v>27966</v>
      </c>
      <c r="M8115" s="1" t="s">
        <v>5</v>
      </c>
      <c r="N8115" s="1" t="s">
        <v>25</v>
      </c>
      <c r="O8115" s="1" t="s">
        <v>8</v>
      </c>
      <c r="P8115" s="5" t="s">
        <v>30798</v>
      </c>
    </row>
    <row r="8116" spans="1:16" x14ac:dyDescent="0.2">
      <c r="A8116" s="1" t="s">
        <v>66</v>
      </c>
      <c r="B8116" s="1" t="s">
        <v>674</v>
      </c>
      <c r="C8116" s="1" t="s">
        <v>27971</v>
      </c>
      <c r="D8116" s="1" t="s">
        <v>27972</v>
      </c>
      <c r="E8116" s="1" t="s">
        <v>27973</v>
      </c>
      <c r="F8116" s="1" t="s">
        <v>27</v>
      </c>
      <c r="G8116" s="1" t="s">
        <v>10</v>
      </c>
      <c r="H8116" s="1" t="s">
        <v>27974</v>
      </c>
      <c r="I8116" s="1" t="s">
        <v>1868</v>
      </c>
      <c r="J8116" s="1" t="s">
        <v>27256</v>
      </c>
      <c r="K8116" s="1" t="s">
        <v>7</v>
      </c>
      <c r="L8116" s="1" t="s">
        <v>27970</v>
      </c>
      <c r="M8116" s="1" t="s">
        <v>5</v>
      </c>
      <c r="N8116" s="1" t="s">
        <v>1009</v>
      </c>
      <c r="O8116" s="1" t="s">
        <v>8</v>
      </c>
      <c r="P8116" s="5" t="s">
        <v>30835</v>
      </c>
    </row>
    <row r="8117" spans="1:16" x14ac:dyDescent="0.2">
      <c r="A8117" s="1" t="s">
        <v>329</v>
      </c>
      <c r="B8117" s="1" t="s">
        <v>2622</v>
      </c>
      <c r="C8117" s="1" t="s">
        <v>27976</v>
      </c>
      <c r="D8117" s="1" t="s">
        <v>18217</v>
      </c>
      <c r="E8117" s="1" t="s">
        <v>27977</v>
      </c>
      <c r="F8117" s="1" t="s">
        <v>10</v>
      </c>
      <c r="G8117" s="1" t="s">
        <v>10</v>
      </c>
      <c r="H8117" s="1" t="s">
        <v>10</v>
      </c>
      <c r="I8117" s="1" t="s">
        <v>1868</v>
      </c>
      <c r="J8117" s="1" t="s">
        <v>27545</v>
      </c>
      <c r="K8117" s="1" t="s">
        <v>27</v>
      </c>
      <c r="L8117" s="1" t="s">
        <v>27975</v>
      </c>
      <c r="M8117" s="1" t="s">
        <v>5</v>
      </c>
      <c r="N8117" s="1" t="s">
        <v>10</v>
      </c>
      <c r="O8117" s="1" t="s">
        <v>38</v>
      </c>
      <c r="P8117" s="5" t="s">
        <v>14</v>
      </c>
    </row>
    <row r="8118" spans="1:16" x14ac:dyDescent="0.2">
      <c r="A8118" s="1" t="s">
        <v>20</v>
      </c>
      <c r="B8118" s="1" t="s">
        <v>253</v>
      </c>
      <c r="C8118" s="1" t="s">
        <v>27979</v>
      </c>
      <c r="D8118" s="1" t="s">
        <v>27980</v>
      </c>
      <c r="E8118" s="1"/>
      <c r="F8118" s="1" t="s">
        <v>10</v>
      </c>
      <c r="G8118" s="1" t="s">
        <v>10</v>
      </c>
      <c r="H8118" s="1" t="s">
        <v>10</v>
      </c>
      <c r="I8118" s="1" t="s">
        <v>1868</v>
      </c>
      <c r="J8118" s="1" t="s">
        <v>27272</v>
      </c>
      <c r="K8118" s="1" t="s">
        <v>27</v>
      </c>
      <c r="L8118" s="1" t="s">
        <v>27978</v>
      </c>
      <c r="M8118" s="1" t="s">
        <v>5</v>
      </c>
      <c r="N8118" s="1" t="s">
        <v>1009</v>
      </c>
      <c r="O8118" s="1" t="s">
        <v>38</v>
      </c>
      <c r="P8118" s="5" t="s">
        <v>30842</v>
      </c>
    </row>
    <row r="8119" spans="1:16" x14ac:dyDescent="0.2">
      <c r="A8119" s="1" t="s">
        <v>42</v>
      </c>
      <c r="B8119" s="1" t="s">
        <v>1341</v>
      </c>
      <c r="C8119" s="1" t="s">
        <v>27982</v>
      </c>
      <c r="D8119" s="1" t="s">
        <v>18500</v>
      </c>
      <c r="E8119" s="1" t="s">
        <v>27983</v>
      </c>
      <c r="F8119" s="1" t="s">
        <v>10</v>
      </c>
      <c r="G8119" s="1" t="s">
        <v>10</v>
      </c>
      <c r="H8119" s="1" t="s">
        <v>10</v>
      </c>
      <c r="I8119" s="1" t="s">
        <v>1868</v>
      </c>
      <c r="J8119" s="1" t="s">
        <v>27329</v>
      </c>
      <c r="K8119" s="1" t="s">
        <v>27</v>
      </c>
      <c r="L8119" s="1" t="s">
        <v>27981</v>
      </c>
      <c r="M8119" s="1" t="s">
        <v>5</v>
      </c>
      <c r="N8119" s="1" t="s">
        <v>1009</v>
      </c>
      <c r="O8119" s="1" t="s">
        <v>38</v>
      </c>
      <c r="P8119" s="5" t="s">
        <v>30810</v>
      </c>
    </row>
    <row r="8120" spans="1:16" x14ac:dyDescent="0.2">
      <c r="A8120" s="1" t="s">
        <v>329</v>
      </c>
      <c r="B8120" s="1" t="s">
        <v>439</v>
      </c>
      <c r="C8120" s="1" t="s">
        <v>27985</v>
      </c>
      <c r="D8120" s="1" t="s">
        <v>14683</v>
      </c>
      <c r="E8120" s="1" t="s">
        <v>27986</v>
      </c>
      <c r="F8120" s="1" t="s">
        <v>437</v>
      </c>
      <c r="G8120" s="1" t="s">
        <v>27987</v>
      </c>
      <c r="H8120" s="1" t="s">
        <v>10</v>
      </c>
      <c r="I8120" s="1" t="s">
        <v>1868</v>
      </c>
      <c r="J8120" s="1" t="s">
        <v>27256</v>
      </c>
      <c r="K8120" s="1" t="s">
        <v>1563</v>
      </c>
      <c r="L8120" s="1" t="s">
        <v>27984</v>
      </c>
      <c r="M8120" s="1" t="s">
        <v>5</v>
      </c>
      <c r="N8120" s="1" t="s">
        <v>1009</v>
      </c>
      <c r="O8120" s="1" t="s">
        <v>8</v>
      </c>
      <c r="P8120" s="5" t="s">
        <v>32573</v>
      </c>
    </row>
    <row r="8121" spans="1:16" x14ac:dyDescent="0.2">
      <c r="A8121" s="1" t="s">
        <v>20</v>
      </c>
      <c r="B8121" s="1" t="s">
        <v>132</v>
      </c>
      <c r="C8121" s="1" t="s">
        <v>24583</v>
      </c>
      <c r="D8121" s="1" t="s">
        <v>27989</v>
      </c>
      <c r="E8121" s="1"/>
      <c r="F8121" s="1" t="s">
        <v>10</v>
      </c>
      <c r="G8121" s="1" t="s">
        <v>10</v>
      </c>
      <c r="H8121" s="1" t="s">
        <v>10</v>
      </c>
      <c r="I8121" s="1" t="s">
        <v>1868</v>
      </c>
      <c r="J8121" s="1" t="s">
        <v>27256</v>
      </c>
      <c r="K8121" s="1" t="s">
        <v>231</v>
      </c>
      <c r="L8121" s="1" t="s">
        <v>27988</v>
      </c>
      <c r="M8121" s="1" t="s">
        <v>5</v>
      </c>
      <c r="N8121" s="1" t="s">
        <v>25</v>
      </c>
      <c r="O8121" s="1" t="s">
        <v>38</v>
      </c>
      <c r="P8121" s="5" t="s">
        <v>30550</v>
      </c>
    </row>
    <row r="8122" spans="1:16" x14ac:dyDescent="0.2">
      <c r="A8122" s="1" t="s">
        <v>42</v>
      </c>
      <c r="B8122" s="1" t="s">
        <v>1341</v>
      </c>
      <c r="C8122" s="1" t="s">
        <v>27991</v>
      </c>
      <c r="D8122" s="1" t="s">
        <v>27992</v>
      </c>
      <c r="E8122" s="1"/>
      <c r="F8122" s="1" t="s">
        <v>10</v>
      </c>
      <c r="G8122" s="1" t="s">
        <v>10</v>
      </c>
      <c r="H8122" s="1" t="s">
        <v>10</v>
      </c>
      <c r="I8122" s="1" t="s">
        <v>1868</v>
      </c>
      <c r="J8122" s="1" t="s">
        <v>27407</v>
      </c>
      <c r="K8122" s="1" t="s">
        <v>27</v>
      </c>
      <c r="L8122" s="1" t="s">
        <v>27990</v>
      </c>
      <c r="M8122" s="1" t="s">
        <v>5</v>
      </c>
      <c r="N8122" s="1" t="s">
        <v>25</v>
      </c>
      <c r="O8122" s="1" t="s">
        <v>38</v>
      </c>
      <c r="P8122" s="5" t="s">
        <v>32574</v>
      </c>
    </row>
    <row r="8123" spans="1:16" x14ac:dyDescent="0.2">
      <c r="A8123" s="1" t="s">
        <v>329</v>
      </c>
      <c r="B8123" s="1" t="s">
        <v>2622</v>
      </c>
      <c r="C8123" s="1" t="s">
        <v>27994</v>
      </c>
      <c r="D8123" s="1" t="s">
        <v>27994</v>
      </c>
      <c r="E8123" s="1" t="s">
        <v>27995</v>
      </c>
      <c r="F8123" s="1" t="s">
        <v>10</v>
      </c>
      <c r="G8123" s="1" t="s">
        <v>10</v>
      </c>
      <c r="H8123" s="1" t="s">
        <v>10</v>
      </c>
      <c r="I8123" s="1" t="s">
        <v>1868</v>
      </c>
      <c r="J8123" s="1" t="s">
        <v>27545</v>
      </c>
      <c r="K8123" s="1" t="s">
        <v>27</v>
      </c>
      <c r="L8123" s="1" t="s">
        <v>27993</v>
      </c>
      <c r="M8123" s="1" t="s">
        <v>5</v>
      </c>
      <c r="N8123" s="1" t="s">
        <v>25</v>
      </c>
      <c r="O8123" s="1" t="s">
        <v>38</v>
      </c>
      <c r="P8123" s="5" t="s">
        <v>32575</v>
      </c>
    </row>
    <row r="8124" spans="1:16" x14ac:dyDescent="0.2">
      <c r="A8124" s="1" t="s">
        <v>20</v>
      </c>
      <c r="B8124" s="1" t="s">
        <v>445</v>
      </c>
      <c r="C8124" s="1" t="s">
        <v>27997</v>
      </c>
      <c r="D8124" s="1" t="s">
        <v>27998</v>
      </c>
      <c r="E8124" s="1" t="s">
        <v>28000</v>
      </c>
      <c r="F8124" s="1" t="s">
        <v>27</v>
      </c>
      <c r="G8124" s="1" t="s">
        <v>10</v>
      </c>
      <c r="H8124" s="1" t="s">
        <v>28001</v>
      </c>
      <c r="I8124" s="1" t="s">
        <v>1868</v>
      </c>
      <c r="J8124" s="1" t="s">
        <v>27329</v>
      </c>
      <c r="K8124" s="1" t="s">
        <v>27999</v>
      </c>
      <c r="L8124" s="1" t="s">
        <v>27996</v>
      </c>
      <c r="M8124" s="1" t="s">
        <v>5</v>
      </c>
      <c r="N8124" s="1" t="s">
        <v>6</v>
      </c>
      <c r="O8124" s="1" t="s">
        <v>38</v>
      </c>
      <c r="P8124" s="5" t="s">
        <v>32831</v>
      </c>
    </row>
    <row r="8125" spans="1:16" x14ac:dyDescent="0.2">
      <c r="A8125" s="1" t="s">
        <v>66</v>
      </c>
      <c r="B8125" s="1" t="s">
        <v>4741</v>
      </c>
      <c r="C8125" s="1" t="s">
        <v>28003</v>
      </c>
      <c r="D8125" s="1" t="s">
        <v>28003</v>
      </c>
      <c r="E8125" s="1" t="s">
        <v>28004</v>
      </c>
      <c r="F8125" s="1" t="s">
        <v>10</v>
      </c>
      <c r="G8125" s="1" t="s">
        <v>10</v>
      </c>
      <c r="H8125" s="1" t="s">
        <v>85</v>
      </c>
      <c r="I8125" s="1" t="s">
        <v>1868</v>
      </c>
      <c r="J8125" s="1" t="s">
        <v>27256</v>
      </c>
      <c r="K8125" s="1" t="s">
        <v>130</v>
      </c>
      <c r="L8125" s="1" t="s">
        <v>28002</v>
      </c>
      <c r="M8125" s="1" t="s">
        <v>5</v>
      </c>
      <c r="N8125" s="1" t="s">
        <v>1009</v>
      </c>
      <c r="O8125" s="1" t="s">
        <v>38</v>
      </c>
      <c r="P8125" s="5" t="s">
        <v>32550</v>
      </c>
    </row>
    <row r="8126" spans="1:16" x14ac:dyDescent="0.2">
      <c r="A8126" s="1" t="s">
        <v>20</v>
      </c>
      <c r="B8126" s="1" t="s">
        <v>445</v>
      </c>
      <c r="C8126" s="1" t="s">
        <v>28006</v>
      </c>
      <c r="D8126" s="1" t="s">
        <v>28007</v>
      </c>
      <c r="E8126" s="1" t="s">
        <v>28008</v>
      </c>
      <c r="F8126" s="1" t="s">
        <v>10</v>
      </c>
      <c r="G8126" s="1" t="s">
        <v>10</v>
      </c>
      <c r="H8126" s="1" t="s">
        <v>10</v>
      </c>
      <c r="I8126" s="1" t="s">
        <v>1868</v>
      </c>
      <c r="J8126" s="1" t="s">
        <v>27256</v>
      </c>
      <c r="K8126" s="1" t="s">
        <v>6533</v>
      </c>
      <c r="L8126" s="1" t="s">
        <v>28005</v>
      </c>
      <c r="M8126" s="1" t="s">
        <v>5</v>
      </c>
      <c r="N8126" s="1" t="s">
        <v>25</v>
      </c>
      <c r="O8126" s="1" t="s">
        <v>38</v>
      </c>
      <c r="P8126" s="5" t="s">
        <v>30818</v>
      </c>
    </row>
    <row r="8127" spans="1:16" x14ac:dyDescent="0.2">
      <c r="A8127" s="1" t="s">
        <v>20</v>
      </c>
      <c r="B8127" s="1" t="s">
        <v>21</v>
      </c>
      <c r="C8127" s="1" t="s">
        <v>28010</v>
      </c>
      <c r="D8127" s="1" t="s">
        <v>28011</v>
      </c>
      <c r="E8127" s="1" t="s">
        <v>28012</v>
      </c>
      <c r="F8127" s="1" t="s">
        <v>9</v>
      </c>
      <c r="G8127" s="1" t="s">
        <v>18</v>
      </c>
      <c r="H8127" s="1" t="s">
        <v>10</v>
      </c>
      <c r="I8127" s="1" t="s">
        <v>1868</v>
      </c>
      <c r="J8127" s="1" t="s">
        <v>27256</v>
      </c>
      <c r="K8127" s="1" t="s">
        <v>7</v>
      </c>
      <c r="L8127" s="1" t="s">
        <v>28009</v>
      </c>
      <c r="M8127" s="1" t="s">
        <v>5</v>
      </c>
      <c r="N8127" s="1" t="s">
        <v>1009</v>
      </c>
      <c r="O8127" s="1" t="s">
        <v>8</v>
      </c>
      <c r="P8127" s="5" t="s">
        <v>32529</v>
      </c>
    </row>
    <row r="8128" spans="1:16" x14ac:dyDescent="0.2">
      <c r="A8128" s="1" t="s">
        <v>20</v>
      </c>
      <c r="B8128" s="1" t="s">
        <v>21</v>
      </c>
      <c r="C8128" s="1" t="s">
        <v>28014</v>
      </c>
      <c r="D8128" s="1" t="s">
        <v>13946</v>
      </c>
      <c r="E8128" s="1" t="s">
        <v>28015</v>
      </c>
      <c r="F8128" s="1" t="s">
        <v>9</v>
      </c>
      <c r="G8128" s="1" t="s">
        <v>18</v>
      </c>
      <c r="H8128" s="1" t="s">
        <v>10</v>
      </c>
      <c r="I8128" s="1" t="s">
        <v>1868</v>
      </c>
      <c r="J8128" s="1" t="s">
        <v>27256</v>
      </c>
      <c r="K8128" s="1" t="s">
        <v>7</v>
      </c>
      <c r="L8128" s="1" t="s">
        <v>28013</v>
      </c>
      <c r="M8128" s="1" t="s">
        <v>5</v>
      </c>
      <c r="N8128" s="1" t="s">
        <v>1009</v>
      </c>
      <c r="O8128" s="1" t="s">
        <v>8</v>
      </c>
      <c r="P8128" s="5" t="s">
        <v>32529</v>
      </c>
    </row>
    <row r="8129" spans="1:16" x14ac:dyDescent="0.2">
      <c r="A8129" s="1" t="s">
        <v>20</v>
      </c>
      <c r="B8129" s="1" t="s">
        <v>445</v>
      </c>
      <c r="C8129" s="1" t="s">
        <v>28017</v>
      </c>
      <c r="D8129" s="1" t="s">
        <v>19011</v>
      </c>
      <c r="E8129" s="1" t="s">
        <v>28018</v>
      </c>
      <c r="F8129" s="1" t="s">
        <v>10</v>
      </c>
      <c r="G8129" s="1" t="s">
        <v>10</v>
      </c>
      <c r="H8129" s="1" t="s">
        <v>10</v>
      </c>
      <c r="I8129" s="1" t="s">
        <v>1868</v>
      </c>
      <c r="J8129" s="1" t="s">
        <v>27329</v>
      </c>
      <c r="K8129" s="1" t="s">
        <v>27</v>
      </c>
      <c r="L8129" s="1" t="s">
        <v>28016</v>
      </c>
      <c r="M8129" s="1" t="s">
        <v>5</v>
      </c>
      <c r="N8129" s="1" t="s">
        <v>6</v>
      </c>
      <c r="O8129" s="1" t="s">
        <v>38</v>
      </c>
      <c r="P8129" s="5" t="s">
        <v>10</v>
      </c>
    </row>
    <row r="8130" spans="1:16" x14ac:dyDescent="0.2">
      <c r="A8130" s="1" t="s">
        <v>329</v>
      </c>
      <c r="B8130" s="1" t="s">
        <v>2622</v>
      </c>
      <c r="C8130" s="1" t="s">
        <v>28020</v>
      </c>
      <c r="D8130" s="1" t="s">
        <v>28020</v>
      </c>
      <c r="E8130" s="1" t="s">
        <v>28021</v>
      </c>
      <c r="F8130" s="1" t="s">
        <v>10</v>
      </c>
      <c r="G8130" s="1" t="s">
        <v>10</v>
      </c>
      <c r="H8130" s="1" t="s">
        <v>10</v>
      </c>
      <c r="I8130" s="1" t="s">
        <v>1868</v>
      </c>
      <c r="J8130" s="1" t="s">
        <v>27545</v>
      </c>
      <c r="K8130" s="1" t="s">
        <v>27</v>
      </c>
      <c r="L8130" s="1" t="s">
        <v>28019</v>
      </c>
      <c r="M8130" s="1" t="s">
        <v>5</v>
      </c>
      <c r="N8130" s="1" t="s">
        <v>25</v>
      </c>
      <c r="O8130" s="1" t="s">
        <v>38</v>
      </c>
      <c r="P8130" s="5" t="s">
        <v>32576</v>
      </c>
    </row>
    <row r="8131" spans="1:16" x14ac:dyDescent="0.2">
      <c r="A8131" s="1" t="s">
        <v>42</v>
      </c>
      <c r="B8131" s="1" t="s">
        <v>1341</v>
      </c>
      <c r="C8131" s="1" t="s">
        <v>28023</v>
      </c>
      <c r="D8131" s="1" t="s">
        <v>28024</v>
      </c>
      <c r="E8131" s="1" t="s">
        <v>28025</v>
      </c>
      <c r="F8131" s="1" t="s">
        <v>10</v>
      </c>
      <c r="G8131" s="1" t="s">
        <v>10</v>
      </c>
      <c r="H8131" s="1" t="s">
        <v>10</v>
      </c>
      <c r="I8131" s="1" t="s">
        <v>1868</v>
      </c>
      <c r="J8131" s="1" t="s">
        <v>27329</v>
      </c>
      <c r="K8131" s="1" t="s">
        <v>27</v>
      </c>
      <c r="L8131" s="1" t="s">
        <v>28022</v>
      </c>
      <c r="M8131" s="1" t="s">
        <v>5</v>
      </c>
      <c r="N8131" s="1" t="s">
        <v>25</v>
      </c>
      <c r="O8131" s="1" t="s">
        <v>38</v>
      </c>
      <c r="P8131" s="5" t="s">
        <v>30809</v>
      </c>
    </row>
    <row r="8132" spans="1:16" x14ac:dyDescent="0.2">
      <c r="A8132" s="1" t="s">
        <v>42</v>
      </c>
      <c r="B8132" s="1" t="s">
        <v>1341</v>
      </c>
      <c r="C8132" s="1" t="s">
        <v>28027</v>
      </c>
      <c r="D8132" s="1" t="s">
        <v>28028</v>
      </c>
      <c r="E8132" s="1" t="s">
        <v>28028</v>
      </c>
      <c r="F8132" s="1" t="s">
        <v>10</v>
      </c>
      <c r="G8132" s="1" t="s">
        <v>10</v>
      </c>
      <c r="H8132" s="1" t="s">
        <v>10</v>
      </c>
      <c r="I8132" s="1" t="s">
        <v>1868</v>
      </c>
      <c r="J8132" s="1" t="s">
        <v>27329</v>
      </c>
      <c r="K8132" s="1" t="s">
        <v>27</v>
      </c>
      <c r="L8132" s="1" t="s">
        <v>28026</v>
      </c>
      <c r="M8132" s="1" t="s">
        <v>5</v>
      </c>
      <c r="N8132" s="1" t="s">
        <v>25</v>
      </c>
      <c r="O8132" s="1" t="s">
        <v>38</v>
      </c>
      <c r="P8132" s="5" t="s">
        <v>30809</v>
      </c>
    </row>
    <row r="8133" spans="1:16" x14ac:dyDescent="0.2">
      <c r="A8133" s="1" t="s">
        <v>42</v>
      </c>
      <c r="B8133" s="1" t="s">
        <v>1341</v>
      </c>
      <c r="C8133" s="1" t="s">
        <v>28030</v>
      </c>
      <c r="D8133" s="1" t="s">
        <v>28031</v>
      </c>
      <c r="E8133" s="1" t="s">
        <v>28032</v>
      </c>
      <c r="F8133" s="1" t="s">
        <v>10</v>
      </c>
      <c r="G8133" s="1" t="s">
        <v>10</v>
      </c>
      <c r="H8133" s="1" t="s">
        <v>10</v>
      </c>
      <c r="I8133" s="1" t="s">
        <v>1868</v>
      </c>
      <c r="J8133" s="1" t="s">
        <v>27329</v>
      </c>
      <c r="K8133" s="1" t="s">
        <v>27</v>
      </c>
      <c r="L8133" s="1" t="s">
        <v>28029</v>
      </c>
      <c r="M8133" s="1" t="s">
        <v>5</v>
      </c>
      <c r="N8133" s="1" t="s">
        <v>25</v>
      </c>
      <c r="O8133" s="1" t="s">
        <v>38</v>
      </c>
      <c r="P8133" s="5" t="s">
        <v>30809</v>
      </c>
    </row>
    <row r="8134" spans="1:16" x14ac:dyDescent="0.2">
      <c r="A8134" s="1" t="s">
        <v>20</v>
      </c>
      <c r="B8134" s="1" t="s">
        <v>99</v>
      </c>
      <c r="C8134" s="1" t="s">
        <v>28034</v>
      </c>
      <c r="D8134" s="1" t="s">
        <v>28034</v>
      </c>
      <c r="E8134" s="1" t="s">
        <v>28035</v>
      </c>
      <c r="F8134" s="1" t="s">
        <v>10</v>
      </c>
      <c r="G8134" s="1" t="s">
        <v>10</v>
      </c>
      <c r="H8134" s="1" t="s">
        <v>10</v>
      </c>
      <c r="I8134" s="1" t="s">
        <v>1868</v>
      </c>
      <c r="J8134" s="1" t="s">
        <v>27256</v>
      </c>
      <c r="K8134" s="1" t="s">
        <v>1468</v>
      </c>
      <c r="L8134" s="1" t="s">
        <v>28033</v>
      </c>
      <c r="M8134" s="1" t="s">
        <v>5</v>
      </c>
      <c r="N8134" s="1" t="s">
        <v>25</v>
      </c>
      <c r="O8134" s="1" t="s">
        <v>38</v>
      </c>
      <c r="P8134" s="5" t="s">
        <v>32577</v>
      </c>
    </row>
    <row r="8135" spans="1:16" x14ac:dyDescent="0.2">
      <c r="A8135" s="1" t="s">
        <v>42</v>
      </c>
      <c r="B8135" s="1" t="s">
        <v>1341</v>
      </c>
      <c r="C8135" s="1" t="s">
        <v>28037</v>
      </c>
      <c r="D8135" s="1" t="s">
        <v>28038</v>
      </c>
      <c r="E8135" s="1" t="s">
        <v>28040</v>
      </c>
      <c r="F8135" s="1" t="s">
        <v>10</v>
      </c>
      <c r="G8135" s="1" t="s">
        <v>10</v>
      </c>
      <c r="H8135" s="1" t="s">
        <v>10</v>
      </c>
      <c r="I8135" s="1" t="s">
        <v>1868</v>
      </c>
      <c r="J8135" s="1" t="s">
        <v>28039</v>
      </c>
      <c r="K8135" s="1" t="s">
        <v>27</v>
      </c>
      <c r="L8135" s="1" t="s">
        <v>28036</v>
      </c>
      <c r="M8135" s="1" t="s">
        <v>5</v>
      </c>
      <c r="N8135" s="1" t="s">
        <v>25</v>
      </c>
      <c r="O8135" s="1" t="s">
        <v>38</v>
      </c>
      <c r="P8135" s="5" t="s">
        <v>30809</v>
      </c>
    </row>
    <row r="8136" spans="1:16" x14ac:dyDescent="0.2">
      <c r="A8136" s="1" t="s">
        <v>20</v>
      </c>
      <c r="B8136" s="1" t="s">
        <v>21</v>
      </c>
      <c r="C8136" s="1" t="s">
        <v>28042</v>
      </c>
      <c r="D8136" s="1" t="s">
        <v>28043</v>
      </c>
      <c r="E8136" s="1" t="s">
        <v>28044</v>
      </c>
      <c r="F8136" s="1" t="s">
        <v>9</v>
      </c>
      <c r="G8136" s="1" t="s">
        <v>18</v>
      </c>
      <c r="H8136" s="1" t="s">
        <v>10</v>
      </c>
      <c r="I8136" s="1" t="s">
        <v>1868</v>
      </c>
      <c r="J8136" s="1" t="s">
        <v>27256</v>
      </c>
      <c r="K8136" s="1" t="s">
        <v>7</v>
      </c>
      <c r="L8136" s="1" t="s">
        <v>28041</v>
      </c>
      <c r="M8136" s="1" t="s">
        <v>5</v>
      </c>
      <c r="N8136" s="1" t="s">
        <v>1009</v>
      </c>
      <c r="O8136" s="1" t="s">
        <v>8</v>
      </c>
      <c r="P8136" s="5" t="s">
        <v>32529</v>
      </c>
    </row>
    <row r="8137" spans="1:16" x14ac:dyDescent="0.2">
      <c r="A8137" s="1" t="s">
        <v>20</v>
      </c>
      <c r="B8137" s="1" t="s">
        <v>99</v>
      </c>
      <c r="C8137" s="1" t="s">
        <v>28046</v>
      </c>
      <c r="D8137" s="1" t="s">
        <v>28047</v>
      </c>
      <c r="E8137" s="1" t="s">
        <v>28048</v>
      </c>
      <c r="F8137" s="1" t="s">
        <v>10</v>
      </c>
      <c r="G8137" s="1" t="s">
        <v>10</v>
      </c>
      <c r="H8137" s="1" t="s">
        <v>10</v>
      </c>
      <c r="I8137" s="1" t="s">
        <v>1868</v>
      </c>
      <c r="J8137" s="1" t="s">
        <v>27256</v>
      </c>
      <c r="K8137" s="1" t="s">
        <v>1468</v>
      </c>
      <c r="L8137" s="1" t="s">
        <v>28045</v>
      </c>
      <c r="M8137" s="1" t="s">
        <v>5</v>
      </c>
      <c r="N8137" s="1" t="s">
        <v>1009</v>
      </c>
      <c r="O8137" s="1" t="s">
        <v>38</v>
      </c>
      <c r="P8137" s="5" t="s">
        <v>32577</v>
      </c>
    </row>
    <row r="8138" spans="1:16" x14ac:dyDescent="0.2">
      <c r="A8138" s="1" t="s">
        <v>20</v>
      </c>
      <c r="B8138" s="1" t="s">
        <v>445</v>
      </c>
      <c r="C8138" s="1" t="s">
        <v>28050</v>
      </c>
      <c r="D8138" s="1" t="s">
        <v>28051</v>
      </c>
      <c r="E8138" s="1" t="s">
        <v>28052</v>
      </c>
      <c r="F8138" s="1" t="s">
        <v>10</v>
      </c>
      <c r="G8138" s="1" t="s">
        <v>10</v>
      </c>
      <c r="H8138" s="1" t="s">
        <v>10</v>
      </c>
      <c r="I8138" s="1" t="s">
        <v>1868</v>
      </c>
      <c r="J8138" s="1" t="s">
        <v>27329</v>
      </c>
      <c r="K8138" s="1" t="s">
        <v>27</v>
      </c>
      <c r="L8138" s="1" t="s">
        <v>28049</v>
      </c>
      <c r="M8138" s="1" t="s">
        <v>5</v>
      </c>
      <c r="N8138" s="1" t="s">
        <v>25</v>
      </c>
      <c r="O8138" s="1" t="s">
        <v>38</v>
      </c>
      <c r="P8138" s="5" t="s">
        <v>32541</v>
      </c>
    </row>
    <row r="8139" spans="1:16" x14ac:dyDescent="0.2">
      <c r="A8139" s="1" t="s">
        <v>20</v>
      </c>
      <c r="B8139" s="1" t="s">
        <v>21</v>
      </c>
      <c r="C8139" s="1" t="s">
        <v>28054</v>
      </c>
      <c r="D8139" s="1" t="s">
        <v>28055</v>
      </c>
      <c r="E8139" s="1" t="s">
        <v>28056</v>
      </c>
      <c r="F8139" s="1" t="s">
        <v>9</v>
      </c>
      <c r="G8139" s="1" t="s">
        <v>18</v>
      </c>
      <c r="H8139" s="1" t="s">
        <v>10</v>
      </c>
      <c r="I8139" s="1" t="s">
        <v>1868</v>
      </c>
      <c r="J8139" s="1" t="s">
        <v>27256</v>
      </c>
      <c r="K8139" s="1" t="s">
        <v>7</v>
      </c>
      <c r="L8139" s="1" t="s">
        <v>28053</v>
      </c>
      <c r="M8139" s="1" t="s">
        <v>5</v>
      </c>
      <c r="N8139" s="1" t="s">
        <v>1009</v>
      </c>
      <c r="O8139" s="1" t="s">
        <v>8</v>
      </c>
      <c r="P8139" s="5" t="s">
        <v>32529</v>
      </c>
    </row>
    <row r="8140" spans="1:16" x14ac:dyDescent="0.2">
      <c r="A8140" s="1" t="s">
        <v>10</v>
      </c>
      <c r="B8140" s="1" t="s">
        <v>10</v>
      </c>
      <c r="C8140" s="1" t="s">
        <v>28058</v>
      </c>
      <c r="D8140" s="1" t="s">
        <v>28059</v>
      </c>
      <c r="E8140" s="1" t="s">
        <v>28060</v>
      </c>
      <c r="F8140" s="1" t="s">
        <v>10</v>
      </c>
      <c r="G8140" s="1" t="s">
        <v>10</v>
      </c>
      <c r="H8140" s="1" t="s">
        <v>10</v>
      </c>
      <c r="I8140" s="1" t="s">
        <v>1868</v>
      </c>
      <c r="J8140" s="1" t="s">
        <v>10</v>
      </c>
      <c r="K8140" s="1" t="s">
        <v>10</v>
      </c>
      <c r="L8140" s="1" t="s">
        <v>28057</v>
      </c>
      <c r="M8140" s="1" t="s">
        <v>5</v>
      </c>
      <c r="N8140" s="1" t="s">
        <v>25</v>
      </c>
      <c r="O8140" s="1" t="s">
        <v>38</v>
      </c>
      <c r="P8140" s="5"/>
    </row>
    <row r="8141" spans="1:16" x14ac:dyDescent="0.2">
      <c r="A8141" s="1" t="s">
        <v>20</v>
      </c>
      <c r="B8141" s="1" t="s">
        <v>21</v>
      </c>
      <c r="C8141" s="1" t="s">
        <v>28062</v>
      </c>
      <c r="D8141" s="1" t="s">
        <v>9272</v>
      </c>
      <c r="E8141" s="1" t="s">
        <v>28063</v>
      </c>
      <c r="F8141" s="1" t="s">
        <v>9</v>
      </c>
      <c r="G8141" s="1" t="s">
        <v>18</v>
      </c>
      <c r="H8141" s="1" t="s">
        <v>10</v>
      </c>
      <c r="I8141" s="1" t="s">
        <v>1868</v>
      </c>
      <c r="J8141" s="1" t="s">
        <v>27256</v>
      </c>
      <c r="K8141" s="1" t="s">
        <v>7</v>
      </c>
      <c r="L8141" s="1" t="s">
        <v>28061</v>
      </c>
      <c r="M8141" s="1" t="s">
        <v>5</v>
      </c>
      <c r="N8141" s="1" t="s">
        <v>1009</v>
      </c>
      <c r="O8141" s="1" t="s">
        <v>8</v>
      </c>
      <c r="P8141" s="5" t="s">
        <v>32529</v>
      </c>
    </row>
    <row r="8142" spans="1:16" x14ac:dyDescent="0.2">
      <c r="A8142" s="1" t="s">
        <v>42</v>
      </c>
      <c r="B8142" s="1" t="s">
        <v>1341</v>
      </c>
      <c r="C8142" s="1" t="s">
        <v>28065</v>
      </c>
      <c r="D8142" s="1" t="s">
        <v>28066</v>
      </c>
      <c r="E8142" s="1" t="s">
        <v>28067</v>
      </c>
      <c r="F8142" s="1" t="s">
        <v>10</v>
      </c>
      <c r="G8142" s="1" t="s">
        <v>10</v>
      </c>
      <c r="H8142" s="1" t="s">
        <v>10</v>
      </c>
      <c r="I8142" s="1" t="s">
        <v>1868</v>
      </c>
      <c r="J8142" s="1" t="s">
        <v>28039</v>
      </c>
      <c r="K8142" s="1" t="s">
        <v>27</v>
      </c>
      <c r="L8142" s="1" t="s">
        <v>28064</v>
      </c>
      <c r="M8142" s="1" t="s">
        <v>5</v>
      </c>
      <c r="N8142" s="1" t="s">
        <v>1009</v>
      </c>
      <c r="O8142" s="1" t="s">
        <v>38</v>
      </c>
      <c r="P8142" s="5" t="s">
        <v>30810</v>
      </c>
    </row>
    <row r="8143" spans="1:16" x14ac:dyDescent="0.2">
      <c r="A8143" s="1" t="s">
        <v>42</v>
      </c>
      <c r="B8143" s="1" t="s">
        <v>1341</v>
      </c>
      <c r="C8143" s="1" t="s">
        <v>28069</v>
      </c>
      <c r="D8143" s="1" t="s">
        <v>28070</v>
      </c>
      <c r="E8143" s="1" t="s">
        <v>28071</v>
      </c>
      <c r="F8143" s="1" t="s">
        <v>10</v>
      </c>
      <c r="G8143" s="1" t="s">
        <v>10</v>
      </c>
      <c r="H8143" s="1" t="s">
        <v>10</v>
      </c>
      <c r="I8143" s="1" t="s">
        <v>1868</v>
      </c>
      <c r="J8143" s="1" t="s">
        <v>27329</v>
      </c>
      <c r="K8143" s="1" t="s">
        <v>27</v>
      </c>
      <c r="L8143" s="1" t="s">
        <v>28068</v>
      </c>
      <c r="M8143" s="1" t="s">
        <v>5</v>
      </c>
      <c r="N8143" s="1" t="s">
        <v>25</v>
      </c>
      <c r="O8143" s="1" t="s">
        <v>38</v>
      </c>
      <c r="P8143" s="5" t="s">
        <v>30809</v>
      </c>
    </row>
    <row r="8144" spans="1:16" x14ac:dyDescent="0.2">
      <c r="A8144" s="1" t="s">
        <v>20</v>
      </c>
      <c r="B8144" s="1" t="s">
        <v>101</v>
      </c>
      <c r="C8144" s="1" t="s">
        <v>28073</v>
      </c>
      <c r="D8144" s="1" t="s">
        <v>28074</v>
      </c>
      <c r="E8144" s="1" t="s">
        <v>28075</v>
      </c>
      <c r="F8144" s="1" t="s">
        <v>10</v>
      </c>
      <c r="G8144" s="1" t="s">
        <v>10</v>
      </c>
      <c r="H8144" s="1" t="s">
        <v>10</v>
      </c>
      <c r="I8144" s="1" t="s">
        <v>1868</v>
      </c>
      <c r="J8144" s="1" t="s">
        <v>27256</v>
      </c>
      <c r="K8144" s="1" t="s">
        <v>1468</v>
      </c>
      <c r="L8144" s="1" t="s">
        <v>28072</v>
      </c>
      <c r="M8144" s="1" t="s">
        <v>5</v>
      </c>
      <c r="N8144" s="1" t="s">
        <v>25</v>
      </c>
      <c r="O8144" s="1" t="s">
        <v>38</v>
      </c>
      <c r="P8144" s="5" t="s">
        <v>30836</v>
      </c>
    </row>
    <row r="8145" spans="1:16" x14ac:dyDescent="0.2">
      <c r="A8145" s="1" t="s">
        <v>329</v>
      </c>
      <c r="B8145" s="1" t="s">
        <v>340</v>
      </c>
      <c r="C8145" s="1" t="s">
        <v>28077</v>
      </c>
      <c r="D8145" s="1" t="s">
        <v>28078</v>
      </c>
      <c r="E8145" s="1" t="s">
        <v>28079</v>
      </c>
      <c r="F8145" s="1" t="s">
        <v>10</v>
      </c>
      <c r="G8145" s="1" t="s">
        <v>10</v>
      </c>
      <c r="H8145" s="1" t="s">
        <v>10</v>
      </c>
      <c r="I8145" s="1" t="s">
        <v>1868</v>
      </c>
      <c r="J8145" s="1" t="s">
        <v>27321</v>
      </c>
      <c r="K8145" s="1" t="s">
        <v>130</v>
      </c>
      <c r="L8145" s="1" t="s">
        <v>28076</v>
      </c>
      <c r="M8145" s="1" t="s">
        <v>5</v>
      </c>
      <c r="N8145" s="1" t="s">
        <v>25</v>
      </c>
      <c r="O8145" s="1" t="s">
        <v>38</v>
      </c>
      <c r="P8145" s="5" t="s">
        <v>30837</v>
      </c>
    </row>
    <row r="8146" spans="1:16" x14ac:dyDescent="0.2">
      <c r="A8146" s="1" t="s">
        <v>20</v>
      </c>
      <c r="B8146" s="1" t="s">
        <v>21</v>
      </c>
      <c r="C8146" s="1" t="s">
        <v>28081</v>
      </c>
      <c r="D8146" s="1" t="s">
        <v>18381</v>
      </c>
      <c r="E8146" s="1" t="s">
        <v>28082</v>
      </c>
      <c r="F8146" s="1" t="s">
        <v>9</v>
      </c>
      <c r="G8146" s="1" t="s">
        <v>18</v>
      </c>
      <c r="H8146" s="1" t="s">
        <v>10</v>
      </c>
      <c r="I8146" s="1" t="s">
        <v>1868</v>
      </c>
      <c r="J8146" s="1" t="s">
        <v>27256</v>
      </c>
      <c r="K8146" s="1" t="s">
        <v>7</v>
      </c>
      <c r="L8146" s="1" t="s">
        <v>28080</v>
      </c>
      <c r="M8146" s="1" t="s">
        <v>5</v>
      </c>
      <c r="N8146" s="1" t="s">
        <v>1009</v>
      </c>
      <c r="O8146" s="1" t="s">
        <v>8</v>
      </c>
      <c r="P8146" s="5" t="s">
        <v>32534</v>
      </c>
    </row>
    <row r="8147" spans="1:16" x14ac:dyDescent="0.2">
      <c r="A8147" s="1" t="s">
        <v>42</v>
      </c>
      <c r="B8147" s="1" t="s">
        <v>1341</v>
      </c>
      <c r="C8147" s="1" t="s">
        <v>28084</v>
      </c>
      <c r="D8147" s="1" t="s">
        <v>28085</v>
      </c>
      <c r="E8147" s="1" t="s">
        <v>28086</v>
      </c>
      <c r="F8147" s="1" t="s">
        <v>10</v>
      </c>
      <c r="G8147" s="1" t="s">
        <v>10</v>
      </c>
      <c r="H8147" s="1" t="s">
        <v>10</v>
      </c>
      <c r="I8147" s="1" t="s">
        <v>1868</v>
      </c>
      <c r="J8147" s="1" t="s">
        <v>27296</v>
      </c>
      <c r="K8147" s="1" t="s">
        <v>130</v>
      </c>
      <c r="L8147" s="1" t="s">
        <v>28083</v>
      </c>
      <c r="M8147" s="1" t="s">
        <v>5</v>
      </c>
      <c r="N8147" s="1" t="s">
        <v>6</v>
      </c>
      <c r="O8147" s="1" t="s">
        <v>38</v>
      </c>
      <c r="P8147" s="5" t="s">
        <v>32578</v>
      </c>
    </row>
    <row r="8148" spans="1:16" x14ac:dyDescent="0.2">
      <c r="A8148" s="1" t="s">
        <v>20</v>
      </c>
      <c r="B8148" s="1" t="s">
        <v>253</v>
      </c>
      <c r="C8148" s="1" t="s">
        <v>28088</v>
      </c>
      <c r="D8148" s="1" t="s">
        <v>28089</v>
      </c>
      <c r="E8148" s="1" t="s">
        <v>28090</v>
      </c>
      <c r="F8148" s="1" t="s">
        <v>10</v>
      </c>
      <c r="G8148" s="1" t="s">
        <v>10</v>
      </c>
      <c r="H8148" s="1" t="s">
        <v>10</v>
      </c>
      <c r="I8148" s="1" t="s">
        <v>1868</v>
      </c>
      <c r="J8148" s="1" t="s">
        <v>27329</v>
      </c>
      <c r="K8148" s="1" t="s">
        <v>27</v>
      </c>
      <c r="L8148" s="1" t="s">
        <v>28087</v>
      </c>
      <c r="M8148" s="1" t="s">
        <v>5</v>
      </c>
      <c r="N8148" s="1" t="s">
        <v>25</v>
      </c>
      <c r="O8148" s="1" t="s">
        <v>38</v>
      </c>
      <c r="P8148" s="5" t="s">
        <v>30838</v>
      </c>
    </row>
    <row r="8149" spans="1:16" x14ac:dyDescent="0.2">
      <c r="A8149" s="1" t="s">
        <v>20</v>
      </c>
      <c r="B8149" s="1" t="s">
        <v>253</v>
      </c>
      <c r="C8149" s="1" t="s">
        <v>28092</v>
      </c>
      <c r="D8149" s="1" t="s">
        <v>28093</v>
      </c>
      <c r="E8149" s="1" t="s">
        <v>28094</v>
      </c>
      <c r="F8149" s="1" t="s">
        <v>10</v>
      </c>
      <c r="G8149" s="1" t="s">
        <v>10</v>
      </c>
      <c r="H8149" s="1" t="s">
        <v>10</v>
      </c>
      <c r="I8149" s="1" t="s">
        <v>1868</v>
      </c>
      <c r="J8149" s="1" t="s">
        <v>27329</v>
      </c>
      <c r="K8149" s="1" t="s">
        <v>27</v>
      </c>
      <c r="L8149" s="1" t="s">
        <v>28091</v>
      </c>
      <c r="M8149" s="1" t="s">
        <v>5</v>
      </c>
      <c r="N8149" s="1" t="s">
        <v>25</v>
      </c>
      <c r="O8149" s="1" t="s">
        <v>38</v>
      </c>
      <c r="P8149" s="5" t="s">
        <v>30838</v>
      </c>
    </row>
    <row r="8150" spans="1:16" x14ac:dyDescent="0.2">
      <c r="A8150" s="1" t="s">
        <v>20</v>
      </c>
      <c r="B8150" s="1" t="s">
        <v>21</v>
      </c>
      <c r="C8150" s="1" t="s">
        <v>28096</v>
      </c>
      <c r="D8150" s="1" t="s">
        <v>28097</v>
      </c>
      <c r="E8150" s="1" t="s">
        <v>28098</v>
      </c>
      <c r="F8150" s="1" t="s">
        <v>9</v>
      </c>
      <c r="G8150" s="1" t="s">
        <v>18</v>
      </c>
      <c r="H8150" s="1" t="s">
        <v>10</v>
      </c>
      <c r="I8150" s="1" t="s">
        <v>1868</v>
      </c>
      <c r="J8150" s="1" t="s">
        <v>27256</v>
      </c>
      <c r="K8150" s="1" t="s">
        <v>7</v>
      </c>
      <c r="L8150" s="1" t="s">
        <v>28095</v>
      </c>
      <c r="M8150" s="1" t="s">
        <v>5</v>
      </c>
      <c r="N8150" s="1" t="s">
        <v>1009</v>
      </c>
      <c r="O8150" s="1" t="s">
        <v>8</v>
      </c>
      <c r="P8150" s="5" t="s">
        <v>32529</v>
      </c>
    </row>
    <row r="8151" spans="1:16" x14ac:dyDescent="0.2">
      <c r="A8151" s="1" t="s">
        <v>42</v>
      </c>
      <c r="B8151" s="1" t="s">
        <v>1341</v>
      </c>
      <c r="C8151" s="1" t="s">
        <v>5316</v>
      </c>
      <c r="D8151" s="1" t="s">
        <v>5317</v>
      </c>
      <c r="E8151" s="1" t="s">
        <v>28100</v>
      </c>
      <c r="F8151" s="1" t="s">
        <v>10</v>
      </c>
      <c r="G8151" s="1" t="s">
        <v>10</v>
      </c>
      <c r="H8151" s="1" t="s">
        <v>10</v>
      </c>
      <c r="I8151" s="1" t="s">
        <v>1868</v>
      </c>
      <c r="J8151" s="1" t="s">
        <v>27296</v>
      </c>
      <c r="K8151" s="1" t="s">
        <v>130</v>
      </c>
      <c r="L8151" s="1" t="s">
        <v>28099</v>
      </c>
      <c r="M8151" s="1" t="s">
        <v>5</v>
      </c>
      <c r="N8151" s="1" t="s">
        <v>6</v>
      </c>
      <c r="O8151" s="1" t="s">
        <v>38</v>
      </c>
      <c r="P8151" s="5" t="s">
        <v>32579</v>
      </c>
    </row>
    <row r="8152" spans="1:16" x14ac:dyDescent="0.2">
      <c r="A8152" s="1" t="s">
        <v>42</v>
      </c>
      <c r="B8152" s="1" t="s">
        <v>1341</v>
      </c>
      <c r="C8152" s="1" t="s">
        <v>28102</v>
      </c>
      <c r="D8152" s="1" t="s">
        <v>28103</v>
      </c>
      <c r="E8152" s="1" t="s">
        <v>28104</v>
      </c>
      <c r="F8152" s="1" t="s">
        <v>10</v>
      </c>
      <c r="G8152" s="1" t="s">
        <v>10</v>
      </c>
      <c r="H8152" s="1" t="s">
        <v>10</v>
      </c>
      <c r="I8152" s="1" t="s">
        <v>1868</v>
      </c>
      <c r="J8152" s="1" t="s">
        <v>27329</v>
      </c>
      <c r="K8152" s="1" t="s">
        <v>27</v>
      </c>
      <c r="L8152" s="1" t="s">
        <v>28101</v>
      </c>
      <c r="M8152" s="1" t="s">
        <v>5</v>
      </c>
      <c r="N8152" s="1" t="s">
        <v>25</v>
      </c>
      <c r="O8152" s="1" t="s">
        <v>38</v>
      </c>
      <c r="P8152" s="5" t="s">
        <v>30810</v>
      </c>
    </row>
    <row r="8153" spans="1:16" x14ac:dyDescent="0.2">
      <c r="A8153" s="1" t="s">
        <v>42</v>
      </c>
      <c r="B8153" s="1" t="s">
        <v>1341</v>
      </c>
      <c r="C8153" s="1" t="s">
        <v>28106</v>
      </c>
      <c r="D8153" s="1" t="s">
        <v>28107</v>
      </c>
      <c r="E8153" s="1" t="s">
        <v>28108</v>
      </c>
      <c r="F8153" s="1" t="s">
        <v>27</v>
      </c>
      <c r="G8153" s="1" t="s">
        <v>10</v>
      </c>
      <c r="H8153" s="1" t="s">
        <v>28109</v>
      </c>
      <c r="I8153" s="1" t="s">
        <v>1868</v>
      </c>
      <c r="J8153" s="1" t="s">
        <v>27272</v>
      </c>
      <c r="K8153" s="1" t="s">
        <v>27</v>
      </c>
      <c r="L8153" s="1" t="s">
        <v>28105</v>
      </c>
      <c r="M8153" s="1" t="s">
        <v>5</v>
      </c>
      <c r="N8153" s="1" t="s">
        <v>25</v>
      </c>
      <c r="O8153" s="1" t="s">
        <v>38</v>
      </c>
      <c r="P8153" s="5" t="s">
        <v>30799</v>
      </c>
    </row>
    <row r="8154" spans="1:16" x14ac:dyDescent="0.2">
      <c r="A8154" s="1" t="s">
        <v>20</v>
      </c>
      <c r="B8154" s="1" t="s">
        <v>445</v>
      </c>
      <c r="C8154" s="1" t="s">
        <v>28111</v>
      </c>
      <c r="D8154" s="1" t="s">
        <v>28112</v>
      </c>
      <c r="E8154" s="1" t="s">
        <v>28113</v>
      </c>
      <c r="F8154" s="1" t="s">
        <v>10</v>
      </c>
      <c r="G8154" s="1" t="s">
        <v>10</v>
      </c>
      <c r="H8154" s="1" t="s">
        <v>10</v>
      </c>
      <c r="I8154" s="1" t="s">
        <v>1868</v>
      </c>
      <c r="J8154" s="1" t="s">
        <v>27329</v>
      </c>
      <c r="K8154" s="1" t="s">
        <v>27</v>
      </c>
      <c r="L8154" s="1" t="s">
        <v>28110</v>
      </c>
      <c r="M8154" s="1" t="s">
        <v>5</v>
      </c>
      <c r="N8154" s="1" t="s">
        <v>25</v>
      </c>
      <c r="O8154" s="1" t="s">
        <v>38</v>
      </c>
      <c r="P8154" s="5" t="s">
        <v>30810</v>
      </c>
    </row>
    <row r="8155" spans="1:16" x14ac:dyDescent="0.2">
      <c r="A8155" s="1" t="s">
        <v>42</v>
      </c>
      <c r="B8155" s="1" t="s">
        <v>1341</v>
      </c>
      <c r="C8155" s="1" t="s">
        <v>28115</v>
      </c>
      <c r="D8155" s="1" t="s">
        <v>28116</v>
      </c>
      <c r="E8155" s="1" t="s">
        <v>28117</v>
      </c>
      <c r="F8155" s="1" t="s">
        <v>10</v>
      </c>
      <c r="G8155" s="1" t="s">
        <v>10</v>
      </c>
      <c r="H8155" s="1" t="s">
        <v>10</v>
      </c>
      <c r="I8155" s="1" t="s">
        <v>1868</v>
      </c>
      <c r="J8155" s="1" t="s">
        <v>27407</v>
      </c>
      <c r="K8155" s="1" t="s">
        <v>27</v>
      </c>
      <c r="L8155" s="1" t="s">
        <v>28114</v>
      </c>
      <c r="M8155" s="1" t="s">
        <v>5</v>
      </c>
      <c r="N8155" s="1" t="s">
        <v>25</v>
      </c>
      <c r="O8155" s="1" t="s">
        <v>38</v>
      </c>
      <c r="P8155" s="5" t="s">
        <v>30839</v>
      </c>
    </row>
    <row r="8156" spans="1:16" x14ac:dyDescent="0.2">
      <c r="A8156" s="1" t="s">
        <v>20</v>
      </c>
      <c r="B8156" s="1" t="s">
        <v>253</v>
      </c>
      <c r="C8156" s="1" t="s">
        <v>28119</v>
      </c>
      <c r="D8156" s="1" t="s">
        <v>28120</v>
      </c>
      <c r="E8156" s="1"/>
      <c r="F8156" s="1" t="s">
        <v>10</v>
      </c>
      <c r="G8156" s="1" t="s">
        <v>10</v>
      </c>
      <c r="H8156" s="1" t="s">
        <v>10</v>
      </c>
      <c r="I8156" s="1" t="s">
        <v>1868</v>
      </c>
      <c r="J8156" s="1" t="s">
        <v>27407</v>
      </c>
      <c r="K8156" s="1" t="s">
        <v>27</v>
      </c>
      <c r="L8156" s="1" t="s">
        <v>28118</v>
      </c>
      <c r="M8156" s="1" t="s">
        <v>5</v>
      </c>
      <c r="N8156" s="1" t="s">
        <v>25</v>
      </c>
      <c r="O8156" s="1" t="s">
        <v>38</v>
      </c>
      <c r="P8156" s="5" t="s">
        <v>30839</v>
      </c>
    </row>
    <row r="8157" spans="1:16" x14ac:dyDescent="0.2">
      <c r="A8157" s="1" t="s">
        <v>20</v>
      </c>
      <c r="B8157" s="1" t="s">
        <v>445</v>
      </c>
      <c r="C8157" s="1" t="s">
        <v>28122</v>
      </c>
      <c r="D8157" s="1" t="s">
        <v>28123</v>
      </c>
      <c r="E8157" s="1" t="s">
        <v>28124</v>
      </c>
      <c r="F8157" s="1" t="s">
        <v>4361</v>
      </c>
      <c r="G8157" s="1" t="s">
        <v>15920</v>
      </c>
      <c r="H8157" s="1" t="s">
        <v>10</v>
      </c>
      <c r="I8157" s="1" t="s">
        <v>1868</v>
      </c>
      <c r="J8157" s="1" t="s">
        <v>27256</v>
      </c>
      <c r="K8157" s="1" t="s">
        <v>1468</v>
      </c>
      <c r="L8157" s="1" t="s">
        <v>28121</v>
      </c>
      <c r="M8157" s="1" t="s">
        <v>5</v>
      </c>
      <c r="N8157" s="1" t="s">
        <v>25</v>
      </c>
      <c r="O8157" s="1" t="s">
        <v>8</v>
      </c>
      <c r="P8157" s="5" t="s">
        <v>32580</v>
      </c>
    </row>
    <row r="8158" spans="1:16" x14ac:dyDescent="0.2">
      <c r="A8158" s="1" t="s">
        <v>329</v>
      </c>
      <c r="B8158" s="1" t="s">
        <v>2622</v>
      </c>
      <c r="C8158" s="1" t="s">
        <v>28126</v>
      </c>
      <c r="D8158" s="1" t="s">
        <v>28127</v>
      </c>
      <c r="E8158" s="1" t="s">
        <v>28128</v>
      </c>
      <c r="F8158" s="1" t="s">
        <v>10</v>
      </c>
      <c r="G8158" s="1" t="s">
        <v>10</v>
      </c>
      <c r="H8158" s="1" t="s">
        <v>10</v>
      </c>
      <c r="I8158" s="1" t="s">
        <v>1868</v>
      </c>
      <c r="J8158" s="1" t="s">
        <v>27545</v>
      </c>
      <c r="K8158" s="1" t="s">
        <v>27</v>
      </c>
      <c r="L8158" s="1" t="s">
        <v>28125</v>
      </c>
      <c r="M8158" s="1" t="s">
        <v>5</v>
      </c>
      <c r="N8158" s="1" t="s">
        <v>1009</v>
      </c>
      <c r="O8158" s="1" t="s">
        <v>38</v>
      </c>
      <c r="P8158" s="5" t="s">
        <v>32581</v>
      </c>
    </row>
    <row r="8159" spans="1:16" x14ac:dyDescent="0.2">
      <c r="A8159" s="1" t="s">
        <v>42</v>
      </c>
      <c r="B8159" s="1" t="s">
        <v>1341</v>
      </c>
      <c r="C8159" s="1" t="s">
        <v>28130</v>
      </c>
      <c r="D8159" s="1" t="s">
        <v>28130</v>
      </c>
      <c r="E8159" s="1" t="s">
        <v>28131</v>
      </c>
      <c r="F8159" s="1" t="s">
        <v>10</v>
      </c>
      <c r="G8159" s="1" t="s">
        <v>10</v>
      </c>
      <c r="H8159" s="1" t="s">
        <v>10</v>
      </c>
      <c r="I8159" s="1" t="s">
        <v>1868</v>
      </c>
      <c r="J8159" s="1" t="s">
        <v>27296</v>
      </c>
      <c r="K8159" s="1" t="s">
        <v>130</v>
      </c>
      <c r="L8159" s="1" t="s">
        <v>28129</v>
      </c>
      <c r="M8159" s="1" t="s">
        <v>5</v>
      </c>
      <c r="N8159" s="1" t="s">
        <v>25</v>
      </c>
      <c r="O8159" s="1" t="s">
        <v>38</v>
      </c>
      <c r="P8159" s="5" t="s">
        <v>29846</v>
      </c>
    </row>
    <row r="8160" spans="1:16" x14ac:dyDescent="0.2">
      <c r="A8160" s="1" t="s">
        <v>42</v>
      </c>
      <c r="B8160" s="1" t="s">
        <v>1341</v>
      </c>
      <c r="C8160" s="1" t="s">
        <v>28133</v>
      </c>
      <c r="D8160" s="1" t="s">
        <v>28134</v>
      </c>
      <c r="E8160" s="1"/>
      <c r="F8160" s="1" t="s">
        <v>10</v>
      </c>
      <c r="G8160" s="1" t="s">
        <v>10</v>
      </c>
      <c r="H8160" s="1" t="s">
        <v>10</v>
      </c>
      <c r="I8160" s="1" t="s">
        <v>1868</v>
      </c>
      <c r="J8160" s="1" t="s">
        <v>27407</v>
      </c>
      <c r="K8160" s="1" t="s">
        <v>27</v>
      </c>
      <c r="L8160" s="1" t="s">
        <v>28132</v>
      </c>
      <c r="M8160" s="1" t="s">
        <v>5</v>
      </c>
      <c r="N8160" s="1" t="s">
        <v>1009</v>
      </c>
      <c r="O8160" s="1" t="s">
        <v>38</v>
      </c>
      <c r="P8160" s="5" t="s">
        <v>32582</v>
      </c>
    </row>
    <row r="8161" spans="1:16" x14ac:dyDescent="0.2">
      <c r="A8161" s="1" t="s">
        <v>20</v>
      </c>
      <c r="B8161" s="1" t="s">
        <v>132</v>
      </c>
      <c r="C8161" s="1" t="s">
        <v>28136</v>
      </c>
      <c r="D8161" s="1" t="s">
        <v>9760</v>
      </c>
      <c r="E8161" s="1" t="s">
        <v>28137</v>
      </c>
      <c r="F8161" s="1" t="s">
        <v>10</v>
      </c>
      <c r="G8161" s="1" t="s">
        <v>10</v>
      </c>
      <c r="H8161" s="1" t="s">
        <v>10</v>
      </c>
      <c r="I8161" s="1" t="s">
        <v>1868</v>
      </c>
      <c r="J8161" s="1" t="s">
        <v>27321</v>
      </c>
      <c r="K8161" s="1" t="s">
        <v>27</v>
      </c>
      <c r="L8161" s="1" t="s">
        <v>28135</v>
      </c>
      <c r="M8161" s="1" t="s">
        <v>5</v>
      </c>
      <c r="N8161" s="1" t="s">
        <v>1009</v>
      </c>
      <c r="O8161" s="1" t="s">
        <v>38</v>
      </c>
      <c r="P8161" s="5" t="s">
        <v>32583</v>
      </c>
    </row>
    <row r="8162" spans="1:16" x14ac:dyDescent="0.2">
      <c r="A8162" s="1" t="s">
        <v>20</v>
      </c>
      <c r="B8162" s="1" t="s">
        <v>445</v>
      </c>
      <c r="C8162" s="1" t="s">
        <v>28139</v>
      </c>
      <c r="D8162" s="1" t="s">
        <v>28140</v>
      </c>
      <c r="E8162" s="1" t="s">
        <v>28141</v>
      </c>
      <c r="F8162" s="1" t="s">
        <v>10</v>
      </c>
      <c r="G8162" s="1" t="s">
        <v>10</v>
      </c>
      <c r="H8162" s="1" t="s">
        <v>10</v>
      </c>
      <c r="I8162" s="1" t="s">
        <v>1868</v>
      </c>
      <c r="J8162" s="1" t="s">
        <v>27329</v>
      </c>
      <c r="K8162" s="1" t="s">
        <v>27</v>
      </c>
      <c r="L8162" s="1" t="s">
        <v>28138</v>
      </c>
      <c r="M8162" s="1" t="s">
        <v>5</v>
      </c>
      <c r="N8162" s="1" t="s">
        <v>25</v>
      </c>
      <c r="O8162" s="1" t="s">
        <v>38</v>
      </c>
      <c r="P8162" s="5" t="s">
        <v>30810</v>
      </c>
    </row>
    <row r="8163" spans="1:16" x14ac:dyDescent="0.2">
      <c r="A8163" s="1" t="s">
        <v>66</v>
      </c>
      <c r="B8163" s="1" t="s">
        <v>276</v>
      </c>
      <c r="C8163" s="1" t="s">
        <v>7060</v>
      </c>
      <c r="D8163" s="1" t="s">
        <v>7060</v>
      </c>
      <c r="E8163" s="1" t="s">
        <v>28143</v>
      </c>
      <c r="F8163" s="1" t="s">
        <v>27</v>
      </c>
      <c r="G8163" s="1" t="s">
        <v>1042</v>
      </c>
      <c r="H8163" s="1" t="s">
        <v>7061</v>
      </c>
      <c r="I8163" s="1" t="s">
        <v>1868</v>
      </c>
      <c r="J8163" s="1" t="s">
        <v>27256</v>
      </c>
      <c r="K8163" s="1" t="s">
        <v>64</v>
      </c>
      <c r="L8163" s="1" t="s">
        <v>28142</v>
      </c>
      <c r="M8163" s="1" t="s">
        <v>5</v>
      </c>
      <c r="N8163" s="1" t="s">
        <v>25</v>
      </c>
      <c r="O8163" s="1" t="s">
        <v>8</v>
      </c>
      <c r="P8163" s="5" t="s">
        <v>32584</v>
      </c>
    </row>
    <row r="8164" spans="1:16" x14ac:dyDescent="0.2">
      <c r="A8164" s="1" t="s">
        <v>20</v>
      </c>
      <c r="B8164" s="1" t="s">
        <v>132</v>
      </c>
      <c r="C8164" s="1" t="s">
        <v>28145</v>
      </c>
      <c r="D8164" s="1" t="s">
        <v>28146</v>
      </c>
      <c r="E8164" s="1"/>
      <c r="F8164" s="1" t="s">
        <v>10</v>
      </c>
      <c r="G8164" s="1" t="s">
        <v>10</v>
      </c>
      <c r="H8164" s="1" t="s">
        <v>10</v>
      </c>
      <c r="I8164" s="1" t="s">
        <v>1868</v>
      </c>
      <c r="J8164" s="1" t="s">
        <v>27256</v>
      </c>
      <c r="K8164" s="1" t="s">
        <v>231</v>
      </c>
      <c r="L8164" s="1" t="s">
        <v>28144</v>
      </c>
      <c r="M8164" s="1" t="s">
        <v>5</v>
      </c>
      <c r="N8164" s="1" t="s">
        <v>25</v>
      </c>
      <c r="O8164" s="1" t="s">
        <v>38</v>
      </c>
      <c r="P8164" s="5" t="s">
        <v>30550</v>
      </c>
    </row>
    <row r="8165" spans="1:16" x14ac:dyDescent="0.2">
      <c r="A8165" s="1" t="s">
        <v>329</v>
      </c>
      <c r="B8165" s="1" t="s">
        <v>2622</v>
      </c>
      <c r="C8165" s="1" t="s">
        <v>28148</v>
      </c>
      <c r="D8165" s="1" t="s">
        <v>28149</v>
      </c>
      <c r="E8165" s="1" t="s">
        <v>28150</v>
      </c>
      <c r="F8165" s="1" t="s">
        <v>10</v>
      </c>
      <c r="G8165" s="1" t="s">
        <v>10</v>
      </c>
      <c r="H8165" s="1" t="s">
        <v>10</v>
      </c>
      <c r="I8165" s="1" t="s">
        <v>1868</v>
      </c>
      <c r="J8165" s="1" t="s">
        <v>27545</v>
      </c>
      <c r="K8165" s="1" t="s">
        <v>27</v>
      </c>
      <c r="L8165" s="1" t="s">
        <v>28147</v>
      </c>
      <c r="M8165" s="1" t="s">
        <v>5</v>
      </c>
      <c r="N8165" s="1" t="s">
        <v>25</v>
      </c>
      <c r="O8165" s="1" t="s">
        <v>38</v>
      </c>
      <c r="P8165" s="5" t="s">
        <v>32547</v>
      </c>
    </row>
    <row r="8166" spans="1:16" x14ac:dyDescent="0.2">
      <c r="A8166" s="1" t="s">
        <v>1086</v>
      </c>
      <c r="B8166" s="1" t="s">
        <v>1400</v>
      </c>
      <c r="C8166" s="1" t="s">
        <v>28152</v>
      </c>
      <c r="D8166" s="1" t="s">
        <v>28153</v>
      </c>
      <c r="E8166" s="1"/>
      <c r="F8166" s="1" t="s">
        <v>10</v>
      </c>
      <c r="G8166" s="1" t="s">
        <v>10</v>
      </c>
      <c r="H8166" s="1" t="s">
        <v>10</v>
      </c>
      <c r="I8166" s="1" t="s">
        <v>1868</v>
      </c>
      <c r="J8166" s="1" t="s">
        <v>27272</v>
      </c>
      <c r="K8166" s="1" t="s">
        <v>27</v>
      </c>
      <c r="L8166" s="1" t="s">
        <v>28151</v>
      </c>
      <c r="M8166" s="1" t="s">
        <v>5</v>
      </c>
      <c r="N8166" s="1" t="s">
        <v>25</v>
      </c>
      <c r="O8166" s="1" t="s">
        <v>38</v>
      </c>
      <c r="P8166" s="5" t="s">
        <v>30820</v>
      </c>
    </row>
    <row r="8167" spans="1:16" x14ac:dyDescent="0.2">
      <c r="A8167" s="1" t="s">
        <v>66</v>
      </c>
      <c r="B8167" s="1" t="s">
        <v>574</v>
      </c>
      <c r="C8167" s="1" t="s">
        <v>28155</v>
      </c>
      <c r="D8167" s="1" t="s">
        <v>28156</v>
      </c>
      <c r="E8167" s="1" t="s">
        <v>28157</v>
      </c>
      <c r="F8167" s="1" t="s">
        <v>10</v>
      </c>
      <c r="G8167" s="1" t="s">
        <v>10</v>
      </c>
      <c r="H8167" s="1" t="s">
        <v>10</v>
      </c>
      <c r="I8167" s="1" t="s">
        <v>1868</v>
      </c>
      <c r="J8167" s="1" t="s">
        <v>27272</v>
      </c>
      <c r="K8167" s="1" t="s">
        <v>27</v>
      </c>
      <c r="L8167" s="1" t="s">
        <v>28154</v>
      </c>
      <c r="M8167" s="1" t="s">
        <v>5</v>
      </c>
      <c r="N8167" s="1" t="s">
        <v>25</v>
      </c>
      <c r="O8167" s="1" t="s">
        <v>38</v>
      </c>
      <c r="P8167" s="5" t="s">
        <v>32585</v>
      </c>
    </row>
    <row r="8168" spans="1:16" x14ac:dyDescent="0.2">
      <c r="A8168" s="1" t="s">
        <v>1086</v>
      </c>
      <c r="B8168" s="1" t="s">
        <v>1400</v>
      </c>
      <c r="C8168" s="1" t="s">
        <v>28159</v>
      </c>
      <c r="D8168" s="1" t="s">
        <v>28160</v>
      </c>
      <c r="E8168" s="1"/>
      <c r="F8168" s="1" t="s">
        <v>10</v>
      </c>
      <c r="G8168" s="1" t="s">
        <v>10</v>
      </c>
      <c r="H8168" s="1" t="s">
        <v>10</v>
      </c>
      <c r="I8168" s="1" t="s">
        <v>1868</v>
      </c>
      <c r="J8168" s="1" t="s">
        <v>27272</v>
      </c>
      <c r="K8168" s="1" t="s">
        <v>27</v>
      </c>
      <c r="L8168" s="1" t="s">
        <v>28158</v>
      </c>
      <c r="M8168" s="1" t="s">
        <v>5</v>
      </c>
      <c r="N8168" s="1" t="s">
        <v>1009</v>
      </c>
      <c r="O8168" s="1" t="s">
        <v>38</v>
      </c>
      <c r="P8168" s="5" t="s">
        <v>32586</v>
      </c>
    </row>
    <row r="8169" spans="1:16" x14ac:dyDescent="0.2">
      <c r="A8169" s="1" t="s">
        <v>42</v>
      </c>
      <c r="B8169" s="1" t="s">
        <v>1341</v>
      </c>
      <c r="C8169" s="1" t="s">
        <v>28162</v>
      </c>
      <c r="D8169" s="1" t="s">
        <v>14919</v>
      </c>
      <c r="E8169" s="1" t="s">
        <v>28163</v>
      </c>
      <c r="F8169" s="1" t="s">
        <v>27</v>
      </c>
      <c r="G8169" s="1" t="s">
        <v>1042</v>
      </c>
      <c r="H8169" s="1" t="s">
        <v>28164</v>
      </c>
      <c r="I8169" s="1" t="s">
        <v>1868</v>
      </c>
      <c r="J8169" s="1" t="s">
        <v>27329</v>
      </c>
      <c r="K8169" s="1" t="s">
        <v>27</v>
      </c>
      <c r="L8169" s="1" t="s">
        <v>28161</v>
      </c>
      <c r="M8169" s="1" t="s">
        <v>5</v>
      </c>
      <c r="N8169" s="1" t="s">
        <v>25</v>
      </c>
      <c r="O8169" s="1" t="s">
        <v>8</v>
      </c>
      <c r="P8169" s="5" t="s">
        <v>32541</v>
      </c>
    </row>
    <row r="8170" spans="1:16" x14ac:dyDescent="0.2">
      <c r="A8170" s="1" t="s">
        <v>42</v>
      </c>
      <c r="B8170" s="1" t="s">
        <v>1341</v>
      </c>
      <c r="C8170" s="1" t="s">
        <v>28166</v>
      </c>
      <c r="D8170" s="1" t="s">
        <v>28166</v>
      </c>
      <c r="E8170" s="1" t="s">
        <v>28166</v>
      </c>
      <c r="F8170" s="1" t="s">
        <v>10</v>
      </c>
      <c r="G8170" s="1" t="s">
        <v>10</v>
      </c>
      <c r="H8170" s="1" t="s">
        <v>10</v>
      </c>
      <c r="I8170" s="1" t="s">
        <v>1868</v>
      </c>
      <c r="J8170" s="1" t="s">
        <v>27329</v>
      </c>
      <c r="K8170" s="1" t="s">
        <v>27</v>
      </c>
      <c r="L8170" s="1" t="s">
        <v>28165</v>
      </c>
      <c r="M8170" s="1" t="s">
        <v>5</v>
      </c>
      <c r="N8170" s="1" t="s">
        <v>1009</v>
      </c>
      <c r="O8170" s="1" t="s">
        <v>38</v>
      </c>
      <c r="P8170" s="5" t="s">
        <v>32587</v>
      </c>
    </row>
    <row r="8171" spans="1:16" x14ac:dyDescent="0.2">
      <c r="A8171" s="1" t="s">
        <v>20</v>
      </c>
      <c r="B8171" s="1" t="s">
        <v>101</v>
      </c>
      <c r="C8171" s="1" t="s">
        <v>28168</v>
      </c>
      <c r="D8171" s="1" t="s">
        <v>28169</v>
      </c>
      <c r="E8171" s="1"/>
      <c r="F8171" s="1" t="s">
        <v>10</v>
      </c>
      <c r="G8171" s="1" t="s">
        <v>10</v>
      </c>
      <c r="H8171" s="1" t="s">
        <v>10</v>
      </c>
      <c r="I8171" s="1" t="s">
        <v>1868</v>
      </c>
      <c r="J8171" s="1" t="s">
        <v>27296</v>
      </c>
      <c r="K8171" s="1" t="s">
        <v>130</v>
      </c>
      <c r="L8171" s="1" t="s">
        <v>28167</v>
      </c>
      <c r="M8171" s="1" t="s">
        <v>5</v>
      </c>
      <c r="N8171" s="1" t="s">
        <v>25</v>
      </c>
      <c r="O8171" s="1" t="s">
        <v>38</v>
      </c>
      <c r="P8171" s="5" t="s">
        <v>30840</v>
      </c>
    </row>
    <row r="8172" spans="1:16" x14ac:dyDescent="0.2">
      <c r="A8172" s="1" t="s">
        <v>20</v>
      </c>
      <c r="B8172" s="1" t="s">
        <v>253</v>
      </c>
      <c r="C8172" s="1" t="s">
        <v>28171</v>
      </c>
      <c r="D8172" s="1" t="s">
        <v>28172</v>
      </c>
      <c r="E8172" s="1"/>
      <c r="F8172" s="1" t="s">
        <v>10</v>
      </c>
      <c r="G8172" s="1" t="s">
        <v>10</v>
      </c>
      <c r="H8172" s="1" t="s">
        <v>10</v>
      </c>
      <c r="I8172" s="1" t="s">
        <v>1868</v>
      </c>
      <c r="J8172" s="1" t="s">
        <v>27329</v>
      </c>
      <c r="K8172" s="1" t="s">
        <v>27</v>
      </c>
      <c r="L8172" s="1" t="s">
        <v>28170</v>
      </c>
      <c r="M8172" s="1" t="s">
        <v>5</v>
      </c>
      <c r="N8172" s="1" t="s">
        <v>25</v>
      </c>
      <c r="O8172" s="1" t="s">
        <v>38</v>
      </c>
      <c r="P8172" s="5" t="s">
        <v>32541</v>
      </c>
    </row>
    <row r="8173" spans="1:16" x14ac:dyDescent="0.2">
      <c r="A8173" s="1" t="s">
        <v>42</v>
      </c>
      <c r="B8173" s="1" t="s">
        <v>1341</v>
      </c>
      <c r="C8173" s="1" t="s">
        <v>28174</v>
      </c>
      <c r="D8173" s="1" t="s">
        <v>28175</v>
      </c>
      <c r="E8173" s="1" t="s">
        <v>28176</v>
      </c>
      <c r="F8173" s="1" t="s">
        <v>10</v>
      </c>
      <c r="G8173" s="1" t="s">
        <v>10</v>
      </c>
      <c r="H8173" s="1" t="s">
        <v>10</v>
      </c>
      <c r="I8173" s="1" t="s">
        <v>1868</v>
      </c>
      <c r="J8173" s="1" t="s">
        <v>27329</v>
      </c>
      <c r="K8173" s="1" t="s">
        <v>27</v>
      </c>
      <c r="L8173" s="1" t="s">
        <v>28173</v>
      </c>
      <c r="M8173" s="1" t="s">
        <v>5</v>
      </c>
      <c r="N8173" s="1" t="s">
        <v>6</v>
      </c>
      <c r="O8173" s="1" t="s">
        <v>38</v>
      </c>
      <c r="P8173" s="5" t="s">
        <v>32588</v>
      </c>
    </row>
    <row r="8174" spans="1:16" x14ac:dyDescent="0.2">
      <c r="A8174" s="1" t="s">
        <v>42</v>
      </c>
      <c r="B8174" s="1" t="s">
        <v>1341</v>
      </c>
      <c r="C8174" s="1" t="s">
        <v>28178</v>
      </c>
      <c r="D8174" s="1" t="s">
        <v>28179</v>
      </c>
      <c r="E8174" s="1" t="s">
        <v>28179</v>
      </c>
      <c r="F8174" s="1" t="s">
        <v>10</v>
      </c>
      <c r="G8174" s="1" t="s">
        <v>10</v>
      </c>
      <c r="H8174" s="1" t="s">
        <v>10</v>
      </c>
      <c r="I8174" s="1" t="s">
        <v>1868</v>
      </c>
      <c r="J8174" s="1" t="s">
        <v>27329</v>
      </c>
      <c r="K8174" s="1" t="s">
        <v>27</v>
      </c>
      <c r="L8174" s="1" t="s">
        <v>28177</v>
      </c>
      <c r="M8174" s="1" t="s">
        <v>5</v>
      </c>
      <c r="N8174" s="1" t="s">
        <v>25</v>
      </c>
      <c r="O8174" s="1" t="s">
        <v>38</v>
      </c>
      <c r="P8174" s="5" t="s">
        <v>32589</v>
      </c>
    </row>
    <row r="8175" spans="1:16" x14ac:dyDescent="0.2">
      <c r="A8175" s="1" t="s">
        <v>42</v>
      </c>
      <c r="B8175" s="1" t="s">
        <v>118</v>
      </c>
      <c r="C8175" s="1" t="s">
        <v>28181</v>
      </c>
      <c r="D8175" s="1" t="s">
        <v>28182</v>
      </c>
      <c r="E8175" s="1" t="s">
        <v>28181</v>
      </c>
      <c r="F8175" s="1" t="s">
        <v>10</v>
      </c>
      <c r="G8175" s="1" t="s">
        <v>10</v>
      </c>
      <c r="H8175" s="1" t="s">
        <v>10</v>
      </c>
      <c r="I8175" s="1" t="s">
        <v>1868</v>
      </c>
      <c r="J8175" s="1" t="s">
        <v>27648</v>
      </c>
      <c r="K8175" s="1" t="s">
        <v>27</v>
      </c>
      <c r="L8175" s="1" t="s">
        <v>28180</v>
      </c>
      <c r="M8175" s="1" t="s">
        <v>5</v>
      </c>
      <c r="N8175" s="1" t="s">
        <v>25</v>
      </c>
      <c r="O8175" s="1" t="s">
        <v>38</v>
      </c>
      <c r="P8175" s="5" t="s">
        <v>30803</v>
      </c>
    </row>
    <row r="8176" spans="1:16" x14ac:dyDescent="0.2">
      <c r="A8176" s="1" t="s">
        <v>32</v>
      </c>
      <c r="B8176" s="1" t="s">
        <v>3895</v>
      </c>
      <c r="C8176" s="1" t="s">
        <v>28184</v>
      </c>
      <c r="D8176" s="1" t="s">
        <v>14664</v>
      </c>
      <c r="E8176" s="1" t="s">
        <v>28184</v>
      </c>
      <c r="F8176" s="1" t="s">
        <v>1306</v>
      </c>
      <c r="G8176" s="1" t="s">
        <v>10</v>
      </c>
      <c r="H8176" s="1" t="s">
        <v>28185</v>
      </c>
      <c r="I8176" s="1" t="s">
        <v>1868</v>
      </c>
      <c r="J8176" s="1" t="s">
        <v>27256</v>
      </c>
      <c r="K8176" s="1" t="s">
        <v>64</v>
      </c>
      <c r="L8176" s="1" t="s">
        <v>28183</v>
      </c>
      <c r="M8176" s="1" t="s">
        <v>5</v>
      </c>
      <c r="N8176" s="1" t="s">
        <v>1009</v>
      </c>
      <c r="O8176" s="1" t="s">
        <v>8</v>
      </c>
      <c r="P8176" s="5"/>
    </row>
    <row r="8177" spans="1:16" x14ac:dyDescent="0.2">
      <c r="A8177" s="1" t="s">
        <v>329</v>
      </c>
      <c r="B8177" s="1" t="s">
        <v>2622</v>
      </c>
      <c r="C8177" s="1" t="s">
        <v>28187</v>
      </c>
      <c r="D8177" s="1" t="s">
        <v>28188</v>
      </c>
      <c r="E8177" s="1" t="s">
        <v>28189</v>
      </c>
      <c r="F8177" s="1" t="s">
        <v>10</v>
      </c>
      <c r="G8177" s="1" t="s">
        <v>10</v>
      </c>
      <c r="H8177" s="1" t="s">
        <v>10</v>
      </c>
      <c r="I8177" s="1" t="s">
        <v>1868</v>
      </c>
      <c r="J8177" s="1" t="s">
        <v>27545</v>
      </c>
      <c r="K8177" s="1" t="s">
        <v>27</v>
      </c>
      <c r="L8177" s="1" t="s">
        <v>28186</v>
      </c>
      <c r="M8177" s="1" t="s">
        <v>5</v>
      </c>
      <c r="N8177" s="1" t="s">
        <v>25</v>
      </c>
      <c r="O8177" s="1" t="s">
        <v>38</v>
      </c>
      <c r="P8177" s="5" t="s">
        <v>32590</v>
      </c>
    </row>
    <row r="8178" spans="1:16" x14ac:dyDescent="0.2">
      <c r="A8178" s="1" t="s">
        <v>66</v>
      </c>
      <c r="B8178" s="1" t="s">
        <v>67</v>
      </c>
      <c r="C8178" s="1" t="s">
        <v>28191</v>
      </c>
      <c r="D8178" s="1" t="s">
        <v>28192</v>
      </c>
      <c r="E8178" s="1"/>
      <c r="F8178" s="1" t="s">
        <v>27</v>
      </c>
      <c r="G8178" s="1" t="s">
        <v>1042</v>
      </c>
      <c r="H8178" s="1" t="s">
        <v>28193</v>
      </c>
      <c r="I8178" s="1" t="s">
        <v>1868</v>
      </c>
      <c r="J8178" s="1" t="s">
        <v>27256</v>
      </c>
      <c r="K8178" s="1" t="s">
        <v>64</v>
      </c>
      <c r="L8178" s="1" t="s">
        <v>28190</v>
      </c>
      <c r="M8178" s="1" t="s">
        <v>5</v>
      </c>
      <c r="N8178" s="1" t="s">
        <v>1009</v>
      </c>
      <c r="O8178" s="1" t="s">
        <v>8</v>
      </c>
      <c r="P8178" s="5" t="s">
        <v>32591</v>
      </c>
    </row>
    <row r="8179" spans="1:16" x14ac:dyDescent="0.2">
      <c r="A8179" s="1" t="s">
        <v>487</v>
      </c>
      <c r="B8179" s="1" t="s">
        <v>765</v>
      </c>
      <c r="C8179" s="1" t="s">
        <v>28195</v>
      </c>
      <c r="D8179" s="1" t="s">
        <v>1107</v>
      </c>
      <c r="E8179" s="1" t="s">
        <v>28196</v>
      </c>
      <c r="F8179" s="1" t="s">
        <v>27</v>
      </c>
      <c r="G8179" s="1" t="s">
        <v>1042</v>
      </c>
      <c r="H8179" s="1" t="s">
        <v>28195</v>
      </c>
      <c r="I8179" s="1" t="s">
        <v>1868</v>
      </c>
      <c r="J8179" s="1" t="s">
        <v>27256</v>
      </c>
      <c r="K8179" s="1" t="s">
        <v>64</v>
      </c>
      <c r="L8179" s="1" t="s">
        <v>28194</v>
      </c>
      <c r="M8179" s="1" t="s">
        <v>5</v>
      </c>
      <c r="N8179" s="1" t="s">
        <v>1009</v>
      </c>
      <c r="O8179" s="1" t="s">
        <v>8</v>
      </c>
      <c r="P8179" s="5" t="s">
        <v>30841</v>
      </c>
    </row>
    <row r="8180" spans="1:16" x14ac:dyDescent="0.2">
      <c r="A8180" s="1" t="s">
        <v>10</v>
      </c>
      <c r="B8180" s="1" t="s">
        <v>10</v>
      </c>
      <c r="C8180" s="1" t="s">
        <v>28198</v>
      </c>
      <c r="D8180" s="1" t="s">
        <v>4</v>
      </c>
      <c r="E8180" s="1" t="s">
        <v>28199</v>
      </c>
      <c r="F8180" s="1" t="s">
        <v>10</v>
      </c>
      <c r="G8180" s="1" t="s">
        <v>10</v>
      </c>
      <c r="H8180" s="1" t="s">
        <v>10</v>
      </c>
      <c r="I8180" s="1" t="s">
        <v>1868</v>
      </c>
      <c r="J8180" s="1" t="s">
        <v>27321</v>
      </c>
      <c r="K8180" s="1" t="s">
        <v>27</v>
      </c>
      <c r="L8180" s="1" t="s">
        <v>28197</v>
      </c>
      <c r="M8180" s="1" t="s">
        <v>5</v>
      </c>
      <c r="N8180" s="1" t="s">
        <v>6</v>
      </c>
      <c r="O8180" s="1" t="s">
        <v>38</v>
      </c>
      <c r="P8180" s="5" t="s">
        <v>32592</v>
      </c>
    </row>
    <row r="8181" spans="1:16" x14ac:dyDescent="0.2">
      <c r="A8181" s="1" t="s">
        <v>20</v>
      </c>
      <c r="B8181" s="1" t="s">
        <v>1804</v>
      </c>
      <c r="C8181" s="1" t="s">
        <v>28201</v>
      </c>
      <c r="D8181" s="1" t="s">
        <v>28202</v>
      </c>
      <c r="E8181" s="1" t="s">
        <v>28203</v>
      </c>
      <c r="F8181" s="1" t="s">
        <v>10</v>
      </c>
      <c r="G8181" s="1" t="s">
        <v>10</v>
      </c>
      <c r="H8181" s="1" t="s">
        <v>10</v>
      </c>
      <c r="I8181" s="1" t="s">
        <v>1868</v>
      </c>
      <c r="J8181" s="1" t="s">
        <v>27272</v>
      </c>
      <c r="K8181" s="1" t="s">
        <v>27</v>
      </c>
      <c r="L8181" s="1" t="s">
        <v>28200</v>
      </c>
      <c r="M8181" s="1" t="s">
        <v>5</v>
      </c>
      <c r="N8181" s="1" t="s">
        <v>25</v>
      </c>
      <c r="O8181" s="1" t="s">
        <v>38</v>
      </c>
      <c r="P8181" s="5" t="s">
        <v>10</v>
      </c>
    </row>
    <row r="8182" spans="1:16" x14ac:dyDescent="0.2">
      <c r="A8182" s="1" t="s">
        <v>20</v>
      </c>
      <c r="B8182" s="1" t="s">
        <v>1804</v>
      </c>
      <c r="C8182" s="1" t="s">
        <v>28205</v>
      </c>
      <c r="D8182" s="1" t="s">
        <v>28206</v>
      </c>
      <c r="E8182" s="1" t="s">
        <v>28207</v>
      </c>
      <c r="F8182" s="1" t="s">
        <v>10</v>
      </c>
      <c r="G8182" s="1" t="s">
        <v>10</v>
      </c>
      <c r="H8182" s="1" t="s">
        <v>10</v>
      </c>
      <c r="I8182" s="1" t="s">
        <v>1868</v>
      </c>
      <c r="J8182" s="1" t="s">
        <v>27272</v>
      </c>
      <c r="K8182" s="1" t="s">
        <v>27</v>
      </c>
      <c r="L8182" s="1" t="s">
        <v>28204</v>
      </c>
      <c r="M8182" s="1" t="s">
        <v>5</v>
      </c>
      <c r="N8182" s="1" t="s">
        <v>25</v>
      </c>
      <c r="O8182" s="1" t="s">
        <v>38</v>
      </c>
      <c r="P8182" s="5" t="s">
        <v>32532</v>
      </c>
    </row>
    <row r="8183" spans="1:16" x14ac:dyDescent="0.2">
      <c r="A8183" s="1" t="s">
        <v>20</v>
      </c>
      <c r="B8183" s="1" t="s">
        <v>253</v>
      </c>
      <c r="C8183" s="1" t="s">
        <v>28209</v>
      </c>
      <c r="D8183" s="1" t="s">
        <v>28210</v>
      </c>
      <c r="E8183" s="1" t="s">
        <v>28211</v>
      </c>
      <c r="F8183" s="1" t="s">
        <v>10</v>
      </c>
      <c r="G8183" s="1" t="s">
        <v>10</v>
      </c>
      <c r="H8183" s="1" t="s">
        <v>10</v>
      </c>
      <c r="I8183" s="1" t="s">
        <v>1868</v>
      </c>
      <c r="J8183" s="1" t="s">
        <v>27272</v>
      </c>
      <c r="K8183" s="1" t="s">
        <v>27</v>
      </c>
      <c r="L8183" s="1" t="s">
        <v>28208</v>
      </c>
      <c r="M8183" s="1" t="s">
        <v>5</v>
      </c>
      <c r="N8183" s="1" t="s">
        <v>25</v>
      </c>
      <c r="O8183" s="1" t="s">
        <v>38</v>
      </c>
      <c r="P8183" s="5" t="s">
        <v>30842</v>
      </c>
    </row>
    <row r="8184" spans="1:16" x14ac:dyDescent="0.2">
      <c r="A8184" s="1" t="s">
        <v>20</v>
      </c>
      <c r="B8184" s="1" t="s">
        <v>445</v>
      </c>
      <c r="C8184" s="1" t="s">
        <v>28213</v>
      </c>
      <c r="D8184" s="1" t="s">
        <v>28214</v>
      </c>
      <c r="E8184" s="1" t="s">
        <v>28215</v>
      </c>
      <c r="F8184" s="1" t="s">
        <v>10</v>
      </c>
      <c r="G8184" s="1" t="s">
        <v>10</v>
      </c>
      <c r="H8184" s="1" t="s">
        <v>10</v>
      </c>
      <c r="I8184" s="1" t="s">
        <v>1868</v>
      </c>
      <c r="J8184" s="1" t="s">
        <v>27272</v>
      </c>
      <c r="K8184" s="1" t="s">
        <v>27</v>
      </c>
      <c r="L8184" s="1" t="s">
        <v>28212</v>
      </c>
      <c r="M8184" s="1" t="s">
        <v>5</v>
      </c>
      <c r="N8184" s="1" t="s">
        <v>25</v>
      </c>
      <c r="O8184" s="1" t="s">
        <v>38</v>
      </c>
      <c r="P8184" s="5" t="s">
        <v>21913</v>
      </c>
    </row>
    <row r="8185" spans="1:16" x14ac:dyDescent="0.2">
      <c r="A8185" s="1" t="s">
        <v>329</v>
      </c>
      <c r="B8185" s="1" t="s">
        <v>596</v>
      </c>
      <c r="C8185" s="1" t="s">
        <v>28217</v>
      </c>
      <c r="D8185" s="1" t="s">
        <v>28218</v>
      </c>
      <c r="E8185" s="1" t="s">
        <v>28219</v>
      </c>
      <c r="F8185" s="1" t="s">
        <v>10</v>
      </c>
      <c r="G8185" s="1" t="s">
        <v>10</v>
      </c>
      <c r="H8185" s="1" t="s">
        <v>10</v>
      </c>
      <c r="I8185" s="1" t="s">
        <v>1868</v>
      </c>
      <c r="J8185" s="1" t="s">
        <v>27272</v>
      </c>
      <c r="K8185" s="1" t="s">
        <v>27</v>
      </c>
      <c r="L8185" s="1" t="s">
        <v>28216</v>
      </c>
      <c r="M8185" s="1" t="s">
        <v>5</v>
      </c>
      <c r="N8185" s="1" t="s">
        <v>25</v>
      </c>
      <c r="O8185" s="1" t="s">
        <v>38</v>
      </c>
      <c r="P8185" s="5" t="s">
        <v>21913</v>
      </c>
    </row>
    <row r="8186" spans="1:16" x14ac:dyDescent="0.2">
      <c r="A8186" s="1" t="s">
        <v>20</v>
      </c>
      <c r="B8186" s="1" t="s">
        <v>253</v>
      </c>
      <c r="C8186" s="1" t="s">
        <v>28221</v>
      </c>
      <c r="D8186" s="1" t="s">
        <v>28222</v>
      </c>
      <c r="E8186" s="1"/>
      <c r="F8186" s="1" t="s">
        <v>10</v>
      </c>
      <c r="G8186" s="1" t="s">
        <v>10</v>
      </c>
      <c r="H8186" s="1" t="s">
        <v>10</v>
      </c>
      <c r="I8186" s="1" t="s">
        <v>1868</v>
      </c>
      <c r="J8186" s="1" t="s">
        <v>27272</v>
      </c>
      <c r="K8186" s="1" t="s">
        <v>27</v>
      </c>
      <c r="L8186" s="1" t="s">
        <v>28220</v>
      </c>
      <c r="M8186" s="1" t="s">
        <v>5</v>
      </c>
      <c r="N8186" s="1" t="s">
        <v>1009</v>
      </c>
      <c r="O8186" s="1" t="s">
        <v>38</v>
      </c>
      <c r="P8186" s="5" t="s">
        <v>29837</v>
      </c>
    </row>
    <row r="8187" spans="1:16" x14ac:dyDescent="0.2">
      <c r="A8187" s="1" t="s">
        <v>42</v>
      </c>
      <c r="B8187" s="1" t="s">
        <v>1341</v>
      </c>
      <c r="C8187" s="1" t="s">
        <v>28224</v>
      </c>
      <c r="D8187" s="1" t="s">
        <v>28225</v>
      </c>
      <c r="E8187" s="1"/>
      <c r="F8187" s="1" t="s">
        <v>10</v>
      </c>
      <c r="G8187" s="1" t="s">
        <v>10</v>
      </c>
      <c r="H8187" s="1" t="s">
        <v>10</v>
      </c>
      <c r="I8187" s="1" t="s">
        <v>1868</v>
      </c>
      <c r="J8187" s="1" t="s">
        <v>27272</v>
      </c>
      <c r="K8187" s="1" t="s">
        <v>27</v>
      </c>
      <c r="L8187" s="1" t="s">
        <v>28223</v>
      </c>
      <c r="M8187" s="1" t="s">
        <v>5</v>
      </c>
      <c r="N8187" s="1" t="s">
        <v>25</v>
      </c>
      <c r="O8187" s="1" t="s">
        <v>38</v>
      </c>
      <c r="P8187" s="5" t="s">
        <v>21913</v>
      </c>
    </row>
    <row r="8188" spans="1:16" x14ac:dyDescent="0.2">
      <c r="A8188" s="1" t="s">
        <v>20</v>
      </c>
      <c r="B8188" s="1" t="s">
        <v>445</v>
      </c>
      <c r="C8188" s="1" t="s">
        <v>28227</v>
      </c>
      <c r="D8188" s="1" t="s">
        <v>28228</v>
      </c>
      <c r="E8188" s="1" t="s">
        <v>28229</v>
      </c>
      <c r="F8188" s="1" t="s">
        <v>10</v>
      </c>
      <c r="G8188" s="1" t="s">
        <v>10</v>
      </c>
      <c r="H8188" s="1" t="s">
        <v>10</v>
      </c>
      <c r="I8188" s="1" t="s">
        <v>1868</v>
      </c>
      <c r="J8188" s="1" t="s">
        <v>27272</v>
      </c>
      <c r="K8188" s="1" t="s">
        <v>27</v>
      </c>
      <c r="L8188" s="1" t="s">
        <v>28226</v>
      </c>
      <c r="M8188" s="1" t="s">
        <v>5</v>
      </c>
      <c r="N8188" s="1" t="s">
        <v>6</v>
      </c>
      <c r="O8188" s="1" t="s">
        <v>38</v>
      </c>
      <c r="P8188" s="5" t="s">
        <v>21913</v>
      </c>
    </row>
    <row r="8189" spans="1:16" x14ac:dyDescent="0.2">
      <c r="A8189" s="1" t="s">
        <v>20</v>
      </c>
      <c r="B8189" s="1" t="s">
        <v>445</v>
      </c>
      <c r="C8189" s="1" t="s">
        <v>28231</v>
      </c>
      <c r="D8189" s="1" t="s">
        <v>28232</v>
      </c>
      <c r="E8189" s="1" t="s">
        <v>28233</v>
      </c>
      <c r="F8189" s="1" t="s">
        <v>10</v>
      </c>
      <c r="G8189" s="1" t="s">
        <v>10</v>
      </c>
      <c r="H8189" s="1" t="s">
        <v>10</v>
      </c>
      <c r="I8189" s="1" t="s">
        <v>1868</v>
      </c>
      <c r="J8189" s="1" t="s">
        <v>27272</v>
      </c>
      <c r="K8189" s="1" t="s">
        <v>27</v>
      </c>
      <c r="L8189" s="1" t="s">
        <v>28230</v>
      </c>
      <c r="M8189" s="1" t="s">
        <v>5</v>
      </c>
      <c r="N8189" s="1" t="s">
        <v>6</v>
      </c>
      <c r="O8189" s="1" t="s">
        <v>38</v>
      </c>
      <c r="P8189" s="5" t="s">
        <v>21913</v>
      </c>
    </row>
    <row r="8190" spans="1:16" x14ac:dyDescent="0.2">
      <c r="A8190" s="1" t="s">
        <v>20</v>
      </c>
      <c r="B8190" s="1" t="s">
        <v>445</v>
      </c>
      <c r="C8190" s="1" t="s">
        <v>28235</v>
      </c>
      <c r="D8190" s="1" t="s">
        <v>22939</v>
      </c>
      <c r="E8190" s="1" t="s">
        <v>28236</v>
      </c>
      <c r="F8190" s="1" t="s">
        <v>10</v>
      </c>
      <c r="G8190" s="1" t="s">
        <v>10</v>
      </c>
      <c r="H8190" s="1" t="s">
        <v>10</v>
      </c>
      <c r="I8190" s="1" t="s">
        <v>1868</v>
      </c>
      <c r="J8190" s="1" t="s">
        <v>27272</v>
      </c>
      <c r="K8190" s="1" t="s">
        <v>27</v>
      </c>
      <c r="L8190" s="1" t="s">
        <v>28234</v>
      </c>
      <c r="M8190" s="1" t="s">
        <v>5</v>
      </c>
      <c r="N8190" s="1" t="s">
        <v>6</v>
      </c>
      <c r="O8190" s="1" t="s">
        <v>38</v>
      </c>
      <c r="P8190" s="5" t="s">
        <v>21913</v>
      </c>
    </row>
    <row r="8191" spans="1:16" x14ac:dyDescent="0.2">
      <c r="A8191" s="1" t="s">
        <v>20</v>
      </c>
      <c r="B8191" s="1" t="s">
        <v>445</v>
      </c>
      <c r="C8191" s="1" t="s">
        <v>28238</v>
      </c>
      <c r="D8191" s="1" t="s">
        <v>28239</v>
      </c>
      <c r="E8191" s="1" t="s">
        <v>28240</v>
      </c>
      <c r="F8191" s="1" t="s">
        <v>10</v>
      </c>
      <c r="G8191" s="1" t="s">
        <v>10</v>
      </c>
      <c r="H8191" s="1" t="s">
        <v>10</v>
      </c>
      <c r="I8191" s="1" t="s">
        <v>1868</v>
      </c>
      <c r="J8191" s="1" t="s">
        <v>27272</v>
      </c>
      <c r="K8191" s="1" t="s">
        <v>27</v>
      </c>
      <c r="L8191" s="1" t="s">
        <v>28237</v>
      </c>
      <c r="M8191" s="1" t="s">
        <v>5</v>
      </c>
      <c r="N8191" s="1" t="s">
        <v>6</v>
      </c>
      <c r="O8191" s="1" t="s">
        <v>38</v>
      </c>
      <c r="P8191" s="5" t="s">
        <v>21913</v>
      </c>
    </row>
    <row r="8192" spans="1:16" x14ac:dyDescent="0.2">
      <c r="A8192" s="1" t="s">
        <v>20</v>
      </c>
      <c r="B8192" s="1" t="s">
        <v>445</v>
      </c>
      <c r="C8192" s="1" t="s">
        <v>28242</v>
      </c>
      <c r="D8192" s="1" t="s">
        <v>28243</v>
      </c>
      <c r="E8192" s="1" t="s">
        <v>28244</v>
      </c>
      <c r="F8192" s="1" t="s">
        <v>10</v>
      </c>
      <c r="G8192" s="1" t="s">
        <v>10</v>
      </c>
      <c r="H8192" s="1" t="s">
        <v>10</v>
      </c>
      <c r="I8192" s="1" t="s">
        <v>1868</v>
      </c>
      <c r="J8192" s="1" t="s">
        <v>27272</v>
      </c>
      <c r="K8192" s="1" t="s">
        <v>27</v>
      </c>
      <c r="L8192" s="1" t="s">
        <v>28241</v>
      </c>
      <c r="M8192" s="1" t="s">
        <v>5</v>
      </c>
      <c r="N8192" s="1" t="s">
        <v>6</v>
      </c>
      <c r="O8192" s="1" t="s">
        <v>38</v>
      </c>
      <c r="P8192" s="5" t="s">
        <v>21913</v>
      </c>
    </row>
    <row r="8193" spans="1:16" x14ac:dyDescent="0.2">
      <c r="A8193" s="1" t="s">
        <v>20</v>
      </c>
      <c r="B8193" s="1" t="s">
        <v>445</v>
      </c>
      <c r="C8193" s="1" t="s">
        <v>28246</v>
      </c>
      <c r="D8193" s="1" t="s">
        <v>549</v>
      </c>
      <c r="E8193" s="1" t="s">
        <v>28247</v>
      </c>
      <c r="F8193" s="1" t="s">
        <v>10</v>
      </c>
      <c r="G8193" s="1" t="s">
        <v>10</v>
      </c>
      <c r="H8193" s="1" t="s">
        <v>10</v>
      </c>
      <c r="I8193" s="1" t="s">
        <v>1868</v>
      </c>
      <c r="J8193" s="1" t="s">
        <v>27272</v>
      </c>
      <c r="K8193" s="1" t="s">
        <v>27</v>
      </c>
      <c r="L8193" s="1" t="s">
        <v>28245</v>
      </c>
      <c r="M8193" s="1" t="s">
        <v>5</v>
      </c>
      <c r="N8193" s="1" t="s">
        <v>6</v>
      </c>
      <c r="O8193" s="1" t="s">
        <v>38</v>
      </c>
      <c r="P8193" s="5" t="s">
        <v>21913</v>
      </c>
    </row>
    <row r="8194" spans="1:16" x14ac:dyDescent="0.2">
      <c r="A8194" s="1" t="s">
        <v>20</v>
      </c>
      <c r="B8194" s="1" t="s">
        <v>445</v>
      </c>
      <c r="C8194" s="1" t="s">
        <v>28249</v>
      </c>
      <c r="D8194" s="1" t="s">
        <v>28250</v>
      </c>
      <c r="E8194" s="1" t="s">
        <v>28251</v>
      </c>
      <c r="F8194" s="1" t="s">
        <v>10</v>
      </c>
      <c r="G8194" s="1" t="s">
        <v>10</v>
      </c>
      <c r="H8194" s="1" t="s">
        <v>10</v>
      </c>
      <c r="I8194" s="1" t="s">
        <v>1868</v>
      </c>
      <c r="J8194" s="1" t="s">
        <v>27272</v>
      </c>
      <c r="K8194" s="1" t="s">
        <v>27</v>
      </c>
      <c r="L8194" s="1" t="s">
        <v>28248</v>
      </c>
      <c r="M8194" s="1" t="s">
        <v>5</v>
      </c>
      <c r="N8194" s="1" t="s">
        <v>6</v>
      </c>
      <c r="O8194" s="1" t="s">
        <v>38</v>
      </c>
      <c r="P8194" s="5" t="s">
        <v>21913</v>
      </c>
    </row>
    <row r="8195" spans="1:16" x14ac:dyDescent="0.2">
      <c r="A8195" s="1" t="s">
        <v>20</v>
      </c>
      <c r="B8195" s="1" t="s">
        <v>445</v>
      </c>
      <c r="C8195" s="1" t="s">
        <v>28253</v>
      </c>
      <c r="D8195" s="1" t="s">
        <v>18218</v>
      </c>
      <c r="E8195" s="1" t="s">
        <v>28254</v>
      </c>
      <c r="F8195" s="1" t="s">
        <v>10</v>
      </c>
      <c r="G8195" s="1" t="s">
        <v>10</v>
      </c>
      <c r="H8195" s="1" t="s">
        <v>10</v>
      </c>
      <c r="I8195" s="1" t="s">
        <v>1868</v>
      </c>
      <c r="J8195" s="1" t="s">
        <v>27272</v>
      </c>
      <c r="K8195" s="1" t="s">
        <v>27</v>
      </c>
      <c r="L8195" s="1" t="s">
        <v>28252</v>
      </c>
      <c r="M8195" s="1" t="s">
        <v>5</v>
      </c>
      <c r="N8195" s="1" t="s">
        <v>6</v>
      </c>
      <c r="O8195" s="1" t="s">
        <v>38</v>
      </c>
      <c r="P8195" s="5" t="s">
        <v>10</v>
      </c>
    </row>
    <row r="8196" spans="1:16" ht="63.75" x14ac:dyDescent="0.2">
      <c r="A8196" s="1" t="s">
        <v>42</v>
      </c>
      <c r="B8196" s="1" t="s">
        <v>966</v>
      </c>
      <c r="C8196" s="1" t="s">
        <v>28256</v>
      </c>
      <c r="D8196" s="1" t="s">
        <v>28257</v>
      </c>
      <c r="E8196" s="1" t="s">
        <v>28258</v>
      </c>
      <c r="F8196" s="1" t="s">
        <v>10</v>
      </c>
      <c r="G8196" s="1" t="s">
        <v>10</v>
      </c>
      <c r="H8196" s="1" t="s">
        <v>10</v>
      </c>
      <c r="I8196" s="1" t="s">
        <v>1868</v>
      </c>
      <c r="J8196" s="1" t="s">
        <v>27272</v>
      </c>
      <c r="K8196" s="1" t="s">
        <v>27</v>
      </c>
      <c r="L8196" s="1" t="s">
        <v>28255</v>
      </c>
      <c r="M8196" s="1" t="s">
        <v>5</v>
      </c>
      <c r="N8196" s="1" t="s">
        <v>25</v>
      </c>
      <c r="O8196" s="1" t="s">
        <v>38</v>
      </c>
      <c r="P8196" s="9" t="s">
        <v>32593</v>
      </c>
    </row>
    <row r="8197" spans="1:16" ht="63.75" x14ac:dyDescent="0.2">
      <c r="A8197" s="1" t="s">
        <v>20</v>
      </c>
      <c r="B8197" s="1" t="s">
        <v>445</v>
      </c>
      <c r="C8197" s="1" t="s">
        <v>28260</v>
      </c>
      <c r="D8197" s="1" t="s">
        <v>28261</v>
      </c>
      <c r="E8197" s="1" t="s">
        <v>28262</v>
      </c>
      <c r="F8197" s="1" t="s">
        <v>10</v>
      </c>
      <c r="G8197" s="1" t="s">
        <v>10</v>
      </c>
      <c r="H8197" s="1" t="s">
        <v>10</v>
      </c>
      <c r="I8197" s="1" t="s">
        <v>1868</v>
      </c>
      <c r="J8197" s="1" t="s">
        <v>27272</v>
      </c>
      <c r="K8197" s="1" t="s">
        <v>27</v>
      </c>
      <c r="L8197" s="1" t="s">
        <v>28259</v>
      </c>
      <c r="M8197" s="1" t="s">
        <v>5</v>
      </c>
      <c r="N8197" s="1" t="s">
        <v>25</v>
      </c>
      <c r="O8197" s="1" t="s">
        <v>38</v>
      </c>
      <c r="P8197" s="9" t="s">
        <v>32593</v>
      </c>
    </row>
    <row r="8198" spans="1:16" ht="63.75" x14ac:dyDescent="0.2">
      <c r="A8198" s="1" t="s">
        <v>20</v>
      </c>
      <c r="B8198" s="1" t="s">
        <v>253</v>
      </c>
      <c r="C8198" s="1" t="s">
        <v>28264</v>
      </c>
      <c r="D8198" s="1" t="s">
        <v>28264</v>
      </c>
      <c r="E8198" s="1" t="s">
        <v>28265</v>
      </c>
      <c r="F8198" s="1" t="s">
        <v>10</v>
      </c>
      <c r="G8198" s="1" t="s">
        <v>10</v>
      </c>
      <c r="H8198" s="1" t="s">
        <v>10</v>
      </c>
      <c r="I8198" s="1" t="s">
        <v>1868</v>
      </c>
      <c r="J8198" s="1" t="s">
        <v>27272</v>
      </c>
      <c r="K8198" s="1" t="s">
        <v>27</v>
      </c>
      <c r="L8198" s="1" t="s">
        <v>28263</v>
      </c>
      <c r="M8198" s="1" t="s">
        <v>5</v>
      </c>
      <c r="N8198" s="1" t="s">
        <v>25</v>
      </c>
      <c r="O8198" s="1" t="s">
        <v>38</v>
      </c>
      <c r="P8198" s="9" t="s">
        <v>32593</v>
      </c>
    </row>
    <row r="8199" spans="1:16" x14ac:dyDescent="0.2">
      <c r="A8199" s="1" t="s">
        <v>10</v>
      </c>
      <c r="B8199" s="1" t="s">
        <v>10</v>
      </c>
      <c r="C8199" s="1" t="s">
        <v>28267</v>
      </c>
      <c r="D8199" s="1" t="s">
        <v>26793</v>
      </c>
      <c r="E8199" s="1"/>
      <c r="F8199" s="1" t="s">
        <v>10</v>
      </c>
      <c r="G8199" s="1" t="s">
        <v>10</v>
      </c>
      <c r="H8199" s="1" t="s">
        <v>10</v>
      </c>
      <c r="I8199" s="1" t="s">
        <v>1868</v>
      </c>
      <c r="J8199" s="1" t="s">
        <v>27321</v>
      </c>
      <c r="K8199" s="1" t="s">
        <v>27</v>
      </c>
      <c r="L8199" s="1" t="s">
        <v>28266</v>
      </c>
      <c r="M8199" s="1" t="s">
        <v>5</v>
      </c>
      <c r="N8199" s="1" t="s">
        <v>432</v>
      </c>
      <c r="O8199" s="1" t="s">
        <v>38</v>
      </c>
      <c r="P8199" s="5" t="s">
        <v>32594</v>
      </c>
    </row>
    <row r="8200" spans="1:16" x14ac:dyDescent="0.2">
      <c r="A8200" s="1" t="s">
        <v>10</v>
      </c>
      <c r="B8200" s="1" t="s">
        <v>10</v>
      </c>
      <c r="C8200" s="1" t="s">
        <v>28269</v>
      </c>
      <c r="D8200" s="1" t="s">
        <v>28270</v>
      </c>
      <c r="E8200" s="1" t="s">
        <v>16240</v>
      </c>
      <c r="F8200" s="1" t="s">
        <v>10</v>
      </c>
      <c r="G8200" s="1" t="s">
        <v>10</v>
      </c>
      <c r="H8200" s="1" t="s">
        <v>10</v>
      </c>
      <c r="I8200" s="1" t="s">
        <v>1868</v>
      </c>
      <c r="J8200" s="1" t="s">
        <v>27648</v>
      </c>
      <c r="K8200" s="1" t="s">
        <v>27</v>
      </c>
      <c r="L8200" s="1" t="s">
        <v>28268</v>
      </c>
      <c r="M8200" s="1" t="s">
        <v>5</v>
      </c>
      <c r="N8200" s="1" t="s">
        <v>6</v>
      </c>
      <c r="O8200" s="1" t="s">
        <v>38</v>
      </c>
      <c r="P8200" s="5" t="s">
        <v>32594</v>
      </c>
    </row>
    <row r="8201" spans="1:16" x14ac:dyDescent="0.2">
      <c r="A8201" s="1" t="s">
        <v>329</v>
      </c>
      <c r="B8201" s="1" t="s">
        <v>2622</v>
      </c>
      <c r="C8201" s="1" t="s">
        <v>28272</v>
      </c>
      <c r="D8201" s="1" t="s">
        <v>28273</v>
      </c>
      <c r="E8201" s="1" t="s">
        <v>28274</v>
      </c>
      <c r="F8201" s="1" t="s">
        <v>10</v>
      </c>
      <c r="G8201" s="1" t="s">
        <v>10</v>
      </c>
      <c r="H8201" s="1" t="s">
        <v>10</v>
      </c>
      <c r="I8201" s="1" t="s">
        <v>1868</v>
      </c>
      <c r="J8201" s="1" t="s">
        <v>27545</v>
      </c>
      <c r="K8201" s="1" t="s">
        <v>27</v>
      </c>
      <c r="L8201" s="1" t="s">
        <v>28271</v>
      </c>
      <c r="M8201" s="1" t="s">
        <v>5</v>
      </c>
      <c r="N8201" s="1" t="s">
        <v>25</v>
      </c>
      <c r="O8201" s="1" t="s">
        <v>38</v>
      </c>
      <c r="P8201" s="5" t="s">
        <v>30843</v>
      </c>
    </row>
    <row r="8202" spans="1:16" x14ac:dyDescent="0.2">
      <c r="A8202" s="1" t="s">
        <v>20</v>
      </c>
      <c r="B8202" s="1" t="s">
        <v>21</v>
      </c>
      <c r="C8202" s="1" t="s">
        <v>28276</v>
      </c>
      <c r="D8202" s="1" t="s">
        <v>9838</v>
      </c>
      <c r="E8202" s="1" t="s">
        <v>28277</v>
      </c>
      <c r="F8202" s="1" t="s">
        <v>9</v>
      </c>
      <c r="G8202" s="1" t="s">
        <v>18</v>
      </c>
      <c r="H8202" s="1" t="s">
        <v>10</v>
      </c>
      <c r="I8202" s="1" t="s">
        <v>1868</v>
      </c>
      <c r="J8202" s="1" t="s">
        <v>27256</v>
      </c>
      <c r="K8202" s="1" t="s">
        <v>7</v>
      </c>
      <c r="L8202" s="1" t="s">
        <v>28275</v>
      </c>
      <c r="M8202" s="1" t="s">
        <v>5</v>
      </c>
      <c r="N8202" s="1" t="s">
        <v>1009</v>
      </c>
      <c r="O8202" s="1" t="s">
        <v>8</v>
      </c>
      <c r="P8202" s="5" t="s">
        <v>32529</v>
      </c>
    </row>
    <row r="8203" spans="1:16" x14ac:dyDescent="0.2">
      <c r="A8203" s="1" t="s">
        <v>20</v>
      </c>
      <c r="B8203" s="1" t="s">
        <v>21</v>
      </c>
      <c r="C8203" s="1" t="s">
        <v>28279</v>
      </c>
      <c r="D8203" s="1" t="s">
        <v>28280</v>
      </c>
      <c r="E8203" s="1"/>
      <c r="F8203" s="1" t="s">
        <v>9</v>
      </c>
      <c r="G8203" s="1" t="s">
        <v>18</v>
      </c>
      <c r="H8203" s="1" t="s">
        <v>10</v>
      </c>
      <c r="I8203" s="1" t="s">
        <v>1868</v>
      </c>
      <c r="J8203" s="1" t="s">
        <v>27256</v>
      </c>
      <c r="K8203" s="1" t="s">
        <v>7</v>
      </c>
      <c r="L8203" s="1" t="s">
        <v>28278</v>
      </c>
      <c r="M8203" s="1" t="s">
        <v>5</v>
      </c>
      <c r="N8203" s="1" t="s">
        <v>1009</v>
      </c>
      <c r="O8203" s="1" t="s">
        <v>8</v>
      </c>
      <c r="P8203" s="5" t="s">
        <v>32529</v>
      </c>
    </row>
    <row r="8204" spans="1:16" x14ac:dyDescent="0.2">
      <c r="A8204" s="1" t="s">
        <v>1385</v>
      </c>
      <c r="B8204" s="1" t="s">
        <v>2028</v>
      </c>
      <c r="C8204" s="1" t="s">
        <v>28282</v>
      </c>
      <c r="D8204" s="1" t="s">
        <v>28283</v>
      </c>
      <c r="E8204" s="1" t="s">
        <v>28284</v>
      </c>
      <c r="F8204" s="1" t="s">
        <v>10</v>
      </c>
      <c r="G8204" s="1" t="s">
        <v>10</v>
      </c>
      <c r="H8204" s="1" t="s">
        <v>10</v>
      </c>
      <c r="I8204" s="1" t="s">
        <v>1868</v>
      </c>
      <c r="J8204" s="1" t="s">
        <v>27256</v>
      </c>
      <c r="K8204" s="1" t="s">
        <v>64</v>
      </c>
      <c r="L8204" s="1" t="s">
        <v>28281</v>
      </c>
      <c r="M8204" s="1" t="s">
        <v>5</v>
      </c>
      <c r="N8204" s="1" t="s">
        <v>25</v>
      </c>
      <c r="O8204" s="1" t="s">
        <v>38</v>
      </c>
      <c r="P8204" s="5" t="s">
        <v>30844</v>
      </c>
    </row>
    <row r="8205" spans="1:16" x14ac:dyDescent="0.2">
      <c r="A8205" s="1" t="s">
        <v>42</v>
      </c>
      <c r="B8205" s="1" t="s">
        <v>43</v>
      </c>
      <c r="C8205" s="1" t="s">
        <v>28286</v>
      </c>
      <c r="D8205" s="1" t="s">
        <v>28286</v>
      </c>
      <c r="E8205" s="1" t="s">
        <v>28287</v>
      </c>
      <c r="F8205" s="1" t="s">
        <v>10</v>
      </c>
      <c r="G8205" s="1" t="s">
        <v>10</v>
      </c>
      <c r="H8205" s="1" t="s">
        <v>10</v>
      </c>
      <c r="I8205" s="1" t="s">
        <v>1868</v>
      </c>
      <c r="J8205" s="1" t="s">
        <v>27256</v>
      </c>
      <c r="K8205" s="1" t="s">
        <v>37</v>
      </c>
      <c r="L8205" s="1" t="s">
        <v>28285</v>
      </c>
      <c r="M8205" s="1" t="s">
        <v>5</v>
      </c>
      <c r="N8205" s="1" t="s">
        <v>1009</v>
      </c>
      <c r="O8205" s="1" t="s">
        <v>8</v>
      </c>
      <c r="P8205" s="5" t="s">
        <v>32595</v>
      </c>
    </row>
    <row r="8206" spans="1:16" x14ac:dyDescent="0.2">
      <c r="A8206" s="1" t="s">
        <v>20</v>
      </c>
      <c r="B8206" s="1" t="s">
        <v>101</v>
      </c>
      <c r="C8206" s="1" t="s">
        <v>28289</v>
      </c>
      <c r="D8206" s="1" t="s">
        <v>28290</v>
      </c>
      <c r="E8206" s="1" t="s">
        <v>28291</v>
      </c>
      <c r="F8206" s="1" t="s">
        <v>10</v>
      </c>
      <c r="G8206" s="1" t="s">
        <v>10</v>
      </c>
      <c r="H8206" s="1" t="s">
        <v>10</v>
      </c>
      <c r="I8206" s="1" t="s">
        <v>1868</v>
      </c>
      <c r="J8206" s="1" t="s">
        <v>27272</v>
      </c>
      <c r="K8206" s="1" t="s">
        <v>27</v>
      </c>
      <c r="L8206" s="1" t="s">
        <v>28288</v>
      </c>
      <c r="M8206" s="1" t="s">
        <v>5</v>
      </c>
      <c r="N8206" s="1" t="s">
        <v>25</v>
      </c>
      <c r="O8206" s="1" t="s">
        <v>38</v>
      </c>
      <c r="P8206" s="5" t="s">
        <v>30825</v>
      </c>
    </row>
    <row r="8207" spans="1:16" x14ac:dyDescent="0.2">
      <c r="A8207" s="1" t="s">
        <v>66</v>
      </c>
      <c r="B8207" s="1" t="s">
        <v>4741</v>
      </c>
      <c r="C8207" s="1" t="s">
        <v>28293</v>
      </c>
      <c r="D8207" s="1" t="s">
        <v>28293</v>
      </c>
      <c r="E8207" s="1" t="s">
        <v>28294</v>
      </c>
      <c r="F8207" s="1" t="s">
        <v>10</v>
      </c>
      <c r="G8207" s="1" t="s">
        <v>10</v>
      </c>
      <c r="H8207" s="1" t="s">
        <v>85</v>
      </c>
      <c r="I8207" s="1" t="s">
        <v>1868</v>
      </c>
      <c r="J8207" s="1" t="s">
        <v>27272</v>
      </c>
      <c r="K8207" s="1" t="s">
        <v>27</v>
      </c>
      <c r="L8207" s="1" t="s">
        <v>28292</v>
      </c>
      <c r="M8207" s="1" t="s">
        <v>5</v>
      </c>
      <c r="N8207" s="1" t="s">
        <v>1009</v>
      </c>
      <c r="O8207" s="1" t="s">
        <v>38</v>
      </c>
      <c r="P8207" s="5" t="s">
        <v>32551</v>
      </c>
    </row>
    <row r="8208" spans="1:16" x14ac:dyDescent="0.2">
      <c r="A8208" s="1" t="s">
        <v>1385</v>
      </c>
      <c r="B8208" s="1" t="s">
        <v>2028</v>
      </c>
      <c r="C8208" s="1" t="s">
        <v>28296</v>
      </c>
      <c r="D8208" s="1" t="s">
        <v>28297</v>
      </c>
      <c r="E8208" s="1"/>
      <c r="F8208" s="1" t="s">
        <v>10</v>
      </c>
      <c r="G8208" s="1" t="s">
        <v>10</v>
      </c>
      <c r="H8208" s="1" t="s">
        <v>10</v>
      </c>
      <c r="I8208" s="1" t="s">
        <v>1868</v>
      </c>
      <c r="J8208" s="1" t="s">
        <v>27256</v>
      </c>
      <c r="K8208" s="1" t="s">
        <v>64</v>
      </c>
      <c r="L8208" s="1" t="s">
        <v>28295</v>
      </c>
      <c r="M8208" s="1" t="s">
        <v>5</v>
      </c>
      <c r="N8208" s="1" t="s">
        <v>25</v>
      </c>
      <c r="O8208" s="1" t="s">
        <v>38</v>
      </c>
      <c r="P8208" s="5" t="s">
        <v>30844</v>
      </c>
    </row>
    <row r="8209" spans="1:16" x14ac:dyDescent="0.2">
      <c r="A8209" s="1" t="s">
        <v>329</v>
      </c>
      <c r="B8209" s="1" t="s">
        <v>2622</v>
      </c>
      <c r="C8209" s="1" t="s">
        <v>28299</v>
      </c>
      <c r="D8209" s="1" t="s">
        <v>28300</v>
      </c>
      <c r="E8209" s="1" t="s">
        <v>28301</v>
      </c>
      <c r="F8209" s="1" t="s">
        <v>10</v>
      </c>
      <c r="G8209" s="1" t="s">
        <v>10</v>
      </c>
      <c r="H8209" s="1" t="s">
        <v>10</v>
      </c>
      <c r="I8209" s="1" t="s">
        <v>1868</v>
      </c>
      <c r="J8209" s="1" t="s">
        <v>27261</v>
      </c>
      <c r="K8209" s="1" t="s">
        <v>27</v>
      </c>
      <c r="L8209" s="1" t="s">
        <v>28298</v>
      </c>
      <c r="M8209" s="1" t="s">
        <v>5</v>
      </c>
      <c r="N8209" s="1" t="s">
        <v>1009</v>
      </c>
      <c r="O8209" s="1" t="s">
        <v>38</v>
      </c>
      <c r="P8209" s="5" t="s">
        <v>32581</v>
      </c>
    </row>
    <row r="8210" spans="1:16" x14ac:dyDescent="0.2">
      <c r="A8210" s="1" t="s">
        <v>329</v>
      </c>
      <c r="B8210" s="1" t="s">
        <v>2622</v>
      </c>
      <c r="C8210" s="1" t="s">
        <v>28303</v>
      </c>
      <c r="D8210" s="1" t="s">
        <v>28304</v>
      </c>
      <c r="E8210" s="1" t="s">
        <v>28305</v>
      </c>
      <c r="F8210" s="1" t="s">
        <v>10</v>
      </c>
      <c r="G8210" s="1" t="s">
        <v>10</v>
      </c>
      <c r="H8210" s="1" t="s">
        <v>10</v>
      </c>
      <c r="I8210" s="1" t="s">
        <v>1868</v>
      </c>
      <c r="J8210" s="1" t="s">
        <v>27261</v>
      </c>
      <c r="K8210" s="1" t="s">
        <v>27</v>
      </c>
      <c r="L8210" s="1" t="s">
        <v>28302</v>
      </c>
      <c r="M8210" s="1" t="s">
        <v>5</v>
      </c>
      <c r="N8210" s="1" t="s">
        <v>1009</v>
      </c>
      <c r="O8210" s="1" t="s">
        <v>38</v>
      </c>
      <c r="P8210" s="5" t="s">
        <v>32547</v>
      </c>
    </row>
    <row r="8211" spans="1:16" x14ac:dyDescent="0.2">
      <c r="A8211" s="1" t="s">
        <v>329</v>
      </c>
      <c r="B8211" s="1" t="s">
        <v>2622</v>
      </c>
      <c r="C8211" s="1" t="s">
        <v>28307</v>
      </c>
      <c r="D8211" s="1" t="s">
        <v>28308</v>
      </c>
      <c r="E8211" s="1" t="s">
        <v>28309</v>
      </c>
      <c r="F8211" s="1" t="s">
        <v>10</v>
      </c>
      <c r="G8211" s="1" t="s">
        <v>10</v>
      </c>
      <c r="H8211" s="1" t="s">
        <v>10</v>
      </c>
      <c r="I8211" s="1" t="s">
        <v>1868</v>
      </c>
      <c r="J8211" s="1" t="s">
        <v>27261</v>
      </c>
      <c r="K8211" s="1" t="s">
        <v>27</v>
      </c>
      <c r="L8211" s="1" t="s">
        <v>28306</v>
      </c>
      <c r="M8211" s="1" t="s">
        <v>5</v>
      </c>
      <c r="N8211" s="1" t="s">
        <v>1009</v>
      </c>
      <c r="O8211" s="1" t="s">
        <v>38</v>
      </c>
      <c r="P8211" s="5" t="s">
        <v>32596</v>
      </c>
    </row>
    <row r="8212" spans="1:16" x14ac:dyDescent="0.2">
      <c r="A8212" s="1" t="s">
        <v>20</v>
      </c>
      <c r="B8212" s="1" t="s">
        <v>132</v>
      </c>
      <c r="C8212" s="1" t="s">
        <v>28311</v>
      </c>
      <c r="D8212" s="1" t="s">
        <v>28312</v>
      </c>
      <c r="E8212" s="1"/>
      <c r="F8212" s="1" t="s">
        <v>10</v>
      </c>
      <c r="G8212" s="1" t="s">
        <v>10</v>
      </c>
      <c r="H8212" s="1" t="s">
        <v>10</v>
      </c>
      <c r="I8212" s="1" t="s">
        <v>1868</v>
      </c>
      <c r="J8212" s="1" t="s">
        <v>27256</v>
      </c>
      <c r="K8212" s="1" t="s">
        <v>47</v>
      </c>
      <c r="L8212" s="1" t="s">
        <v>28310</v>
      </c>
      <c r="M8212" s="1" t="s">
        <v>5</v>
      </c>
      <c r="N8212" s="1" t="s">
        <v>25</v>
      </c>
      <c r="O8212" s="1" t="s">
        <v>38</v>
      </c>
      <c r="P8212" s="5" t="s">
        <v>30802</v>
      </c>
    </row>
    <row r="8213" spans="1:16" x14ac:dyDescent="0.2">
      <c r="A8213" s="1" t="s">
        <v>20</v>
      </c>
      <c r="B8213" s="1" t="s">
        <v>132</v>
      </c>
      <c r="C8213" s="1" t="s">
        <v>28314</v>
      </c>
      <c r="D8213" s="1" t="s">
        <v>28315</v>
      </c>
      <c r="E8213" s="1"/>
      <c r="F8213" s="1" t="s">
        <v>10</v>
      </c>
      <c r="G8213" s="1" t="s">
        <v>10</v>
      </c>
      <c r="H8213" s="1" t="s">
        <v>10</v>
      </c>
      <c r="I8213" s="1" t="s">
        <v>1868</v>
      </c>
      <c r="J8213" s="1" t="s">
        <v>27256</v>
      </c>
      <c r="K8213" s="1" t="s">
        <v>47</v>
      </c>
      <c r="L8213" s="1" t="s">
        <v>28313</v>
      </c>
      <c r="M8213" s="1" t="s">
        <v>5</v>
      </c>
      <c r="N8213" s="1" t="s">
        <v>1009</v>
      </c>
      <c r="O8213" s="1" t="s">
        <v>38</v>
      </c>
      <c r="P8213" s="5" t="s">
        <v>31894</v>
      </c>
    </row>
    <row r="8214" spans="1:16" x14ac:dyDescent="0.2">
      <c r="A8214" s="1" t="s">
        <v>20</v>
      </c>
      <c r="B8214" s="1" t="s">
        <v>172</v>
      </c>
      <c r="C8214" s="1" t="s">
        <v>18305</v>
      </c>
      <c r="D8214" s="1" t="s">
        <v>27263</v>
      </c>
      <c r="E8214" s="1" t="s">
        <v>18305</v>
      </c>
      <c r="F8214" s="1" t="s">
        <v>27</v>
      </c>
      <c r="G8214" s="1" t="s">
        <v>10</v>
      </c>
      <c r="H8214" s="1" t="s">
        <v>28317</v>
      </c>
      <c r="I8214" s="1" t="s">
        <v>1868</v>
      </c>
      <c r="J8214" s="1" t="s">
        <v>27272</v>
      </c>
      <c r="K8214" s="1" t="s">
        <v>27</v>
      </c>
      <c r="L8214" s="1" t="s">
        <v>28316</v>
      </c>
      <c r="M8214" s="1" t="s">
        <v>5</v>
      </c>
      <c r="N8214" s="1" t="s">
        <v>25</v>
      </c>
      <c r="O8214" s="1" t="s">
        <v>8</v>
      </c>
      <c r="P8214" s="5" t="s">
        <v>30845</v>
      </c>
    </row>
    <row r="8215" spans="1:16" x14ac:dyDescent="0.2">
      <c r="A8215" s="1" t="s">
        <v>42</v>
      </c>
      <c r="B8215" s="1" t="s">
        <v>118</v>
      </c>
      <c r="C8215" s="1" t="s">
        <v>23982</v>
      </c>
      <c r="D8215" s="1" t="s">
        <v>6532</v>
      </c>
      <c r="E8215" s="1" t="s">
        <v>28319</v>
      </c>
      <c r="F8215" s="1" t="s">
        <v>27</v>
      </c>
      <c r="G8215" s="1" t="s">
        <v>1042</v>
      </c>
      <c r="H8215" s="1" t="s">
        <v>28320</v>
      </c>
      <c r="I8215" s="1" t="s">
        <v>1868</v>
      </c>
      <c r="J8215" s="1" t="s">
        <v>27256</v>
      </c>
      <c r="K8215" s="1" t="s">
        <v>37</v>
      </c>
      <c r="L8215" s="1" t="s">
        <v>28318</v>
      </c>
      <c r="M8215" s="1" t="s">
        <v>5</v>
      </c>
      <c r="N8215" s="1" t="s">
        <v>1009</v>
      </c>
      <c r="O8215" s="1" t="s">
        <v>8</v>
      </c>
      <c r="P8215" s="5" t="s">
        <v>30846</v>
      </c>
    </row>
    <row r="8216" spans="1:16" x14ac:dyDescent="0.2">
      <c r="A8216" s="1" t="s">
        <v>20</v>
      </c>
      <c r="B8216" s="1" t="s">
        <v>132</v>
      </c>
      <c r="C8216" s="1" t="s">
        <v>28322</v>
      </c>
      <c r="D8216" s="1" t="s">
        <v>28323</v>
      </c>
      <c r="E8216" s="1"/>
      <c r="F8216" s="1" t="s">
        <v>27</v>
      </c>
      <c r="G8216" s="1" t="s">
        <v>10</v>
      </c>
      <c r="H8216" s="1" t="s">
        <v>28324</v>
      </c>
      <c r="I8216" s="1" t="s">
        <v>1868</v>
      </c>
      <c r="J8216" s="1" t="s">
        <v>27329</v>
      </c>
      <c r="K8216" s="1" t="s">
        <v>27</v>
      </c>
      <c r="L8216" s="1" t="s">
        <v>28321</v>
      </c>
      <c r="M8216" s="1" t="s">
        <v>5</v>
      </c>
      <c r="N8216" s="1" t="s">
        <v>1009</v>
      </c>
      <c r="O8216" s="1" t="s">
        <v>8</v>
      </c>
      <c r="P8216" s="5" t="s">
        <v>32597</v>
      </c>
    </row>
    <row r="8217" spans="1:16" x14ac:dyDescent="0.2">
      <c r="A8217" s="1" t="s">
        <v>66</v>
      </c>
      <c r="B8217" s="1" t="s">
        <v>4741</v>
      </c>
      <c r="C8217" s="1" t="s">
        <v>28326</v>
      </c>
      <c r="D8217" s="1" t="s">
        <v>28326</v>
      </c>
      <c r="E8217" s="1" t="s">
        <v>28327</v>
      </c>
      <c r="F8217" s="1" t="s">
        <v>10</v>
      </c>
      <c r="G8217" s="1" t="s">
        <v>10</v>
      </c>
      <c r="H8217" s="1" t="s">
        <v>85</v>
      </c>
      <c r="I8217" s="1" t="s">
        <v>1868</v>
      </c>
      <c r="J8217" s="1" t="s">
        <v>27407</v>
      </c>
      <c r="K8217" s="1" t="s">
        <v>27</v>
      </c>
      <c r="L8217" s="1" t="s">
        <v>28325</v>
      </c>
      <c r="M8217" s="1" t="s">
        <v>5</v>
      </c>
      <c r="N8217" s="1" t="s">
        <v>1009</v>
      </c>
      <c r="O8217" s="1" t="s">
        <v>38</v>
      </c>
      <c r="P8217" s="5" t="s">
        <v>32550</v>
      </c>
    </row>
    <row r="8218" spans="1:16" x14ac:dyDescent="0.2">
      <c r="A8218" s="1" t="s">
        <v>10</v>
      </c>
      <c r="B8218" s="1" t="s">
        <v>10</v>
      </c>
      <c r="C8218" s="1" t="s">
        <v>28329</v>
      </c>
      <c r="D8218" s="1" t="s">
        <v>28330</v>
      </c>
      <c r="E8218" s="1" t="s">
        <v>28331</v>
      </c>
      <c r="F8218" s="1" t="s">
        <v>27</v>
      </c>
      <c r="G8218" s="1" t="s">
        <v>10</v>
      </c>
      <c r="H8218" s="1" t="s">
        <v>28332</v>
      </c>
      <c r="I8218" s="1" t="s">
        <v>1868</v>
      </c>
      <c r="J8218" s="1" t="s">
        <v>27256</v>
      </c>
      <c r="K8218" s="1" t="s">
        <v>19668</v>
      </c>
      <c r="L8218" s="1" t="s">
        <v>28328</v>
      </c>
      <c r="M8218" s="1" t="s">
        <v>5</v>
      </c>
      <c r="N8218" s="1" t="s">
        <v>1009</v>
      </c>
      <c r="O8218" s="1" t="s">
        <v>8</v>
      </c>
      <c r="P8218" s="5" t="s">
        <v>30847</v>
      </c>
    </row>
    <row r="8219" spans="1:16" x14ac:dyDescent="0.2">
      <c r="A8219" s="1" t="s">
        <v>10</v>
      </c>
      <c r="B8219" s="1" t="s">
        <v>10</v>
      </c>
      <c r="C8219" s="1" t="s">
        <v>10053</v>
      </c>
      <c r="D8219" s="1" t="s">
        <v>10053</v>
      </c>
      <c r="E8219" s="1" t="s">
        <v>28334</v>
      </c>
      <c r="F8219" s="1" t="s">
        <v>10</v>
      </c>
      <c r="G8219" s="1" t="s">
        <v>10</v>
      </c>
      <c r="H8219" s="1" t="s">
        <v>10053</v>
      </c>
      <c r="I8219" s="1" t="s">
        <v>1868</v>
      </c>
      <c r="J8219" s="1" t="s">
        <v>27256</v>
      </c>
      <c r="K8219" s="1" t="s">
        <v>10</v>
      </c>
      <c r="L8219" s="1" t="s">
        <v>28333</v>
      </c>
      <c r="M8219" s="1" t="s">
        <v>5</v>
      </c>
      <c r="N8219" s="1" t="s">
        <v>1009</v>
      </c>
      <c r="O8219" s="1" t="s">
        <v>8</v>
      </c>
      <c r="P8219" s="5" t="s">
        <v>10</v>
      </c>
    </row>
    <row r="8220" spans="1:16" x14ac:dyDescent="0.2">
      <c r="A8220" s="1" t="s">
        <v>10</v>
      </c>
      <c r="B8220" s="1" t="s">
        <v>10</v>
      </c>
      <c r="C8220" s="1" t="s">
        <v>28336</v>
      </c>
      <c r="D8220" s="1" t="s">
        <v>28337</v>
      </c>
      <c r="E8220" s="1" t="s">
        <v>28338</v>
      </c>
      <c r="F8220" s="1" t="s">
        <v>10</v>
      </c>
      <c r="G8220" s="1" t="s">
        <v>10</v>
      </c>
      <c r="H8220" s="1" t="s">
        <v>10</v>
      </c>
      <c r="I8220" s="1" t="s">
        <v>1868</v>
      </c>
      <c r="J8220" s="1" t="s">
        <v>27256</v>
      </c>
      <c r="K8220" s="1" t="s">
        <v>25065</v>
      </c>
      <c r="L8220" s="1" t="s">
        <v>28335</v>
      </c>
      <c r="M8220" s="1" t="s">
        <v>5</v>
      </c>
      <c r="N8220" s="1" t="s">
        <v>25</v>
      </c>
      <c r="O8220" s="1" t="s">
        <v>38</v>
      </c>
      <c r="P8220" s="5" t="s">
        <v>30848</v>
      </c>
    </row>
    <row r="8221" spans="1:16" x14ac:dyDescent="0.2">
      <c r="A8221" s="1" t="s">
        <v>20</v>
      </c>
      <c r="B8221" s="1" t="s">
        <v>132</v>
      </c>
      <c r="C8221" s="1" t="s">
        <v>28340</v>
      </c>
      <c r="D8221" s="1" t="s">
        <v>28341</v>
      </c>
      <c r="E8221" s="1" t="s">
        <v>28342</v>
      </c>
      <c r="F8221" s="1" t="s">
        <v>10</v>
      </c>
      <c r="G8221" s="1" t="s">
        <v>10</v>
      </c>
      <c r="H8221" s="1" t="s">
        <v>10</v>
      </c>
      <c r="I8221" s="1" t="s">
        <v>1868</v>
      </c>
      <c r="J8221" s="1" t="s">
        <v>27256</v>
      </c>
      <c r="K8221" s="1" t="s">
        <v>7</v>
      </c>
      <c r="L8221" s="1" t="s">
        <v>28339</v>
      </c>
      <c r="M8221" s="1" t="s">
        <v>5</v>
      </c>
      <c r="N8221" s="1" t="s">
        <v>1009</v>
      </c>
      <c r="O8221" s="1" t="s">
        <v>38</v>
      </c>
      <c r="P8221" s="5" t="s">
        <v>10</v>
      </c>
    </row>
    <row r="8222" spans="1:16" x14ac:dyDescent="0.2">
      <c r="A8222" s="1" t="s">
        <v>10</v>
      </c>
      <c r="B8222" s="1" t="s">
        <v>10</v>
      </c>
      <c r="C8222" s="1" t="s">
        <v>28344</v>
      </c>
      <c r="D8222" s="1" t="s">
        <v>28345</v>
      </c>
      <c r="E8222" s="1" t="s">
        <v>28346</v>
      </c>
      <c r="F8222" s="1" t="s">
        <v>10</v>
      </c>
      <c r="G8222" s="1" t="s">
        <v>10</v>
      </c>
      <c r="H8222" s="1" t="s">
        <v>10</v>
      </c>
      <c r="I8222" s="1" t="s">
        <v>1868</v>
      </c>
      <c r="J8222" s="1" t="s">
        <v>27329</v>
      </c>
      <c r="K8222" s="1" t="s">
        <v>244</v>
      </c>
      <c r="L8222" s="1" t="s">
        <v>28343</v>
      </c>
      <c r="M8222" s="1" t="s">
        <v>5</v>
      </c>
      <c r="N8222" s="1" t="s">
        <v>25</v>
      </c>
      <c r="O8222" s="1" t="s">
        <v>38</v>
      </c>
      <c r="P8222" s="5" t="s">
        <v>10</v>
      </c>
    </row>
    <row r="8223" spans="1:16" x14ac:dyDescent="0.2">
      <c r="A8223" s="1" t="s">
        <v>42</v>
      </c>
      <c r="B8223" s="1" t="s">
        <v>118</v>
      </c>
      <c r="C8223" s="1" t="s">
        <v>28348</v>
      </c>
      <c r="D8223" s="1" t="s">
        <v>28349</v>
      </c>
      <c r="E8223" s="1" t="s">
        <v>28350</v>
      </c>
      <c r="F8223" s="1" t="s">
        <v>10</v>
      </c>
      <c r="G8223" s="1" t="s">
        <v>10</v>
      </c>
      <c r="H8223" s="1" t="s">
        <v>10</v>
      </c>
      <c r="I8223" s="1" t="s">
        <v>1868</v>
      </c>
      <c r="J8223" s="1" t="s">
        <v>27256</v>
      </c>
      <c r="K8223" s="1" t="s">
        <v>7</v>
      </c>
      <c r="L8223" s="1" t="s">
        <v>28347</v>
      </c>
      <c r="M8223" s="1" t="s">
        <v>5</v>
      </c>
      <c r="N8223" s="1" t="s">
        <v>1009</v>
      </c>
      <c r="O8223" s="1" t="s">
        <v>38</v>
      </c>
      <c r="P8223" s="5" t="s">
        <v>32598</v>
      </c>
    </row>
    <row r="8224" spans="1:16" x14ac:dyDescent="0.2">
      <c r="A8224" s="1" t="s">
        <v>20</v>
      </c>
      <c r="B8224" s="1" t="s">
        <v>445</v>
      </c>
      <c r="C8224" s="1" t="s">
        <v>28352</v>
      </c>
      <c r="D8224" s="1" t="s">
        <v>28353</v>
      </c>
      <c r="E8224" s="1" t="s">
        <v>28354</v>
      </c>
      <c r="F8224" s="1" t="s">
        <v>10</v>
      </c>
      <c r="G8224" s="1" t="s">
        <v>10</v>
      </c>
      <c r="H8224" s="1" t="s">
        <v>10</v>
      </c>
      <c r="I8224" s="1" t="s">
        <v>1868</v>
      </c>
      <c r="J8224" s="1" t="s">
        <v>27272</v>
      </c>
      <c r="K8224" s="1" t="s">
        <v>27</v>
      </c>
      <c r="L8224" s="1" t="s">
        <v>28351</v>
      </c>
      <c r="M8224" s="1" t="s">
        <v>5</v>
      </c>
      <c r="N8224" s="1" t="s">
        <v>25</v>
      </c>
      <c r="O8224" s="1" t="s">
        <v>38</v>
      </c>
      <c r="P8224" s="5"/>
    </row>
    <row r="8225" spans="1:16" x14ac:dyDescent="0.2">
      <c r="A8225" s="1" t="s">
        <v>66</v>
      </c>
      <c r="B8225" s="1" t="s">
        <v>4741</v>
      </c>
      <c r="C8225" s="1" t="s">
        <v>28356</v>
      </c>
      <c r="D8225" s="1" t="s">
        <v>28357</v>
      </c>
      <c r="E8225" s="1" t="s">
        <v>28358</v>
      </c>
      <c r="F8225" s="1" t="s">
        <v>10</v>
      </c>
      <c r="G8225" s="1" t="s">
        <v>10</v>
      </c>
      <c r="H8225" s="1" t="s">
        <v>85</v>
      </c>
      <c r="I8225" s="1" t="s">
        <v>1868</v>
      </c>
      <c r="J8225" s="1" t="s">
        <v>27808</v>
      </c>
      <c r="K8225" s="1" t="s">
        <v>27</v>
      </c>
      <c r="L8225" s="1" t="s">
        <v>28355</v>
      </c>
      <c r="M8225" s="1" t="s">
        <v>5</v>
      </c>
      <c r="N8225" s="1" t="s">
        <v>1009</v>
      </c>
      <c r="O8225" s="1" t="s">
        <v>38</v>
      </c>
      <c r="P8225" s="5" t="s">
        <v>32550</v>
      </c>
    </row>
    <row r="8226" spans="1:16" x14ac:dyDescent="0.2">
      <c r="A8226" s="1" t="s">
        <v>1385</v>
      </c>
      <c r="B8226" s="1" t="s">
        <v>1386</v>
      </c>
      <c r="C8226" s="1" t="s">
        <v>28360</v>
      </c>
      <c r="D8226" s="1" t="s">
        <v>2621</v>
      </c>
      <c r="E8226" s="1" t="s">
        <v>28361</v>
      </c>
      <c r="F8226" s="1" t="s">
        <v>10</v>
      </c>
      <c r="G8226" s="1" t="s">
        <v>10</v>
      </c>
      <c r="H8226" s="1" t="s">
        <v>10</v>
      </c>
      <c r="I8226" s="1" t="s">
        <v>1868</v>
      </c>
      <c r="J8226" s="1" t="s">
        <v>27256</v>
      </c>
      <c r="K8226" s="1" t="s">
        <v>37</v>
      </c>
      <c r="L8226" s="1" t="s">
        <v>28359</v>
      </c>
      <c r="M8226" s="1" t="s">
        <v>5</v>
      </c>
      <c r="N8226" s="1" t="s">
        <v>25</v>
      </c>
      <c r="O8226" s="1" t="s">
        <v>38</v>
      </c>
      <c r="P8226" s="5" t="s">
        <v>30849</v>
      </c>
    </row>
    <row r="8227" spans="1:16" x14ac:dyDescent="0.2">
      <c r="A8227" s="1" t="s">
        <v>66</v>
      </c>
      <c r="B8227" s="1" t="s">
        <v>4741</v>
      </c>
      <c r="C8227" s="1" t="s">
        <v>28363</v>
      </c>
      <c r="D8227" s="1" t="s">
        <v>28364</v>
      </c>
      <c r="E8227" s="1" t="s">
        <v>28365</v>
      </c>
      <c r="F8227" s="1" t="s">
        <v>10</v>
      </c>
      <c r="G8227" s="1" t="s">
        <v>10</v>
      </c>
      <c r="H8227" s="1" t="s">
        <v>85</v>
      </c>
      <c r="I8227" s="1" t="s">
        <v>1868</v>
      </c>
      <c r="J8227" s="1" t="s">
        <v>27329</v>
      </c>
      <c r="K8227" s="1" t="s">
        <v>27</v>
      </c>
      <c r="L8227" s="1" t="s">
        <v>28362</v>
      </c>
      <c r="M8227" s="1" t="s">
        <v>5</v>
      </c>
      <c r="N8227" s="1" t="s">
        <v>1009</v>
      </c>
      <c r="O8227" s="1" t="s">
        <v>38</v>
      </c>
      <c r="P8227" s="5" t="s">
        <v>32551</v>
      </c>
    </row>
    <row r="8228" spans="1:16" x14ac:dyDescent="0.2">
      <c r="A8228" s="1" t="s">
        <v>66</v>
      </c>
      <c r="B8228" s="1" t="s">
        <v>4741</v>
      </c>
      <c r="C8228" s="1" t="s">
        <v>28367</v>
      </c>
      <c r="D8228" s="1" t="s">
        <v>28368</v>
      </c>
      <c r="E8228" s="1" t="s">
        <v>28369</v>
      </c>
      <c r="F8228" s="1" t="s">
        <v>10</v>
      </c>
      <c r="G8228" s="1" t="s">
        <v>10</v>
      </c>
      <c r="H8228" s="1" t="s">
        <v>85</v>
      </c>
      <c r="I8228" s="1" t="s">
        <v>1868</v>
      </c>
      <c r="J8228" s="1" t="s">
        <v>27272</v>
      </c>
      <c r="K8228" s="1" t="s">
        <v>27</v>
      </c>
      <c r="L8228" s="1" t="s">
        <v>28366</v>
      </c>
      <c r="M8228" s="1" t="s">
        <v>5</v>
      </c>
      <c r="N8228" s="1" t="s">
        <v>1009</v>
      </c>
      <c r="O8228" s="1" t="s">
        <v>38</v>
      </c>
      <c r="P8228" s="5" t="s">
        <v>32551</v>
      </c>
    </row>
    <row r="8229" spans="1:16" x14ac:dyDescent="0.2">
      <c r="A8229" s="1" t="s">
        <v>20</v>
      </c>
      <c r="B8229" s="1" t="s">
        <v>445</v>
      </c>
      <c r="C8229" s="1" t="s">
        <v>28371</v>
      </c>
      <c r="D8229" s="1" t="s">
        <v>28372</v>
      </c>
      <c r="E8229" s="1" t="s">
        <v>28373</v>
      </c>
      <c r="F8229" s="1" t="s">
        <v>10</v>
      </c>
      <c r="G8229" s="1" t="s">
        <v>10</v>
      </c>
      <c r="H8229" s="1" t="s">
        <v>10</v>
      </c>
      <c r="I8229" s="1" t="s">
        <v>1868</v>
      </c>
      <c r="J8229" s="1" t="s">
        <v>27272</v>
      </c>
      <c r="K8229" s="1" t="s">
        <v>27</v>
      </c>
      <c r="L8229" s="1" t="s">
        <v>28370</v>
      </c>
      <c r="M8229" s="1" t="s">
        <v>5</v>
      </c>
      <c r="N8229" s="1" t="s">
        <v>6</v>
      </c>
      <c r="O8229" s="1" t="s">
        <v>38</v>
      </c>
      <c r="P8229" s="5" t="s">
        <v>21913</v>
      </c>
    </row>
    <row r="8230" spans="1:16" x14ac:dyDescent="0.2">
      <c r="A8230" s="1" t="s">
        <v>66</v>
      </c>
      <c r="B8230" s="1" t="s">
        <v>1127</v>
      </c>
      <c r="C8230" s="1" t="s">
        <v>28375</v>
      </c>
      <c r="D8230" s="1" t="s">
        <v>28376</v>
      </c>
      <c r="E8230" s="1"/>
      <c r="F8230" s="1" t="s">
        <v>10</v>
      </c>
      <c r="G8230" s="1" t="s">
        <v>10</v>
      </c>
      <c r="H8230" s="1" t="s">
        <v>10</v>
      </c>
      <c r="I8230" s="1" t="s">
        <v>1868</v>
      </c>
      <c r="J8230" s="1" t="s">
        <v>27256</v>
      </c>
      <c r="K8230" s="1" t="s">
        <v>47</v>
      </c>
      <c r="L8230" s="1" t="s">
        <v>28374</v>
      </c>
      <c r="M8230" s="1" t="s">
        <v>5</v>
      </c>
      <c r="N8230" s="1" t="s">
        <v>25</v>
      </c>
      <c r="O8230" s="1" t="s">
        <v>38</v>
      </c>
      <c r="P8230" s="5" t="s">
        <v>30550</v>
      </c>
    </row>
    <row r="8231" spans="1:16" x14ac:dyDescent="0.2">
      <c r="A8231" s="1" t="s">
        <v>20</v>
      </c>
      <c r="B8231" s="1" t="s">
        <v>253</v>
      </c>
      <c r="C8231" s="1" t="s">
        <v>28378</v>
      </c>
      <c r="D8231" s="1" t="s">
        <v>28379</v>
      </c>
      <c r="E8231" s="1" t="s">
        <v>28380</v>
      </c>
      <c r="F8231" s="1" t="s">
        <v>10</v>
      </c>
      <c r="G8231" s="1" t="s">
        <v>10</v>
      </c>
      <c r="H8231" s="1" t="s">
        <v>10</v>
      </c>
      <c r="I8231" s="1" t="s">
        <v>1868</v>
      </c>
      <c r="J8231" s="1" t="s">
        <v>27272</v>
      </c>
      <c r="K8231" s="1" t="s">
        <v>10</v>
      </c>
      <c r="L8231" s="1" t="s">
        <v>28377</v>
      </c>
      <c r="M8231" s="1" t="s">
        <v>5</v>
      </c>
      <c r="N8231" s="1" t="s">
        <v>432</v>
      </c>
      <c r="O8231" s="1" t="s">
        <v>38</v>
      </c>
      <c r="P8231" s="5" t="s">
        <v>30842</v>
      </c>
    </row>
    <row r="8232" spans="1:16" x14ac:dyDescent="0.2">
      <c r="A8232" s="1" t="s">
        <v>329</v>
      </c>
      <c r="B8232" s="1" t="s">
        <v>2622</v>
      </c>
      <c r="C8232" s="1" t="s">
        <v>28382</v>
      </c>
      <c r="D8232" s="1" t="s">
        <v>28383</v>
      </c>
      <c r="E8232" s="1" t="s">
        <v>28384</v>
      </c>
      <c r="F8232" s="1" t="s">
        <v>10</v>
      </c>
      <c r="G8232" s="1" t="s">
        <v>10</v>
      </c>
      <c r="H8232" s="1" t="s">
        <v>10</v>
      </c>
      <c r="I8232" s="1" t="s">
        <v>1868</v>
      </c>
      <c r="J8232" s="1" t="s">
        <v>27545</v>
      </c>
      <c r="K8232" s="1" t="s">
        <v>27</v>
      </c>
      <c r="L8232" s="1" t="s">
        <v>28381</v>
      </c>
      <c r="M8232" s="1" t="s">
        <v>5</v>
      </c>
      <c r="N8232" s="1" t="s">
        <v>1009</v>
      </c>
      <c r="O8232" s="1" t="s">
        <v>38</v>
      </c>
      <c r="P8232" s="5" t="s">
        <v>32599</v>
      </c>
    </row>
    <row r="8233" spans="1:16" x14ac:dyDescent="0.2">
      <c r="A8233" s="1" t="s">
        <v>329</v>
      </c>
      <c r="B8233" s="1" t="s">
        <v>2622</v>
      </c>
      <c r="C8233" s="1" t="s">
        <v>28386</v>
      </c>
      <c r="D8233" s="1" t="s">
        <v>28387</v>
      </c>
      <c r="E8233" s="1" t="s">
        <v>28388</v>
      </c>
      <c r="F8233" s="1" t="s">
        <v>10</v>
      </c>
      <c r="G8233" s="1" t="s">
        <v>10</v>
      </c>
      <c r="H8233" s="1" t="s">
        <v>10</v>
      </c>
      <c r="I8233" s="1" t="s">
        <v>1868</v>
      </c>
      <c r="J8233" s="1" t="s">
        <v>27545</v>
      </c>
      <c r="K8233" s="1" t="s">
        <v>27</v>
      </c>
      <c r="L8233" s="1" t="s">
        <v>28385</v>
      </c>
      <c r="M8233" s="1" t="s">
        <v>5</v>
      </c>
      <c r="N8233" s="1" t="s">
        <v>25</v>
      </c>
      <c r="O8233" s="1" t="s">
        <v>38</v>
      </c>
      <c r="P8233" s="5" t="s">
        <v>32567</v>
      </c>
    </row>
    <row r="8234" spans="1:16" x14ac:dyDescent="0.2">
      <c r="A8234" s="1" t="s">
        <v>20</v>
      </c>
      <c r="B8234" s="1" t="s">
        <v>253</v>
      </c>
      <c r="C8234" s="1" t="s">
        <v>28390</v>
      </c>
      <c r="D8234" s="1" t="s">
        <v>28391</v>
      </c>
      <c r="E8234" s="1" t="s">
        <v>28392</v>
      </c>
      <c r="F8234" s="1" t="s">
        <v>27</v>
      </c>
      <c r="G8234" s="1" t="s">
        <v>10</v>
      </c>
      <c r="H8234" s="1" t="s">
        <v>10</v>
      </c>
      <c r="I8234" s="1" t="s">
        <v>1868</v>
      </c>
      <c r="J8234" s="1" t="s">
        <v>27272</v>
      </c>
      <c r="K8234" s="1" t="s">
        <v>27</v>
      </c>
      <c r="L8234" s="1" t="s">
        <v>28389</v>
      </c>
      <c r="M8234" s="1" t="s">
        <v>5</v>
      </c>
      <c r="N8234" s="1" t="s">
        <v>25</v>
      </c>
      <c r="O8234" s="1" t="s">
        <v>8</v>
      </c>
      <c r="P8234" s="5" t="s">
        <v>10</v>
      </c>
    </row>
    <row r="8235" spans="1:16" x14ac:dyDescent="0.2">
      <c r="A8235" s="1" t="s">
        <v>329</v>
      </c>
      <c r="B8235" s="1" t="s">
        <v>1738</v>
      </c>
      <c r="C8235" s="1" t="s">
        <v>27380</v>
      </c>
      <c r="D8235" s="1" t="s">
        <v>28394</v>
      </c>
      <c r="E8235" s="1"/>
      <c r="F8235" s="1" t="s">
        <v>10</v>
      </c>
      <c r="G8235" s="1" t="s">
        <v>10</v>
      </c>
      <c r="H8235" s="1" t="s">
        <v>10</v>
      </c>
      <c r="I8235" s="1" t="s">
        <v>1868</v>
      </c>
      <c r="J8235" s="1" t="s">
        <v>27256</v>
      </c>
      <c r="K8235" s="1" t="s">
        <v>47</v>
      </c>
      <c r="L8235" s="1" t="s">
        <v>28393</v>
      </c>
      <c r="M8235" s="1" t="s">
        <v>5</v>
      </c>
      <c r="N8235" s="1" t="s">
        <v>25</v>
      </c>
      <c r="O8235" s="1" t="s">
        <v>38</v>
      </c>
      <c r="P8235" s="5" t="s">
        <v>30550</v>
      </c>
    </row>
    <row r="8236" spans="1:16" x14ac:dyDescent="0.2">
      <c r="A8236" s="1" t="s">
        <v>42</v>
      </c>
      <c r="B8236" s="1" t="s">
        <v>118</v>
      </c>
      <c r="C8236" s="1" t="s">
        <v>28396</v>
      </c>
      <c r="D8236" s="1" t="s">
        <v>28397</v>
      </c>
      <c r="E8236" s="1" t="s">
        <v>28398</v>
      </c>
      <c r="F8236" s="1" t="s">
        <v>10</v>
      </c>
      <c r="G8236" s="1" t="s">
        <v>10</v>
      </c>
      <c r="H8236" s="1" t="s">
        <v>10</v>
      </c>
      <c r="I8236" s="1" t="s">
        <v>1868</v>
      </c>
      <c r="J8236" s="1" t="s">
        <v>27256</v>
      </c>
      <c r="K8236" s="1" t="s">
        <v>113</v>
      </c>
      <c r="L8236" s="1" t="s">
        <v>28395</v>
      </c>
      <c r="M8236" s="1" t="s">
        <v>5</v>
      </c>
      <c r="N8236" s="1" t="s">
        <v>25</v>
      </c>
      <c r="O8236" s="1" t="s">
        <v>38</v>
      </c>
      <c r="P8236" s="5" t="s">
        <v>30850</v>
      </c>
    </row>
    <row r="8237" spans="1:16" x14ac:dyDescent="0.2">
      <c r="A8237" s="1" t="s">
        <v>42</v>
      </c>
      <c r="B8237" s="1" t="s">
        <v>43</v>
      </c>
      <c r="C8237" s="1" t="s">
        <v>28400</v>
      </c>
      <c r="D8237" s="1" t="s">
        <v>28401</v>
      </c>
      <c r="E8237" s="1" t="s">
        <v>28402</v>
      </c>
      <c r="F8237" s="1" t="s">
        <v>10</v>
      </c>
      <c r="G8237" s="1" t="s">
        <v>10</v>
      </c>
      <c r="H8237" s="1" t="s">
        <v>10</v>
      </c>
      <c r="I8237" s="1" t="s">
        <v>1868</v>
      </c>
      <c r="J8237" s="1" t="s">
        <v>27256</v>
      </c>
      <c r="K8237" s="1" t="s">
        <v>37</v>
      </c>
      <c r="L8237" s="1" t="s">
        <v>28399</v>
      </c>
      <c r="M8237" s="1" t="s">
        <v>5</v>
      </c>
      <c r="N8237" s="1" t="s">
        <v>25</v>
      </c>
      <c r="O8237" s="1" t="s">
        <v>38</v>
      </c>
      <c r="P8237" s="5" t="s">
        <v>30850</v>
      </c>
    </row>
    <row r="8238" spans="1:16" x14ac:dyDescent="0.2">
      <c r="A8238" s="1" t="s">
        <v>42</v>
      </c>
      <c r="B8238" s="1" t="s">
        <v>320</v>
      </c>
      <c r="C8238" s="1" t="s">
        <v>28404</v>
      </c>
      <c r="D8238" s="1" t="s">
        <v>28405</v>
      </c>
      <c r="E8238" s="1" t="s">
        <v>28406</v>
      </c>
      <c r="F8238" s="1" t="s">
        <v>10</v>
      </c>
      <c r="G8238" s="1" t="s">
        <v>10</v>
      </c>
      <c r="H8238" s="1" t="s">
        <v>10</v>
      </c>
      <c r="I8238" s="1" t="s">
        <v>1868</v>
      </c>
      <c r="J8238" s="1" t="s">
        <v>27272</v>
      </c>
      <c r="K8238" s="1" t="s">
        <v>64</v>
      </c>
      <c r="L8238" s="1" t="s">
        <v>28403</v>
      </c>
      <c r="M8238" s="1" t="s">
        <v>5</v>
      </c>
      <c r="N8238" s="1" t="s">
        <v>25</v>
      </c>
      <c r="O8238" s="1" t="s">
        <v>38</v>
      </c>
      <c r="P8238" s="5" t="s">
        <v>32600</v>
      </c>
    </row>
    <row r="8239" spans="1:16" x14ac:dyDescent="0.2">
      <c r="A8239" s="1" t="s">
        <v>42</v>
      </c>
      <c r="B8239" s="1" t="s">
        <v>1377</v>
      </c>
      <c r="C8239" s="1" t="s">
        <v>28408</v>
      </c>
      <c r="D8239" s="1" t="s">
        <v>28409</v>
      </c>
      <c r="E8239" s="1" t="s">
        <v>28410</v>
      </c>
      <c r="F8239" s="1" t="s">
        <v>2254</v>
      </c>
      <c r="G8239" s="1" t="s">
        <v>10</v>
      </c>
      <c r="H8239" s="1" t="s">
        <v>7094</v>
      </c>
      <c r="I8239" s="1" t="s">
        <v>1868</v>
      </c>
      <c r="J8239" s="1" t="s">
        <v>27264</v>
      </c>
      <c r="K8239" s="1" t="s">
        <v>100</v>
      </c>
      <c r="L8239" s="1" t="s">
        <v>28407</v>
      </c>
      <c r="M8239" s="1" t="s">
        <v>5</v>
      </c>
      <c r="N8239" s="1" t="s">
        <v>25</v>
      </c>
      <c r="O8239" s="1" t="s">
        <v>8</v>
      </c>
      <c r="P8239" s="5" t="s">
        <v>30861</v>
      </c>
    </row>
    <row r="8240" spans="1:16" x14ac:dyDescent="0.2">
      <c r="A8240" s="1" t="s">
        <v>1086</v>
      </c>
      <c r="B8240" s="1" t="s">
        <v>1400</v>
      </c>
      <c r="C8240" s="1" t="s">
        <v>28412</v>
      </c>
      <c r="D8240" s="1" t="s">
        <v>28413</v>
      </c>
      <c r="E8240" s="1"/>
      <c r="F8240" s="1" t="s">
        <v>10</v>
      </c>
      <c r="G8240" s="1" t="s">
        <v>10</v>
      </c>
      <c r="H8240" s="1" t="s">
        <v>10</v>
      </c>
      <c r="I8240" s="1" t="s">
        <v>1868</v>
      </c>
      <c r="J8240" s="1" t="s">
        <v>27272</v>
      </c>
      <c r="K8240" s="1" t="s">
        <v>27</v>
      </c>
      <c r="L8240" s="1" t="s">
        <v>28411</v>
      </c>
      <c r="M8240" s="1" t="s">
        <v>5</v>
      </c>
      <c r="N8240" s="1" t="s">
        <v>25</v>
      </c>
      <c r="O8240" s="1" t="s">
        <v>38</v>
      </c>
      <c r="P8240" s="5" t="s">
        <v>30851</v>
      </c>
    </row>
    <row r="8241" spans="1:16" x14ac:dyDescent="0.2">
      <c r="A8241" s="1" t="s">
        <v>20</v>
      </c>
      <c r="B8241" s="1" t="s">
        <v>253</v>
      </c>
      <c r="C8241" s="1" t="s">
        <v>28415</v>
      </c>
      <c r="D8241" s="1" t="s">
        <v>28416</v>
      </c>
      <c r="E8241" s="1"/>
      <c r="F8241" s="1" t="s">
        <v>10</v>
      </c>
      <c r="G8241" s="1" t="s">
        <v>10</v>
      </c>
      <c r="H8241" s="1" t="s">
        <v>10</v>
      </c>
      <c r="I8241" s="1" t="s">
        <v>1868</v>
      </c>
      <c r="J8241" s="1" t="s">
        <v>27272</v>
      </c>
      <c r="K8241" s="1" t="s">
        <v>27</v>
      </c>
      <c r="L8241" s="1" t="s">
        <v>28414</v>
      </c>
      <c r="M8241" s="1" t="s">
        <v>5</v>
      </c>
      <c r="N8241" s="1" t="s">
        <v>25</v>
      </c>
      <c r="O8241" s="1" t="s">
        <v>38</v>
      </c>
      <c r="P8241" s="5" t="s">
        <v>30851</v>
      </c>
    </row>
    <row r="8242" spans="1:16" x14ac:dyDescent="0.2">
      <c r="A8242" s="1" t="s">
        <v>20</v>
      </c>
      <c r="B8242" s="1" t="s">
        <v>253</v>
      </c>
      <c r="C8242" s="1" t="s">
        <v>28418</v>
      </c>
      <c r="D8242" s="1" t="s">
        <v>28419</v>
      </c>
      <c r="E8242" s="1" t="s">
        <v>28420</v>
      </c>
      <c r="F8242" s="1" t="s">
        <v>10</v>
      </c>
      <c r="G8242" s="1" t="s">
        <v>10</v>
      </c>
      <c r="H8242" s="1" t="s">
        <v>10</v>
      </c>
      <c r="I8242" s="1" t="s">
        <v>1868</v>
      </c>
      <c r="J8242" s="1" t="s">
        <v>27455</v>
      </c>
      <c r="K8242" s="1" t="s">
        <v>27</v>
      </c>
      <c r="L8242" s="1" t="s">
        <v>28417</v>
      </c>
      <c r="M8242" s="1" t="s">
        <v>5</v>
      </c>
      <c r="N8242" s="1" t="s">
        <v>25</v>
      </c>
      <c r="O8242" s="1" t="s">
        <v>38</v>
      </c>
      <c r="P8242" s="5" t="s">
        <v>30852</v>
      </c>
    </row>
    <row r="8243" spans="1:16" x14ac:dyDescent="0.2">
      <c r="A8243" s="1" t="s">
        <v>20</v>
      </c>
      <c r="B8243" s="1" t="s">
        <v>1047</v>
      </c>
      <c r="C8243" s="1" t="s">
        <v>28422</v>
      </c>
      <c r="D8243" s="1" t="s">
        <v>28423</v>
      </c>
      <c r="E8243" s="1" t="s">
        <v>28424</v>
      </c>
      <c r="F8243" s="1" t="s">
        <v>10</v>
      </c>
      <c r="G8243" s="1" t="s">
        <v>10</v>
      </c>
      <c r="H8243" s="1" t="s">
        <v>10</v>
      </c>
      <c r="I8243" s="1" t="s">
        <v>1868</v>
      </c>
      <c r="J8243" s="1" t="s">
        <v>27545</v>
      </c>
      <c r="K8243" s="1" t="s">
        <v>443</v>
      </c>
      <c r="L8243" s="1" t="s">
        <v>28421</v>
      </c>
      <c r="M8243" s="1" t="s">
        <v>5</v>
      </c>
      <c r="N8243" s="1" t="s">
        <v>25</v>
      </c>
      <c r="O8243" s="1" t="s">
        <v>38</v>
      </c>
      <c r="P8243" s="5" t="s">
        <v>30852</v>
      </c>
    </row>
    <row r="8244" spans="1:16" x14ac:dyDescent="0.2">
      <c r="A8244" s="1" t="s">
        <v>1086</v>
      </c>
      <c r="B8244" s="1" t="s">
        <v>1400</v>
      </c>
      <c r="C8244" s="1" t="s">
        <v>28426</v>
      </c>
      <c r="D8244" s="1" t="s">
        <v>28427</v>
      </c>
      <c r="E8244" s="1"/>
      <c r="F8244" s="1" t="s">
        <v>10</v>
      </c>
      <c r="G8244" s="1" t="s">
        <v>10</v>
      </c>
      <c r="H8244" s="1" t="s">
        <v>10</v>
      </c>
      <c r="I8244" s="1" t="s">
        <v>1868</v>
      </c>
      <c r="J8244" s="1" t="s">
        <v>27272</v>
      </c>
      <c r="K8244" s="1" t="s">
        <v>27</v>
      </c>
      <c r="L8244" s="1" t="s">
        <v>28425</v>
      </c>
      <c r="M8244" s="1" t="s">
        <v>5</v>
      </c>
      <c r="N8244" s="1" t="s">
        <v>25</v>
      </c>
      <c r="O8244" s="1" t="s">
        <v>38</v>
      </c>
      <c r="P8244" s="5" t="s">
        <v>30851</v>
      </c>
    </row>
    <row r="8245" spans="1:16" x14ac:dyDescent="0.2">
      <c r="A8245" s="1" t="s">
        <v>10</v>
      </c>
      <c r="B8245" s="1" t="s">
        <v>10</v>
      </c>
      <c r="C8245" s="1" t="s">
        <v>28429</v>
      </c>
      <c r="D8245" s="1" t="s">
        <v>20042</v>
      </c>
      <c r="E8245" s="1" t="s">
        <v>28430</v>
      </c>
      <c r="F8245" s="1" t="s">
        <v>27</v>
      </c>
      <c r="G8245" s="1" t="s">
        <v>10</v>
      </c>
      <c r="H8245" s="1" t="s">
        <v>28431</v>
      </c>
      <c r="I8245" s="1" t="s">
        <v>1868</v>
      </c>
      <c r="J8245" s="1" t="s">
        <v>27256</v>
      </c>
      <c r="K8245" s="1" t="s">
        <v>6533</v>
      </c>
      <c r="L8245" s="1" t="s">
        <v>28428</v>
      </c>
      <c r="M8245" s="1" t="s">
        <v>5</v>
      </c>
      <c r="N8245" s="1" t="s">
        <v>1009</v>
      </c>
      <c r="O8245" s="1" t="s">
        <v>8</v>
      </c>
      <c r="P8245" s="5" t="s">
        <v>32601</v>
      </c>
    </row>
    <row r="8246" spans="1:16" x14ac:dyDescent="0.2">
      <c r="A8246" s="1" t="s">
        <v>10</v>
      </c>
      <c r="B8246" s="1" t="s">
        <v>10</v>
      </c>
      <c r="C8246" s="1" t="s">
        <v>28433</v>
      </c>
      <c r="D8246" s="1" t="s">
        <v>28434</v>
      </c>
      <c r="E8246" s="1" t="s">
        <v>28430</v>
      </c>
      <c r="F8246" s="1" t="s">
        <v>27</v>
      </c>
      <c r="G8246" s="1" t="s">
        <v>10</v>
      </c>
      <c r="H8246" s="1" t="s">
        <v>28431</v>
      </c>
      <c r="I8246" s="1" t="s">
        <v>1868</v>
      </c>
      <c r="J8246" s="1" t="s">
        <v>27256</v>
      </c>
      <c r="K8246" s="1" t="s">
        <v>6533</v>
      </c>
      <c r="L8246" s="1" t="s">
        <v>28432</v>
      </c>
      <c r="M8246" s="1" t="s">
        <v>5</v>
      </c>
      <c r="N8246" s="1" t="s">
        <v>1009</v>
      </c>
      <c r="O8246" s="1" t="s">
        <v>8</v>
      </c>
      <c r="P8246" s="5" t="s">
        <v>32602</v>
      </c>
    </row>
    <row r="8247" spans="1:16" x14ac:dyDescent="0.2">
      <c r="A8247" s="1" t="s">
        <v>20</v>
      </c>
      <c r="B8247" s="1" t="s">
        <v>309</v>
      </c>
      <c r="C8247" s="1" t="s">
        <v>28436</v>
      </c>
      <c r="D8247" s="1" t="s">
        <v>4365</v>
      </c>
      <c r="E8247" s="1" t="s">
        <v>28437</v>
      </c>
      <c r="F8247" s="1" t="s">
        <v>105</v>
      </c>
      <c r="G8247" s="1" t="s">
        <v>10</v>
      </c>
      <c r="H8247" s="1" t="s">
        <v>10</v>
      </c>
      <c r="I8247" s="1" t="s">
        <v>1868</v>
      </c>
      <c r="J8247" s="1" t="s">
        <v>27256</v>
      </c>
      <c r="K8247" s="1" t="s">
        <v>7</v>
      </c>
      <c r="L8247" s="1" t="s">
        <v>28435</v>
      </c>
      <c r="M8247" s="1" t="s">
        <v>5</v>
      </c>
      <c r="N8247" s="1" t="s">
        <v>25</v>
      </c>
      <c r="O8247" s="1" t="s">
        <v>8</v>
      </c>
      <c r="P8247" s="5" t="s">
        <v>30853</v>
      </c>
    </row>
    <row r="8248" spans="1:16" x14ac:dyDescent="0.2">
      <c r="A8248" s="1" t="s">
        <v>42</v>
      </c>
      <c r="B8248" s="1" t="s">
        <v>43</v>
      </c>
      <c r="C8248" s="1" t="s">
        <v>28439</v>
      </c>
      <c r="D8248" s="1" t="s">
        <v>28440</v>
      </c>
      <c r="E8248" s="1" t="s">
        <v>28441</v>
      </c>
      <c r="F8248" s="1" t="s">
        <v>10</v>
      </c>
      <c r="G8248" s="1" t="s">
        <v>10</v>
      </c>
      <c r="H8248" s="1" t="s">
        <v>10</v>
      </c>
      <c r="I8248" s="1" t="s">
        <v>1868</v>
      </c>
      <c r="J8248" s="1" t="s">
        <v>27256</v>
      </c>
      <c r="K8248" s="1" t="s">
        <v>37</v>
      </c>
      <c r="L8248" s="1" t="s">
        <v>28438</v>
      </c>
      <c r="M8248" s="1" t="s">
        <v>5</v>
      </c>
      <c r="N8248" s="1" t="s">
        <v>25</v>
      </c>
      <c r="O8248" s="1" t="s">
        <v>38</v>
      </c>
      <c r="P8248" s="5" t="s">
        <v>32603</v>
      </c>
    </row>
    <row r="8249" spans="1:16" x14ac:dyDescent="0.2">
      <c r="A8249" s="1" t="s">
        <v>42</v>
      </c>
      <c r="B8249" s="1" t="s">
        <v>43</v>
      </c>
      <c r="C8249" s="1" t="s">
        <v>28443</v>
      </c>
      <c r="D8249" s="1" t="s">
        <v>28444</v>
      </c>
      <c r="E8249" s="1" t="s">
        <v>28445</v>
      </c>
      <c r="F8249" s="1" t="s">
        <v>10</v>
      </c>
      <c r="G8249" s="1" t="s">
        <v>10</v>
      </c>
      <c r="H8249" s="1" t="s">
        <v>10</v>
      </c>
      <c r="I8249" s="1" t="s">
        <v>1868</v>
      </c>
      <c r="J8249" s="1" t="s">
        <v>27256</v>
      </c>
      <c r="K8249" s="1" t="s">
        <v>37</v>
      </c>
      <c r="L8249" s="1" t="s">
        <v>28442</v>
      </c>
      <c r="M8249" s="1" t="s">
        <v>5</v>
      </c>
      <c r="N8249" s="1" t="s">
        <v>25</v>
      </c>
      <c r="O8249" s="1" t="s">
        <v>38</v>
      </c>
      <c r="P8249" s="5"/>
    </row>
    <row r="8250" spans="1:16" x14ac:dyDescent="0.2">
      <c r="A8250" s="1" t="s">
        <v>487</v>
      </c>
      <c r="B8250" s="1" t="s">
        <v>488</v>
      </c>
      <c r="C8250" s="1" t="s">
        <v>28447</v>
      </c>
      <c r="D8250" s="1" t="s">
        <v>28448</v>
      </c>
      <c r="E8250" s="1"/>
      <c r="F8250" s="1" t="s">
        <v>10</v>
      </c>
      <c r="G8250" s="1" t="s">
        <v>10</v>
      </c>
      <c r="H8250" s="1" t="s">
        <v>10</v>
      </c>
      <c r="I8250" s="1" t="s">
        <v>1868</v>
      </c>
      <c r="J8250" s="1" t="s">
        <v>27272</v>
      </c>
      <c r="K8250" s="1" t="s">
        <v>64</v>
      </c>
      <c r="L8250" s="1" t="s">
        <v>28446</v>
      </c>
      <c r="M8250" s="1" t="s">
        <v>5</v>
      </c>
      <c r="N8250" s="1" t="s">
        <v>6</v>
      </c>
      <c r="O8250" s="1" t="s">
        <v>38</v>
      </c>
      <c r="P8250" s="5" t="s">
        <v>10</v>
      </c>
    </row>
    <row r="8251" spans="1:16" x14ac:dyDescent="0.2">
      <c r="A8251" s="1" t="s">
        <v>20</v>
      </c>
      <c r="B8251" s="1" t="s">
        <v>445</v>
      </c>
      <c r="C8251" s="1" t="s">
        <v>28450</v>
      </c>
      <c r="D8251" s="1" t="s">
        <v>28451</v>
      </c>
      <c r="E8251" s="1"/>
      <c r="F8251" s="1" t="s">
        <v>27</v>
      </c>
      <c r="G8251" s="1" t="s">
        <v>10</v>
      </c>
      <c r="H8251" s="1" t="s">
        <v>28452</v>
      </c>
      <c r="I8251" s="1" t="s">
        <v>1868</v>
      </c>
      <c r="J8251" s="1" t="s">
        <v>27272</v>
      </c>
      <c r="K8251" s="1" t="s">
        <v>27</v>
      </c>
      <c r="L8251" s="1" t="s">
        <v>28449</v>
      </c>
      <c r="M8251" s="1" t="s">
        <v>5</v>
      </c>
      <c r="N8251" s="1" t="s">
        <v>1009</v>
      </c>
      <c r="O8251" s="1" t="s">
        <v>8</v>
      </c>
      <c r="P8251" s="5" t="s">
        <v>14</v>
      </c>
    </row>
    <row r="8252" spans="1:16" x14ac:dyDescent="0.2">
      <c r="A8252" s="1" t="s">
        <v>20</v>
      </c>
      <c r="B8252" s="1" t="s">
        <v>21</v>
      </c>
      <c r="C8252" s="1" t="s">
        <v>28454</v>
      </c>
      <c r="D8252" s="1" t="s">
        <v>28455</v>
      </c>
      <c r="E8252" s="1" t="s">
        <v>28456</v>
      </c>
      <c r="F8252" s="1" t="s">
        <v>9</v>
      </c>
      <c r="G8252" s="1" t="s">
        <v>18</v>
      </c>
      <c r="H8252" s="1" t="s">
        <v>10</v>
      </c>
      <c r="I8252" s="1" t="s">
        <v>1868</v>
      </c>
      <c r="J8252" s="1" t="s">
        <v>27272</v>
      </c>
      <c r="K8252" s="1" t="s">
        <v>7</v>
      </c>
      <c r="L8252" s="1" t="s">
        <v>28453</v>
      </c>
      <c r="M8252" s="1" t="s">
        <v>5</v>
      </c>
      <c r="N8252" s="1" t="s">
        <v>1009</v>
      </c>
      <c r="O8252" s="1" t="s">
        <v>8</v>
      </c>
      <c r="P8252" s="5" t="s">
        <v>32604</v>
      </c>
    </row>
    <row r="8253" spans="1:16" x14ac:dyDescent="0.2">
      <c r="A8253" s="1" t="s">
        <v>329</v>
      </c>
      <c r="B8253" s="1" t="s">
        <v>1168</v>
      </c>
      <c r="C8253" s="1" t="s">
        <v>28458</v>
      </c>
      <c r="D8253" s="1" t="s">
        <v>28459</v>
      </c>
      <c r="E8253" s="1" t="s">
        <v>28460</v>
      </c>
      <c r="F8253" s="1" t="s">
        <v>9</v>
      </c>
      <c r="G8253" s="1" t="s">
        <v>18</v>
      </c>
      <c r="H8253" s="1" t="s">
        <v>10</v>
      </c>
      <c r="I8253" s="1" t="s">
        <v>1868</v>
      </c>
      <c r="J8253" s="1" t="s">
        <v>10</v>
      </c>
      <c r="K8253" s="1" t="s">
        <v>10</v>
      </c>
      <c r="L8253" s="1" t="s">
        <v>28457</v>
      </c>
      <c r="M8253" s="1" t="s">
        <v>5</v>
      </c>
      <c r="N8253" s="1" t="s">
        <v>1009</v>
      </c>
      <c r="O8253" s="1" t="s">
        <v>8</v>
      </c>
      <c r="P8253" s="5" t="s">
        <v>32604</v>
      </c>
    </row>
    <row r="8254" spans="1:16" x14ac:dyDescent="0.2">
      <c r="A8254" s="1" t="s">
        <v>329</v>
      </c>
      <c r="B8254" s="1" t="s">
        <v>1168</v>
      </c>
      <c r="C8254" s="1" t="s">
        <v>28462</v>
      </c>
      <c r="D8254" s="1" t="s">
        <v>28463</v>
      </c>
      <c r="E8254" s="1" t="s">
        <v>28464</v>
      </c>
      <c r="F8254" s="1" t="s">
        <v>9</v>
      </c>
      <c r="G8254" s="1" t="s">
        <v>18</v>
      </c>
      <c r="H8254" s="1" t="s">
        <v>10</v>
      </c>
      <c r="I8254" s="1" t="s">
        <v>1868</v>
      </c>
      <c r="J8254" s="1" t="s">
        <v>27256</v>
      </c>
      <c r="K8254" s="1" t="s">
        <v>10</v>
      </c>
      <c r="L8254" s="1" t="s">
        <v>28461</v>
      </c>
      <c r="M8254" s="1" t="s">
        <v>5</v>
      </c>
      <c r="N8254" s="1" t="s">
        <v>1009</v>
      </c>
      <c r="O8254" s="1" t="s">
        <v>8</v>
      </c>
      <c r="P8254" s="5" t="s">
        <v>32604</v>
      </c>
    </row>
    <row r="8255" spans="1:16" x14ac:dyDescent="0.2">
      <c r="A8255" s="1" t="s">
        <v>329</v>
      </c>
      <c r="B8255" s="1" t="s">
        <v>1168</v>
      </c>
      <c r="C8255" s="1" t="s">
        <v>28466</v>
      </c>
      <c r="D8255" s="1" t="s">
        <v>4968</v>
      </c>
      <c r="E8255" s="1" t="s">
        <v>28467</v>
      </c>
      <c r="F8255" s="1" t="s">
        <v>9</v>
      </c>
      <c r="G8255" s="1" t="s">
        <v>18</v>
      </c>
      <c r="H8255" s="1" t="s">
        <v>10</v>
      </c>
      <c r="I8255" s="1" t="s">
        <v>1868</v>
      </c>
      <c r="J8255" s="1" t="s">
        <v>27256</v>
      </c>
      <c r="K8255" s="1" t="s">
        <v>10</v>
      </c>
      <c r="L8255" s="1" t="s">
        <v>28465</v>
      </c>
      <c r="M8255" s="1" t="s">
        <v>5</v>
      </c>
      <c r="N8255" s="1" t="s">
        <v>1009</v>
      </c>
      <c r="O8255" s="1" t="s">
        <v>8</v>
      </c>
      <c r="P8255" s="5" t="s">
        <v>32604</v>
      </c>
    </row>
    <row r="8256" spans="1:16" x14ac:dyDescent="0.2">
      <c r="A8256" s="1" t="s">
        <v>42</v>
      </c>
      <c r="B8256" s="1" t="s">
        <v>1341</v>
      </c>
      <c r="C8256" s="1" t="s">
        <v>28469</v>
      </c>
      <c r="D8256" s="1" t="s">
        <v>28470</v>
      </c>
      <c r="E8256" s="1" t="s">
        <v>28471</v>
      </c>
      <c r="F8256" s="1" t="s">
        <v>10</v>
      </c>
      <c r="G8256" s="1" t="s">
        <v>10</v>
      </c>
      <c r="H8256" s="1" t="s">
        <v>10</v>
      </c>
      <c r="I8256" s="1" t="s">
        <v>1868</v>
      </c>
      <c r="J8256" s="1" t="s">
        <v>27329</v>
      </c>
      <c r="K8256" s="1" t="s">
        <v>27</v>
      </c>
      <c r="L8256" s="1" t="s">
        <v>28468</v>
      </c>
      <c r="M8256" s="1" t="s">
        <v>5</v>
      </c>
      <c r="N8256" s="1" t="s">
        <v>25</v>
      </c>
      <c r="O8256" s="1" t="s">
        <v>38</v>
      </c>
      <c r="P8256" s="5" t="s">
        <v>30854</v>
      </c>
    </row>
    <row r="8257" spans="1:16" x14ac:dyDescent="0.2">
      <c r="A8257" s="1" t="s">
        <v>20</v>
      </c>
      <c r="B8257" s="1" t="s">
        <v>253</v>
      </c>
      <c r="C8257" s="1" t="s">
        <v>28473</v>
      </c>
      <c r="D8257" s="1" t="s">
        <v>28474</v>
      </c>
      <c r="E8257" s="1" t="s">
        <v>28475</v>
      </c>
      <c r="F8257" s="1" t="s">
        <v>10</v>
      </c>
      <c r="G8257" s="1" t="s">
        <v>10</v>
      </c>
      <c r="H8257" s="1" t="s">
        <v>10</v>
      </c>
      <c r="I8257" s="1" t="s">
        <v>1868</v>
      </c>
      <c r="J8257" s="1" t="s">
        <v>27261</v>
      </c>
      <c r="K8257" s="1" t="s">
        <v>443</v>
      </c>
      <c r="L8257" s="1" t="s">
        <v>28472</v>
      </c>
      <c r="M8257" s="1" t="s">
        <v>5</v>
      </c>
      <c r="N8257" s="1" t="s">
        <v>25</v>
      </c>
      <c r="O8257" s="1" t="s">
        <v>38</v>
      </c>
      <c r="P8257" s="5" t="s">
        <v>32605</v>
      </c>
    </row>
    <row r="8258" spans="1:16" x14ac:dyDescent="0.2">
      <c r="A8258" s="1" t="s">
        <v>10</v>
      </c>
      <c r="B8258" s="1" t="s">
        <v>10</v>
      </c>
      <c r="C8258" s="1" t="s">
        <v>28477</v>
      </c>
      <c r="D8258" s="1" t="s">
        <v>28478</v>
      </c>
      <c r="E8258" s="1" t="s">
        <v>28479</v>
      </c>
      <c r="F8258" s="1" t="s">
        <v>10</v>
      </c>
      <c r="G8258" s="1" t="s">
        <v>10</v>
      </c>
      <c r="H8258" s="1" t="s">
        <v>10</v>
      </c>
      <c r="I8258" s="1" t="s">
        <v>1868</v>
      </c>
      <c r="J8258" s="1" t="s">
        <v>27272</v>
      </c>
      <c r="K8258" s="1" t="s">
        <v>27</v>
      </c>
      <c r="L8258" s="1" t="s">
        <v>28476</v>
      </c>
      <c r="M8258" s="1" t="s">
        <v>5</v>
      </c>
      <c r="N8258" s="1" t="s">
        <v>25</v>
      </c>
      <c r="O8258" s="1" t="s">
        <v>38</v>
      </c>
      <c r="P8258" s="5" t="s">
        <v>30800</v>
      </c>
    </row>
    <row r="8259" spans="1:16" x14ac:dyDescent="0.2">
      <c r="A8259" s="1" t="s">
        <v>329</v>
      </c>
      <c r="B8259" s="1" t="s">
        <v>330</v>
      </c>
      <c r="C8259" s="1" t="s">
        <v>28481</v>
      </c>
      <c r="D8259" s="1" t="s">
        <v>28482</v>
      </c>
      <c r="E8259" s="1" t="s">
        <v>28483</v>
      </c>
      <c r="F8259" s="1" t="s">
        <v>27</v>
      </c>
      <c r="G8259" s="1" t="s">
        <v>10</v>
      </c>
      <c r="H8259" s="1" t="s">
        <v>10</v>
      </c>
      <c r="I8259" s="1" t="s">
        <v>1868</v>
      </c>
      <c r="J8259" s="1" t="s">
        <v>27256</v>
      </c>
      <c r="K8259" s="1" t="s">
        <v>100</v>
      </c>
      <c r="L8259" s="1" t="s">
        <v>28480</v>
      </c>
      <c r="M8259" s="1" t="s">
        <v>5</v>
      </c>
      <c r="N8259" s="1" t="s">
        <v>25</v>
      </c>
      <c r="O8259" s="1" t="s">
        <v>38</v>
      </c>
      <c r="P8259" s="5" t="s">
        <v>30855</v>
      </c>
    </row>
    <row r="8260" spans="1:16" x14ac:dyDescent="0.2">
      <c r="A8260" s="1" t="s">
        <v>329</v>
      </c>
      <c r="B8260" s="1" t="s">
        <v>753</v>
      </c>
      <c r="C8260" s="1" t="s">
        <v>28485</v>
      </c>
      <c r="D8260" s="1" t="s">
        <v>28486</v>
      </c>
      <c r="E8260" s="1" t="s">
        <v>28487</v>
      </c>
      <c r="F8260" s="1" t="s">
        <v>10</v>
      </c>
      <c r="G8260" s="1" t="s">
        <v>10</v>
      </c>
      <c r="H8260" s="1" t="s">
        <v>28488</v>
      </c>
      <c r="I8260" s="1" t="s">
        <v>1868</v>
      </c>
      <c r="J8260" s="1" t="s">
        <v>27256</v>
      </c>
      <c r="K8260" s="1" t="s">
        <v>100</v>
      </c>
      <c r="L8260" s="1" t="s">
        <v>28484</v>
      </c>
      <c r="M8260" s="1" t="s">
        <v>5</v>
      </c>
      <c r="N8260" s="1" t="s">
        <v>25</v>
      </c>
      <c r="O8260" s="1" t="s">
        <v>8</v>
      </c>
      <c r="P8260" s="5" t="s">
        <v>32606</v>
      </c>
    </row>
    <row r="8261" spans="1:16" x14ac:dyDescent="0.2">
      <c r="A8261" s="1" t="s">
        <v>1086</v>
      </c>
      <c r="B8261" s="1" t="s">
        <v>2276</v>
      </c>
      <c r="C8261" s="1" t="s">
        <v>28490</v>
      </c>
      <c r="D8261" s="1" t="s">
        <v>10639</v>
      </c>
      <c r="E8261" s="1"/>
      <c r="F8261" s="1" t="s">
        <v>27</v>
      </c>
      <c r="G8261" s="1" t="s">
        <v>10</v>
      </c>
      <c r="H8261" s="1" t="s">
        <v>28490</v>
      </c>
      <c r="I8261" s="1" t="s">
        <v>1868</v>
      </c>
      <c r="J8261" s="1" t="s">
        <v>19</v>
      </c>
      <c r="K8261" s="1" t="s">
        <v>64</v>
      </c>
      <c r="L8261" s="1" t="s">
        <v>28489</v>
      </c>
      <c r="M8261" s="1" t="s">
        <v>5</v>
      </c>
      <c r="N8261" s="1" t="s">
        <v>25</v>
      </c>
      <c r="O8261" s="1" t="s">
        <v>8</v>
      </c>
      <c r="P8261" s="5" t="s">
        <v>30856</v>
      </c>
    </row>
    <row r="8262" spans="1:16" x14ac:dyDescent="0.2">
      <c r="A8262" s="1" t="s">
        <v>1086</v>
      </c>
      <c r="B8262" s="1" t="s">
        <v>2276</v>
      </c>
      <c r="C8262" s="1" t="s">
        <v>28492</v>
      </c>
      <c r="D8262" s="1" t="s">
        <v>28493</v>
      </c>
      <c r="E8262" s="1"/>
      <c r="F8262" s="1" t="s">
        <v>27</v>
      </c>
      <c r="G8262" s="1" t="s">
        <v>10</v>
      </c>
      <c r="H8262" s="1" t="s">
        <v>28492</v>
      </c>
      <c r="I8262" s="1" t="s">
        <v>1868</v>
      </c>
      <c r="J8262" s="1" t="s">
        <v>19</v>
      </c>
      <c r="K8262" s="1" t="s">
        <v>64</v>
      </c>
      <c r="L8262" s="1" t="s">
        <v>28491</v>
      </c>
      <c r="M8262" s="1" t="s">
        <v>5</v>
      </c>
      <c r="N8262" s="1" t="s">
        <v>25</v>
      </c>
      <c r="O8262" s="1" t="s">
        <v>8</v>
      </c>
      <c r="P8262" s="5" t="s">
        <v>32607</v>
      </c>
    </row>
    <row r="8263" spans="1:16" x14ac:dyDescent="0.2">
      <c r="A8263" s="1" t="s">
        <v>42</v>
      </c>
      <c r="B8263" s="1" t="s">
        <v>1341</v>
      </c>
      <c r="C8263" s="1" t="s">
        <v>28495</v>
      </c>
      <c r="D8263" s="1" t="s">
        <v>28496</v>
      </c>
      <c r="E8263" s="1" t="s">
        <v>28497</v>
      </c>
      <c r="F8263" s="1" t="s">
        <v>10</v>
      </c>
      <c r="G8263" s="1" t="s">
        <v>10</v>
      </c>
      <c r="H8263" s="1" t="s">
        <v>10</v>
      </c>
      <c r="I8263" s="1" t="s">
        <v>1868</v>
      </c>
      <c r="J8263" s="1" t="s">
        <v>27329</v>
      </c>
      <c r="K8263" s="1" t="s">
        <v>27</v>
      </c>
      <c r="L8263" s="1" t="s">
        <v>28494</v>
      </c>
      <c r="M8263" s="1" t="s">
        <v>5</v>
      </c>
      <c r="N8263" s="1" t="s">
        <v>25</v>
      </c>
      <c r="O8263" s="1" t="s">
        <v>38</v>
      </c>
      <c r="P8263" s="5" t="s">
        <v>30857</v>
      </c>
    </row>
    <row r="8264" spans="1:16" x14ac:dyDescent="0.2">
      <c r="A8264" s="1" t="s">
        <v>66</v>
      </c>
      <c r="B8264" s="1" t="s">
        <v>1127</v>
      </c>
      <c r="C8264" s="1" t="s">
        <v>391</v>
      </c>
      <c r="D8264" s="1" t="s">
        <v>28499</v>
      </c>
      <c r="E8264" s="1" t="s">
        <v>28500</v>
      </c>
      <c r="F8264" s="1" t="s">
        <v>393</v>
      </c>
      <c r="G8264" s="1" t="s">
        <v>395</v>
      </c>
      <c r="H8264" s="1" t="s">
        <v>28501</v>
      </c>
      <c r="I8264" s="1" t="s">
        <v>1868</v>
      </c>
      <c r="J8264" s="1" t="s">
        <v>27256</v>
      </c>
      <c r="K8264" s="1" t="s">
        <v>64</v>
      </c>
      <c r="L8264" s="1" t="s">
        <v>28498</v>
      </c>
      <c r="M8264" s="1" t="s">
        <v>5</v>
      </c>
      <c r="N8264" s="1" t="s">
        <v>1009</v>
      </c>
      <c r="O8264" s="1" t="s">
        <v>8</v>
      </c>
      <c r="P8264" s="5" t="s">
        <v>32832</v>
      </c>
    </row>
    <row r="8265" spans="1:16" x14ac:dyDescent="0.2">
      <c r="A8265" s="1" t="s">
        <v>1385</v>
      </c>
      <c r="B8265" s="1" t="s">
        <v>1490</v>
      </c>
      <c r="C8265" s="1" t="s">
        <v>28503</v>
      </c>
      <c r="D8265" s="1" t="s">
        <v>28504</v>
      </c>
      <c r="E8265" s="1" t="s">
        <v>28505</v>
      </c>
      <c r="F8265" s="1" t="s">
        <v>10</v>
      </c>
      <c r="G8265" s="1" t="s">
        <v>10</v>
      </c>
      <c r="H8265" s="1" t="s">
        <v>10</v>
      </c>
      <c r="I8265" s="1" t="s">
        <v>1868</v>
      </c>
      <c r="J8265" s="1" t="s">
        <v>27256</v>
      </c>
      <c r="K8265" s="1" t="s">
        <v>64</v>
      </c>
      <c r="L8265" s="1" t="s">
        <v>28502</v>
      </c>
      <c r="M8265" s="1" t="s">
        <v>5</v>
      </c>
      <c r="N8265" s="1" t="s">
        <v>25</v>
      </c>
      <c r="O8265" s="1" t="s">
        <v>38</v>
      </c>
      <c r="P8265" s="5" t="s">
        <v>30858</v>
      </c>
    </row>
    <row r="8266" spans="1:16" x14ac:dyDescent="0.2">
      <c r="A8266" s="1" t="s">
        <v>1385</v>
      </c>
      <c r="B8266" s="1" t="s">
        <v>1490</v>
      </c>
      <c r="C8266" s="1" t="s">
        <v>28507</v>
      </c>
      <c r="D8266" s="1" t="s">
        <v>28508</v>
      </c>
      <c r="E8266" s="1" t="s">
        <v>28509</v>
      </c>
      <c r="F8266" s="1" t="s">
        <v>10</v>
      </c>
      <c r="G8266" s="1" t="s">
        <v>10</v>
      </c>
      <c r="H8266" s="1" t="s">
        <v>10</v>
      </c>
      <c r="I8266" s="1" t="s">
        <v>1868</v>
      </c>
      <c r="J8266" s="1" t="s">
        <v>27256</v>
      </c>
      <c r="K8266" s="1" t="s">
        <v>64</v>
      </c>
      <c r="L8266" s="1" t="s">
        <v>28506</v>
      </c>
      <c r="M8266" s="1" t="s">
        <v>5</v>
      </c>
      <c r="N8266" s="1" t="s">
        <v>25</v>
      </c>
      <c r="O8266" s="1" t="s">
        <v>38</v>
      </c>
      <c r="P8266" s="5" t="s">
        <v>30858</v>
      </c>
    </row>
    <row r="8267" spans="1:16" x14ac:dyDescent="0.2">
      <c r="A8267" s="1" t="s">
        <v>1385</v>
      </c>
      <c r="B8267" s="1" t="s">
        <v>1490</v>
      </c>
      <c r="C8267" s="1" t="s">
        <v>28511</v>
      </c>
      <c r="D8267" s="1" t="s">
        <v>28512</v>
      </c>
      <c r="E8267" s="1" t="s">
        <v>28513</v>
      </c>
      <c r="F8267" s="1" t="s">
        <v>10</v>
      </c>
      <c r="G8267" s="1" t="s">
        <v>10</v>
      </c>
      <c r="H8267" s="1" t="s">
        <v>10</v>
      </c>
      <c r="I8267" s="1" t="s">
        <v>1868</v>
      </c>
      <c r="J8267" s="1" t="s">
        <v>27256</v>
      </c>
      <c r="K8267" s="1" t="s">
        <v>6533</v>
      </c>
      <c r="L8267" s="1" t="s">
        <v>28510</v>
      </c>
      <c r="M8267" s="1" t="s">
        <v>5</v>
      </c>
      <c r="N8267" s="1" t="s">
        <v>25</v>
      </c>
      <c r="O8267" s="1" t="s">
        <v>38</v>
      </c>
      <c r="P8267" s="5" t="s">
        <v>30859</v>
      </c>
    </row>
    <row r="8268" spans="1:16" x14ac:dyDescent="0.2">
      <c r="A8268" s="1" t="s">
        <v>1385</v>
      </c>
      <c r="B8268" s="1" t="s">
        <v>2028</v>
      </c>
      <c r="C8268" s="1" t="s">
        <v>23985</v>
      </c>
      <c r="D8268" s="1" t="s">
        <v>23985</v>
      </c>
      <c r="E8268" s="1"/>
      <c r="F8268" s="1" t="s">
        <v>10</v>
      </c>
      <c r="G8268" s="1" t="s">
        <v>10</v>
      </c>
      <c r="H8268" s="1" t="s">
        <v>10</v>
      </c>
      <c r="I8268" s="1" t="s">
        <v>1868</v>
      </c>
      <c r="J8268" s="1" t="s">
        <v>27256</v>
      </c>
      <c r="K8268" s="1" t="s">
        <v>64</v>
      </c>
      <c r="L8268" s="1" t="s">
        <v>28514</v>
      </c>
      <c r="M8268" s="1" t="s">
        <v>5</v>
      </c>
      <c r="N8268" s="1" t="s">
        <v>25</v>
      </c>
      <c r="O8268" s="1" t="s">
        <v>38</v>
      </c>
      <c r="P8268" s="5" t="s">
        <v>32608</v>
      </c>
    </row>
    <row r="8269" spans="1:16" x14ac:dyDescent="0.2">
      <c r="A8269" s="1" t="s">
        <v>20</v>
      </c>
      <c r="B8269" s="1" t="s">
        <v>302</v>
      </c>
      <c r="C8269" s="1" t="s">
        <v>28516</v>
      </c>
      <c r="D8269" s="1" t="s">
        <v>28517</v>
      </c>
      <c r="E8269" s="1" t="s">
        <v>28518</v>
      </c>
      <c r="F8269" s="1" t="s">
        <v>10</v>
      </c>
      <c r="G8269" s="1" t="s">
        <v>10</v>
      </c>
      <c r="H8269" s="1" t="s">
        <v>10</v>
      </c>
      <c r="I8269" s="1" t="s">
        <v>1868</v>
      </c>
      <c r="J8269" s="1" t="s">
        <v>27256</v>
      </c>
      <c r="K8269" s="1" t="s">
        <v>64</v>
      </c>
      <c r="L8269" s="1" t="s">
        <v>28515</v>
      </c>
      <c r="M8269" s="1" t="s">
        <v>5</v>
      </c>
      <c r="N8269" s="1" t="s">
        <v>25</v>
      </c>
      <c r="O8269" s="1" t="s">
        <v>38</v>
      </c>
      <c r="P8269" s="5" t="s">
        <v>30858</v>
      </c>
    </row>
    <row r="8270" spans="1:16" x14ac:dyDescent="0.2">
      <c r="A8270" s="1" t="s">
        <v>20</v>
      </c>
      <c r="B8270" s="1" t="s">
        <v>172</v>
      </c>
      <c r="C8270" s="1" t="s">
        <v>28520</v>
      </c>
      <c r="D8270" s="1" t="s">
        <v>28521</v>
      </c>
      <c r="E8270" s="1" t="s">
        <v>28522</v>
      </c>
      <c r="F8270" s="1" t="s">
        <v>10</v>
      </c>
      <c r="G8270" s="1" t="s">
        <v>10</v>
      </c>
      <c r="H8270" s="1" t="s">
        <v>10</v>
      </c>
      <c r="I8270" s="1" t="s">
        <v>1868</v>
      </c>
      <c r="J8270" s="1" t="s">
        <v>27256</v>
      </c>
      <c r="K8270" s="1" t="s">
        <v>6533</v>
      </c>
      <c r="L8270" s="1" t="s">
        <v>28519</v>
      </c>
      <c r="M8270" s="1" t="s">
        <v>5</v>
      </c>
      <c r="N8270" s="1" t="s">
        <v>25</v>
      </c>
      <c r="O8270" s="1" t="s">
        <v>38</v>
      </c>
      <c r="P8270" s="5" t="s">
        <v>30858</v>
      </c>
    </row>
    <row r="8271" spans="1:16" x14ac:dyDescent="0.2">
      <c r="A8271" s="1" t="s">
        <v>42</v>
      </c>
      <c r="B8271" s="1" t="s">
        <v>118</v>
      </c>
      <c r="C8271" s="1" t="s">
        <v>28524</v>
      </c>
      <c r="D8271" s="1" t="s">
        <v>6532</v>
      </c>
      <c r="E8271" s="1" t="s">
        <v>28525</v>
      </c>
      <c r="F8271" s="1" t="s">
        <v>27</v>
      </c>
      <c r="G8271" s="1" t="s">
        <v>10</v>
      </c>
      <c r="H8271" s="1" t="s">
        <v>28320</v>
      </c>
      <c r="I8271" s="1" t="s">
        <v>1868</v>
      </c>
      <c r="J8271" s="1" t="s">
        <v>27256</v>
      </c>
      <c r="K8271" s="1" t="s">
        <v>37</v>
      </c>
      <c r="L8271" s="1" t="s">
        <v>28523</v>
      </c>
      <c r="M8271" s="1" t="s">
        <v>5</v>
      </c>
      <c r="N8271" s="1" t="s">
        <v>25</v>
      </c>
      <c r="O8271" s="1" t="s">
        <v>8</v>
      </c>
      <c r="P8271" s="5" t="s">
        <v>30860</v>
      </c>
    </row>
    <row r="8272" spans="1:16" x14ac:dyDescent="0.2">
      <c r="A8272" s="1" t="s">
        <v>1385</v>
      </c>
      <c r="B8272" s="1" t="s">
        <v>1490</v>
      </c>
      <c r="C8272" s="1" t="s">
        <v>28527</v>
      </c>
      <c r="D8272" s="1" t="s">
        <v>28528</v>
      </c>
      <c r="E8272" s="1" t="s">
        <v>28529</v>
      </c>
      <c r="F8272" s="1" t="s">
        <v>10</v>
      </c>
      <c r="G8272" s="1" t="s">
        <v>10</v>
      </c>
      <c r="H8272" s="1" t="s">
        <v>10</v>
      </c>
      <c r="I8272" s="1" t="s">
        <v>1868</v>
      </c>
      <c r="J8272" s="1" t="s">
        <v>27256</v>
      </c>
      <c r="K8272" s="1" t="s">
        <v>6533</v>
      </c>
      <c r="L8272" s="1" t="s">
        <v>28526</v>
      </c>
      <c r="M8272" s="1" t="s">
        <v>5</v>
      </c>
      <c r="N8272" s="1" t="s">
        <v>25</v>
      </c>
      <c r="O8272" s="1" t="s">
        <v>38</v>
      </c>
      <c r="P8272" s="5" t="s">
        <v>30858</v>
      </c>
    </row>
    <row r="8273" spans="1:16" x14ac:dyDescent="0.2">
      <c r="A8273" s="1" t="s">
        <v>1385</v>
      </c>
      <c r="B8273" s="1" t="s">
        <v>1490</v>
      </c>
      <c r="C8273" s="1" t="s">
        <v>28531</v>
      </c>
      <c r="D8273" s="1" t="s">
        <v>28532</v>
      </c>
      <c r="E8273" s="1" t="s">
        <v>28533</v>
      </c>
      <c r="F8273" s="1" t="s">
        <v>10</v>
      </c>
      <c r="G8273" s="1" t="s">
        <v>10</v>
      </c>
      <c r="H8273" s="1" t="s">
        <v>10</v>
      </c>
      <c r="I8273" s="1" t="s">
        <v>1868</v>
      </c>
      <c r="J8273" s="1" t="s">
        <v>27256</v>
      </c>
      <c r="K8273" s="1" t="s">
        <v>6533</v>
      </c>
      <c r="L8273" s="1" t="s">
        <v>28530</v>
      </c>
      <c r="M8273" s="1" t="s">
        <v>5</v>
      </c>
      <c r="N8273" s="1" t="s">
        <v>25</v>
      </c>
      <c r="O8273" s="1" t="s">
        <v>38</v>
      </c>
      <c r="P8273" s="5" t="s">
        <v>30858</v>
      </c>
    </row>
    <row r="8274" spans="1:16" x14ac:dyDescent="0.2">
      <c r="A8274" s="1" t="s">
        <v>1385</v>
      </c>
      <c r="B8274" s="1" t="s">
        <v>1490</v>
      </c>
      <c r="C8274" s="1" t="s">
        <v>28535</v>
      </c>
      <c r="D8274" s="1" t="s">
        <v>28536</v>
      </c>
      <c r="E8274" s="1" t="s">
        <v>28537</v>
      </c>
      <c r="F8274" s="1" t="s">
        <v>10</v>
      </c>
      <c r="G8274" s="1" t="s">
        <v>10</v>
      </c>
      <c r="H8274" s="1" t="s">
        <v>10</v>
      </c>
      <c r="I8274" s="1" t="s">
        <v>1868</v>
      </c>
      <c r="J8274" s="1" t="s">
        <v>27256</v>
      </c>
      <c r="K8274" s="1" t="s">
        <v>6533</v>
      </c>
      <c r="L8274" s="1" t="s">
        <v>28534</v>
      </c>
      <c r="M8274" s="1" t="s">
        <v>5</v>
      </c>
      <c r="N8274" s="1" t="s">
        <v>25</v>
      </c>
      <c r="O8274" s="1" t="s">
        <v>38</v>
      </c>
      <c r="P8274" s="5" t="s">
        <v>30858</v>
      </c>
    </row>
    <row r="8275" spans="1:16" x14ac:dyDescent="0.2">
      <c r="A8275" s="1" t="s">
        <v>1385</v>
      </c>
      <c r="B8275" s="1" t="s">
        <v>1490</v>
      </c>
      <c r="C8275" s="1" t="s">
        <v>28539</v>
      </c>
      <c r="D8275" s="1" t="s">
        <v>28540</v>
      </c>
      <c r="E8275" s="1" t="s">
        <v>28541</v>
      </c>
      <c r="F8275" s="1" t="s">
        <v>10</v>
      </c>
      <c r="G8275" s="1" t="s">
        <v>10</v>
      </c>
      <c r="H8275" s="1" t="s">
        <v>10</v>
      </c>
      <c r="I8275" s="1" t="s">
        <v>1868</v>
      </c>
      <c r="J8275" s="1" t="s">
        <v>27256</v>
      </c>
      <c r="K8275" s="1" t="s">
        <v>6533</v>
      </c>
      <c r="L8275" s="1" t="s">
        <v>28538</v>
      </c>
      <c r="M8275" s="1" t="s">
        <v>5</v>
      </c>
      <c r="N8275" s="1" t="s">
        <v>25</v>
      </c>
      <c r="O8275" s="1" t="s">
        <v>38</v>
      </c>
      <c r="P8275" s="5" t="s">
        <v>30858</v>
      </c>
    </row>
    <row r="8276" spans="1:16" x14ac:dyDescent="0.2">
      <c r="A8276" s="1" t="s">
        <v>1385</v>
      </c>
      <c r="B8276" s="1" t="s">
        <v>1490</v>
      </c>
      <c r="C8276" s="1" t="s">
        <v>28543</v>
      </c>
      <c r="D8276" s="1" t="s">
        <v>28544</v>
      </c>
      <c r="E8276" s="1" t="s">
        <v>28545</v>
      </c>
      <c r="F8276" s="1" t="s">
        <v>10</v>
      </c>
      <c r="G8276" s="1" t="s">
        <v>10</v>
      </c>
      <c r="H8276" s="1" t="s">
        <v>10</v>
      </c>
      <c r="I8276" s="1" t="s">
        <v>1868</v>
      </c>
      <c r="J8276" s="1" t="s">
        <v>27256</v>
      </c>
      <c r="K8276" s="1" t="s">
        <v>6533</v>
      </c>
      <c r="L8276" s="1" t="s">
        <v>28542</v>
      </c>
      <c r="M8276" s="1" t="s">
        <v>5</v>
      </c>
      <c r="N8276" s="1" t="s">
        <v>25</v>
      </c>
      <c r="O8276" s="1" t="s">
        <v>38</v>
      </c>
      <c r="P8276" s="5" t="s">
        <v>30858</v>
      </c>
    </row>
    <row r="8277" spans="1:16" x14ac:dyDescent="0.2">
      <c r="A8277" s="1" t="s">
        <v>1385</v>
      </c>
      <c r="B8277" s="1" t="s">
        <v>1490</v>
      </c>
      <c r="C8277" s="1" t="s">
        <v>28547</v>
      </c>
      <c r="D8277" s="1" t="s">
        <v>28548</v>
      </c>
      <c r="E8277" s="1" t="s">
        <v>28549</v>
      </c>
      <c r="F8277" s="1" t="s">
        <v>10</v>
      </c>
      <c r="G8277" s="1" t="s">
        <v>10</v>
      </c>
      <c r="H8277" s="1" t="s">
        <v>10</v>
      </c>
      <c r="I8277" s="1" t="s">
        <v>1868</v>
      </c>
      <c r="J8277" s="1" t="s">
        <v>27256</v>
      </c>
      <c r="K8277" s="1" t="s">
        <v>6533</v>
      </c>
      <c r="L8277" s="1" t="s">
        <v>28546</v>
      </c>
      <c r="M8277" s="1" t="s">
        <v>5</v>
      </c>
      <c r="N8277" s="1" t="s">
        <v>25</v>
      </c>
      <c r="O8277" s="1" t="s">
        <v>38</v>
      </c>
      <c r="P8277" s="5" t="s">
        <v>30858</v>
      </c>
    </row>
    <row r="8278" spans="1:16" x14ac:dyDescent="0.2">
      <c r="A8278" s="1" t="s">
        <v>1385</v>
      </c>
      <c r="B8278" s="1" t="s">
        <v>1490</v>
      </c>
      <c r="C8278" s="1" t="s">
        <v>28551</v>
      </c>
      <c r="D8278" s="1" t="s">
        <v>28552</v>
      </c>
      <c r="E8278" s="1" t="s">
        <v>28553</v>
      </c>
      <c r="F8278" s="1" t="s">
        <v>10</v>
      </c>
      <c r="G8278" s="1" t="s">
        <v>10</v>
      </c>
      <c r="H8278" s="1" t="s">
        <v>10</v>
      </c>
      <c r="I8278" s="1" t="s">
        <v>1868</v>
      </c>
      <c r="J8278" s="1" t="s">
        <v>27256</v>
      </c>
      <c r="K8278" s="1" t="s">
        <v>6533</v>
      </c>
      <c r="L8278" s="1" t="s">
        <v>28550</v>
      </c>
      <c r="M8278" s="1" t="s">
        <v>5</v>
      </c>
      <c r="N8278" s="1" t="s">
        <v>25</v>
      </c>
      <c r="O8278" s="1" t="s">
        <v>38</v>
      </c>
      <c r="P8278" s="5" t="s">
        <v>30858</v>
      </c>
    </row>
    <row r="8279" spans="1:16" x14ac:dyDescent="0.2">
      <c r="A8279" s="1" t="s">
        <v>1385</v>
      </c>
      <c r="B8279" s="1" t="s">
        <v>1670</v>
      </c>
      <c r="C8279" s="1" t="s">
        <v>28555</v>
      </c>
      <c r="D8279" s="1" t="s">
        <v>28556</v>
      </c>
      <c r="E8279" s="1" t="s">
        <v>28557</v>
      </c>
      <c r="F8279" s="1" t="s">
        <v>10</v>
      </c>
      <c r="G8279" s="1" t="s">
        <v>10</v>
      </c>
      <c r="H8279" s="1" t="s">
        <v>10</v>
      </c>
      <c r="I8279" s="1" t="s">
        <v>1868</v>
      </c>
      <c r="J8279" s="1" t="s">
        <v>27256</v>
      </c>
      <c r="K8279" s="1" t="s">
        <v>6533</v>
      </c>
      <c r="L8279" s="1" t="s">
        <v>28554</v>
      </c>
      <c r="M8279" s="1" t="s">
        <v>5</v>
      </c>
      <c r="N8279" s="1" t="s">
        <v>25</v>
      </c>
      <c r="O8279" s="1" t="s">
        <v>38</v>
      </c>
      <c r="P8279" s="5" t="s">
        <v>30858</v>
      </c>
    </row>
    <row r="8280" spans="1:16" x14ac:dyDescent="0.2">
      <c r="A8280" s="1" t="s">
        <v>20</v>
      </c>
      <c r="B8280" s="1" t="s">
        <v>172</v>
      </c>
      <c r="C8280" s="1" t="s">
        <v>28559</v>
      </c>
      <c r="D8280" s="1" t="s">
        <v>28559</v>
      </c>
      <c r="E8280" s="1" t="s">
        <v>28522</v>
      </c>
      <c r="F8280" s="1" t="s">
        <v>10</v>
      </c>
      <c r="G8280" s="1" t="s">
        <v>10</v>
      </c>
      <c r="H8280" s="1" t="s">
        <v>10</v>
      </c>
      <c r="I8280" s="1" t="s">
        <v>1868</v>
      </c>
      <c r="J8280" s="1" t="s">
        <v>27256</v>
      </c>
      <c r="K8280" s="1" t="s">
        <v>64</v>
      </c>
      <c r="L8280" s="1" t="s">
        <v>28558</v>
      </c>
      <c r="M8280" s="1" t="s">
        <v>5</v>
      </c>
      <c r="N8280" s="1" t="s">
        <v>25</v>
      </c>
      <c r="O8280" s="1" t="s">
        <v>38</v>
      </c>
      <c r="P8280" s="5" t="s">
        <v>30858</v>
      </c>
    </row>
    <row r="8281" spans="1:16" x14ac:dyDescent="0.2">
      <c r="A8281" s="1" t="s">
        <v>1385</v>
      </c>
      <c r="B8281" s="1" t="s">
        <v>1670</v>
      </c>
      <c r="C8281" s="1" t="s">
        <v>28561</v>
      </c>
      <c r="D8281" s="1" t="s">
        <v>28561</v>
      </c>
      <c r="E8281" s="1" t="s">
        <v>28562</v>
      </c>
      <c r="F8281" s="1" t="s">
        <v>10</v>
      </c>
      <c r="G8281" s="1" t="s">
        <v>10</v>
      </c>
      <c r="H8281" s="1" t="s">
        <v>10</v>
      </c>
      <c r="I8281" s="1" t="s">
        <v>1868</v>
      </c>
      <c r="J8281" s="1" t="s">
        <v>27256</v>
      </c>
      <c r="K8281" s="1" t="s">
        <v>64</v>
      </c>
      <c r="L8281" s="1" t="s">
        <v>28560</v>
      </c>
      <c r="M8281" s="1" t="s">
        <v>5</v>
      </c>
      <c r="N8281" s="1" t="s">
        <v>25</v>
      </c>
      <c r="O8281" s="1" t="s">
        <v>38</v>
      </c>
      <c r="P8281" s="5" t="s">
        <v>32609</v>
      </c>
    </row>
    <row r="8282" spans="1:16" x14ac:dyDescent="0.2">
      <c r="A8282" s="1" t="s">
        <v>20</v>
      </c>
      <c r="B8282" s="1" t="s">
        <v>101</v>
      </c>
      <c r="C8282" s="1" t="s">
        <v>28564</v>
      </c>
      <c r="D8282" s="1" t="s">
        <v>28565</v>
      </c>
      <c r="E8282" s="1" t="s">
        <v>28566</v>
      </c>
      <c r="F8282" s="1" t="s">
        <v>10</v>
      </c>
      <c r="G8282" s="1" t="s">
        <v>10</v>
      </c>
      <c r="H8282" s="1" t="s">
        <v>10</v>
      </c>
      <c r="I8282" s="1" t="s">
        <v>1868</v>
      </c>
      <c r="J8282" s="1" t="s">
        <v>27256</v>
      </c>
      <c r="K8282" s="1" t="s">
        <v>7</v>
      </c>
      <c r="L8282" s="1" t="s">
        <v>28563</v>
      </c>
      <c r="M8282" s="1" t="s">
        <v>5</v>
      </c>
      <c r="N8282" s="1" t="s">
        <v>25</v>
      </c>
      <c r="O8282" s="1" t="s">
        <v>38</v>
      </c>
      <c r="P8282" s="5" t="s">
        <v>32610</v>
      </c>
    </row>
    <row r="8283" spans="1:16" x14ac:dyDescent="0.2">
      <c r="A8283" s="1" t="s">
        <v>42</v>
      </c>
      <c r="B8283" s="1" t="s">
        <v>1377</v>
      </c>
      <c r="C8283" s="1" t="s">
        <v>28568</v>
      </c>
      <c r="D8283" s="1" t="s">
        <v>28569</v>
      </c>
      <c r="E8283" s="1" t="s">
        <v>28571</v>
      </c>
      <c r="F8283" s="1" t="s">
        <v>522</v>
      </c>
      <c r="G8283" s="1" t="s">
        <v>10</v>
      </c>
      <c r="H8283" s="1" t="s">
        <v>28572</v>
      </c>
      <c r="I8283" s="1" t="s">
        <v>1868</v>
      </c>
      <c r="J8283" s="1" t="s">
        <v>28570</v>
      </c>
      <c r="K8283" s="1" t="s">
        <v>100</v>
      </c>
      <c r="L8283" s="1" t="s">
        <v>28567</v>
      </c>
      <c r="M8283" s="1" t="s">
        <v>5</v>
      </c>
      <c r="N8283" s="1" t="s">
        <v>25</v>
      </c>
      <c r="O8283" s="1" t="s">
        <v>8</v>
      </c>
      <c r="P8283" s="5" t="s">
        <v>30861</v>
      </c>
    </row>
    <row r="8284" spans="1:16" x14ac:dyDescent="0.2">
      <c r="A8284" s="1" t="s">
        <v>20</v>
      </c>
      <c r="B8284" s="1" t="s">
        <v>445</v>
      </c>
      <c r="C8284" s="1" t="s">
        <v>28574</v>
      </c>
      <c r="D8284" s="1" t="s">
        <v>28575</v>
      </c>
      <c r="E8284" s="1" t="s">
        <v>28576</v>
      </c>
      <c r="F8284" s="1" t="s">
        <v>10</v>
      </c>
      <c r="G8284" s="1" t="s">
        <v>10</v>
      </c>
      <c r="H8284" s="1" t="s">
        <v>10</v>
      </c>
      <c r="I8284" s="1" t="s">
        <v>1868</v>
      </c>
      <c r="J8284" s="1" t="s">
        <v>27329</v>
      </c>
      <c r="K8284" s="1" t="s">
        <v>130</v>
      </c>
      <c r="L8284" s="1" t="s">
        <v>28573</v>
      </c>
      <c r="M8284" s="1" t="s">
        <v>5</v>
      </c>
      <c r="N8284" s="1" t="s">
        <v>25</v>
      </c>
      <c r="O8284" s="1" t="s">
        <v>38</v>
      </c>
      <c r="P8284" s="5" t="s">
        <v>30862</v>
      </c>
    </row>
    <row r="8285" spans="1:16" x14ac:dyDescent="0.2">
      <c r="A8285" s="1" t="s">
        <v>1385</v>
      </c>
      <c r="B8285" s="1" t="s">
        <v>1687</v>
      </c>
      <c r="C8285" s="1" t="s">
        <v>7236</v>
      </c>
      <c r="D8285" s="1" t="s">
        <v>28578</v>
      </c>
      <c r="E8285" s="1" t="s">
        <v>28579</v>
      </c>
      <c r="F8285" s="1" t="s">
        <v>10</v>
      </c>
      <c r="G8285" s="1" t="s">
        <v>10</v>
      </c>
      <c r="H8285" s="1" t="s">
        <v>10</v>
      </c>
      <c r="I8285" s="1" t="s">
        <v>1868</v>
      </c>
      <c r="J8285" s="1" t="s">
        <v>27261</v>
      </c>
      <c r="K8285" s="1" t="s">
        <v>130</v>
      </c>
      <c r="L8285" s="1" t="s">
        <v>28577</v>
      </c>
      <c r="M8285" s="1" t="s">
        <v>5</v>
      </c>
      <c r="N8285" s="1" t="s">
        <v>25</v>
      </c>
      <c r="O8285" s="1" t="s">
        <v>38</v>
      </c>
      <c r="P8285" s="5" t="s">
        <v>30863</v>
      </c>
    </row>
    <row r="8286" spans="1:16" x14ac:dyDescent="0.2">
      <c r="A8286" s="1" t="s">
        <v>20</v>
      </c>
      <c r="B8286" s="1" t="s">
        <v>309</v>
      </c>
      <c r="C8286" s="1" t="s">
        <v>28581</v>
      </c>
      <c r="D8286" s="1" t="s">
        <v>28582</v>
      </c>
      <c r="E8286" s="1" t="s">
        <v>28583</v>
      </c>
      <c r="F8286" s="1" t="s">
        <v>10</v>
      </c>
      <c r="G8286" s="1" t="s">
        <v>10</v>
      </c>
      <c r="H8286" s="1" t="s">
        <v>10</v>
      </c>
      <c r="I8286" s="1" t="s">
        <v>1868</v>
      </c>
      <c r="J8286" s="1" t="s">
        <v>27455</v>
      </c>
      <c r="K8286" s="1" t="s">
        <v>64</v>
      </c>
      <c r="L8286" s="1" t="s">
        <v>28580</v>
      </c>
      <c r="M8286" s="1" t="s">
        <v>5</v>
      </c>
      <c r="N8286" s="1" t="s">
        <v>1695</v>
      </c>
      <c r="O8286" s="1" t="s">
        <v>38</v>
      </c>
      <c r="P8286" s="5" t="s">
        <v>32611</v>
      </c>
    </row>
    <row r="8287" spans="1:16" x14ac:dyDescent="0.2">
      <c r="A8287" s="1" t="s">
        <v>10</v>
      </c>
      <c r="B8287" s="1" t="s">
        <v>10</v>
      </c>
      <c r="C8287" s="1" t="s">
        <v>28585</v>
      </c>
      <c r="D8287" s="1" t="s">
        <v>28586</v>
      </c>
      <c r="E8287" s="1" t="s">
        <v>28587</v>
      </c>
      <c r="F8287" s="1" t="s">
        <v>10</v>
      </c>
      <c r="G8287" s="1" t="s">
        <v>10</v>
      </c>
      <c r="H8287" s="1" t="s">
        <v>10</v>
      </c>
      <c r="I8287" s="1" t="s">
        <v>1868</v>
      </c>
      <c r="J8287" s="1" t="s">
        <v>10</v>
      </c>
      <c r="K8287" s="1" t="s">
        <v>10</v>
      </c>
      <c r="L8287" s="1" t="s">
        <v>28584</v>
      </c>
      <c r="M8287" s="1" t="s">
        <v>3905</v>
      </c>
      <c r="N8287" s="1" t="s">
        <v>25</v>
      </c>
      <c r="O8287" s="1" t="s">
        <v>38</v>
      </c>
      <c r="P8287" s="5"/>
    </row>
    <row r="8288" spans="1:16" x14ac:dyDescent="0.2">
      <c r="A8288" s="1" t="s">
        <v>10</v>
      </c>
      <c r="B8288" s="1" t="s">
        <v>10</v>
      </c>
      <c r="C8288" s="1" t="s">
        <v>28589</v>
      </c>
      <c r="D8288" s="1" t="s">
        <v>28590</v>
      </c>
      <c r="E8288" s="1" t="s">
        <v>28591</v>
      </c>
      <c r="F8288" s="1" t="s">
        <v>10</v>
      </c>
      <c r="G8288" s="1" t="s">
        <v>10</v>
      </c>
      <c r="H8288" s="1" t="s">
        <v>10</v>
      </c>
      <c r="I8288" s="1" t="s">
        <v>1868</v>
      </c>
      <c r="J8288" s="1" t="s">
        <v>10</v>
      </c>
      <c r="K8288" s="1" t="s">
        <v>10</v>
      </c>
      <c r="L8288" s="1" t="s">
        <v>28588</v>
      </c>
      <c r="M8288" s="1" t="s">
        <v>5</v>
      </c>
      <c r="N8288" s="1" t="s">
        <v>25</v>
      </c>
      <c r="O8288" s="1" t="s">
        <v>38</v>
      </c>
      <c r="P8288" s="5"/>
    </row>
    <row r="8289" spans="1:16" x14ac:dyDescent="0.2">
      <c r="A8289" s="1" t="s">
        <v>10</v>
      </c>
      <c r="B8289" s="1" t="s">
        <v>10</v>
      </c>
      <c r="C8289" s="1" t="s">
        <v>28593</v>
      </c>
      <c r="D8289" s="1" t="s">
        <v>28594</v>
      </c>
      <c r="E8289" s="1" t="s">
        <v>28595</v>
      </c>
      <c r="F8289" s="1" t="s">
        <v>10</v>
      </c>
      <c r="G8289" s="1" t="s">
        <v>10</v>
      </c>
      <c r="H8289" s="1" t="s">
        <v>10</v>
      </c>
      <c r="I8289" s="1" t="s">
        <v>1868</v>
      </c>
      <c r="J8289" s="1" t="s">
        <v>10</v>
      </c>
      <c r="K8289" s="1" t="s">
        <v>64</v>
      </c>
      <c r="L8289" s="1" t="s">
        <v>28592</v>
      </c>
      <c r="M8289" s="1" t="s">
        <v>5</v>
      </c>
      <c r="N8289" s="1" t="s">
        <v>25</v>
      </c>
      <c r="O8289" s="1" t="s">
        <v>38</v>
      </c>
      <c r="P8289" s="5" t="s">
        <v>32833</v>
      </c>
    </row>
    <row r="8290" spans="1:16" x14ac:dyDescent="0.2">
      <c r="A8290" s="1" t="s">
        <v>10</v>
      </c>
      <c r="B8290" s="1" t="s">
        <v>10</v>
      </c>
      <c r="C8290" s="1" t="s">
        <v>28597</v>
      </c>
      <c r="D8290" s="1" t="s">
        <v>28598</v>
      </c>
      <c r="E8290" s="1" t="s">
        <v>28599</v>
      </c>
      <c r="F8290" s="1" t="s">
        <v>10</v>
      </c>
      <c r="G8290" s="1" t="s">
        <v>10</v>
      </c>
      <c r="H8290" s="1" t="s">
        <v>10</v>
      </c>
      <c r="I8290" s="1" t="s">
        <v>1868</v>
      </c>
      <c r="J8290" s="1" t="s">
        <v>10</v>
      </c>
      <c r="K8290" s="1" t="s">
        <v>10</v>
      </c>
      <c r="L8290" s="1" t="s">
        <v>28596</v>
      </c>
      <c r="M8290" s="1" t="s">
        <v>5</v>
      </c>
      <c r="N8290" s="1" t="s">
        <v>25</v>
      </c>
      <c r="O8290" s="1" t="s">
        <v>8</v>
      </c>
      <c r="P8290" s="5"/>
    </row>
    <row r="8291" spans="1:16" x14ac:dyDescent="0.2">
      <c r="A8291" s="1" t="s">
        <v>10</v>
      </c>
      <c r="B8291" s="1" t="s">
        <v>10</v>
      </c>
      <c r="C8291" s="1" t="s">
        <v>28601</v>
      </c>
      <c r="D8291" s="1" t="s">
        <v>28602</v>
      </c>
      <c r="E8291" s="1" t="s">
        <v>28604</v>
      </c>
      <c r="F8291" s="1" t="s">
        <v>10</v>
      </c>
      <c r="G8291" s="1" t="s">
        <v>10</v>
      </c>
      <c r="H8291" s="1" t="s">
        <v>10</v>
      </c>
      <c r="I8291" s="1" t="s">
        <v>1868</v>
      </c>
      <c r="J8291" s="1" t="s">
        <v>10</v>
      </c>
      <c r="K8291" s="1" t="s">
        <v>10</v>
      </c>
      <c r="L8291" s="1" t="s">
        <v>28600</v>
      </c>
      <c r="M8291" s="1" t="s">
        <v>28603</v>
      </c>
      <c r="N8291" s="1" t="s">
        <v>25</v>
      </c>
      <c r="O8291" s="1" t="s">
        <v>38</v>
      </c>
      <c r="P8291" s="5"/>
    </row>
    <row r="8292" spans="1:16" x14ac:dyDescent="0.2">
      <c r="A8292" s="1" t="s">
        <v>10</v>
      </c>
      <c r="B8292" s="1" t="s">
        <v>10</v>
      </c>
      <c r="C8292" s="1" t="s">
        <v>28606</v>
      </c>
      <c r="D8292" s="1" t="s">
        <v>28607</v>
      </c>
      <c r="E8292" s="1" t="s">
        <v>28608</v>
      </c>
      <c r="F8292" s="1" t="s">
        <v>10</v>
      </c>
      <c r="G8292" s="1" t="s">
        <v>10</v>
      </c>
      <c r="H8292" s="1" t="s">
        <v>10</v>
      </c>
      <c r="I8292" s="1" t="s">
        <v>1868</v>
      </c>
      <c r="J8292" s="1" t="s">
        <v>10</v>
      </c>
      <c r="K8292" s="1" t="s">
        <v>10</v>
      </c>
      <c r="L8292" s="1" t="s">
        <v>28605</v>
      </c>
      <c r="M8292" s="1" t="s">
        <v>5</v>
      </c>
      <c r="N8292" s="1" t="s">
        <v>25</v>
      </c>
      <c r="O8292" s="1" t="s">
        <v>38</v>
      </c>
      <c r="P8292" s="5"/>
    </row>
    <row r="8293" spans="1:16" x14ac:dyDescent="0.2">
      <c r="A8293" s="1" t="s">
        <v>487</v>
      </c>
      <c r="B8293" s="1" t="s">
        <v>784</v>
      </c>
      <c r="C8293" s="1" t="s">
        <v>28610</v>
      </c>
      <c r="D8293" s="1" t="s">
        <v>28611</v>
      </c>
      <c r="E8293" s="1" t="s">
        <v>28612</v>
      </c>
      <c r="F8293" s="1" t="s">
        <v>10</v>
      </c>
      <c r="G8293" s="1" t="s">
        <v>10</v>
      </c>
      <c r="H8293" s="1" t="s">
        <v>28613</v>
      </c>
      <c r="I8293" s="1" t="s">
        <v>1868</v>
      </c>
      <c r="J8293" s="1" t="s">
        <v>27256</v>
      </c>
      <c r="K8293" s="1" t="s">
        <v>64</v>
      </c>
      <c r="L8293" s="1" t="s">
        <v>28609</v>
      </c>
      <c r="M8293" s="1" t="s">
        <v>5</v>
      </c>
      <c r="N8293" s="1" t="s">
        <v>25</v>
      </c>
      <c r="O8293" s="1" t="s">
        <v>8</v>
      </c>
      <c r="P8293" s="5" t="s">
        <v>30864</v>
      </c>
    </row>
    <row r="8294" spans="1:16" x14ac:dyDescent="0.2">
      <c r="A8294" s="1" t="s">
        <v>10</v>
      </c>
      <c r="B8294" s="1" t="s">
        <v>10</v>
      </c>
      <c r="C8294" s="1" t="s">
        <v>28615</v>
      </c>
      <c r="D8294" s="1" t="s">
        <v>28616</v>
      </c>
      <c r="E8294" s="1" t="s">
        <v>28617</v>
      </c>
      <c r="F8294" s="1" t="s">
        <v>10</v>
      </c>
      <c r="G8294" s="1" t="s">
        <v>10</v>
      </c>
      <c r="H8294" s="1" t="s">
        <v>10</v>
      </c>
      <c r="I8294" s="1" t="s">
        <v>1868</v>
      </c>
      <c r="J8294" s="1" t="s">
        <v>10</v>
      </c>
      <c r="K8294" s="1" t="s">
        <v>10</v>
      </c>
      <c r="L8294" s="1" t="s">
        <v>28614</v>
      </c>
      <c r="M8294" s="1" t="s">
        <v>5</v>
      </c>
      <c r="N8294" s="1" t="s">
        <v>25</v>
      </c>
      <c r="O8294" s="1" t="s">
        <v>8</v>
      </c>
      <c r="P8294" s="5"/>
    </row>
    <row r="8295" spans="1:16" x14ac:dyDescent="0.2">
      <c r="A8295" s="1" t="s">
        <v>10</v>
      </c>
      <c r="B8295" s="1" t="s">
        <v>10</v>
      </c>
      <c r="C8295" s="1" t="s">
        <v>28619</v>
      </c>
      <c r="D8295" s="1" t="s">
        <v>28620</v>
      </c>
      <c r="E8295" s="1" t="s">
        <v>28621</v>
      </c>
      <c r="F8295" s="1" t="s">
        <v>10</v>
      </c>
      <c r="G8295" s="1" t="s">
        <v>10</v>
      </c>
      <c r="H8295" s="1" t="s">
        <v>10</v>
      </c>
      <c r="I8295" s="1" t="s">
        <v>1868</v>
      </c>
      <c r="J8295" s="1" t="s">
        <v>10</v>
      </c>
      <c r="K8295" s="1" t="s">
        <v>10</v>
      </c>
      <c r="L8295" s="1" t="s">
        <v>28618</v>
      </c>
      <c r="M8295" s="1" t="s">
        <v>5</v>
      </c>
      <c r="N8295" s="1" t="s">
        <v>25</v>
      </c>
      <c r="O8295" s="1" t="s">
        <v>38</v>
      </c>
      <c r="P8295" s="5"/>
    </row>
    <row r="8296" spans="1:16" x14ac:dyDescent="0.2">
      <c r="A8296" s="1" t="s">
        <v>10</v>
      </c>
      <c r="B8296" s="1" t="s">
        <v>10</v>
      </c>
      <c r="C8296" s="1" t="s">
        <v>28623</v>
      </c>
      <c r="D8296" s="1" t="s">
        <v>28624</v>
      </c>
      <c r="E8296" s="1"/>
      <c r="F8296" s="1" t="s">
        <v>10</v>
      </c>
      <c r="G8296" s="1" t="s">
        <v>10</v>
      </c>
      <c r="H8296" s="1" t="s">
        <v>10</v>
      </c>
      <c r="I8296" s="1" t="s">
        <v>1868</v>
      </c>
      <c r="J8296" s="1" t="s">
        <v>10</v>
      </c>
      <c r="K8296" s="1" t="s">
        <v>10</v>
      </c>
      <c r="L8296" s="1" t="s">
        <v>28622</v>
      </c>
      <c r="M8296" s="1" t="s">
        <v>5</v>
      </c>
      <c r="N8296" s="1" t="s">
        <v>25</v>
      </c>
      <c r="O8296" s="1" t="s">
        <v>38</v>
      </c>
      <c r="P8296" s="5"/>
    </row>
    <row r="8297" spans="1:16" x14ac:dyDescent="0.2">
      <c r="A8297" s="1" t="s">
        <v>10</v>
      </c>
      <c r="B8297" s="1" t="s">
        <v>10</v>
      </c>
      <c r="C8297" s="1" t="s">
        <v>28626</v>
      </c>
      <c r="D8297" s="1" t="s">
        <v>28627</v>
      </c>
      <c r="E8297" s="1" t="s">
        <v>28628</v>
      </c>
      <c r="F8297" s="1" t="s">
        <v>10</v>
      </c>
      <c r="G8297" s="1" t="s">
        <v>10</v>
      </c>
      <c r="H8297" s="1" t="s">
        <v>10</v>
      </c>
      <c r="I8297" s="1" t="s">
        <v>1868</v>
      </c>
      <c r="J8297" s="1" t="s">
        <v>10</v>
      </c>
      <c r="K8297" s="1" t="s">
        <v>10</v>
      </c>
      <c r="L8297" s="1" t="s">
        <v>28625</v>
      </c>
      <c r="M8297" s="1" t="s">
        <v>5</v>
      </c>
      <c r="N8297" s="1" t="s">
        <v>25</v>
      </c>
      <c r="O8297" s="1" t="s">
        <v>8</v>
      </c>
      <c r="P8297" s="5"/>
    </row>
    <row r="8298" spans="1:16" x14ac:dyDescent="0.2">
      <c r="A8298" s="1" t="s">
        <v>194</v>
      </c>
      <c r="B8298" s="1" t="s">
        <v>396</v>
      </c>
      <c r="C8298" s="1" t="s">
        <v>28630</v>
      </c>
      <c r="D8298" s="1" t="s">
        <v>28631</v>
      </c>
      <c r="E8298" s="1"/>
      <c r="F8298" s="1" t="s">
        <v>10</v>
      </c>
      <c r="G8298" s="1" t="s">
        <v>10</v>
      </c>
      <c r="H8298" s="1" t="s">
        <v>10</v>
      </c>
      <c r="I8298" s="1" t="s">
        <v>1868</v>
      </c>
      <c r="J8298" s="1" t="s">
        <v>27264</v>
      </c>
      <c r="K8298" s="1" t="s">
        <v>27</v>
      </c>
      <c r="L8298" s="1" t="s">
        <v>28629</v>
      </c>
      <c r="M8298" s="1" t="s">
        <v>5</v>
      </c>
      <c r="N8298" s="1" t="s">
        <v>25</v>
      </c>
      <c r="O8298" s="1" t="s">
        <v>38</v>
      </c>
      <c r="P8298" s="5" t="s">
        <v>30865</v>
      </c>
    </row>
    <row r="8299" spans="1:16" x14ac:dyDescent="0.2">
      <c r="A8299" s="1" t="s">
        <v>42</v>
      </c>
      <c r="B8299" s="1" t="s">
        <v>1341</v>
      </c>
      <c r="C8299" s="1" t="s">
        <v>28633</v>
      </c>
      <c r="D8299" s="1" t="s">
        <v>28634</v>
      </c>
      <c r="E8299" s="1" t="s">
        <v>28635</v>
      </c>
      <c r="F8299" s="1" t="s">
        <v>10</v>
      </c>
      <c r="G8299" s="1" t="s">
        <v>10</v>
      </c>
      <c r="H8299" s="1" t="s">
        <v>10</v>
      </c>
      <c r="I8299" s="1" t="s">
        <v>1868</v>
      </c>
      <c r="J8299" s="1" t="s">
        <v>27272</v>
      </c>
      <c r="K8299" s="1" t="s">
        <v>27</v>
      </c>
      <c r="L8299" s="1" t="s">
        <v>28632</v>
      </c>
      <c r="M8299" s="1" t="s">
        <v>5</v>
      </c>
      <c r="N8299" s="1" t="s">
        <v>25</v>
      </c>
      <c r="O8299" s="1" t="s">
        <v>38</v>
      </c>
      <c r="P8299" s="5" t="s">
        <v>30799</v>
      </c>
    </row>
    <row r="8300" spans="1:16" x14ac:dyDescent="0.2">
      <c r="A8300" s="1" t="s">
        <v>66</v>
      </c>
      <c r="B8300" s="1" t="s">
        <v>4741</v>
      </c>
      <c r="C8300" s="1" t="s">
        <v>28637</v>
      </c>
      <c r="D8300" s="1" t="s">
        <v>28638</v>
      </c>
      <c r="E8300" s="1" t="s">
        <v>28639</v>
      </c>
      <c r="F8300" s="1" t="s">
        <v>10</v>
      </c>
      <c r="G8300" s="1" t="s">
        <v>10</v>
      </c>
      <c r="H8300" s="1" t="s">
        <v>85</v>
      </c>
      <c r="I8300" s="1" t="s">
        <v>1868</v>
      </c>
      <c r="J8300" s="1" t="s">
        <v>27329</v>
      </c>
      <c r="K8300" s="1" t="s">
        <v>27</v>
      </c>
      <c r="L8300" s="1" t="s">
        <v>28636</v>
      </c>
      <c r="M8300" s="1" t="s">
        <v>5</v>
      </c>
      <c r="N8300" s="1" t="s">
        <v>1009</v>
      </c>
      <c r="O8300" s="1" t="s">
        <v>38</v>
      </c>
      <c r="P8300" s="5" t="s">
        <v>32551</v>
      </c>
    </row>
    <row r="8301" spans="1:16" x14ac:dyDescent="0.2">
      <c r="A8301" s="1" t="s">
        <v>42</v>
      </c>
      <c r="B8301" s="1" t="s">
        <v>118</v>
      </c>
      <c r="C8301" s="1" t="s">
        <v>28641</v>
      </c>
      <c r="D8301" s="1" t="s">
        <v>28642</v>
      </c>
      <c r="E8301" s="1" t="s">
        <v>28643</v>
      </c>
      <c r="F8301" s="1" t="s">
        <v>10</v>
      </c>
      <c r="G8301" s="1" t="s">
        <v>10</v>
      </c>
      <c r="H8301" s="1" t="s">
        <v>10</v>
      </c>
      <c r="I8301" s="1" t="s">
        <v>1868</v>
      </c>
      <c r="J8301" s="1" t="s">
        <v>27256</v>
      </c>
      <c r="K8301" s="1" t="s">
        <v>64</v>
      </c>
      <c r="L8301" s="1" t="s">
        <v>28640</v>
      </c>
      <c r="M8301" s="1" t="s">
        <v>5</v>
      </c>
      <c r="N8301" s="1" t="s">
        <v>25</v>
      </c>
      <c r="O8301" s="1" t="s">
        <v>38</v>
      </c>
      <c r="P8301" s="5" t="s">
        <v>30803</v>
      </c>
    </row>
    <row r="8302" spans="1:16" x14ac:dyDescent="0.2">
      <c r="A8302" s="1" t="s">
        <v>20</v>
      </c>
      <c r="B8302" s="1" t="s">
        <v>253</v>
      </c>
      <c r="C8302" s="1" t="s">
        <v>28645</v>
      </c>
      <c r="D8302" s="1" t="s">
        <v>28646</v>
      </c>
      <c r="E8302" s="1"/>
      <c r="F8302" s="1" t="s">
        <v>10</v>
      </c>
      <c r="G8302" s="1" t="s">
        <v>10</v>
      </c>
      <c r="H8302" s="1" t="s">
        <v>10</v>
      </c>
      <c r="I8302" s="1" t="s">
        <v>1868</v>
      </c>
      <c r="J8302" s="1" t="s">
        <v>27272</v>
      </c>
      <c r="K8302" s="1" t="s">
        <v>27</v>
      </c>
      <c r="L8302" s="1" t="s">
        <v>28644</v>
      </c>
      <c r="M8302" s="1" t="s">
        <v>5</v>
      </c>
      <c r="N8302" s="1" t="s">
        <v>25</v>
      </c>
      <c r="O8302" s="1" t="s">
        <v>38</v>
      </c>
      <c r="P8302" s="5" t="s">
        <v>32567</v>
      </c>
    </row>
    <row r="8303" spans="1:16" x14ac:dyDescent="0.2">
      <c r="A8303" s="1" t="s">
        <v>329</v>
      </c>
      <c r="B8303" s="1" t="s">
        <v>596</v>
      </c>
      <c r="C8303" s="1" t="s">
        <v>28648</v>
      </c>
      <c r="D8303" s="1" t="s">
        <v>28649</v>
      </c>
      <c r="E8303" s="1" t="s">
        <v>28650</v>
      </c>
      <c r="F8303" s="1" t="s">
        <v>10</v>
      </c>
      <c r="G8303" s="1" t="s">
        <v>10</v>
      </c>
      <c r="H8303" s="1" t="s">
        <v>10</v>
      </c>
      <c r="I8303" s="1" t="s">
        <v>1868</v>
      </c>
      <c r="J8303" s="1" t="s">
        <v>27256</v>
      </c>
      <c r="K8303" s="1" t="s">
        <v>6533</v>
      </c>
      <c r="L8303" s="1" t="s">
        <v>28647</v>
      </c>
      <c r="M8303" s="1" t="s">
        <v>5</v>
      </c>
      <c r="N8303" s="1" t="s">
        <v>25</v>
      </c>
      <c r="O8303" s="1" t="s">
        <v>38</v>
      </c>
      <c r="P8303" s="5" t="s">
        <v>30818</v>
      </c>
    </row>
    <row r="8304" spans="1:16" x14ac:dyDescent="0.2">
      <c r="A8304" s="1" t="s">
        <v>20</v>
      </c>
      <c r="B8304" s="1" t="s">
        <v>132</v>
      </c>
      <c r="C8304" s="1" t="s">
        <v>28652</v>
      </c>
      <c r="D8304" s="1" t="s">
        <v>355</v>
      </c>
      <c r="E8304" s="1" t="s">
        <v>28653</v>
      </c>
      <c r="F8304" s="1" t="s">
        <v>10</v>
      </c>
      <c r="G8304" s="1" t="s">
        <v>10</v>
      </c>
      <c r="H8304" s="1" t="s">
        <v>10</v>
      </c>
      <c r="I8304" s="1" t="s">
        <v>1868</v>
      </c>
      <c r="J8304" s="1" t="s">
        <v>27264</v>
      </c>
      <c r="K8304" s="1" t="s">
        <v>27</v>
      </c>
      <c r="L8304" s="1" t="s">
        <v>28651</v>
      </c>
      <c r="M8304" s="1" t="s">
        <v>5</v>
      </c>
      <c r="N8304" s="1" t="s">
        <v>25</v>
      </c>
      <c r="O8304" s="1" t="s">
        <v>38</v>
      </c>
      <c r="P8304" s="5" t="s">
        <v>30798</v>
      </c>
    </row>
    <row r="8305" spans="1:16" x14ac:dyDescent="0.2">
      <c r="A8305" s="1" t="s">
        <v>42</v>
      </c>
      <c r="B8305" s="1" t="s">
        <v>1341</v>
      </c>
      <c r="C8305" s="1" t="s">
        <v>28655</v>
      </c>
      <c r="D8305" s="1" t="s">
        <v>28656</v>
      </c>
      <c r="E8305" s="1" t="s">
        <v>28657</v>
      </c>
      <c r="F8305" s="1" t="s">
        <v>10</v>
      </c>
      <c r="G8305" s="1" t="s">
        <v>10</v>
      </c>
      <c r="H8305" s="1" t="s">
        <v>10</v>
      </c>
      <c r="I8305" s="1" t="s">
        <v>1868</v>
      </c>
      <c r="J8305" s="1" t="s">
        <v>27272</v>
      </c>
      <c r="K8305" s="1" t="s">
        <v>27</v>
      </c>
      <c r="L8305" s="1" t="s">
        <v>28654</v>
      </c>
      <c r="M8305" s="1" t="s">
        <v>5</v>
      </c>
      <c r="N8305" s="1" t="s">
        <v>25</v>
      </c>
      <c r="O8305" s="1" t="s">
        <v>38</v>
      </c>
      <c r="P8305" s="5" t="s">
        <v>32532</v>
      </c>
    </row>
    <row r="8306" spans="1:16" x14ac:dyDescent="0.2">
      <c r="A8306" s="1" t="s">
        <v>10</v>
      </c>
      <c r="B8306" s="1" t="s">
        <v>10</v>
      </c>
      <c r="C8306" s="1" t="s">
        <v>28659</v>
      </c>
      <c r="D8306" s="1" t="s">
        <v>28659</v>
      </c>
      <c r="E8306" s="1" t="s">
        <v>28660</v>
      </c>
      <c r="F8306" s="1" t="s">
        <v>10</v>
      </c>
      <c r="G8306" s="1" t="s">
        <v>10</v>
      </c>
      <c r="H8306" s="1" t="s">
        <v>10</v>
      </c>
      <c r="I8306" s="1" t="s">
        <v>1868</v>
      </c>
      <c r="J8306" s="1" t="s">
        <v>27272</v>
      </c>
      <c r="K8306" s="1" t="s">
        <v>10</v>
      </c>
      <c r="L8306" s="1" t="s">
        <v>28658</v>
      </c>
      <c r="M8306" s="1" t="s">
        <v>5</v>
      </c>
      <c r="N8306" s="1" t="s">
        <v>6</v>
      </c>
      <c r="O8306" s="1" t="s">
        <v>38</v>
      </c>
      <c r="P8306" s="5"/>
    </row>
    <row r="8307" spans="1:16" x14ac:dyDescent="0.2">
      <c r="A8307" s="1" t="s">
        <v>1086</v>
      </c>
      <c r="B8307" s="1" t="s">
        <v>1400</v>
      </c>
      <c r="C8307" s="1" t="s">
        <v>28662</v>
      </c>
      <c r="D8307" s="1" t="s">
        <v>23057</v>
      </c>
      <c r="E8307" s="1"/>
      <c r="F8307" s="1" t="s">
        <v>10</v>
      </c>
      <c r="G8307" s="1" t="s">
        <v>10</v>
      </c>
      <c r="H8307" s="1" t="s">
        <v>10</v>
      </c>
      <c r="I8307" s="1" t="s">
        <v>1868</v>
      </c>
      <c r="J8307" s="1" t="s">
        <v>27329</v>
      </c>
      <c r="K8307" s="1" t="s">
        <v>27</v>
      </c>
      <c r="L8307" s="1" t="s">
        <v>28661</v>
      </c>
      <c r="M8307" s="1" t="s">
        <v>5</v>
      </c>
      <c r="N8307" s="1" t="s">
        <v>1009</v>
      </c>
      <c r="O8307" s="1" t="s">
        <v>38</v>
      </c>
      <c r="P8307" s="5" t="s">
        <v>32541</v>
      </c>
    </row>
    <row r="8308" spans="1:16" x14ac:dyDescent="0.2">
      <c r="A8308" s="1" t="s">
        <v>42</v>
      </c>
      <c r="B8308" s="1" t="s">
        <v>1341</v>
      </c>
      <c r="C8308" s="1" t="s">
        <v>28664</v>
      </c>
      <c r="D8308" s="1" t="s">
        <v>10113</v>
      </c>
      <c r="E8308" s="1"/>
      <c r="F8308" s="1" t="s">
        <v>10</v>
      </c>
      <c r="G8308" s="1" t="s">
        <v>10</v>
      </c>
      <c r="H8308" s="1" t="s">
        <v>10</v>
      </c>
      <c r="I8308" s="1" t="s">
        <v>1868</v>
      </c>
      <c r="J8308" s="1" t="s">
        <v>27272</v>
      </c>
      <c r="K8308" s="1" t="s">
        <v>27</v>
      </c>
      <c r="L8308" s="1" t="s">
        <v>28663</v>
      </c>
      <c r="M8308" s="1" t="s">
        <v>5</v>
      </c>
      <c r="N8308" s="1" t="s">
        <v>25</v>
      </c>
      <c r="O8308" s="1" t="s">
        <v>38</v>
      </c>
      <c r="P8308" s="5" t="s">
        <v>32532</v>
      </c>
    </row>
    <row r="8309" spans="1:16" x14ac:dyDescent="0.2">
      <c r="A8309" s="1" t="s">
        <v>66</v>
      </c>
      <c r="B8309" s="1" t="s">
        <v>4741</v>
      </c>
      <c r="C8309" s="1" t="s">
        <v>28666</v>
      </c>
      <c r="D8309" s="1" t="s">
        <v>28667</v>
      </c>
      <c r="E8309" s="1" t="s">
        <v>28668</v>
      </c>
      <c r="F8309" s="1" t="s">
        <v>10</v>
      </c>
      <c r="G8309" s="1" t="s">
        <v>10</v>
      </c>
      <c r="H8309" s="1" t="s">
        <v>85</v>
      </c>
      <c r="I8309" s="1" t="s">
        <v>1868</v>
      </c>
      <c r="J8309" s="1" t="s">
        <v>27256</v>
      </c>
      <c r="K8309" s="1" t="s">
        <v>6533</v>
      </c>
      <c r="L8309" s="1" t="s">
        <v>28665</v>
      </c>
      <c r="M8309" s="1" t="s">
        <v>5</v>
      </c>
      <c r="N8309" s="1" t="s">
        <v>1009</v>
      </c>
      <c r="O8309" s="1" t="s">
        <v>38</v>
      </c>
      <c r="P8309" s="5" t="s">
        <v>32550</v>
      </c>
    </row>
    <row r="8310" spans="1:16" x14ac:dyDescent="0.2">
      <c r="A8310" s="1" t="s">
        <v>10</v>
      </c>
      <c r="B8310" s="1" t="s">
        <v>10</v>
      </c>
      <c r="C8310" s="1" t="s">
        <v>28670</v>
      </c>
      <c r="D8310" s="1" t="s">
        <v>9663</v>
      </c>
      <c r="E8310" s="1" t="s">
        <v>28671</v>
      </c>
      <c r="F8310" s="1" t="s">
        <v>10</v>
      </c>
      <c r="G8310" s="1" t="s">
        <v>10</v>
      </c>
      <c r="H8310" s="1" t="s">
        <v>10</v>
      </c>
      <c r="I8310" s="1" t="s">
        <v>1868</v>
      </c>
      <c r="J8310" s="1" t="s">
        <v>27329</v>
      </c>
      <c r="K8310" s="1" t="s">
        <v>10</v>
      </c>
      <c r="L8310" s="1" t="s">
        <v>28669</v>
      </c>
      <c r="M8310" s="1" t="s">
        <v>5</v>
      </c>
      <c r="N8310" s="1" t="s">
        <v>1009</v>
      </c>
      <c r="O8310" s="1" t="s">
        <v>38</v>
      </c>
      <c r="P8310" s="5" t="s">
        <v>32529</v>
      </c>
    </row>
    <row r="8311" spans="1:16" x14ac:dyDescent="0.2">
      <c r="A8311" s="1" t="s">
        <v>66</v>
      </c>
      <c r="B8311" s="1" t="s">
        <v>4741</v>
      </c>
      <c r="C8311" s="1" t="s">
        <v>28673</v>
      </c>
      <c r="D8311" s="1" t="s">
        <v>28673</v>
      </c>
      <c r="E8311" s="1" t="s">
        <v>28674</v>
      </c>
      <c r="F8311" s="1" t="s">
        <v>10</v>
      </c>
      <c r="G8311" s="1" t="s">
        <v>10</v>
      </c>
      <c r="H8311" s="1" t="s">
        <v>85</v>
      </c>
      <c r="I8311" s="1" t="s">
        <v>1868</v>
      </c>
      <c r="J8311" s="1" t="s">
        <v>27272</v>
      </c>
      <c r="K8311" s="1" t="s">
        <v>27</v>
      </c>
      <c r="L8311" s="1" t="s">
        <v>28672</v>
      </c>
      <c r="M8311" s="1" t="s">
        <v>5</v>
      </c>
      <c r="N8311" s="1" t="s">
        <v>1009</v>
      </c>
      <c r="O8311" s="1" t="s">
        <v>38</v>
      </c>
      <c r="P8311" s="5" t="s">
        <v>32551</v>
      </c>
    </row>
    <row r="8312" spans="1:16" x14ac:dyDescent="0.2">
      <c r="A8312" s="1" t="s">
        <v>10</v>
      </c>
      <c r="B8312" s="1" t="s">
        <v>10</v>
      </c>
      <c r="C8312" s="1" t="s">
        <v>28676</v>
      </c>
      <c r="D8312" s="1" t="s">
        <v>28677</v>
      </c>
      <c r="E8312" s="1" t="s">
        <v>28676</v>
      </c>
      <c r="F8312" s="1" t="s">
        <v>10</v>
      </c>
      <c r="G8312" s="1" t="s">
        <v>10</v>
      </c>
      <c r="H8312" s="1" t="s">
        <v>10</v>
      </c>
      <c r="I8312" s="1" t="s">
        <v>1868</v>
      </c>
      <c r="J8312" s="1" t="s">
        <v>27256</v>
      </c>
      <c r="K8312" s="1" t="s">
        <v>10</v>
      </c>
      <c r="L8312" s="1" t="s">
        <v>28675</v>
      </c>
      <c r="M8312" s="1" t="s">
        <v>5</v>
      </c>
      <c r="N8312" s="1" t="s">
        <v>6</v>
      </c>
      <c r="O8312" s="1" t="s">
        <v>8</v>
      </c>
      <c r="P8312" s="5"/>
    </row>
    <row r="8313" spans="1:16" x14ac:dyDescent="0.2">
      <c r="A8313" s="1" t="s">
        <v>66</v>
      </c>
      <c r="B8313" s="1" t="s">
        <v>4741</v>
      </c>
      <c r="C8313" s="1" t="s">
        <v>28679</v>
      </c>
      <c r="D8313" s="1" t="s">
        <v>10284</v>
      </c>
      <c r="E8313" s="1" t="s">
        <v>28680</v>
      </c>
      <c r="F8313" s="1" t="s">
        <v>10</v>
      </c>
      <c r="G8313" s="1" t="s">
        <v>10</v>
      </c>
      <c r="H8313" s="1" t="s">
        <v>85</v>
      </c>
      <c r="I8313" s="1" t="s">
        <v>1868</v>
      </c>
      <c r="J8313" s="1" t="s">
        <v>27329</v>
      </c>
      <c r="K8313" s="1" t="s">
        <v>27</v>
      </c>
      <c r="L8313" s="1" t="s">
        <v>28678</v>
      </c>
      <c r="M8313" s="1" t="s">
        <v>5</v>
      </c>
      <c r="N8313" s="1" t="s">
        <v>1009</v>
      </c>
      <c r="O8313" s="1" t="s">
        <v>38</v>
      </c>
      <c r="P8313" s="5" t="s">
        <v>32551</v>
      </c>
    </row>
    <row r="8314" spans="1:16" x14ac:dyDescent="0.2">
      <c r="A8314" s="1" t="s">
        <v>66</v>
      </c>
      <c r="B8314" s="1" t="s">
        <v>4741</v>
      </c>
      <c r="C8314" s="1" t="s">
        <v>19035</v>
      </c>
      <c r="D8314" s="1" t="s">
        <v>28682</v>
      </c>
      <c r="E8314" s="1" t="s">
        <v>28683</v>
      </c>
      <c r="F8314" s="1" t="s">
        <v>10</v>
      </c>
      <c r="G8314" s="1" t="s">
        <v>10</v>
      </c>
      <c r="H8314" s="1" t="s">
        <v>85</v>
      </c>
      <c r="I8314" s="1" t="s">
        <v>1868</v>
      </c>
      <c r="J8314" s="1" t="s">
        <v>27256</v>
      </c>
      <c r="K8314" s="1" t="s">
        <v>64</v>
      </c>
      <c r="L8314" s="1" t="s">
        <v>28681</v>
      </c>
      <c r="M8314" s="1" t="s">
        <v>5</v>
      </c>
      <c r="N8314" s="1" t="s">
        <v>1009</v>
      </c>
      <c r="O8314" s="1" t="s">
        <v>38</v>
      </c>
      <c r="P8314" s="5" t="s">
        <v>32550</v>
      </c>
    </row>
    <row r="8315" spans="1:16" x14ac:dyDescent="0.2">
      <c r="A8315" s="1" t="s">
        <v>42</v>
      </c>
      <c r="B8315" s="1" t="s">
        <v>1341</v>
      </c>
      <c r="C8315" s="1" t="s">
        <v>28685</v>
      </c>
      <c r="D8315" s="1" t="s">
        <v>28686</v>
      </c>
      <c r="E8315" s="1" t="s">
        <v>28687</v>
      </c>
      <c r="F8315" s="1" t="s">
        <v>10</v>
      </c>
      <c r="G8315" s="1" t="s">
        <v>10</v>
      </c>
      <c r="H8315" s="1" t="s">
        <v>10</v>
      </c>
      <c r="I8315" s="1" t="s">
        <v>1868</v>
      </c>
      <c r="J8315" s="1" t="s">
        <v>27329</v>
      </c>
      <c r="K8315" s="1" t="s">
        <v>27</v>
      </c>
      <c r="L8315" s="1" t="s">
        <v>28684</v>
      </c>
      <c r="M8315" s="1" t="s">
        <v>5</v>
      </c>
      <c r="N8315" s="1" t="s">
        <v>25</v>
      </c>
      <c r="O8315" s="1" t="s">
        <v>38</v>
      </c>
      <c r="P8315" s="5" t="s">
        <v>30815</v>
      </c>
    </row>
    <row r="8316" spans="1:16" x14ac:dyDescent="0.2">
      <c r="A8316" s="1" t="s">
        <v>42</v>
      </c>
      <c r="B8316" s="1" t="s">
        <v>118</v>
      </c>
      <c r="C8316" s="1" t="s">
        <v>28689</v>
      </c>
      <c r="D8316" s="1" t="s">
        <v>28690</v>
      </c>
      <c r="E8316" s="1" t="s">
        <v>28691</v>
      </c>
      <c r="F8316" s="1" t="s">
        <v>10</v>
      </c>
      <c r="G8316" s="1" t="s">
        <v>10</v>
      </c>
      <c r="H8316" s="1" t="s">
        <v>10</v>
      </c>
      <c r="I8316" s="1" t="s">
        <v>1868</v>
      </c>
      <c r="J8316" s="1" t="s">
        <v>27256</v>
      </c>
      <c r="K8316" s="1" t="s">
        <v>64</v>
      </c>
      <c r="L8316" s="1" t="s">
        <v>28688</v>
      </c>
      <c r="M8316" s="1" t="s">
        <v>5</v>
      </c>
      <c r="N8316" s="1" t="s">
        <v>25</v>
      </c>
      <c r="O8316" s="1" t="s">
        <v>38</v>
      </c>
      <c r="P8316" s="5" t="s">
        <v>30833</v>
      </c>
    </row>
    <row r="8317" spans="1:16" x14ac:dyDescent="0.2">
      <c r="A8317" s="1" t="s">
        <v>20</v>
      </c>
      <c r="B8317" s="1" t="s">
        <v>132</v>
      </c>
      <c r="C8317" s="1" t="s">
        <v>28693</v>
      </c>
      <c r="D8317" s="1" t="s">
        <v>28694</v>
      </c>
      <c r="E8317" s="1" t="s">
        <v>28695</v>
      </c>
      <c r="F8317" s="1" t="s">
        <v>10</v>
      </c>
      <c r="G8317" s="1" t="s">
        <v>10</v>
      </c>
      <c r="H8317" s="1" t="s">
        <v>10</v>
      </c>
      <c r="I8317" s="1" t="s">
        <v>1868</v>
      </c>
      <c r="J8317" s="1" t="s">
        <v>27256</v>
      </c>
      <c r="K8317" s="1" t="s">
        <v>64</v>
      </c>
      <c r="L8317" s="1" t="s">
        <v>28692</v>
      </c>
      <c r="M8317" s="1" t="s">
        <v>5</v>
      </c>
      <c r="N8317" s="1" t="s">
        <v>25</v>
      </c>
      <c r="O8317" s="1" t="s">
        <v>38</v>
      </c>
      <c r="P8317" s="5" t="s">
        <v>30826</v>
      </c>
    </row>
    <row r="8318" spans="1:16" x14ac:dyDescent="0.2">
      <c r="A8318" s="1" t="s">
        <v>20</v>
      </c>
      <c r="B8318" s="1" t="s">
        <v>3530</v>
      </c>
      <c r="C8318" s="1" t="s">
        <v>28697</v>
      </c>
      <c r="D8318" s="1" t="s">
        <v>28698</v>
      </c>
      <c r="E8318" s="1" t="s">
        <v>28699</v>
      </c>
      <c r="F8318" s="1" t="s">
        <v>10</v>
      </c>
      <c r="G8318" s="1" t="s">
        <v>10</v>
      </c>
      <c r="H8318" s="1" t="s">
        <v>10</v>
      </c>
      <c r="I8318" s="1" t="s">
        <v>1868</v>
      </c>
      <c r="J8318" s="1" t="s">
        <v>27272</v>
      </c>
      <c r="K8318" s="1" t="s">
        <v>27</v>
      </c>
      <c r="L8318" s="1" t="s">
        <v>28696</v>
      </c>
      <c r="M8318" s="1" t="s">
        <v>5</v>
      </c>
      <c r="N8318" s="1" t="s">
        <v>25</v>
      </c>
      <c r="O8318" s="1" t="s">
        <v>38</v>
      </c>
      <c r="P8318" s="5" t="s">
        <v>30800</v>
      </c>
    </row>
    <row r="8319" spans="1:16" x14ac:dyDescent="0.2">
      <c r="A8319" s="1" t="s">
        <v>20</v>
      </c>
      <c r="B8319" s="1" t="s">
        <v>99</v>
      </c>
      <c r="C8319" s="1" t="s">
        <v>28701</v>
      </c>
      <c r="D8319" s="1" t="s">
        <v>298</v>
      </c>
      <c r="E8319" s="1" t="s">
        <v>28702</v>
      </c>
      <c r="F8319" s="1" t="s">
        <v>27</v>
      </c>
      <c r="G8319" s="1" t="s">
        <v>1042</v>
      </c>
      <c r="H8319" s="1" t="s">
        <v>28703</v>
      </c>
      <c r="I8319" s="1" t="s">
        <v>1868</v>
      </c>
      <c r="J8319" s="1" t="s">
        <v>27256</v>
      </c>
      <c r="K8319" s="1" t="s">
        <v>1468</v>
      </c>
      <c r="L8319" s="1" t="s">
        <v>28700</v>
      </c>
      <c r="M8319" s="1" t="s">
        <v>5</v>
      </c>
      <c r="N8319" s="1" t="s">
        <v>25</v>
      </c>
      <c r="O8319" s="1" t="s">
        <v>8</v>
      </c>
      <c r="P8319" s="5" t="s">
        <v>30834</v>
      </c>
    </row>
    <row r="8320" spans="1:16" x14ac:dyDescent="0.2">
      <c r="A8320" s="1" t="s">
        <v>329</v>
      </c>
      <c r="B8320" s="1" t="s">
        <v>2622</v>
      </c>
      <c r="C8320" s="1" t="s">
        <v>28705</v>
      </c>
      <c r="D8320" s="1" t="s">
        <v>28706</v>
      </c>
      <c r="E8320" s="1" t="s">
        <v>28707</v>
      </c>
      <c r="F8320" s="1" t="s">
        <v>10</v>
      </c>
      <c r="G8320" s="1" t="s">
        <v>10</v>
      </c>
      <c r="H8320" s="1" t="s">
        <v>10</v>
      </c>
      <c r="I8320" s="1" t="s">
        <v>1868</v>
      </c>
      <c r="J8320" s="1" t="s">
        <v>27261</v>
      </c>
      <c r="K8320" s="1" t="s">
        <v>27</v>
      </c>
      <c r="L8320" s="1" t="s">
        <v>28704</v>
      </c>
      <c r="M8320" s="1" t="s">
        <v>5</v>
      </c>
      <c r="N8320" s="1" t="s">
        <v>25</v>
      </c>
      <c r="O8320" s="1" t="s">
        <v>38</v>
      </c>
      <c r="P8320" s="5" t="s">
        <v>30798</v>
      </c>
    </row>
    <row r="8321" spans="1:16" x14ac:dyDescent="0.2">
      <c r="A8321" s="1" t="s">
        <v>329</v>
      </c>
      <c r="B8321" s="1" t="s">
        <v>2622</v>
      </c>
      <c r="C8321" s="1" t="s">
        <v>28709</v>
      </c>
      <c r="D8321" s="1" t="s">
        <v>28710</v>
      </c>
      <c r="E8321" s="1" t="s">
        <v>28711</v>
      </c>
      <c r="F8321" s="1" t="s">
        <v>10</v>
      </c>
      <c r="G8321" s="1" t="s">
        <v>10</v>
      </c>
      <c r="H8321" s="1" t="s">
        <v>10</v>
      </c>
      <c r="I8321" s="1" t="s">
        <v>1868</v>
      </c>
      <c r="J8321" s="1" t="s">
        <v>27261</v>
      </c>
      <c r="K8321" s="1" t="s">
        <v>27</v>
      </c>
      <c r="L8321" s="1" t="s">
        <v>28708</v>
      </c>
      <c r="M8321" s="1" t="s">
        <v>5</v>
      </c>
      <c r="N8321" s="1" t="s">
        <v>25</v>
      </c>
      <c r="O8321" s="1" t="s">
        <v>38</v>
      </c>
      <c r="P8321" s="5" t="s">
        <v>30798</v>
      </c>
    </row>
    <row r="8322" spans="1:16" x14ac:dyDescent="0.2">
      <c r="A8322" s="1" t="s">
        <v>42</v>
      </c>
      <c r="B8322" s="1" t="s">
        <v>1377</v>
      </c>
      <c r="C8322" s="1" t="s">
        <v>28713</v>
      </c>
      <c r="D8322" s="1" t="s">
        <v>28714</v>
      </c>
      <c r="E8322" s="1" t="s">
        <v>28715</v>
      </c>
      <c r="F8322" s="1" t="s">
        <v>10</v>
      </c>
      <c r="G8322" s="1" t="s">
        <v>10</v>
      </c>
      <c r="H8322" s="1" t="s">
        <v>10</v>
      </c>
      <c r="I8322" s="1" t="s">
        <v>1868</v>
      </c>
      <c r="J8322" s="1" t="s">
        <v>27256</v>
      </c>
      <c r="K8322" s="1" t="s">
        <v>6533</v>
      </c>
      <c r="L8322" s="1" t="s">
        <v>28712</v>
      </c>
      <c r="M8322" s="1" t="s">
        <v>5</v>
      </c>
      <c r="N8322" s="1" t="s">
        <v>25</v>
      </c>
      <c r="O8322" s="1" t="s">
        <v>38</v>
      </c>
      <c r="P8322" s="5" t="s">
        <v>30826</v>
      </c>
    </row>
    <row r="8323" spans="1:16" x14ac:dyDescent="0.2">
      <c r="A8323" s="1" t="s">
        <v>194</v>
      </c>
      <c r="B8323" s="1" t="s">
        <v>396</v>
      </c>
      <c r="C8323" s="1" t="s">
        <v>28717</v>
      </c>
      <c r="D8323" s="1" t="s">
        <v>28718</v>
      </c>
      <c r="E8323" s="1" t="s">
        <v>28719</v>
      </c>
      <c r="F8323" s="1" t="s">
        <v>10</v>
      </c>
      <c r="G8323" s="1" t="s">
        <v>10</v>
      </c>
      <c r="H8323" s="1" t="s">
        <v>10</v>
      </c>
      <c r="I8323" s="1" t="s">
        <v>1868</v>
      </c>
      <c r="J8323" s="1" t="s">
        <v>27264</v>
      </c>
      <c r="K8323" s="1" t="s">
        <v>27</v>
      </c>
      <c r="L8323" s="1" t="s">
        <v>28716</v>
      </c>
      <c r="M8323" s="1" t="s">
        <v>5</v>
      </c>
      <c r="N8323" s="1" t="s">
        <v>1009</v>
      </c>
      <c r="O8323" s="1" t="s">
        <v>38</v>
      </c>
      <c r="P8323" s="5" t="s">
        <v>30811</v>
      </c>
    </row>
    <row r="8324" spans="1:16" x14ac:dyDescent="0.2">
      <c r="A8324" s="1" t="s">
        <v>20</v>
      </c>
      <c r="B8324" s="1" t="s">
        <v>445</v>
      </c>
      <c r="C8324" s="1" t="s">
        <v>28721</v>
      </c>
      <c r="D8324" s="1" t="s">
        <v>28722</v>
      </c>
      <c r="E8324" s="1" t="s">
        <v>28723</v>
      </c>
      <c r="F8324" s="1" t="s">
        <v>10</v>
      </c>
      <c r="G8324" s="1" t="s">
        <v>10</v>
      </c>
      <c r="H8324" s="1" t="s">
        <v>10</v>
      </c>
      <c r="I8324" s="1" t="s">
        <v>1868</v>
      </c>
      <c r="J8324" s="1" t="s">
        <v>27329</v>
      </c>
      <c r="K8324" s="1" t="s">
        <v>27</v>
      </c>
      <c r="L8324" s="1" t="s">
        <v>28720</v>
      </c>
      <c r="M8324" s="1" t="s">
        <v>5</v>
      </c>
      <c r="N8324" s="1" t="s">
        <v>25</v>
      </c>
      <c r="O8324" s="1" t="s">
        <v>38</v>
      </c>
      <c r="P8324" s="5" t="s">
        <v>30809</v>
      </c>
    </row>
    <row r="8325" spans="1:16" x14ac:dyDescent="0.2">
      <c r="A8325" s="1" t="s">
        <v>20</v>
      </c>
      <c r="B8325" s="1" t="s">
        <v>445</v>
      </c>
      <c r="C8325" s="1" t="s">
        <v>28725</v>
      </c>
      <c r="D8325" s="1" t="s">
        <v>28726</v>
      </c>
      <c r="E8325" s="1" t="s">
        <v>28727</v>
      </c>
      <c r="F8325" s="1" t="s">
        <v>10</v>
      </c>
      <c r="G8325" s="1" t="s">
        <v>10</v>
      </c>
      <c r="H8325" s="1" t="s">
        <v>10</v>
      </c>
      <c r="I8325" s="1" t="s">
        <v>1868</v>
      </c>
      <c r="J8325" s="1" t="s">
        <v>27272</v>
      </c>
      <c r="K8325" s="1" t="s">
        <v>27</v>
      </c>
      <c r="L8325" s="1" t="s">
        <v>28724</v>
      </c>
      <c r="M8325" s="1" t="s">
        <v>5</v>
      </c>
      <c r="N8325" s="1" t="s">
        <v>25</v>
      </c>
      <c r="O8325" s="1" t="s">
        <v>38</v>
      </c>
      <c r="P8325" s="5" t="s">
        <v>30799</v>
      </c>
    </row>
    <row r="8326" spans="1:16" x14ac:dyDescent="0.2">
      <c r="A8326" s="1" t="s">
        <v>42</v>
      </c>
      <c r="B8326" s="1" t="s">
        <v>1341</v>
      </c>
      <c r="C8326" s="1" t="s">
        <v>28729</v>
      </c>
      <c r="D8326" s="1" t="s">
        <v>28730</v>
      </c>
      <c r="E8326" s="1" t="s">
        <v>28731</v>
      </c>
      <c r="F8326" s="1" t="s">
        <v>10</v>
      </c>
      <c r="G8326" s="1" t="s">
        <v>10</v>
      </c>
      <c r="H8326" s="1" t="s">
        <v>10</v>
      </c>
      <c r="I8326" s="1" t="s">
        <v>1868</v>
      </c>
      <c r="J8326" s="1" t="s">
        <v>27329</v>
      </c>
      <c r="K8326" s="1" t="s">
        <v>27</v>
      </c>
      <c r="L8326" s="1" t="s">
        <v>28728</v>
      </c>
      <c r="M8326" s="1" t="s">
        <v>5</v>
      </c>
      <c r="N8326" s="1" t="s">
        <v>25</v>
      </c>
      <c r="O8326" s="1" t="s">
        <v>38</v>
      </c>
      <c r="P8326" s="5" t="s">
        <v>30809</v>
      </c>
    </row>
    <row r="8327" spans="1:16" x14ac:dyDescent="0.2">
      <c r="A8327" s="1" t="s">
        <v>20</v>
      </c>
      <c r="B8327" s="1" t="s">
        <v>253</v>
      </c>
      <c r="C8327" s="1" t="s">
        <v>28734</v>
      </c>
      <c r="D8327" s="1" t="s">
        <v>28735</v>
      </c>
      <c r="E8327" s="1" t="s">
        <v>28736</v>
      </c>
      <c r="F8327" s="1" t="s">
        <v>27</v>
      </c>
      <c r="G8327" s="1" t="s">
        <v>10</v>
      </c>
      <c r="H8327" s="1" t="s">
        <v>28737</v>
      </c>
      <c r="I8327" s="1" t="s">
        <v>28732</v>
      </c>
      <c r="J8327" s="1" t="s">
        <v>19</v>
      </c>
      <c r="K8327" s="1" t="s">
        <v>130</v>
      </c>
      <c r="L8327" s="1" t="s">
        <v>28733</v>
      </c>
      <c r="M8327" s="1" t="s">
        <v>5</v>
      </c>
      <c r="N8327" s="1" t="s">
        <v>25</v>
      </c>
      <c r="O8327" s="1" t="s">
        <v>8</v>
      </c>
      <c r="P8327" s="5" t="s">
        <v>32612</v>
      </c>
    </row>
    <row r="8328" spans="1:16" x14ac:dyDescent="0.2">
      <c r="A8328" s="1" t="s">
        <v>42</v>
      </c>
      <c r="B8328" s="1" t="s">
        <v>50</v>
      </c>
      <c r="C8328" s="1" t="s">
        <v>28739</v>
      </c>
      <c r="D8328" s="1" t="s">
        <v>28740</v>
      </c>
      <c r="E8328" s="1" t="s">
        <v>28741</v>
      </c>
      <c r="F8328" s="1" t="s">
        <v>10</v>
      </c>
      <c r="G8328" s="1" t="s">
        <v>10</v>
      </c>
      <c r="H8328" s="1" t="s">
        <v>10</v>
      </c>
      <c r="I8328" s="1" t="s">
        <v>28732</v>
      </c>
      <c r="J8328" s="1" t="s">
        <v>19</v>
      </c>
      <c r="K8328" s="1" t="s">
        <v>64</v>
      </c>
      <c r="L8328" s="1" t="s">
        <v>28738</v>
      </c>
      <c r="M8328" s="1" t="s">
        <v>5</v>
      </c>
      <c r="N8328" s="1" t="s">
        <v>25</v>
      </c>
      <c r="O8328" s="1" t="s">
        <v>38</v>
      </c>
      <c r="P8328" s="5" t="s">
        <v>29821</v>
      </c>
    </row>
    <row r="8329" spans="1:16" x14ac:dyDescent="0.2">
      <c r="A8329" s="1" t="s">
        <v>42</v>
      </c>
      <c r="B8329" s="1" t="s">
        <v>351</v>
      </c>
      <c r="C8329" s="1" t="s">
        <v>28743</v>
      </c>
      <c r="D8329" s="1" t="s">
        <v>28744</v>
      </c>
      <c r="E8329" s="1" t="s">
        <v>28745</v>
      </c>
      <c r="F8329" s="1" t="s">
        <v>10</v>
      </c>
      <c r="G8329" s="1" t="s">
        <v>10</v>
      </c>
      <c r="H8329" s="1" t="s">
        <v>10</v>
      </c>
      <c r="I8329" s="1" t="s">
        <v>28732</v>
      </c>
      <c r="J8329" s="1" t="s">
        <v>15496</v>
      </c>
      <c r="K8329" s="1" t="s">
        <v>130</v>
      </c>
      <c r="L8329" s="1" t="s">
        <v>28742</v>
      </c>
      <c r="M8329" s="1" t="s">
        <v>5</v>
      </c>
      <c r="N8329" s="1" t="s">
        <v>25</v>
      </c>
      <c r="O8329" s="1" t="s">
        <v>38</v>
      </c>
      <c r="P8329" s="5" t="s">
        <v>29821</v>
      </c>
    </row>
    <row r="8330" spans="1:16" x14ac:dyDescent="0.2">
      <c r="A8330" s="1" t="s">
        <v>20</v>
      </c>
      <c r="B8330" s="1" t="s">
        <v>253</v>
      </c>
      <c r="C8330" s="1" t="s">
        <v>28747</v>
      </c>
      <c r="D8330" s="1" t="s">
        <v>28748</v>
      </c>
      <c r="E8330" s="1" t="s">
        <v>28749</v>
      </c>
      <c r="F8330" s="1" t="s">
        <v>27</v>
      </c>
      <c r="G8330" s="1" t="s">
        <v>10</v>
      </c>
      <c r="H8330" s="1" t="s">
        <v>15867</v>
      </c>
      <c r="I8330" s="1" t="s">
        <v>28732</v>
      </c>
      <c r="J8330" s="1" t="s">
        <v>19</v>
      </c>
      <c r="K8330" s="1" t="s">
        <v>64</v>
      </c>
      <c r="L8330" s="1" t="s">
        <v>28746</v>
      </c>
      <c r="M8330" s="1" t="s">
        <v>5</v>
      </c>
      <c r="N8330" s="1" t="s">
        <v>25</v>
      </c>
      <c r="O8330" s="1" t="s">
        <v>8</v>
      </c>
      <c r="P8330" s="5" t="s">
        <v>30866</v>
      </c>
    </row>
    <row r="8331" spans="1:16" x14ac:dyDescent="0.2">
      <c r="A8331" s="1" t="s">
        <v>20</v>
      </c>
      <c r="B8331" s="1" t="s">
        <v>253</v>
      </c>
      <c r="C8331" s="1" t="s">
        <v>28751</v>
      </c>
      <c r="D8331" s="1" t="s">
        <v>1095</v>
      </c>
      <c r="E8331" s="1" t="s">
        <v>28753</v>
      </c>
      <c r="F8331" s="1" t="s">
        <v>28752</v>
      </c>
      <c r="G8331" s="1" t="s">
        <v>10</v>
      </c>
      <c r="H8331" s="1" t="s">
        <v>15867</v>
      </c>
      <c r="I8331" s="1" t="s">
        <v>28732</v>
      </c>
      <c r="J8331" s="1" t="s">
        <v>19</v>
      </c>
      <c r="K8331" s="1" t="s">
        <v>64</v>
      </c>
      <c r="L8331" s="1" t="s">
        <v>28750</v>
      </c>
      <c r="M8331" s="1" t="s">
        <v>5</v>
      </c>
      <c r="N8331" s="1" t="s">
        <v>25</v>
      </c>
      <c r="O8331" s="1" t="s">
        <v>8</v>
      </c>
      <c r="P8331" s="5" t="s">
        <v>30866</v>
      </c>
    </row>
    <row r="8332" spans="1:16" x14ac:dyDescent="0.2">
      <c r="A8332" s="1" t="s">
        <v>20</v>
      </c>
      <c r="B8332" s="1" t="s">
        <v>253</v>
      </c>
      <c r="C8332" s="1" t="s">
        <v>28755</v>
      </c>
      <c r="D8332" s="1" t="s">
        <v>28756</v>
      </c>
      <c r="E8332" s="1" t="s">
        <v>28757</v>
      </c>
      <c r="F8332" s="1" t="s">
        <v>27</v>
      </c>
      <c r="G8332" s="1" t="s">
        <v>10</v>
      </c>
      <c r="H8332" s="1" t="s">
        <v>15867</v>
      </c>
      <c r="I8332" s="1" t="s">
        <v>28732</v>
      </c>
      <c r="J8332" s="1" t="s">
        <v>19</v>
      </c>
      <c r="K8332" s="1" t="s">
        <v>64</v>
      </c>
      <c r="L8332" s="1" t="s">
        <v>28754</v>
      </c>
      <c r="M8332" s="1" t="s">
        <v>5</v>
      </c>
      <c r="N8332" s="1" t="s">
        <v>25</v>
      </c>
      <c r="O8332" s="1" t="s">
        <v>8</v>
      </c>
      <c r="P8332" s="5" t="s">
        <v>30866</v>
      </c>
    </row>
    <row r="8333" spans="1:16" x14ac:dyDescent="0.2">
      <c r="A8333" s="1" t="s">
        <v>20</v>
      </c>
      <c r="B8333" s="1" t="s">
        <v>172</v>
      </c>
      <c r="C8333" s="1" t="s">
        <v>28759</v>
      </c>
      <c r="D8333" s="1" t="s">
        <v>28760</v>
      </c>
      <c r="E8333" s="1"/>
      <c r="F8333" s="1" t="s">
        <v>10</v>
      </c>
      <c r="G8333" s="1" t="s">
        <v>10</v>
      </c>
      <c r="H8333" s="1" t="s">
        <v>10</v>
      </c>
      <c r="I8333" s="1" t="s">
        <v>28732</v>
      </c>
      <c r="J8333" s="1" t="s">
        <v>19</v>
      </c>
      <c r="K8333" s="1" t="s">
        <v>7</v>
      </c>
      <c r="L8333" s="1" t="s">
        <v>28758</v>
      </c>
      <c r="M8333" s="1" t="s">
        <v>5</v>
      </c>
      <c r="N8333" s="1" t="s">
        <v>25</v>
      </c>
      <c r="O8333" s="1" t="s">
        <v>38</v>
      </c>
      <c r="P8333" s="5" t="s">
        <v>30398</v>
      </c>
    </row>
    <row r="8334" spans="1:16" x14ac:dyDescent="0.2">
      <c r="A8334" s="1" t="s">
        <v>66</v>
      </c>
      <c r="B8334" s="1" t="s">
        <v>574</v>
      </c>
      <c r="C8334" s="1" t="s">
        <v>28762</v>
      </c>
      <c r="D8334" s="1" t="s">
        <v>28763</v>
      </c>
      <c r="E8334" s="1"/>
      <c r="F8334" s="1" t="s">
        <v>10</v>
      </c>
      <c r="G8334" s="1" t="s">
        <v>10</v>
      </c>
      <c r="H8334" s="1" t="s">
        <v>10</v>
      </c>
      <c r="I8334" s="1" t="s">
        <v>28732</v>
      </c>
      <c r="J8334" s="1" t="s">
        <v>28764</v>
      </c>
      <c r="K8334" s="1" t="s">
        <v>130</v>
      </c>
      <c r="L8334" s="1" t="s">
        <v>28761</v>
      </c>
      <c r="M8334" s="1" t="s">
        <v>5</v>
      </c>
      <c r="N8334" s="1" t="s">
        <v>25</v>
      </c>
      <c r="O8334" s="1" t="s">
        <v>38</v>
      </c>
      <c r="P8334" s="5" t="s">
        <v>29821</v>
      </c>
    </row>
    <row r="8335" spans="1:16" x14ac:dyDescent="0.2">
      <c r="A8335" s="1" t="s">
        <v>20</v>
      </c>
      <c r="B8335" s="1" t="s">
        <v>310</v>
      </c>
      <c r="C8335" s="1" t="s">
        <v>15448</v>
      </c>
      <c r="D8335" s="1" t="s">
        <v>28766</v>
      </c>
      <c r="E8335" s="1" t="s">
        <v>28767</v>
      </c>
      <c r="F8335" s="1" t="s">
        <v>10</v>
      </c>
      <c r="G8335" s="1" t="s">
        <v>10</v>
      </c>
      <c r="H8335" s="1" t="s">
        <v>10</v>
      </c>
      <c r="I8335" s="1" t="s">
        <v>28732</v>
      </c>
      <c r="J8335" s="1" t="s">
        <v>19</v>
      </c>
      <c r="K8335" s="1" t="s">
        <v>27</v>
      </c>
      <c r="L8335" s="1" t="s">
        <v>28765</v>
      </c>
      <c r="M8335" s="1" t="s">
        <v>5</v>
      </c>
      <c r="N8335" s="1" t="s">
        <v>25</v>
      </c>
      <c r="O8335" s="1" t="s">
        <v>38</v>
      </c>
      <c r="P8335" s="5" t="s">
        <v>30398</v>
      </c>
    </row>
    <row r="8336" spans="1:16" x14ac:dyDescent="0.2">
      <c r="A8336" s="1" t="s">
        <v>66</v>
      </c>
      <c r="B8336" s="1" t="s">
        <v>574</v>
      </c>
      <c r="C8336" s="1" t="s">
        <v>8486</v>
      </c>
      <c r="D8336" s="1" t="s">
        <v>3862</v>
      </c>
      <c r="E8336" s="1"/>
      <c r="F8336" s="1" t="s">
        <v>27</v>
      </c>
      <c r="G8336" s="1" t="s">
        <v>10</v>
      </c>
      <c r="H8336" s="1" t="s">
        <v>1295</v>
      </c>
      <c r="I8336" s="1" t="s">
        <v>28732</v>
      </c>
      <c r="J8336" s="1" t="s">
        <v>19</v>
      </c>
      <c r="K8336" s="1" t="s">
        <v>7</v>
      </c>
      <c r="L8336" s="1" t="s">
        <v>28768</v>
      </c>
      <c r="M8336" s="1" t="s">
        <v>5</v>
      </c>
      <c r="N8336" s="1" t="s">
        <v>25</v>
      </c>
      <c r="O8336" s="1" t="s">
        <v>8</v>
      </c>
      <c r="P8336" s="5" t="s">
        <v>30923</v>
      </c>
    </row>
    <row r="8337" spans="1:16" x14ac:dyDescent="0.2">
      <c r="A8337" s="1" t="s">
        <v>20</v>
      </c>
      <c r="B8337" s="1" t="s">
        <v>172</v>
      </c>
      <c r="C8337" s="1" t="s">
        <v>28770</v>
      </c>
      <c r="D8337" s="1" t="s">
        <v>28771</v>
      </c>
      <c r="E8337" s="1" t="s">
        <v>28773</v>
      </c>
      <c r="F8337" s="1" t="s">
        <v>10</v>
      </c>
      <c r="G8337" s="1" t="s">
        <v>10</v>
      </c>
      <c r="H8337" s="1" t="s">
        <v>10</v>
      </c>
      <c r="I8337" s="1" t="s">
        <v>28732</v>
      </c>
      <c r="J8337" s="1" t="s">
        <v>28772</v>
      </c>
      <c r="K8337" s="1" t="s">
        <v>47</v>
      </c>
      <c r="L8337" s="1" t="s">
        <v>28769</v>
      </c>
      <c r="M8337" s="1" t="s">
        <v>5</v>
      </c>
      <c r="N8337" s="1" t="s">
        <v>25</v>
      </c>
      <c r="O8337" s="1" t="s">
        <v>38</v>
      </c>
      <c r="P8337" s="5" t="s">
        <v>30398</v>
      </c>
    </row>
    <row r="8338" spans="1:16" x14ac:dyDescent="0.2">
      <c r="A8338" s="1" t="s">
        <v>20</v>
      </c>
      <c r="B8338" s="1" t="s">
        <v>132</v>
      </c>
      <c r="C8338" s="1" t="s">
        <v>28775</v>
      </c>
      <c r="D8338" s="1" t="s">
        <v>28776</v>
      </c>
      <c r="E8338" s="1" t="s">
        <v>28777</v>
      </c>
      <c r="F8338" s="1" t="s">
        <v>10</v>
      </c>
      <c r="G8338" s="1" t="s">
        <v>10</v>
      </c>
      <c r="H8338" s="1" t="s">
        <v>10</v>
      </c>
      <c r="I8338" s="1" t="s">
        <v>28732</v>
      </c>
      <c r="J8338" s="1" t="s">
        <v>28772</v>
      </c>
      <c r="K8338" s="1" t="s">
        <v>100</v>
      </c>
      <c r="L8338" s="1" t="s">
        <v>28774</v>
      </c>
      <c r="M8338" s="1" t="s">
        <v>5</v>
      </c>
      <c r="N8338" s="1" t="s">
        <v>25</v>
      </c>
      <c r="O8338" s="1" t="s">
        <v>38</v>
      </c>
      <c r="P8338" s="5" t="s">
        <v>29821</v>
      </c>
    </row>
    <row r="8339" spans="1:16" x14ac:dyDescent="0.2">
      <c r="A8339" s="1" t="s">
        <v>42</v>
      </c>
      <c r="B8339" s="1" t="s">
        <v>50</v>
      </c>
      <c r="C8339" s="1" t="s">
        <v>28779</v>
      </c>
      <c r="D8339" s="1" t="s">
        <v>28780</v>
      </c>
      <c r="E8339" s="1" t="s">
        <v>28781</v>
      </c>
      <c r="F8339" s="1" t="s">
        <v>10</v>
      </c>
      <c r="G8339" s="1" t="s">
        <v>10</v>
      </c>
      <c r="H8339" s="1" t="s">
        <v>10</v>
      </c>
      <c r="I8339" s="1" t="s">
        <v>28732</v>
      </c>
      <c r="J8339" s="1" t="s">
        <v>28772</v>
      </c>
      <c r="K8339" s="1" t="s">
        <v>6533</v>
      </c>
      <c r="L8339" s="1" t="s">
        <v>28778</v>
      </c>
      <c r="M8339" s="1" t="s">
        <v>5</v>
      </c>
      <c r="N8339" s="1" t="s">
        <v>25</v>
      </c>
      <c r="O8339" s="1" t="s">
        <v>38</v>
      </c>
      <c r="P8339" s="5" t="s">
        <v>30398</v>
      </c>
    </row>
    <row r="8340" spans="1:16" x14ac:dyDescent="0.2">
      <c r="A8340" s="1" t="s">
        <v>42</v>
      </c>
      <c r="B8340" s="1" t="s">
        <v>1341</v>
      </c>
      <c r="C8340" s="1" t="s">
        <v>28783</v>
      </c>
      <c r="D8340" s="1" t="s">
        <v>28784</v>
      </c>
      <c r="E8340" s="1" t="s">
        <v>28785</v>
      </c>
      <c r="F8340" s="1" t="s">
        <v>10</v>
      </c>
      <c r="G8340" s="1" t="s">
        <v>10</v>
      </c>
      <c r="H8340" s="1" t="s">
        <v>10</v>
      </c>
      <c r="I8340" s="1" t="s">
        <v>28732</v>
      </c>
      <c r="J8340" s="1" t="s">
        <v>28772</v>
      </c>
      <c r="K8340" s="1" t="s">
        <v>47</v>
      </c>
      <c r="L8340" s="1" t="s">
        <v>28782</v>
      </c>
      <c r="M8340" s="1" t="s">
        <v>5</v>
      </c>
      <c r="N8340" s="1" t="s">
        <v>25</v>
      </c>
      <c r="O8340" s="1" t="s">
        <v>38</v>
      </c>
      <c r="P8340" s="5" t="s">
        <v>31672</v>
      </c>
    </row>
    <row r="8341" spans="1:16" x14ac:dyDescent="0.2">
      <c r="A8341" s="1" t="s">
        <v>42</v>
      </c>
      <c r="B8341" s="1" t="s">
        <v>1341</v>
      </c>
      <c r="C8341" s="1" t="s">
        <v>28787</v>
      </c>
      <c r="D8341" s="1" t="s">
        <v>28788</v>
      </c>
      <c r="E8341" s="1" t="s">
        <v>28785</v>
      </c>
      <c r="F8341" s="1" t="s">
        <v>10</v>
      </c>
      <c r="G8341" s="1" t="s">
        <v>10</v>
      </c>
      <c r="H8341" s="1" t="s">
        <v>10</v>
      </c>
      <c r="I8341" s="1" t="s">
        <v>28732</v>
      </c>
      <c r="J8341" s="1" t="s">
        <v>28772</v>
      </c>
      <c r="K8341" s="1" t="s">
        <v>47</v>
      </c>
      <c r="L8341" s="1" t="s">
        <v>28786</v>
      </c>
      <c r="M8341" s="1" t="s">
        <v>5</v>
      </c>
      <c r="N8341" s="1" t="s">
        <v>25</v>
      </c>
      <c r="O8341" s="1" t="s">
        <v>38</v>
      </c>
      <c r="P8341" s="5" t="s">
        <v>31672</v>
      </c>
    </row>
    <row r="8342" spans="1:16" x14ac:dyDescent="0.2">
      <c r="A8342" s="1" t="s">
        <v>42</v>
      </c>
      <c r="B8342" s="1" t="s">
        <v>588</v>
      </c>
      <c r="C8342" s="1" t="s">
        <v>28790</v>
      </c>
      <c r="D8342" s="1" t="s">
        <v>28791</v>
      </c>
      <c r="E8342" s="1"/>
      <c r="F8342" s="1" t="s">
        <v>10</v>
      </c>
      <c r="G8342" s="1" t="s">
        <v>10</v>
      </c>
      <c r="H8342" s="1" t="s">
        <v>10</v>
      </c>
      <c r="I8342" s="1" t="s">
        <v>28732</v>
      </c>
      <c r="J8342" s="1" t="s">
        <v>15496</v>
      </c>
      <c r="K8342" s="1" t="s">
        <v>586</v>
      </c>
      <c r="L8342" s="1" t="s">
        <v>28789</v>
      </c>
      <c r="M8342" s="1" t="s">
        <v>5</v>
      </c>
      <c r="N8342" s="1" t="s">
        <v>25</v>
      </c>
      <c r="O8342" s="1" t="s">
        <v>38</v>
      </c>
      <c r="P8342" s="5" t="s">
        <v>29821</v>
      </c>
    </row>
    <row r="8343" spans="1:16" x14ac:dyDescent="0.2">
      <c r="A8343" s="1" t="s">
        <v>66</v>
      </c>
      <c r="B8343" s="1" t="s">
        <v>1812</v>
      </c>
      <c r="C8343" s="1" t="s">
        <v>28793</v>
      </c>
      <c r="D8343" s="1" t="s">
        <v>28794</v>
      </c>
      <c r="E8343" s="1" t="s">
        <v>28795</v>
      </c>
      <c r="F8343" s="1" t="s">
        <v>10</v>
      </c>
      <c r="G8343" s="1" t="s">
        <v>10</v>
      </c>
      <c r="H8343" s="1" t="s">
        <v>10</v>
      </c>
      <c r="I8343" s="1" t="s">
        <v>28732</v>
      </c>
      <c r="J8343" s="1" t="s">
        <v>19</v>
      </c>
      <c r="K8343" s="1" t="s">
        <v>6533</v>
      </c>
      <c r="L8343" s="1" t="s">
        <v>28792</v>
      </c>
      <c r="M8343" s="1" t="s">
        <v>5</v>
      </c>
      <c r="N8343" s="1" t="s">
        <v>25</v>
      </c>
      <c r="O8343" s="1" t="s">
        <v>38</v>
      </c>
      <c r="P8343" s="5" t="s">
        <v>30398</v>
      </c>
    </row>
    <row r="8344" spans="1:16" x14ac:dyDescent="0.2">
      <c r="A8344" s="1" t="s">
        <v>42</v>
      </c>
      <c r="B8344" s="1" t="s">
        <v>50</v>
      </c>
      <c r="C8344" s="1" t="s">
        <v>28797</v>
      </c>
      <c r="D8344" s="1" t="s">
        <v>327</v>
      </c>
      <c r="E8344" s="1" t="s">
        <v>28798</v>
      </c>
      <c r="F8344" s="1" t="s">
        <v>10</v>
      </c>
      <c r="G8344" s="1" t="s">
        <v>10</v>
      </c>
      <c r="H8344" s="1" t="s">
        <v>10</v>
      </c>
      <c r="I8344" s="1" t="s">
        <v>28732</v>
      </c>
      <c r="J8344" s="1" t="s">
        <v>28772</v>
      </c>
      <c r="K8344" s="1" t="s">
        <v>47</v>
      </c>
      <c r="L8344" s="1" t="s">
        <v>28796</v>
      </c>
      <c r="M8344" s="1" t="s">
        <v>5</v>
      </c>
      <c r="N8344" s="1" t="s">
        <v>25</v>
      </c>
      <c r="O8344" s="1" t="s">
        <v>38</v>
      </c>
      <c r="P8344" s="5" t="s">
        <v>29821</v>
      </c>
    </row>
    <row r="8345" spans="1:16" x14ac:dyDescent="0.2">
      <c r="A8345" s="1" t="s">
        <v>66</v>
      </c>
      <c r="B8345" s="1" t="s">
        <v>574</v>
      </c>
      <c r="C8345" s="1" t="s">
        <v>28800</v>
      </c>
      <c r="D8345" s="1" t="s">
        <v>28801</v>
      </c>
      <c r="E8345" s="1" t="s">
        <v>28802</v>
      </c>
      <c r="F8345" s="1" t="s">
        <v>10</v>
      </c>
      <c r="G8345" s="1" t="s">
        <v>10</v>
      </c>
      <c r="H8345" s="1" t="s">
        <v>10</v>
      </c>
      <c r="I8345" s="1" t="s">
        <v>28732</v>
      </c>
      <c r="J8345" s="1" t="s">
        <v>19</v>
      </c>
      <c r="K8345" s="1" t="s">
        <v>130</v>
      </c>
      <c r="L8345" s="1" t="s">
        <v>28799</v>
      </c>
      <c r="M8345" s="1" t="s">
        <v>5</v>
      </c>
      <c r="N8345" s="1" t="s">
        <v>25</v>
      </c>
      <c r="O8345" s="1" t="s">
        <v>38</v>
      </c>
      <c r="P8345" s="5" t="s">
        <v>29821</v>
      </c>
    </row>
    <row r="8346" spans="1:16" x14ac:dyDescent="0.2">
      <c r="A8346" s="1" t="s">
        <v>42</v>
      </c>
      <c r="B8346" s="1" t="s">
        <v>1664</v>
      </c>
      <c r="C8346" s="1" t="s">
        <v>28804</v>
      </c>
      <c r="D8346" s="1" t="s">
        <v>4503</v>
      </c>
      <c r="E8346" s="1"/>
      <c r="F8346" s="1" t="s">
        <v>10</v>
      </c>
      <c r="G8346" s="1" t="s">
        <v>10</v>
      </c>
      <c r="H8346" s="1" t="s">
        <v>10</v>
      </c>
      <c r="I8346" s="1" t="s">
        <v>28732</v>
      </c>
      <c r="J8346" s="1" t="s">
        <v>28772</v>
      </c>
      <c r="K8346" s="1" t="s">
        <v>47</v>
      </c>
      <c r="L8346" s="1" t="s">
        <v>28803</v>
      </c>
      <c r="M8346" s="1" t="s">
        <v>5</v>
      </c>
      <c r="N8346" s="1" t="s">
        <v>25</v>
      </c>
      <c r="O8346" s="1" t="s">
        <v>38</v>
      </c>
      <c r="P8346" s="5" t="s">
        <v>29821</v>
      </c>
    </row>
    <row r="8347" spans="1:16" x14ac:dyDescent="0.2">
      <c r="A8347" s="1" t="s">
        <v>42</v>
      </c>
      <c r="B8347" s="1" t="s">
        <v>588</v>
      </c>
      <c r="C8347" s="1" t="s">
        <v>28806</v>
      </c>
      <c r="D8347" s="1" t="s">
        <v>28807</v>
      </c>
      <c r="E8347" s="1"/>
      <c r="F8347" s="1" t="s">
        <v>10</v>
      </c>
      <c r="G8347" s="1" t="s">
        <v>10</v>
      </c>
      <c r="H8347" s="1" t="s">
        <v>10</v>
      </c>
      <c r="I8347" s="1" t="s">
        <v>28732</v>
      </c>
      <c r="J8347" s="1" t="s">
        <v>15496</v>
      </c>
      <c r="K8347" s="1" t="s">
        <v>586</v>
      </c>
      <c r="L8347" s="1" t="s">
        <v>28805</v>
      </c>
      <c r="M8347" s="1" t="s">
        <v>5</v>
      </c>
      <c r="N8347" s="1" t="s">
        <v>25</v>
      </c>
      <c r="O8347" s="1" t="s">
        <v>38</v>
      </c>
      <c r="P8347" s="5" t="s">
        <v>29821</v>
      </c>
    </row>
    <row r="8348" spans="1:16" x14ac:dyDescent="0.2">
      <c r="A8348" s="1" t="s">
        <v>42</v>
      </c>
      <c r="B8348" s="1" t="s">
        <v>1341</v>
      </c>
      <c r="C8348" s="1" t="s">
        <v>28809</v>
      </c>
      <c r="D8348" s="1" t="s">
        <v>74</v>
      </c>
      <c r="E8348" s="1" t="s">
        <v>28809</v>
      </c>
      <c r="F8348" s="1" t="s">
        <v>10</v>
      </c>
      <c r="G8348" s="1" t="s">
        <v>10</v>
      </c>
      <c r="H8348" s="1" t="s">
        <v>10</v>
      </c>
      <c r="I8348" s="1" t="s">
        <v>28732</v>
      </c>
      <c r="J8348" s="1" t="s">
        <v>28772</v>
      </c>
      <c r="K8348" s="1" t="s">
        <v>100</v>
      </c>
      <c r="L8348" s="1" t="s">
        <v>28808</v>
      </c>
      <c r="M8348" s="1" t="s">
        <v>5</v>
      </c>
      <c r="N8348" s="1" t="s">
        <v>25</v>
      </c>
      <c r="O8348" s="1" t="s">
        <v>38</v>
      </c>
      <c r="P8348" s="5" t="s">
        <v>29821</v>
      </c>
    </row>
    <row r="8349" spans="1:16" x14ac:dyDescent="0.2">
      <c r="A8349" s="1" t="s">
        <v>42</v>
      </c>
      <c r="B8349" s="1" t="s">
        <v>43</v>
      </c>
      <c r="C8349" s="1" t="s">
        <v>8563</v>
      </c>
      <c r="D8349" s="1" t="s">
        <v>8564</v>
      </c>
      <c r="E8349" s="1" t="s">
        <v>28811</v>
      </c>
      <c r="F8349" s="1" t="s">
        <v>10</v>
      </c>
      <c r="G8349" s="1" t="s">
        <v>10</v>
      </c>
      <c r="H8349" s="1" t="s">
        <v>10</v>
      </c>
      <c r="I8349" s="1" t="s">
        <v>28732</v>
      </c>
      <c r="J8349" s="1" t="s">
        <v>19</v>
      </c>
      <c r="K8349" s="1" t="s">
        <v>37</v>
      </c>
      <c r="L8349" s="1" t="s">
        <v>28810</v>
      </c>
      <c r="M8349" s="1" t="s">
        <v>5</v>
      </c>
      <c r="N8349" s="1" t="s">
        <v>25</v>
      </c>
      <c r="O8349" s="1" t="s">
        <v>38</v>
      </c>
      <c r="P8349" s="5" t="s">
        <v>30398</v>
      </c>
    </row>
    <row r="8350" spans="1:16" x14ac:dyDescent="0.2">
      <c r="A8350" s="1" t="s">
        <v>42</v>
      </c>
      <c r="B8350" s="1" t="s">
        <v>43</v>
      </c>
      <c r="C8350" s="1" t="s">
        <v>8821</v>
      </c>
      <c r="D8350" s="1" t="s">
        <v>8822</v>
      </c>
      <c r="E8350" s="1" t="s">
        <v>28813</v>
      </c>
      <c r="F8350" s="1" t="s">
        <v>10</v>
      </c>
      <c r="G8350" s="1" t="s">
        <v>10</v>
      </c>
      <c r="H8350" s="1" t="s">
        <v>10</v>
      </c>
      <c r="I8350" s="1" t="s">
        <v>28732</v>
      </c>
      <c r="J8350" s="1" t="s">
        <v>19</v>
      </c>
      <c r="K8350" s="1" t="s">
        <v>37</v>
      </c>
      <c r="L8350" s="1" t="s">
        <v>28812</v>
      </c>
      <c r="M8350" s="1" t="s">
        <v>5</v>
      </c>
      <c r="N8350" s="1" t="s">
        <v>25</v>
      </c>
      <c r="O8350" s="1" t="s">
        <v>38</v>
      </c>
      <c r="P8350" s="5" t="s">
        <v>30398</v>
      </c>
    </row>
    <row r="8351" spans="1:16" x14ac:dyDescent="0.2">
      <c r="A8351" s="1" t="s">
        <v>20</v>
      </c>
      <c r="B8351" s="1" t="s">
        <v>93</v>
      </c>
      <c r="C8351" s="1" t="s">
        <v>28815</v>
      </c>
      <c r="D8351" s="1" t="s">
        <v>28816</v>
      </c>
      <c r="E8351" s="1" t="s">
        <v>28817</v>
      </c>
      <c r="F8351" s="1" t="s">
        <v>27</v>
      </c>
      <c r="G8351" s="1" t="s">
        <v>10</v>
      </c>
      <c r="H8351" s="1" t="s">
        <v>28818</v>
      </c>
      <c r="I8351" s="1" t="s">
        <v>28732</v>
      </c>
      <c r="J8351" s="1" t="s">
        <v>19</v>
      </c>
      <c r="K8351" s="1" t="s">
        <v>7</v>
      </c>
      <c r="L8351" s="1" t="s">
        <v>28814</v>
      </c>
      <c r="M8351" s="1" t="s">
        <v>5</v>
      </c>
      <c r="N8351" s="1" t="s">
        <v>25</v>
      </c>
      <c r="O8351" s="1" t="s">
        <v>8</v>
      </c>
      <c r="P8351" s="5" t="s">
        <v>32613</v>
      </c>
    </row>
    <row r="8352" spans="1:16" x14ac:dyDescent="0.2">
      <c r="A8352" s="1" t="s">
        <v>66</v>
      </c>
      <c r="B8352" s="1" t="s">
        <v>574</v>
      </c>
      <c r="C8352" s="1" t="s">
        <v>28820</v>
      </c>
      <c r="D8352" s="1" t="s">
        <v>28821</v>
      </c>
      <c r="E8352" s="1" t="s">
        <v>28822</v>
      </c>
      <c r="F8352" s="1" t="s">
        <v>10</v>
      </c>
      <c r="G8352" s="1" t="s">
        <v>10</v>
      </c>
      <c r="H8352" s="1" t="s">
        <v>10</v>
      </c>
      <c r="I8352" s="1" t="s">
        <v>28732</v>
      </c>
      <c r="J8352" s="1" t="s">
        <v>19</v>
      </c>
      <c r="K8352" s="1" t="s">
        <v>100</v>
      </c>
      <c r="L8352" s="1" t="s">
        <v>28819</v>
      </c>
      <c r="M8352" s="1" t="s">
        <v>5</v>
      </c>
      <c r="N8352" s="1" t="s">
        <v>25</v>
      </c>
      <c r="O8352" s="1" t="s">
        <v>38</v>
      </c>
      <c r="P8352" s="5" t="s">
        <v>30398</v>
      </c>
    </row>
    <row r="8353" spans="1:16" x14ac:dyDescent="0.2">
      <c r="A8353" s="1" t="s">
        <v>42</v>
      </c>
      <c r="B8353" s="1" t="s">
        <v>109</v>
      </c>
      <c r="C8353" s="1" t="s">
        <v>28824</v>
      </c>
      <c r="D8353" s="1" t="s">
        <v>28825</v>
      </c>
      <c r="E8353" s="1" t="s">
        <v>28827</v>
      </c>
      <c r="F8353" s="1" t="s">
        <v>10</v>
      </c>
      <c r="G8353" s="1" t="s">
        <v>10</v>
      </c>
      <c r="H8353" s="1" t="s">
        <v>10</v>
      </c>
      <c r="I8353" s="1" t="s">
        <v>28732</v>
      </c>
      <c r="J8353" s="1" t="s">
        <v>28826</v>
      </c>
      <c r="K8353" s="1" t="s">
        <v>37</v>
      </c>
      <c r="L8353" s="1" t="s">
        <v>28823</v>
      </c>
      <c r="M8353" s="1" t="s">
        <v>5</v>
      </c>
      <c r="N8353" s="1" t="s">
        <v>25</v>
      </c>
      <c r="O8353" s="1" t="s">
        <v>38</v>
      </c>
      <c r="P8353" s="5" t="s">
        <v>29821</v>
      </c>
    </row>
    <row r="8354" spans="1:16" x14ac:dyDescent="0.2">
      <c r="A8354" s="1" t="s">
        <v>42</v>
      </c>
      <c r="B8354" s="1" t="s">
        <v>50</v>
      </c>
      <c r="C8354" s="1" t="s">
        <v>28829</v>
      </c>
      <c r="D8354" s="1" t="s">
        <v>26711</v>
      </c>
      <c r="E8354" s="1" t="s">
        <v>28830</v>
      </c>
      <c r="F8354" s="1" t="s">
        <v>10</v>
      </c>
      <c r="G8354" s="1" t="s">
        <v>10</v>
      </c>
      <c r="H8354" s="1" t="s">
        <v>10</v>
      </c>
      <c r="I8354" s="1" t="s">
        <v>28732</v>
      </c>
      <c r="J8354" s="1" t="s">
        <v>28772</v>
      </c>
      <c r="K8354" s="1" t="s">
        <v>47</v>
      </c>
      <c r="L8354" s="1" t="s">
        <v>28828</v>
      </c>
      <c r="M8354" s="1" t="s">
        <v>5</v>
      </c>
      <c r="N8354" s="1" t="s">
        <v>25</v>
      </c>
      <c r="O8354" s="1" t="s">
        <v>38</v>
      </c>
      <c r="P8354" s="5" t="s">
        <v>29821</v>
      </c>
    </row>
    <row r="8355" spans="1:16" x14ac:dyDescent="0.2">
      <c r="A8355" s="1" t="s">
        <v>42</v>
      </c>
      <c r="B8355" s="1" t="s">
        <v>1341</v>
      </c>
      <c r="C8355" s="1" t="s">
        <v>28832</v>
      </c>
      <c r="D8355" s="1" t="s">
        <v>28833</v>
      </c>
      <c r="E8355" s="1" t="s">
        <v>28834</v>
      </c>
      <c r="F8355" s="1" t="s">
        <v>10</v>
      </c>
      <c r="G8355" s="1" t="s">
        <v>10</v>
      </c>
      <c r="H8355" s="1" t="s">
        <v>10</v>
      </c>
      <c r="I8355" s="1" t="s">
        <v>28732</v>
      </c>
      <c r="J8355" s="1" t="s">
        <v>15496</v>
      </c>
      <c r="K8355" s="1" t="s">
        <v>130</v>
      </c>
      <c r="L8355" s="1" t="s">
        <v>28831</v>
      </c>
      <c r="M8355" s="1" t="s">
        <v>5</v>
      </c>
      <c r="N8355" s="1" t="s">
        <v>25</v>
      </c>
      <c r="O8355" s="1" t="s">
        <v>38</v>
      </c>
      <c r="P8355" s="5" t="s">
        <v>29821</v>
      </c>
    </row>
    <row r="8356" spans="1:16" x14ac:dyDescent="0.2">
      <c r="A8356" s="1" t="s">
        <v>42</v>
      </c>
      <c r="B8356" s="1" t="s">
        <v>1664</v>
      </c>
      <c r="C8356" s="1" t="s">
        <v>28836</v>
      </c>
      <c r="D8356" s="1" t="s">
        <v>28837</v>
      </c>
      <c r="E8356" s="1" t="s">
        <v>28838</v>
      </c>
      <c r="F8356" s="1" t="s">
        <v>10</v>
      </c>
      <c r="G8356" s="1" t="s">
        <v>10</v>
      </c>
      <c r="H8356" s="1" t="s">
        <v>10</v>
      </c>
      <c r="I8356" s="1" t="s">
        <v>28732</v>
      </c>
      <c r="J8356" s="1" t="s">
        <v>19</v>
      </c>
      <c r="K8356" s="1" t="s">
        <v>64</v>
      </c>
      <c r="L8356" s="1" t="s">
        <v>28835</v>
      </c>
      <c r="M8356" s="1" t="s">
        <v>5</v>
      </c>
      <c r="N8356" s="1" t="s">
        <v>25</v>
      </c>
      <c r="O8356" s="1" t="s">
        <v>38</v>
      </c>
      <c r="P8356" s="5" t="s">
        <v>30398</v>
      </c>
    </row>
    <row r="8357" spans="1:16" x14ac:dyDescent="0.2">
      <c r="A8357" s="1" t="s">
        <v>329</v>
      </c>
      <c r="B8357" s="1" t="s">
        <v>596</v>
      </c>
      <c r="C8357" s="1" t="s">
        <v>28840</v>
      </c>
      <c r="D8357" s="1" t="s">
        <v>28841</v>
      </c>
      <c r="E8357" s="1" t="s">
        <v>28842</v>
      </c>
      <c r="F8357" s="1" t="s">
        <v>10</v>
      </c>
      <c r="G8357" s="1" t="s">
        <v>10</v>
      </c>
      <c r="H8357" s="1" t="s">
        <v>10</v>
      </c>
      <c r="I8357" s="1" t="s">
        <v>28732</v>
      </c>
      <c r="J8357" s="1" t="s">
        <v>19</v>
      </c>
      <c r="K8357" s="1" t="s">
        <v>47</v>
      </c>
      <c r="L8357" s="1" t="s">
        <v>28839</v>
      </c>
      <c r="M8357" s="1" t="s">
        <v>5</v>
      </c>
      <c r="N8357" s="1" t="s">
        <v>25</v>
      </c>
      <c r="O8357" s="1" t="s">
        <v>38</v>
      </c>
      <c r="P8357" s="5" t="s">
        <v>30398</v>
      </c>
    </row>
    <row r="8358" spans="1:16" x14ac:dyDescent="0.2">
      <c r="A8358" s="1" t="s">
        <v>42</v>
      </c>
      <c r="B8358" s="1" t="s">
        <v>335</v>
      </c>
      <c r="C8358" s="1" t="s">
        <v>28844</v>
      </c>
      <c r="D8358" s="1" t="s">
        <v>28845</v>
      </c>
      <c r="E8358" s="1" t="s">
        <v>28846</v>
      </c>
      <c r="F8358" s="1" t="s">
        <v>10</v>
      </c>
      <c r="G8358" s="1" t="s">
        <v>10</v>
      </c>
      <c r="H8358" s="1" t="s">
        <v>10</v>
      </c>
      <c r="I8358" s="1" t="s">
        <v>28732</v>
      </c>
      <c r="J8358" s="1" t="s">
        <v>28772</v>
      </c>
      <c r="K8358" s="1" t="s">
        <v>7</v>
      </c>
      <c r="L8358" s="1" t="s">
        <v>28843</v>
      </c>
      <c r="M8358" s="1" t="s">
        <v>5</v>
      </c>
      <c r="N8358" s="1" t="s">
        <v>25</v>
      </c>
      <c r="O8358" s="1" t="s">
        <v>38</v>
      </c>
      <c r="P8358" s="5" t="s">
        <v>29821</v>
      </c>
    </row>
    <row r="8359" spans="1:16" x14ac:dyDescent="0.2">
      <c r="A8359" s="1" t="s">
        <v>42</v>
      </c>
      <c r="B8359" s="1" t="s">
        <v>335</v>
      </c>
      <c r="C8359" s="1" t="s">
        <v>28848</v>
      </c>
      <c r="D8359" s="1" t="s">
        <v>28849</v>
      </c>
      <c r="E8359" s="1" t="s">
        <v>28850</v>
      </c>
      <c r="F8359" s="1" t="s">
        <v>10</v>
      </c>
      <c r="G8359" s="1" t="s">
        <v>10</v>
      </c>
      <c r="H8359" s="1" t="s">
        <v>10</v>
      </c>
      <c r="I8359" s="1" t="s">
        <v>28732</v>
      </c>
      <c r="J8359" s="1" t="s">
        <v>28772</v>
      </c>
      <c r="K8359" s="1" t="s">
        <v>7</v>
      </c>
      <c r="L8359" s="1" t="s">
        <v>28847</v>
      </c>
      <c r="M8359" s="1" t="s">
        <v>5</v>
      </c>
      <c r="N8359" s="1" t="s">
        <v>25</v>
      </c>
      <c r="O8359" s="1" t="s">
        <v>38</v>
      </c>
      <c r="P8359" s="5" t="s">
        <v>29821</v>
      </c>
    </row>
    <row r="8360" spans="1:16" x14ac:dyDescent="0.2">
      <c r="A8360" s="1" t="s">
        <v>42</v>
      </c>
      <c r="B8360" s="1" t="s">
        <v>335</v>
      </c>
      <c r="C8360" s="1" t="s">
        <v>28852</v>
      </c>
      <c r="D8360" s="1" t="s">
        <v>28853</v>
      </c>
      <c r="E8360" s="1" t="s">
        <v>28854</v>
      </c>
      <c r="F8360" s="1" t="s">
        <v>10</v>
      </c>
      <c r="G8360" s="1" t="s">
        <v>10</v>
      </c>
      <c r="H8360" s="1" t="s">
        <v>10</v>
      </c>
      <c r="I8360" s="1" t="s">
        <v>28732</v>
      </c>
      <c r="J8360" s="1" t="s">
        <v>28772</v>
      </c>
      <c r="K8360" s="1" t="s">
        <v>7</v>
      </c>
      <c r="L8360" s="1" t="s">
        <v>28851</v>
      </c>
      <c r="M8360" s="1" t="s">
        <v>5</v>
      </c>
      <c r="N8360" s="1" t="s">
        <v>25</v>
      </c>
      <c r="O8360" s="1" t="s">
        <v>38</v>
      </c>
      <c r="P8360" s="5" t="s">
        <v>29821</v>
      </c>
    </row>
    <row r="8361" spans="1:16" x14ac:dyDescent="0.2">
      <c r="A8361" s="1" t="s">
        <v>20</v>
      </c>
      <c r="B8361" s="1" t="s">
        <v>253</v>
      </c>
      <c r="C8361" s="1" t="s">
        <v>762</v>
      </c>
      <c r="D8361" s="1" t="s">
        <v>762</v>
      </c>
      <c r="E8361" s="1" t="s">
        <v>28856</v>
      </c>
      <c r="F8361" s="1" t="s">
        <v>27</v>
      </c>
      <c r="G8361" s="1" t="s">
        <v>10</v>
      </c>
      <c r="H8361" s="1" t="s">
        <v>16670</v>
      </c>
      <c r="I8361" s="1" t="s">
        <v>28732</v>
      </c>
      <c r="J8361" s="1" t="s">
        <v>19</v>
      </c>
      <c r="K8361" s="1" t="s">
        <v>130</v>
      </c>
      <c r="L8361" s="1" t="s">
        <v>28855</v>
      </c>
      <c r="M8361" s="1" t="s">
        <v>5</v>
      </c>
      <c r="N8361" s="1" t="s">
        <v>25</v>
      </c>
      <c r="O8361" s="1" t="s">
        <v>8</v>
      </c>
      <c r="P8361" s="5" t="s">
        <v>30867</v>
      </c>
    </row>
    <row r="8362" spans="1:16" x14ac:dyDescent="0.2">
      <c r="A8362" s="1" t="s">
        <v>42</v>
      </c>
      <c r="B8362" s="1" t="s">
        <v>1664</v>
      </c>
      <c r="C8362" s="1" t="s">
        <v>28858</v>
      </c>
      <c r="D8362" s="1" t="s">
        <v>17083</v>
      </c>
      <c r="E8362" s="1"/>
      <c r="F8362" s="1" t="s">
        <v>10</v>
      </c>
      <c r="G8362" s="1" t="s">
        <v>10</v>
      </c>
      <c r="H8362" s="1" t="s">
        <v>10</v>
      </c>
      <c r="I8362" s="1" t="s">
        <v>28732</v>
      </c>
      <c r="J8362" s="1" t="s">
        <v>28826</v>
      </c>
      <c r="K8362" s="1" t="s">
        <v>130</v>
      </c>
      <c r="L8362" s="1" t="s">
        <v>28857</v>
      </c>
      <c r="M8362" s="1" t="s">
        <v>5</v>
      </c>
      <c r="N8362" s="1" t="s">
        <v>25</v>
      </c>
      <c r="O8362" s="1" t="s">
        <v>38</v>
      </c>
      <c r="P8362" s="5" t="s">
        <v>29821</v>
      </c>
    </row>
    <row r="8363" spans="1:16" x14ac:dyDescent="0.2">
      <c r="A8363" s="1" t="s">
        <v>194</v>
      </c>
      <c r="B8363" s="1" t="s">
        <v>195</v>
      </c>
      <c r="C8363" s="1" t="s">
        <v>28860</v>
      </c>
      <c r="D8363" s="1" t="s">
        <v>28861</v>
      </c>
      <c r="E8363" s="1"/>
      <c r="F8363" s="1" t="s">
        <v>10</v>
      </c>
      <c r="G8363" s="1" t="s">
        <v>10</v>
      </c>
      <c r="H8363" s="1" t="s">
        <v>10</v>
      </c>
      <c r="I8363" s="1" t="s">
        <v>28732</v>
      </c>
      <c r="J8363" s="1" t="s">
        <v>19</v>
      </c>
      <c r="K8363" s="1" t="s">
        <v>586</v>
      </c>
      <c r="L8363" s="1" t="s">
        <v>28859</v>
      </c>
      <c r="M8363" s="1" t="s">
        <v>5</v>
      </c>
      <c r="N8363" s="1" t="s">
        <v>25</v>
      </c>
      <c r="O8363" s="1" t="s">
        <v>8</v>
      </c>
      <c r="P8363" s="5" t="s">
        <v>29821</v>
      </c>
    </row>
    <row r="8364" spans="1:16" x14ac:dyDescent="0.2">
      <c r="A8364" s="1" t="s">
        <v>20</v>
      </c>
      <c r="B8364" s="1" t="s">
        <v>132</v>
      </c>
      <c r="C8364" s="1" t="s">
        <v>28863</v>
      </c>
      <c r="D8364" s="1" t="s">
        <v>28864</v>
      </c>
      <c r="E8364" s="1" t="s">
        <v>28865</v>
      </c>
      <c r="F8364" s="1" t="s">
        <v>10</v>
      </c>
      <c r="G8364" s="1" t="s">
        <v>10</v>
      </c>
      <c r="H8364" s="1" t="s">
        <v>10</v>
      </c>
      <c r="I8364" s="1" t="s">
        <v>28732</v>
      </c>
      <c r="J8364" s="1" t="s">
        <v>28772</v>
      </c>
      <c r="K8364" s="1" t="s">
        <v>47</v>
      </c>
      <c r="L8364" s="1" t="s">
        <v>28862</v>
      </c>
      <c r="M8364" s="1" t="s">
        <v>5</v>
      </c>
      <c r="N8364" s="1" t="s">
        <v>25</v>
      </c>
      <c r="O8364" s="1" t="s">
        <v>38</v>
      </c>
      <c r="P8364" s="5" t="s">
        <v>30431</v>
      </c>
    </row>
    <row r="8365" spans="1:16" x14ac:dyDescent="0.2">
      <c r="A8365" s="1" t="s">
        <v>42</v>
      </c>
      <c r="B8365" s="1" t="s">
        <v>335</v>
      </c>
      <c r="C8365" s="1" t="s">
        <v>28867</v>
      </c>
      <c r="D8365" s="1" t="s">
        <v>28868</v>
      </c>
      <c r="E8365" s="1" t="s">
        <v>28869</v>
      </c>
      <c r="F8365" s="1" t="s">
        <v>10</v>
      </c>
      <c r="G8365" s="1" t="s">
        <v>10</v>
      </c>
      <c r="H8365" s="1" t="s">
        <v>10</v>
      </c>
      <c r="I8365" s="1" t="s">
        <v>28732</v>
      </c>
      <c r="J8365" s="1" t="s">
        <v>28772</v>
      </c>
      <c r="K8365" s="1" t="s">
        <v>130</v>
      </c>
      <c r="L8365" s="1" t="s">
        <v>28866</v>
      </c>
      <c r="M8365" s="1" t="s">
        <v>5</v>
      </c>
      <c r="N8365" s="1" t="s">
        <v>25</v>
      </c>
      <c r="O8365" s="1" t="s">
        <v>38</v>
      </c>
      <c r="P8365" s="5" t="s">
        <v>29821</v>
      </c>
    </row>
    <row r="8366" spans="1:16" x14ac:dyDescent="0.2">
      <c r="A8366" s="1" t="s">
        <v>42</v>
      </c>
      <c r="B8366" s="1" t="s">
        <v>335</v>
      </c>
      <c r="C8366" s="1" t="s">
        <v>28871</v>
      </c>
      <c r="D8366" s="1" t="s">
        <v>28872</v>
      </c>
      <c r="E8366" s="1" t="s">
        <v>28873</v>
      </c>
      <c r="F8366" s="1" t="s">
        <v>10</v>
      </c>
      <c r="G8366" s="1" t="s">
        <v>10</v>
      </c>
      <c r="H8366" s="1" t="s">
        <v>10</v>
      </c>
      <c r="I8366" s="1" t="s">
        <v>28732</v>
      </c>
      <c r="J8366" s="1" t="s">
        <v>19</v>
      </c>
      <c r="K8366" s="1" t="s">
        <v>130</v>
      </c>
      <c r="L8366" s="1" t="s">
        <v>28870</v>
      </c>
      <c r="M8366" s="1" t="s">
        <v>5</v>
      </c>
      <c r="N8366" s="1" t="s">
        <v>25</v>
      </c>
      <c r="O8366" s="1" t="s">
        <v>38</v>
      </c>
      <c r="P8366" s="5" t="s">
        <v>29821</v>
      </c>
    </row>
    <row r="8367" spans="1:16" x14ac:dyDescent="0.2">
      <c r="A8367" s="1" t="s">
        <v>42</v>
      </c>
      <c r="B8367" s="1" t="s">
        <v>50</v>
      </c>
      <c r="C8367" s="1" t="s">
        <v>28875</v>
      </c>
      <c r="D8367" s="1" t="s">
        <v>28876</v>
      </c>
      <c r="E8367" s="1"/>
      <c r="F8367" s="1" t="s">
        <v>414</v>
      </c>
      <c r="G8367" s="1" t="s">
        <v>991</v>
      </c>
      <c r="H8367" s="1" t="s">
        <v>10</v>
      </c>
      <c r="I8367" s="1" t="s">
        <v>28732</v>
      </c>
      <c r="J8367" s="1" t="s">
        <v>19</v>
      </c>
      <c r="K8367" s="1" t="s">
        <v>47</v>
      </c>
      <c r="L8367" s="1" t="s">
        <v>28874</v>
      </c>
      <c r="M8367" s="1" t="s">
        <v>5</v>
      </c>
      <c r="N8367" s="1" t="s">
        <v>25</v>
      </c>
      <c r="O8367" s="1" t="s">
        <v>8</v>
      </c>
      <c r="P8367" s="5" t="s">
        <v>32614</v>
      </c>
    </row>
    <row r="8368" spans="1:16" x14ac:dyDescent="0.2">
      <c r="A8368" s="1" t="s">
        <v>42</v>
      </c>
      <c r="B8368" s="1" t="s">
        <v>335</v>
      </c>
      <c r="C8368" s="1" t="s">
        <v>28878</v>
      </c>
      <c r="D8368" s="1" t="s">
        <v>28879</v>
      </c>
      <c r="E8368" s="1" t="s">
        <v>28880</v>
      </c>
      <c r="F8368" s="1" t="s">
        <v>10</v>
      </c>
      <c r="G8368" s="1" t="s">
        <v>10</v>
      </c>
      <c r="H8368" s="1" t="s">
        <v>10</v>
      </c>
      <c r="I8368" s="1" t="s">
        <v>28732</v>
      </c>
      <c r="J8368" s="1" t="s">
        <v>28772</v>
      </c>
      <c r="K8368" s="1" t="s">
        <v>7</v>
      </c>
      <c r="L8368" s="1" t="s">
        <v>28877</v>
      </c>
      <c r="M8368" s="1" t="s">
        <v>5</v>
      </c>
      <c r="N8368" s="1" t="s">
        <v>25</v>
      </c>
      <c r="O8368" s="1" t="s">
        <v>38</v>
      </c>
      <c r="P8368" s="5" t="s">
        <v>30398</v>
      </c>
    </row>
    <row r="8369" spans="1:16" x14ac:dyDescent="0.2">
      <c r="A8369" s="1" t="s">
        <v>42</v>
      </c>
      <c r="B8369" s="1" t="s">
        <v>50</v>
      </c>
      <c r="C8369" s="1" t="s">
        <v>28882</v>
      </c>
      <c r="D8369" s="1" t="s">
        <v>28883</v>
      </c>
      <c r="E8369" s="1"/>
      <c r="F8369" s="1" t="s">
        <v>10</v>
      </c>
      <c r="G8369" s="1" t="s">
        <v>10</v>
      </c>
      <c r="H8369" s="1" t="s">
        <v>10</v>
      </c>
      <c r="I8369" s="1" t="s">
        <v>28732</v>
      </c>
      <c r="J8369" s="1" t="s">
        <v>28772</v>
      </c>
      <c r="K8369" s="1" t="s">
        <v>7</v>
      </c>
      <c r="L8369" s="1" t="s">
        <v>28881</v>
      </c>
      <c r="M8369" s="1" t="s">
        <v>5</v>
      </c>
      <c r="N8369" s="1" t="s">
        <v>25</v>
      </c>
      <c r="O8369" s="1" t="s">
        <v>38</v>
      </c>
      <c r="P8369" s="5" t="s">
        <v>29821</v>
      </c>
    </row>
    <row r="8370" spans="1:16" x14ac:dyDescent="0.2">
      <c r="A8370" s="1" t="s">
        <v>42</v>
      </c>
      <c r="B8370" s="1" t="s">
        <v>1664</v>
      </c>
      <c r="C8370" s="1" t="s">
        <v>28885</v>
      </c>
      <c r="D8370" s="1" t="s">
        <v>28886</v>
      </c>
      <c r="E8370" s="1" t="s">
        <v>28887</v>
      </c>
      <c r="F8370" s="1" t="s">
        <v>10</v>
      </c>
      <c r="G8370" s="1" t="s">
        <v>10</v>
      </c>
      <c r="H8370" s="1" t="s">
        <v>10</v>
      </c>
      <c r="I8370" s="1" t="s">
        <v>28732</v>
      </c>
      <c r="J8370" s="1" t="s">
        <v>28826</v>
      </c>
      <c r="K8370" s="1" t="s">
        <v>130</v>
      </c>
      <c r="L8370" s="1" t="s">
        <v>28884</v>
      </c>
      <c r="M8370" s="1" t="s">
        <v>5</v>
      </c>
      <c r="N8370" s="1" t="s">
        <v>25</v>
      </c>
      <c r="O8370" s="1" t="s">
        <v>38</v>
      </c>
      <c r="P8370" s="5" t="s">
        <v>30398</v>
      </c>
    </row>
    <row r="8371" spans="1:16" x14ac:dyDescent="0.2">
      <c r="A8371" s="1" t="s">
        <v>20</v>
      </c>
      <c r="B8371" s="1" t="s">
        <v>99</v>
      </c>
      <c r="C8371" s="1" t="s">
        <v>28889</v>
      </c>
      <c r="D8371" s="1" t="s">
        <v>28890</v>
      </c>
      <c r="E8371" s="1" t="s">
        <v>28891</v>
      </c>
      <c r="F8371" s="1" t="s">
        <v>10</v>
      </c>
      <c r="G8371" s="1" t="s">
        <v>10</v>
      </c>
      <c r="H8371" s="1" t="s">
        <v>10</v>
      </c>
      <c r="I8371" s="1" t="s">
        <v>28732</v>
      </c>
      <c r="J8371" s="1" t="s">
        <v>19</v>
      </c>
      <c r="K8371" s="1" t="s">
        <v>100</v>
      </c>
      <c r="L8371" s="1" t="s">
        <v>28888</v>
      </c>
      <c r="M8371" s="1" t="s">
        <v>5</v>
      </c>
      <c r="N8371" s="1" t="s">
        <v>25</v>
      </c>
      <c r="O8371" s="1" t="s">
        <v>38</v>
      </c>
      <c r="P8371" s="5" t="s">
        <v>29821</v>
      </c>
    </row>
    <row r="8372" spans="1:16" x14ac:dyDescent="0.2">
      <c r="A8372" s="1" t="s">
        <v>42</v>
      </c>
      <c r="B8372" s="1" t="s">
        <v>50</v>
      </c>
      <c r="C8372" s="1" t="s">
        <v>7838</v>
      </c>
      <c r="D8372" s="1" t="s">
        <v>7839</v>
      </c>
      <c r="E8372" s="1" t="s">
        <v>28893</v>
      </c>
      <c r="F8372" s="1" t="s">
        <v>10</v>
      </c>
      <c r="G8372" s="1" t="s">
        <v>10</v>
      </c>
      <c r="H8372" s="1" t="s">
        <v>10</v>
      </c>
      <c r="I8372" s="1" t="s">
        <v>28732</v>
      </c>
      <c r="J8372" s="1" t="s">
        <v>28772</v>
      </c>
      <c r="K8372" s="1" t="s">
        <v>47</v>
      </c>
      <c r="L8372" s="1" t="s">
        <v>28892</v>
      </c>
      <c r="M8372" s="1" t="s">
        <v>5</v>
      </c>
      <c r="N8372" s="1" t="s">
        <v>25</v>
      </c>
      <c r="O8372" s="1" t="s">
        <v>38</v>
      </c>
      <c r="P8372" s="5" t="s">
        <v>29821</v>
      </c>
    </row>
    <row r="8373" spans="1:16" x14ac:dyDescent="0.2">
      <c r="A8373" s="1" t="s">
        <v>42</v>
      </c>
      <c r="B8373" s="1" t="s">
        <v>50</v>
      </c>
      <c r="C8373" s="1" t="s">
        <v>28895</v>
      </c>
      <c r="D8373" s="1" t="s">
        <v>28896</v>
      </c>
      <c r="E8373" s="1"/>
      <c r="F8373" s="1" t="s">
        <v>10</v>
      </c>
      <c r="G8373" s="1" t="s">
        <v>10</v>
      </c>
      <c r="H8373" s="1" t="s">
        <v>10</v>
      </c>
      <c r="I8373" s="1" t="s">
        <v>28732</v>
      </c>
      <c r="J8373" s="1" t="s">
        <v>28772</v>
      </c>
      <c r="K8373" s="1" t="s">
        <v>7</v>
      </c>
      <c r="L8373" s="1" t="s">
        <v>28894</v>
      </c>
      <c r="M8373" s="1" t="s">
        <v>5</v>
      </c>
      <c r="N8373" s="1" t="s">
        <v>25</v>
      </c>
      <c r="O8373" s="1" t="s">
        <v>38</v>
      </c>
      <c r="P8373" s="5" t="s">
        <v>30398</v>
      </c>
    </row>
    <row r="8374" spans="1:16" x14ac:dyDescent="0.2">
      <c r="A8374" s="1" t="s">
        <v>42</v>
      </c>
      <c r="B8374" s="1" t="s">
        <v>1341</v>
      </c>
      <c r="C8374" s="1" t="s">
        <v>28898</v>
      </c>
      <c r="D8374" s="1" t="s">
        <v>28899</v>
      </c>
      <c r="E8374" s="1" t="s">
        <v>28900</v>
      </c>
      <c r="F8374" s="1" t="s">
        <v>10</v>
      </c>
      <c r="G8374" s="1" t="s">
        <v>10</v>
      </c>
      <c r="H8374" s="1" t="s">
        <v>10</v>
      </c>
      <c r="I8374" s="1" t="s">
        <v>28732</v>
      </c>
      <c r="J8374" s="1" t="s">
        <v>19</v>
      </c>
      <c r="K8374" s="1" t="s">
        <v>1027</v>
      </c>
      <c r="L8374" s="1" t="s">
        <v>28897</v>
      </c>
      <c r="M8374" s="1" t="s">
        <v>5</v>
      </c>
      <c r="N8374" s="1" t="s">
        <v>25</v>
      </c>
      <c r="O8374" s="1" t="s">
        <v>38</v>
      </c>
      <c r="P8374" s="5" t="s">
        <v>30398</v>
      </c>
    </row>
    <row r="8375" spans="1:16" x14ac:dyDescent="0.2">
      <c r="A8375" s="1" t="s">
        <v>42</v>
      </c>
      <c r="B8375" s="1" t="s">
        <v>1341</v>
      </c>
      <c r="C8375" s="1" t="s">
        <v>28902</v>
      </c>
      <c r="D8375" s="1" t="s">
        <v>28903</v>
      </c>
      <c r="E8375" s="1" t="s">
        <v>28904</v>
      </c>
      <c r="F8375" s="1" t="s">
        <v>10</v>
      </c>
      <c r="G8375" s="1" t="s">
        <v>10</v>
      </c>
      <c r="H8375" s="1" t="s">
        <v>10</v>
      </c>
      <c r="I8375" s="1" t="s">
        <v>28732</v>
      </c>
      <c r="J8375" s="1" t="s">
        <v>19</v>
      </c>
      <c r="K8375" s="1" t="s">
        <v>37</v>
      </c>
      <c r="L8375" s="1" t="s">
        <v>28901</v>
      </c>
      <c r="M8375" s="1" t="s">
        <v>5</v>
      </c>
      <c r="N8375" s="1" t="s">
        <v>25</v>
      </c>
      <c r="O8375" s="1" t="s">
        <v>38</v>
      </c>
      <c r="P8375" s="5" t="s">
        <v>30398</v>
      </c>
    </row>
    <row r="8376" spans="1:16" x14ac:dyDescent="0.2">
      <c r="A8376" s="1" t="s">
        <v>42</v>
      </c>
      <c r="B8376" s="1" t="s">
        <v>1341</v>
      </c>
      <c r="C8376" s="1" t="s">
        <v>28906</v>
      </c>
      <c r="D8376" s="1" t="s">
        <v>28907</v>
      </c>
      <c r="E8376" s="1" t="s">
        <v>28908</v>
      </c>
      <c r="F8376" s="1" t="s">
        <v>10</v>
      </c>
      <c r="G8376" s="1" t="s">
        <v>10</v>
      </c>
      <c r="H8376" s="1" t="s">
        <v>10</v>
      </c>
      <c r="I8376" s="1" t="s">
        <v>28732</v>
      </c>
      <c r="J8376" s="1" t="s">
        <v>19</v>
      </c>
      <c r="K8376" s="1" t="s">
        <v>37</v>
      </c>
      <c r="L8376" s="1" t="s">
        <v>28905</v>
      </c>
      <c r="M8376" s="1" t="s">
        <v>5</v>
      </c>
      <c r="N8376" s="1" t="s">
        <v>25</v>
      </c>
      <c r="O8376" s="1" t="s">
        <v>38</v>
      </c>
      <c r="P8376" s="5" t="s">
        <v>30398</v>
      </c>
    </row>
    <row r="8377" spans="1:16" x14ac:dyDescent="0.2">
      <c r="A8377" s="1" t="s">
        <v>20</v>
      </c>
      <c r="B8377" s="1" t="s">
        <v>302</v>
      </c>
      <c r="C8377" s="1" t="s">
        <v>28910</v>
      </c>
      <c r="D8377" s="1" t="s">
        <v>28911</v>
      </c>
      <c r="E8377" s="1" t="s">
        <v>28912</v>
      </c>
      <c r="F8377" s="1" t="s">
        <v>10</v>
      </c>
      <c r="G8377" s="1" t="s">
        <v>10</v>
      </c>
      <c r="H8377" s="1" t="s">
        <v>10</v>
      </c>
      <c r="I8377" s="1" t="s">
        <v>28732</v>
      </c>
      <c r="J8377" s="1" t="s">
        <v>28772</v>
      </c>
      <c r="K8377" s="1" t="s">
        <v>7</v>
      </c>
      <c r="L8377" s="1" t="s">
        <v>28909</v>
      </c>
      <c r="M8377" s="1" t="s">
        <v>5</v>
      </c>
      <c r="N8377" s="1" t="s">
        <v>25</v>
      </c>
      <c r="O8377" s="1" t="s">
        <v>38</v>
      </c>
      <c r="P8377" s="5" t="s">
        <v>29821</v>
      </c>
    </row>
    <row r="8378" spans="1:16" x14ac:dyDescent="0.2">
      <c r="A8378" s="1" t="s">
        <v>20</v>
      </c>
      <c r="B8378" s="1" t="s">
        <v>445</v>
      </c>
      <c r="C8378" s="1" t="s">
        <v>28914</v>
      </c>
      <c r="D8378" s="1" t="s">
        <v>1366</v>
      </c>
      <c r="E8378" s="1"/>
      <c r="F8378" s="1" t="s">
        <v>10</v>
      </c>
      <c r="G8378" s="1" t="s">
        <v>10</v>
      </c>
      <c r="H8378" s="1" t="s">
        <v>10</v>
      </c>
      <c r="I8378" s="1" t="s">
        <v>28732</v>
      </c>
      <c r="J8378" s="1" t="s">
        <v>28764</v>
      </c>
      <c r="K8378" s="1" t="s">
        <v>100</v>
      </c>
      <c r="L8378" s="1" t="s">
        <v>28913</v>
      </c>
      <c r="M8378" s="1" t="s">
        <v>5</v>
      </c>
      <c r="N8378" s="1" t="s">
        <v>25</v>
      </c>
      <c r="O8378" s="1" t="s">
        <v>38</v>
      </c>
      <c r="P8378" s="5" t="s">
        <v>30398</v>
      </c>
    </row>
    <row r="8379" spans="1:16" x14ac:dyDescent="0.2">
      <c r="A8379" s="1" t="s">
        <v>42</v>
      </c>
      <c r="B8379" s="1" t="s">
        <v>966</v>
      </c>
      <c r="C8379" s="1" t="s">
        <v>28916</v>
      </c>
      <c r="D8379" s="1" t="s">
        <v>28917</v>
      </c>
      <c r="E8379" s="1"/>
      <c r="F8379" s="1" t="s">
        <v>27</v>
      </c>
      <c r="G8379" s="1" t="s">
        <v>10</v>
      </c>
      <c r="H8379" s="1" t="s">
        <v>968</v>
      </c>
      <c r="I8379" s="1" t="s">
        <v>28732</v>
      </c>
      <c r="J8379" s="1" t="s">
        <v>28764</v>
      </c>
      <c r="K8379" s="1" t="s">
        <v>37</v>
      </c>
      <c r="L8379" s="1" t="s">
        <v>28915</v>
      </c>
      <c r="M8379" s="1" t="s">
        <v>5</v>
      </c>
      <c r="N8379" s="1" t="s">
        <v>25</v>
      </c>
      <c r="O8379" s="1" t="s">
        <v>8</v>
      </c>
      <c r="P8379" s="5" t="s">
        <v>32615</v>
      </c>
    </row>
    <row r="8380" spans="1:16" x14ac:dyDescent="0.2">
      <c r="A8380" s="1" t="s">
        <v>194</v>
      </c>
      <c r="B8380" s="1" t="s">
        <v>396</v>
      </c>
      <c r="C8380" s="1" t="s">
        <v>28919</v>
      </c>
      <c r="D8380" s="1" t="s">
        <v>28919</v>
      </c>
      <c r="E8380" s="1"/>
      <c r="F8380" s="1" t="s">
        <v>393</v>
      </c>
      <c r="G8380" s="1" t="s">
        <v>28920</v>
      </c>
      <c r="H8380" s="1" t="s">
        <v>10</v>
      </c>
      <c r="I8380" s="1" t="s">
        <v>28732</v>
      </c>
      <c r="J8380" s="1" t="s">
        <v>19</v>
      </c>
      <c r="K8380" s="1" t="s">
        <v>7</v>
      </c>
      <c r="L8380" s="1" t="s">
        <v>28918</v>
      </c>
      <c r="M8380" s="1" t="s">
        <v>5</v>
      </c>
      <c r="N8380" s="1" t="s">
        <v>25</v>
      </c>
      <c r="O8380" s="1" t="s">
        <v>8</v>
      </c>
      <c r="P8380" s="5" t="s">
        <v>14</v>
      </c>
    </row>
    <row r="8381" spans="1:16" x14ac:dyDescent="0.2">
      <c r="A8381" s="1" t="s">
        <v>42</v>
      </c>
      <c r="B8381" s="1" t="s">
        <v>1664</v>
      </c>
      <c r="C8381" s="1" t="s">
        <v>28922</v>
      </c>
      <c r="D8381" s="1" t="s">
        <v>28923</v>
      </c>
      <c r="E8381" s="1" t="s">
        <v>28924</v>
      </c>
      <c r="F8381" s="1" t="s">
        <v>10</v>
      </c>
      <c r="G8381" s="1" t="s">
        <v>10</v>
      </c>
      <c r="H8381" s="1" t="s">
        <v>10</v>
      </c>
      <c r="I8381" s="1" t="s">
        <v>28732</v>
      </c>
      <c r="J8381" s="1" t="s">
        <v>28764</v>
      </c>
      <c r="K8381" s="1" t="s">
        <v>130</v>
      </c>
      <c r="L8381" s="1" t="s">
        <v>28921</v>
      </c>
      <c r="M8381" s="1" t="s">
        <v>5</v>
      </c>
      <c r="N8381" s="1" t="s">
        <v>25</v>
      </c>
      <c r="O8381" s="1" t="s">
        <v>38</v>
      </c>
      <c r="P8381" s="5" t="s">
        <v>30398</v>
      </c>
    </row>
    <row r="8382" spans="1:16" x14ac:dyDescent="0.2">
      <c r="A8382" s="1" t="s">
        <v>42</v>
      </c>
      <c r="B8382" s="1" t="s">
        <v>50</v>
      </c>
      <c r="C8382" s="1" t="s">
        <v>28926</v>
      </c>
      <c r="D8382" s="1" t="s">
        <v>28927</v>
      </c>
      <c r="E8382" s="1" t="s">
        <v>28928</v>
      </c>
      <c r="F8382" s="1" t="s">
        <v>10</v>
      </c>
      <c r="G8382" s="1" t="s">
        <v>10</v>
      </c>
      <c r="H8382" s="1" t="s">
        <v>10</v>
      </c>
      <c r="I8382" s="1" t="s">
        <v>28732</v>
      </c>
      <c r="J8382" s="1" t="s">
        <v>28772</v>
      </c>
      <c r="K8382" s="1" t="s">
        <v>47</v>
      </c>
      <c r="L8382" s="1" t="s">
        <v>28925</v>
      </c>
      <c r="M8382" s="1" t="s">
        <v>5</v>
      </c>
      <c r="N8382" s="1" t="s">
        <v>25</v>
      </c>
      <c r="O8382" s="1" t="s">
        <v>38</v>
      </c>
      <c r="P8382" s="5" t="s">
        <v>30398</v>
      </c>
    </row>
    <row r="8383" spans="1:16" x14ac:dyDescent="0.2">
      <c r="A8383" s="1" t="s">
        <v>20</v>
      </c>
      <c r="B8383" s="1" t="s">
        <v>1047</v>
      </c>
      <c r="C8383" s="1" t="s">
        <v>28930</v>
      </c>
      <c r="D8383" s="1" t="s">
        <v>28931</v>
      </c>
      <c r="E8383" s="1" t="s">
        <v>28932</v>
      </c>
      <c r="F8383" s="1" t="s">
        <v>10</v>
      </c>
      <c r="G8383" s="1" t="s">
        <v>10</v>
      </c>
      <c r="H8383" s="1" t="s">
        <v>10</v>
      </c>
      <c r="I8383" s="1" t="s">
        <v>28732</v>
      </c>
      <c r="J8383" s="1" t="s">
        <v>19</v>
      </c>
      <c r="K8383" s="1" t="s">
        <v>100</v>
      </c>
      <c r="L8383" s="1" t="s">
        <v>28929</v>
      </c>
      <c r="M8383" s="1" t="s">
        <v>5</v>
      </c>
      <c r="N8383" s="1" t="s">
        <v>25</v>
      </c>
      <c r="O8383" s="1" t="s">
        <v>38</v>
      </c>
      <c r="P8383" s="5" t="s">
        <v>29821</v>
      </c>
    </row>
    <row r="8384" spans="1:16" x14ac:dyDescent="0.2">
      <c r="A8384" s="1" t="s">
        <v>20</v>
      </c>
      <c r="B8384" s="1" t="s">
        <v>1047</v>
      </c>
      <c r="C8384" s="1" t="s">
        <v>28934</v>
      </c>
      <c r="D8384" s="1" t="s">
        <v>28935</v>
      </c>
      <c r="E8384" s="1" t="s">
        <v>28936</v>
      </c>
      <c r="F8384" s="1" t="s">
        <v>10</v>
      </c>
      <c r="G8384" s="1" t="s">
        <v>10</v>
      </c>
      <c r="H8384" s="1" t="s">
        <v>10</v>
      </c>
      <c r="I8384" s="1" t="s">
        <v>28732</v>
      </c>
      <c r="J8384" s="1" t="s">
        <v>19</v>
      </c>
      <c r="K8384" s="1" t="s">
        <v>100</v>
      </c>
      <c r="L8384" s="1" t="s">
        <v>28933</v>
      </c>
      <c r="M8384" s="1" t="s">
        <v>5</v>
      </c>
      <c r="N8384" s="1" t="s">
        <v>25</v>
      </c>
      <c r="O8384" s="1" t="s">
        <v>38</v>
      </c>
      <c r="P8384" s="5" t="s">
        <v>29821</v>
      </c>
    </row>
    <row r="8385" spans="1:16" x14ac:dyDescent="0.2">
      <c r="A8385" s="1" t="s">
        <v>20</v>
      </c>
      <c r="B8385" s="1" t="s">
        <v>310</v>
      </c>
      <c r="C8385" s="1" t="s">
        <v>28938</v>
      </c>
      <c r="D8385" s="1" t="s">
        <v>28939</v>
      </c>
      <c r="E8385" s="1" t="s">
        <v>28940</v>
      </c>
      <c r="F8385" s="1" t="s">
        <v>10</v>
      </c>
      <c r="G8385" s="1" t="s">
        <v>10</v>
      </c>
      <c r="H8385" s="1" t="s">
        <v>10</v>
      </c>
      <c r="I8385" s="1" t="s">
        <v>28732</v>
      </c>
      <c r="J8385" s="1" t="s">
        <v>19</v>
      </c>
      <c r="K8385" s="1" t="s">
        <v>27</v>
      </c>
      <c r="L8385" s="1" t="s">
        <v>28937</v>
      </c>
      <c r="M8385" s="1" t="s">
        <v>5</v>
      </c>
      <c r="N8385" s="1" t="s">
        <v>25</v>
      </c>
      <c r="O8385" s="1" t="s">
        <v>38</v>
      </c>
      <c r="P8385" s="5" t="s">
        <v>29821</v>
      </c>
    </row>
    <row r="8386" spans="1:16" x14ac:dyDescent="0.2">
      <c r="A8386" s="1" t="s">
        <v>20</v>
      </c>
      <c r="B8386" s="1" t="s">
        <v>310</v>
      </c>
      <c r="C8386" s="1" t="s">
        <v>28942</v>
      </c>
      <c r="D8386" s="1" t="s">
        <v>28943</v>
      </c>
      <c r="E8386" s="1" t="s">
        <v>28944</v>
      </c>
      <c r="F8386" s="1" t="s">
        <v>10</v>
      </c>
      <c r="G8386" s="1" t="s">
        <v>10</v>
      </c>
      <c r="H8386" s="1" t="s">
        <v>10</v>
      </c>
      <c r="I8386" s="1" t="s">
        <v>28732</v>
      </c>
      <c r="J8386" s="1" t="s">
        <v>19</v>
      </c>
      <c r="K8386" s="1" t="s">
        <v>100</v>
      </c>
      <c r="L8386" s="1" t="s">
        <v>28941</v>
      </c>
      <c r="M8386" s="1" t="s">
        <v>5</v>
      </c>
      <c r="N8386" s="1" t="s">
        <v>25</v>
      </c>
      <c r="O8386" s="1" t="s">
        <v>38</v>
      </c>
      <c r="P8386" s="5" t="s">
        <v>29821</v>
      </c>
    </row>
    <row r="8387" spans="1:16" x14ac:dyDescent="0.2">
      <c r="A8387" s="1" t="s">
        <v>42</v>
      </c>
      <c r="B8387" s="1" t="s">
        <v>50</v>
      </c>
      <c r="C8387" s="1" t="s">
        <v>28946</v>
      </c>
      <c r="D8387" s="1" t="s">
        <v>28947</v>
      </c>
      <c r="E8387" s="1" t="s">
        <v>28948</v>
      </c>
      <c r="F8387" s="1" t="s">
        <v>10</v>
      </c>
      <c r="G8387" s="1" t="s">
        <v>10</v>
      </c>
      <c r="H8387" s="1" t="s">
        <v>10</v>
      </c>
      <c r="I8387" s="1" t="s">
        <v>28732</v>
      </c>
      <c r="J8387" s="1" t="s">
        <v>19</v>
      </c>
      <c r="K8387" s="1" t="s">
        <v>100</v>
      </c>
      <c r="L8387" s="1" t="s">
        <v>28945</v>
      </c>
      <c r="M8387" s="1" t="s">
        <v>5</v>
      </c>
      <c r="N8387" s="1" t="s">
        <v>25</v>
      </c>
      <c r="O8387" s="1" t="s">
        <v>38</v>
      </c>
      <c r="P8387" s="5" t="s">
        <v>29821</v>
      </c>
    </row>
    <row r="8388" spans="1:16" x14ac:dyDescent="0.2">
      <c r="A8388" s="1" t="s">
        <v>20</v>
      </c>
      <c r="B8388" s="1" t="s">
        <v>21</v>
      </c>
      <c r="C8388" s="1" t="s">
        <v>28950</v>
      </c>
      <c r="D8388" s="1" t="s">
        <v>28951</v>
      </c>
      <c r="E8388" s="1" t="s">
        <v>28952</v>
      </c>
      <c r="F8388" s="1" t="s">
        <v>10</v>
      </c>
      <c r="G8388" s="1" t="s">
        <v>10</v>
      </c>
      <c r="H8388" s="1" t="s">
        <v>10</v>
      </c>
      <c r="I8388" s="1" t="s">
        <v>28732</v>
      </c>
      <c r="J8388" s="1" t="s">
        <v>19</v>
      </c>
      <c r="K8388" s="1" t="s">
        <v>100</v>
      </c>
      <c r="L8388" s="1" t="s">
        <v>28949</v>
      </c>
      <c r="M8388" s="1" t="s">
        <v>5</v>
      </c>
      <c r="N8388" s="1" t="s">
        <v>25</v>
      </c>
      <c r="O8388" s="1" t="s">
        <v>38</v>
      </c>
      <c r="P8388" s="5" t="s">
        <v>30398</v>
      </c>
    </row>
    <row r="8389" spans="1:16" x14ac:dyDescent="0.2">
      <c r="A8389" s="1" t="s">
        <v>42</v>
      </c>
      <c r="B8389" s="1" t="s">
        <v>50</v>
      </c>
      <c r="C8389" s="1" t="s">
        <v>28954</v>
      </c>
      <c r="D8389" s="1" t="s">
        <v>28955</v>
      </c>
      <c r="E8389" s="1" t="s">
        <v>28956</v>
      </c>
      <c r="F8389" s="1" t="s">
        <v>10</v>
      </c>
      <c r="G8389" s="1" t="s">
        <v>10</v>
      </c>
      <c r="H8389" s="1" t="s">
        <v>10</v>
      </c>
      <c r="I8389" s="1" t="s">
        <v>28732</v>
      </c>
      <c r="J8389" s="1" t="s">
        <v>19</v>
      </c>
      <c r="K8389" s="1" t="s">
        <v>100</v>
      </c>
      <c r="L8389" s="1" t="s">
        <v>28953</v>
      </c>
      <c r="M8389" s="1" t="s">
        <v>5</v>
      </c>
      <c r="N8389" s="1" t="s">
        <v>25</v>
      </c>
      <c r="O8389" s="1" t="s">
        <v>38</v>
      </c>
      <c r="P8389" s="5" t="s">
        <v>29821</v>
      </c>
    </row>
    <row r="8390" spans="1:16" x14ac:dyDescent="0.2">
      <c r="A8390" s="1" t="s">
        <v>20</v>
      </c>
      <c r="B8390" s="1" t="s">
        <v>302</v>
      </c>
      <c r="C8390" s="1" t="s">
        <v>28958</v>
      </c>
      <c r="D8390" s="1" t="s">
        <v>28959</v>
      </c>
      <c r="E8390" s="1" t="s">
        <v>28960</v>
      </c>
      <c r="F8390" s="1" t="s">
        <v>10</v>
      </c>
      <c r="G8390" s="1" t="s">
        <v>10</v>
      </c>
      <c r="H8390" s="1" t="s">
        <v>10</v>
      </c>
      <c r="I8390" s="1" t="s">
        <v>28732</v>
      </c>
      <c r="J8390" s="1" t="s">
        <v>19</v>
      </c>
      <c r="K8390" s="1" t="s">
        <v>100</v>
      </c>
      <c r="L8390" s="1" t="s">
        <v>28957</v>
      </c>
      <c r="M8390" s="1" t="s">
        <v>5</v>
      </c>
      <c r="N8390" s="1" t="s">
        <v>25</v>
      </c>
      <c r="O8390" s="1" t="s">
        <v>38</v>
      </c>
      <c r="P8390" s="5" t="s">
        <v>29821</v>
      </c>
    </row>
    <row r="8391" spans="1:16" x14ac:dyDescent="0.2">
      <c r="A8391" s="1" t="s">
        <v>42</v>
      </c>
      <c r="B8391" s="1" t="s">
        <v>966</v>
      </c>
      <c r="C8391" s="1" t="s">
        <v>28962</v>
      </c>
      <c r="D8391" s="1" t="s">
        <v>28963</v>
      </c>
      <c r="E8391" s="1"/>
      <c r="F8391" s="1" t="s">
        <v>27</v>
      </c>
      <c r="G8391" s="1" t="s">
        <v>10</v>
      </c>
      <c r="H8391" s="1" t="s">
        <v>968</v>
      </c>
      <c r="I8391" s="1" t="s">
        <v>28732</v>
      </c>
      <c r="J8391" s="1" t="s">
        <v>19</v>
      </c>
      <c r="K8391" s="1" t="s">
        <v>37</v>
      </c>
      <c r="L8391" s="1" t="s">
        <v>28961</v>
      </c>
      <c r="M8391" s="1" t="s">
        <v>5</v>
      </c>
      <c r="N8391" s="1" t="s">
        <v>25</v>
      </c>
      <c r="O8391" s="1" t="s">
        <v>8</v>
      </c>
      <c r="P8391" s="5" t="s">
        <v>32616</v>
      </c>
    </row>
    <row r="8392" spans="1:16" x14ac:dyDescent="0.2">
      <c r="A8392" s="1" t="s">
        <v>194</v>
      </c>
      <c r="B8392" s="1" t="s">
        <v>396</v>
      </c>
      <c r="C8392" s="1" t="s">
        <v>28965</v>
      </c>
      <c r="D8392" s="1" t="s">
        <v>28965</v>
      </c>
      <c r="E8392" s="1"/>
      <c r="F8392" s="1" t="s">
        <v>393</v>
      </c>
      <c r="G8392" s="1" t="s">
        <v>28920</v>
      </c>
      <c r="H8392" s="1" t="s">
        <v>10</v>
      </c>
      <c r="I8392" s="1" t="s">
        <v>28732</v>
      </c>
      <c r="J8392" s="1" t="s">
        <v>19</v>
      </c>
      <c r="K8392" s="1" t="s">
        <v>7</v>
      </c>
      <c r="L8392" s="1" t="s">
        <v>28964</v>
      </c>
      <c r="M8392" s="1" t="s">
        <v>5</v>
      </c>
      <c r="N8392" s="1" t="s">
        <v>25</v>
      </c>
      <c r="O8392" s="1" t="s">
        <v>8</v>
      </c>
      <c r="P8392" s="5" t="s">
        <v>14</v>
      </c>
    </row>
    <row r="8393" spans="1:16" x14ac:dyDescent="0.2">
      <c r="A8393" s="1" t="s">
        <v>329</v>
      </c>
      <c r="B8393" s="1" t="s">
        <v>340</v>
      </c>
      <c r="C8393" s="1" t="s">
        <v>28967</v>
      </c>
      <c r="D8393" s="1" t="s">
        <v>22707</v>
      </c>
      <c r="E8393" s="1" t="s">
        <v>28968</v>
      </c>
      <c r="F8393" s="1" t="s">
        <v>27</v>
      </c>
      <c r="G8393" s="1" t="s">
        <v>10</v>
      </c>
      <c r="H8393" s="1" t="s">
        <v>28969</v>
      </c>
      <c r="I8393" s="1" t="s">
        <v>28732</v>
      </c>
      <c r="J8393" s="1" t="s">
        <v>19</v>
      </c>
      <c r="K8393" s="1" t="s">
        <v>130</v>
      </c>
      <c r="L8393" s="1" t="s">
        <v>28966</v>
      </c>
      <c r="M8393" s="1" t="s">
        <v>5</v>
      </c>
      <c r="N8393" s="1" t="s">
        <v>25</v>
      </c>
      <c r="O8393" s="1" t="s">
        <v>8</v>
      </c>
      <c r="P8393" s="5" t="s">
        <v>30868</v>
      </c>
    </row>
    <row r="8394" spans="1:16" x14ac:dyDescent="0.2">
      <c r="A8394" s="1" t="s">
        <v>20</v>
      </c>
      <c r="B8394" s="1" t="s">
        <v>253</v>
      </c>
      <c r="C8394" s="1" t="s">
        <v>28971</v>
      </c>
      <c r="D8394" s="1" t="s">
        <v>25489</v>
      </c>
      <c r="E8394" s="1" t="s">
        <v>28972</v>
      </c>
      <c r="F8394" s="1" t="s">
        <v>10</v>
      </c>
      <c r="G8394" s="1" t="s">
        <v>10</v>
      </c>
      <c r="H8394" s="1" t="s">
        <v>10</v>
      </c>
      <c r="I8394" s="1" t="s">
        <v>28732</v>
      </c>
      <c r="J8394" s="1" t="s">
        <v>19</v>
      </c>
      <c r="K8394" s="1" t="s">
        <v>130</v>
      </c>
      <c r="L8394" s="1" t="s">
        <v>28970</v>
      </c>
      <c r="M8394" s="1" t="s">
        <v>5</v>
      </c>
      <c r="N8394" s="1" t="s">
        <v>25</v>
      </c>
      <c r="O8394" s="1" t="s">
        <v>38</v>
      </c>
      <c r="P8394" s="5" t="s">
        <v>32617</v>
      </c>
    </row>
    <row r="8395" spans="1:16" x14ac:dyDescent="0.2">
      <c r="A8395" s="1" t="s">
        <v>20</v>
      </c>
      <c r="B8395" s="1" t="s">
        <v>310</v>
      </c>
      <c r="C8395" s="1" t="s">
        <v>28974</v>
      </c>
      <c r="D8395" s="1" t="s">
        <v>28975</v>
      </c>
      <c r="E8395" s="1" t="s">
        <v>28976</v>
      </c>
      <c r="F8395" s="1" t="s">
        <v>27</v>
      </c>
      <c r="G8395" s="1" t="s">
        <v>10</v>
      </c>
      <c r="H8395" s="1" t="s">
        <v>28977</v>
      </c>
      <c r="I8395" s="1" t="s">
        <v>28732</v>
      </c>
      <c r="J8395" s="1" t="s">
        <v>19</v>
      </c>
      <c r="K8395" s="1" t="s">
        <v>100</v>
      </c>
      <c r="L8395" s="1" t="s">
        <v>28973</v>
      </c>
      <c r="M8395" s="1" t="s">
        <v>5</v>
      </c>
      <c r="N8395" s="1" t="s">
        <v>25</v>
      </c>
      <c r="O8395" s="1" t="s">
        <v>8</v>
      </c>
      <c r="P8395" s="5" t="s">
        <v>32618</v>
      </c>
    </row>
    <row r="8396" spans="1:16" x14ac:dyDescent="0.2">
      <c r="A8396" s="1" t="s">
        <v>20</v>
      </c>
      <c r="B8396" s="1" t="s">
        <v>21</v>
      </c>
      <c r="C8396" s="1" t="s">
        <v>28979</v>
      </c>
      <c r="D8396" s="1" t="s">
        <v>28980</v>
      </c>
      <c r="E8396" s="1" t="s">
        <v>28981</v>
      </c>
      <c r="F8396" s="1" t="s">
        <v>27</v>
      </c>
      <c r="G8396" s="1" t="s">
        <v>10</v>
      </c>
      <c r="H8396" s="1" t="s">
        <v>28982</v>
      </c>
      <c r="I8396" s="1" t="s">
        <v>28732</v>
      </c>
      <c r="J8396" s="1" t="s">
        <v>19</v>
      </c>
      <c r="K8396" s="1" t="s">
        <v>100</v>
      </c>
      <c r="L8396" s="1" t="s">
        <v>28978</v>
      </c>
      <c r="M8396" s="1" t="s">
        <v>5</v>
      </c>
      <c r="N8396" s="1" t="s">
        <v>25</v>
      </c>
      <c r="O8396" s="1" t="s">
        <v>8</v>
      </c>
      <c r="P8396" s="5" t="s">
        <v>32618</v>
      </c>
    </row>
    <row r="8397" spans="1:16" x14ac:dyDescent="0.2">
      <c r="A8397" s="1" t="s">
        <v>20</v>
      </c>
      <c r="B8397" s="1" t="s">
        <v>99</v>
      </c>
      <c r="C8397" s="1" t="s">
        <v>28984</v>
      </c>
      <c r="D8397" s="1" t="s">
        <v>28985</v>
      </c>
      <c r="E8397" s="1" t="s">
        <v>28987</v>
      </c>
      <c r="F8397" s="1" t="s">
        <v>10</v>
      </c>
      <c r="G8397" s="1" t="s">
        <v>10</v>
      </c>
      <c r="H8397" s="1" t="s">
        <v>10</v>
      </c>
      <c r="I8397" s="1" t="s">
        <v>28732</v>
      </c>
      <c r="J8397" s="1" t="s">
        <v>28986</v>
      </c>
      <c r="K8397" s="1" t="s">
        <v>244</v>
      </c>
      <c r="L8397" s="1" t="s">
        <v>28983</v>
      </c>
      <c r="M8397" s="1" t="s">
        <v>5</v>
      </c>
      <c r="N8397" s="1" t="s">
        <v>25</v>
      </c>
      <c r="O8397" s="1" t="s">
        <v>38</v>
      </c>
      <c r="P8397" s="5" t="s">
        <v>30398</v>
      </c>
    </row>
    <row r="8398" spans="1:16" x14ac:dyDescent="0.2">
      <c r="A8398" s="1" t="s">
        <v>20</v>
      </c>
      <c r="B8398" s="1" t="s">
        <v>253</v>
      </c>
      <c r="C8398" s="1" t="s">
        <v>28989</v>
      </c>
      <c r="D8398" s="1" t="s">
        <v>417</v>
      </c>
      <c r="E8398" s="1"/>
      <c r="F8398" s="1" t="s">
        <v>10</v>
      </c>
      <c r="G8398" s="1" t="s">
        <v>10</v>
      </c>
      <c r="H8398" s="1" t="s">
        <v>10</v>
      </c>
      <c r="I8398" s="1" t="s">
        <v>28732</v>
      </c>
      <c r="J8398" s="1" t="s">
        <v>19</v>
      </c>
      <c r="K8398" s="1" t="s">
        <v>130</v>
      </c>
      <c r="L8398" s="1" t="s">
        <v>28988</v>
      </c>
      <c r="M8398" s="1" t="s">
        <v>5</v>
      </c>
      <c r="N8398" s="1" t="s">
        <v>25</v>
      </c>
      <c r="O8398" s="1" t="s">
        <v>38</v>
      </c>
      <c r="P8398" s="5" t="s">
        <v>32619</v>
      </c>
    </row>
    <row r="8399" spans="1:16" x14ac:dyDescent="0.2">
      <c r="A8399" s="1" t="s">
        <v>20</v>
      </c>
      <c r="B8399" s="1" t="s">
        <v>445</v>
      </c>
      <c r="C8399" s="1" t="s">
        <v>15918</v>
      </c>
      <c r="D8399" s="1" t="s">
        <v>28991</v>
      </c>
      <c r="E8399" s="1" t="s">
        <v>28992</v>
      </c>
      <c r="F8399" s="1" t="s">
        <v>4361</v>
      </c>
      <c r="G8399" s="1" t="s">
        <v>15920</v>
      </c>
      <c r="H8399" s="1" t="s">
        <v>10</v>
      </c>
      <c r="I8399" s="1" t="s">
        <v>28732</v>
      </c>
      <c r="J8399" s="1" t="s">
        <v>19</v>
      </c>
      <c r="K8399" s="1" t="s">
        <v>100</v>
      </c>
      <c r="L8399" s="1" t="s">
        <v>28990</v>
      </c>
      <c r="M8399" s="1" t="s">
        <v>5</v>
      </c>
      <c r="N8399" s="1" t="s">
        <v>432</v>
      </c>
      <c r="O8399" s="1" t="s">
        <v>8</v>
      </c>
      <c r="P8399" s="5" t="s">
        <v>30924</v>
      </c>
    </row>
    <row r="8400" spans="1:16" x14ac:dyDescent="0.2">
      <c r="A8400" s="1" t="s">
        <v>329</v>
      </c>
      <c r="B8400" s="1" t="s">
        <v>439</v>
      </c>
      <c r="C8400" s="1" t="s">
        <v>28994</v>
      </c>
      <c r="D8400" s="1" t="s">
        <v>28995</v>
      </c>
      <c r="E8400" s="1" t="s">
        <v>28996</v>
      </c>
      <c r="F8400" s="1" t="s">
        <v>27</v>
      </c>
      <c r="G8400" s="1" t="s">
        <v>10</v>
      </c>
      <c r="H8400" s="1" t="s">
        <v>28997</v>
      </c>
      <c r="I8400" s="1" t="s">
        <v>28732</v>
      </c>
      <c r="J8400" s="1" t="s">
        <v>19</v>
      </c>
      <c r="K8400" s="1" t="s">
        <v>27</v>
      </c>
      <c r="L8400" s="1" t="s">
        <v>28993</v>
      </c>
      <c r="M8400" s="1" t="s">
        <v>5</v>
      </c>
      <c r="N8400" s="1" t="s">
        <v>25</v>
      </c>
      <c r="O8400" s="1" t="s">
        <v>8</v>
      </c>
      <c r="P8400" s="5" t="s">
        <v>32613</v>
      </c>
    </row>
    <row r="8401" spans="1:16" x14ac:dyDescent="0.2">
      <c r="A8401" s="1" t="s">
        <v>42</v>
      </c>
      <c r="B8401" s="1" t="s">
        <v>1664</v>
      </c>
      <c r="C8401" s="1" t="s">
        <v>28999</v>
      </c>
      <c r="D8401" s="1" t="s">
        <v>2167</v>
      </c>
      <c r="E8401" s="1"/>
      <c r="F8401" s="1" t="s">
        <v>10</v>
      </c>
      <c r="G8401" s="1" t="s">
        <v>10</v>
      </c>
      <c r="H8401" s="1" t="s">
        <v>10</v>
      </c>
      <c r="I8401" s="1" t="s">
        <v>28732</v>
      </c>
      <c r="J8401" s="1" t="s">
        <v>28772</v>
      </c>
      <c r="K8401" s="1" t="s">
        <v>47</v>
      </c>
      <c r="L8401" s="1" t="s">
        <v>28998</v>
      </c>
      <c r="M8401" s="1" t="s">
        <v>5</v>
      </c>
      <c r="N8401" s="1" t="s">
        <v>25</v>
      </c>
      <c r="O8401" s="1" t="s">
        <v>38</v>
      </c>
      <c r="P8401" s="5" t="s">
        <v>30869</v>
      </c>
    </row>
    <row r="8402" spans="1:16" x14ac:dyDescent="0.2">
      <c r="A8402" s="1" t="s">
        <v>42</v>
      </c>
      <c r="B8402" s="1" t="s">
        <v>1664</v>
      </c>
      <c r="C8402" s="1" t="s">
        <v>29001</v>
      </c>
      <c r="D8402" s="1" t="s">
        <v>29002</v>
      </c>
      <c r="E8402" s="1"/>
      <c r="F8402" s="1" t="s">
        <v>10</v>
      </c>
      <c r="G8402" s="1" t="s">
        <v>10</v>
      </c>
      <c r="H8402" s="1" t="s">
        <v>10</v>
      </c>
      <c r="I8402" s="1" t="s">
        <v>28732</v>
      </c>
      <c r="J8402" s="1" t="s">
        <v>28772</v>
      </c>
      <c r="K8402" s="1" t="s">
        <v>47</v>
      </c>
      <c r="L8402" s="1" t="s">
        <v>29000</v>
      </c>
      <c r="M8402" s="1" t="s">
        <v>5</v>
      </c>
      <c r="N8402" s="1" t="s">
        <v>25</v>
      </c>
      <c r="O8402" s="1" t="s">
        <v>38</v>
      </c>
      <c r="P8402" s="5" t="s">
        <v>30869</v>
      </c>
    </row>
    <row r="8403" spans="1:16" x14ac:dyDescent="0.2">
      <c r="A8403" s="1" t="s">
        <v>42</v>
      </c>
      <c r="B8403" s="1" t="s">
        <v>1664</v>
      </c>
      <c r="C8403" s="1" t="s">
        <v>29004</v>
      </c>
      <c r="D8403" s="1" t="s">
        <v>29005</v>
      </c>
      <c r="E8403" s="1" t="s">
        <v>29006</v>
      </c>
      <c r="F8403" s="1" t="s">
        <v>10</v>
      </c>
      <c r="G8403" s="1" t="s">
        <v>10</v>
      </c>
      <c r="H8403" s="1" t="s">
        <v>10</v>
      </c>
      <c r="I8403" s="1" t="s">
        <v>28732</v>
      </c>
      <c r="J8403" s="1" t="s">
        <v>28772</v>
      </c>
      <c r="K8403" s="1" t="s">
        <v>47</v>
      </c>
      <c r="L8403" s="1" t="s">
        <v>29003</v>
      </c>
      <c r="M8403" s="1" t="s">
        <v>5</v>
      </c>
      <c r="N8403" s="1" t="s">
        <v>25</v>
      </c>
      <c r="O8403" s="1" t="s">
        <v>38</v>
      </c>
      <c r="P8403" s="5" t="s">
        <v>30870</v>
      </c>
    </row>
    <row r="8404" spans="1:16" x14ac:dyDescent="0.2">
      <c r="A8404" s="1" t="s">
        <v>42</v>
      </c>
      <c r="B8404" s="1" t="s">
        <v>1664</v>
      </c>
      <c r="C8404" s="1" t="s">
        <v>29008</v>
      </c>
      <c r="D8404" s="1" t="s">
        <v>29009</v>
      </c>
      <c r="E8404" s="1" t="s">
        <v>29010</v>
      </c>
      <c r="F8404" s="1" t="s">
        <v>10</v>
      </c>
      <c r="G8404" s="1" t="s">
        <v>10</v>
      </c>
      <c r="H8404" s="1" t="s">
        <v>10</v>
      </c>
      <c r="I8404" s="1" t="s">
        <v>28732</v>
      </c>
      <c r="J8404" s="1" t="s">
        <v>28772</v>
      </c>
      <c r="K8404" s="1" t="s">
        <v>47</v>
      </c>
      <c r="L8404" s="1" t="s">
        <v>29007</v>
      </c>
      <c r="M8404" s="1" t="s">
        <v>5</v>
      </c>
      <c r="N8404" s="1" t="s">
        <v>25</v>
      </c>
      <c r="O8404" s="1" t="s">
        <v>38</v>
      </c>
      <c r="P8404" s="5" t="s">
        <v>30871</v>
      </c>
    </row>
    <row r="8405" spans="1:16" x14ac:dyDescent="0.2">
      <c r="A8405" s="1" t="s">
        <v>42</v>
      </c>
      <c r="B8405" s="1" t="s">
        <v>1664</v>
      </c>
      <c r="C8405" s="1" t="s">
        <v>29013</v>
      </c>
      <c r="D8405" s="1" t="s">
        <v>29014</v>
      </c>
      <c r="E8405" s="1" t="s">
        <v>29015</v>
      </c>
      <c r="F8405" s="1" t="s">
        <v>29011</v>
      </c>
      <c r="G8405" s="1" t="s">
        <v>10</v>
      </c>
      <c r="H8405" s="1" t="s">
        <v>10</v>
      </c>
      <c r="I8405" s="1" t="s">
        <v>28732</v>
      </c>
      <c r="J8405" s="1" t="s">
        <v>28772</v>
      </c>
      <c r="K8405" s="1" t="s">
        <v>47</v>
      </c>
      <c r="L8405" s="1" t="s">
        <v>29012</v>
      </c>
      <c r="M8405" s="1" t="s">
        <v>5</v>
      </c>
      <c r="N8405" s="1" t="s">
        <v>25</v>
      </c>
      <c r="O8405" s="1" t="s">
        <v>8</v>
      </c>
      <c r="P8405" s="5" t="s">
        <v>30869</v>
      </c>
    </row>
    <row r="8406" spans="1:16" x14ac:dyDescent="0.2">
      <c r="A8406" s="1" t="s">
        <v>42</v>
      </c>
      <c r="B8406" s="1" t="s">
        <v>1664</v>
      </c>
      <c r="C8406" s="1" t="s">
        <v>29017</v>
      </c>
      <c r="D8406" s="1" t="s">
        <v>29018</v>
      </c>
      <c r="E8406" s="1"/>
      <c r="F8406" s="1" t="s">
        <v>10</v>
      </c>
      <c r="G8406" s="1" t="s">
        <v>10</v>
      </c>
      <c r="H8406" s="1" t="s">
        <v>10</v>
      </c>
      <c r="I8406" s="1" t="s">
        <v>28732</v>
      </c>
      <c r="J8406" s="1" t="s">
        <v>28826</v>
      </c>
      <c r="K8406" s="1" t="s">
        <v>130</v>
      </c>
      <c r="L8406" s="1" t="s">
        <v>29016</v>
      </c>
      <c r="M8406" s="1" t="s">
        <v>5</v>
      </c>
      <c r="N8406" s="1" t="s">
        <v>25</v>
      </c>
      <c r="O8406" s="1" t="s">
        <v>38</v>
      </c>
      <c r="P8406" s="5" t="s">
        <v>29821</v>
      </c>
    </row>
    <row r="8407" spans="1:16" x14ac:dyDescent="0.2">
      <c r="A8407" s="1" t="s">
        <v>42</v>
      </c>
      <c r="B8407" s="1" t="s">
        <v>1341</v>
      </c>
      <c r="C8407" s="1" t="s">
        <v>29020</v>
      </c>
      <c r="D8407" s="1" t="s">
        <v>21358</v>
      </c>
      <c r="E8407" s="1"/>
      <c r="F8407" s="1" t="s">
        <v>10</v>
      </c>
      <c r="G8407" s="1" t="s">
        <v>10</v>
      </c>
      <c r="H8407" s="1" t="s">
        <v>10</v>
      </c>
      <c r="I8407" s="1" t="s">
        <v>28732</v>
      </c>
      <c r="J8407" s="1" t="s">
        <v>28826</v>
      </c>
      <c r="K8407" s="1" t="s">
        <v>130</v>
      </c>
      <c r="L8407" s="1" t="s">
        <v>29019</v>
      </c>
      <c r="M8407" s="1" t="s">
        <v>5</v>
      </c>
      <c r="N8407" s="1" t="s">
        <v>25</v>
      </c>
      <c r="O8407" s="1" t="s">
        <v>38</v>
      </c>
      <c r="P8407" s="5" t="s">
        <v>32620</v>
      </c>
    </row>
    <row r="8408" spans="1:16" x14ac:dyDescent="0.2">
      <c r="A8408" s="1" t="s">
        <v>20</v>
      </c>
      <c r="B8408" s="1" t="s">
        <v>253</v>
      </c>
      <c r="C8408" s="1" t="s">
        <v>10586</v>
      </c>
      <c r="D8408" s="1" t="s">
        <v>4618</v>
      </c>
      <c r="E8408" s="1" t="s">
        <v>29023</v>
      </c>
      <c r="F8408" s="1" t="s">
        <v>10</v>
      </c>
      <c r="G8408" s="1" t="s">
        <v>7095</v>
      </c>
      <c r="H8408" s="1" t="s">
        <v>10</v>
      </c>
      <c r="I8408" s="1" t="s">
        <v>28732</v>
      </c>
      <c r="J8408" s="1" t="s">
        <v>29022</v>
      </c>
      <c r="K8408" s="1" t="s">
        <v>64</v>
      </c>
      <c r="L8408" s="1" t="s">
        <v>29021</v>
      </c>
      <c r="M8408" s="1" t="s">
        <v>5</v>
      </c>
      <c r="N8408" s="1" t="s">
        <v>25</v>
      </c>
      <c r="O8408" s="1" t="s">
        <v>8</v>
      </c>
      <c r="P8408" s="5" t="s">
        <v>30398</v>
      </c>
    </row>
    <row r="8409" spans="1:16" x14ac:dyDescent="0.2">
      <c r="A8409" s="1" t="s">
        <v>66</v>
      </c>
      <c r="B8409" s="1" t="s">
        <v>574</v>
      </c>
      <c r="C8409" s="1" t="s">
        <v>29025</v>
      </c>
      <c r="D8409" s="1" t="s">
        <v>29026</v>
      </c>
      <c r="E8409" s="1"/>
      <c r="F8409" s="1" t="s">
        <v>968</v>
      </c>
      <c r="G8409" s="1" t="s">
        <v>1042</v>
      </c>
      <c r="H8409" s="1" t="s">
        <v>7427</v>
      </c>
      <c r="I8409" s="1" t="s">
        <v>28732</v>
      </c>
      <c r="J8409" s="1" t="s">
        <v>19</v>
      </c>
      <c r="K8409" s="1" t="s">
        <v>443</v>
      </c>
      <c r="L8409" s="1" t="s">
        <v>29024</v>
      </c>
      <c r="M8409" s="1" t="s">
        <v>5</v>
      </c>
      <c r="N8409" s="1" t="s">
        <v>25</v>
      </c>
      <c r="O8409" s="1" t="s">
        <v>8</v>
      </c>
      <c r="P8409" s="5" t="s">
        <v>30872</v>
      </c>
    </row>
    <row r="8410" spans="1:16" x14ac:dyDescent="0.2">
      <c r="A8410" s="1" t="s">
        <v>42</v>
      </c>
      <c r="B8410" s="1" t="s">
        <v>118</v>
      </c>
      <c r="C8410" s="1" t="s">
        <v>29028</v>
      </c>
      <c r="D8410" s="1" t="s">
        <v>29029</v>
      </c>
      <c r="E8410" s="1" t="s">
        <v>29030</v>
      </c>
      <c r="F8410" s="1" t="s">
        <v>10</v>
      </c>
      <c r="G8410" s="1" t="s">
        <v>10</v>
      </c>
      <c r="H8410" s="1" t="s">
        <v>10</v>
      </c>
      <c r="I8410" s="1" t="s">
        <v>28732</v>
      </c>
      <c r="J8410" s="1" t="s">
        <v>19</v>
      </c>
      <c r="K8410" s="1" t="s">
        <v>64</v>
      </c>
      <c r="L8410" s="1" t="s">
        <v>29027</v>
      </c>
      <c r="M8410" s="1" t="s">
        <v>5</v>
      </c>
      <c r="N8410" s="1" t="s">
        <v>25</v>
      </c>
      <c r="O8410" s="1" t="s">
        <v>38</v>
      </c>
      <c r="P8410" s="5" t="s">
        <v>29821</v>
      </c>
    </row>
    <row r="8411" spans="1:16" x14ac:dyDescent="0.2">
      <c r="A8411" s="1" t="s">
        <v>20</v>
      </c>
      <c r="B8411" s="1" t="s">
        <v>101</v>
      </c>
      <c r="C8411" s="1" t="s">
        <v>29032</v>
      </c>
      <c r="D8411" s="1" t="s">
        <v>639</v>
      </c>
      <c r="E8411" s="1"/>
      <c r="F8411" s="1" t="s">
        <v>10</v>
      </c>
      <c r="G8411" s="1" t="s">
        <v>10</v>
      </c>
      <c r="H8411" s="1" t="s">
        <v>10</v>
      </c>
      <c r="I8411" s="1" t="s">
        <v>28732</v>
      </c>
      <c r="J8411" s="1" t="s">
        <v>10</v>
      </c>
      <c r="K8411" s="1" t="s">
        <v>64</v>
      </c>
      <c r="L8411" s="1" t="s">
        <v>29031</v>
      </c>
      <c r="M8411" s="1" t="s">
        <v>5</v>
      </c>
      <c r="N8411" s="1" t="s">
        <v>25</v>
      </c>
      <c r="O8411" s="1" t="s">
        <v>38</v>
      </c>
      <c r="P8411" s="5" t="s">
        <v>29821</v>
      </c>
    </row>
    <row r="8412" spans="1:16" x14ac:dyDescent="0.2">
      <c r="A8412" s="1" t="s">
        <v>42</v>
      </c>
      <c r="B8412" s="1" t="s">
        <v>50</v>
      </c>
      <c r="C8412" s="1" t="s">
        <v>29034</v>
      </c>
      <c r="D8412" s="1" t="s">
        <v>7048</v>
      </c>
      <c r="E8412" s="1"/>
      <c r="F8412" s="1" t="s">
        <v>10</v>
      </c>
      <c r="G8412" s="1" t="s">
        <v>10</v>
      </c>
      <c r="H8412" s="1" t="s">
        <v>10</v>
      </c>
      <c r="I8412" s="1" t="s">
        <v>28732</v>
      </c>
      <c r="J8412" s="1" t="s">
        <v>29035</v>
      </c>
      <c r="K8412" s="1" t="s">
        <v>47</v>
      </c>
      <c r="L8412" s="1" t="s">
        <v>29033</v>
      </c>
      <c r="M8412" s="1" t="s">
        <v>5</v>
      </c>
      <c r="N8412" s="1" t="s">
        <v>25</v>
      </c>
      <c r="O8412" s="1" t="s">
        <v>38</v>
      </c>
      <c r="P8412" s="5" t="s">
        <v>29846</v>
      </c>
    </row>
    <row r="8413" spans="1:16" x14ac:dyDescent="0.2">
      <c r="A8413" s="1" t="s">
        <v>20</v>
      </c>
      <c r="B8413" s="1" t="s">
        <v>445</v>
      </c>
      <c r="C8413" s="1" t="s">
        <v>29037</v>
      </c>
      <c r="D8413" s="1" t="s">
        <v>29038</v>
      </c>
      <c r="E8413" s="1" t="s">
        <v>29039</v>
      </c>
      <c r="F8413" s="1" t="s">
        <v>10</v>
      </c>
      <c r="G8413" s="1" t="s">
        <v>10</v>
      </c>
      <c r="H8413" s="1" t="s">
        <v>10</v>
      </c>
      <c r="I8413" s="1" t="s">
        <v>28732</v>
      </c>
      <c r="J8413" s="1" t="s">
        <v>19</v>
      </c>
      <c r="K8413" s="1" t="s">
        <v>100</v>
      </c>
      <c r="L8413" s="1" t="s">
        <v>29036</v>
      </c>
      <c r="M8413" s="1" t="s">
        <v>5</v>
      </c>
      <c r="N8413" s="1" t="s">
        <v>25</v>
      </c>
      <c r="O8413" s="1" t="s">
        <v>38</v>
      </c>
      <c r="P8413" s="5" t="s">
        <v>29821</v>
      </c>
    </row>
    <row r="8414" spans="1:16" x14ac:dyDescent="0.2">
      <c r="A8414" s="1" t="s">
        <v>20</v>
      </c>
      <c r="B8414" s="1" t="s">
        <v>1047</v>
      </c>
      <c r="C8414" s="1" t="s">
        <v>29041</v>
      </c>
      <c r="D8414" s="1" t="s">
        <v>29042</v>
      </c>
      <c r="E8414" s="1" t="s">
        <v>29043</v>
      </c>
      <c r="F8414" s="1" t="s">
        <v>10</v>
      </c>
      <c r="G8414" s="1" t="s">
        <v>10</v>
      </c>
      <c r="H8414" s="1" t="s">
        <v>10</v>
      </c>
      <c r="I8414" s="1" t="s">
        <v>28732</v>
      </c>
      <c r="J8414" s="1" t="s">
        <v>19</v>
      </c>
      <c r="K8414" s="1" t="s">
        <v>100</v>
      </c>
      <c r="L8414" s="1" t="s">
        <v>29040</v>
      </c>
      <c r="M8414" s="1" t="s">
        <v>5</v>
      </c>
      <c r="N8414" s="1" t="s">
        <v>25</v>
      </c>
      <c r="O8414" s="1" t="s">
        <v>38</v>
      </c>
      <c r="P8414" s="5" t="s">
        <v>30398</v>
      </c>
    </row>
    <row r="8415" spans="1:16" x14ac:dyDescent="0.2">
      <c r="A8415" s="1" t="s">
        <v>20</v>
      </c>
      <c r="B8415" s="1" t="s">
        <v>99</v>
      </c>
      <c r="C8415" s="1" t="s">
        <v>29045</v>
      </c>
      <c r="D8415" s="1" t="s">
        <v>29046</v>
      </c>
      <c r="E8415" s="1" t="s">
        <v>29047</v>
      </c>
      <c r="F8415" s="1" t="s">
        <v>10</v>
      </c>
      <c r="G8415" s="1" t="s">
        <v>10</v>
      </c>
      <c r="H8415" s="1" t="s">
        <v>10</v>
      </c>
      <c r="I8415" s="1" t="s">
        <v>28732</v>
      </c>
      <c r="J8415" s="1" t="s">
        <v>6519</v>
      </c>
      <c r="K8415" s="1" t="s">
        <v>64</v>
      </c>
      <c r="L8415" s="1" t="s">
        <v>29044</v>
      </c>
      <c r="M8415" s="1" t="s">
        <v>5</v>
      </c>
      <c r="N8415" s="1" t="s">
        <v>25</v>
      </c>
      <c r="O8415" s="1" t="s">
        <v>38</v>
      </c>
      <c r="P8415" s="5" t="s">
        <v>29821</v>
      </c>
    </row>
    <row r="8416" spans="1:16" x14ac:dyDescent="0.2">
      <c r="A8416" s="1" t="s">
        <v>20</v>
      </c>
      <c r="B8416" s="1" t="s">
        <v>1047</v>
      </c>
      <c r="C8416" s="1" t="s">
        <v>95</v>
      </c>
      <c r="D8416" s="1" t="s">
        <v>96</v>
      </c>
      <c r="E8416" s="1" t="s">
        <v>29049</v>
      </c>
      <c r="F8416" s="1" t="s">
        <v>10</v>
      </c>
      <c r="G8416" s="1" t="s">
        <v>10</v>
      </c>
      <c r="H8416" s="1" t="s">
        <v>10</v>
      </c>
      <c r="I8416" s="1" t="s">
        <v>28732</v>
      </c>
      <c r="J8416" s="1" t="s">
        <v>19</v>
      </c>
      <c r="K8416" s="1" t="s">
        <v>100</v>
      </c>
      <c r="L8416" s="1" t="s">
        <v>29048</v>
      </c>
      <c r="M8416" s="1" t="s">
        <v>5</v>
      </c>
      <c r="N8416" s="1" t="s">
        <v>25</v>
      </c>
      <c r="O8416" s="1" t="s">
        <v>38</v>
      </c>
      <c r="P8416" s="5" t="s">
        <v>29821</v>
      </c>
    </row>
    <row r="8417" spans="1:16" x14ac:dyDescent="0.2">
      <c r="A8417" s="1" t="s">
        <v>20</v>
      </c>
      <c r="B8417" s="1" t="s">
        <v>253</v>
      </c>
      <c r="C8417" s="1" t="s">
        <v>29051</v>
      </c>
      <c r="D8417" s="1" t="s">
        <v>29052</v>
      </c>
      <c r="E8417" s="1" t="s">
        <v>29053</v>
      </c>
      <c r="F8417" s="1" t="s">
        <v>10</v>
      </c>
      <c r="G8417" s="1" t="s">
        <v>10</v>
      </c>
      <c r="H8417" s="1" t="s">
        <v>10</v>
      </c>
      <c r="I8417" s="1" t="s">
        <v>28732</v>
      </c>
      <c r="J8417" s="1" t="s">
        <v>6519</v>
      </c>
      <c r="K8417" s="1" t="s">
        <v>7</v>
      </c>
      <c r="L8417" s="1" t="s">
        <v>29050</v>
      </c>
      <c r="M8417" s="1" t="s">
        <v>5</v>
      </c>
      <c r="N8417" s="1" t="s">
        <v>25</v>
      </c>
      <c r="O8417" s="1" t="s">
        <v>38</v>
      </c>
      <c r="P8417" s="5" t="s">
        <v>30873</v>
      </c>
    </row>
    <row r="8418" spans="1:16" x14ac:dyDescent="0.2">
      <c r="A8418" s="1" t="s">
        <v>20</v>
      </c>
      <c r="B8418" s="1" t="s">
        <v>99</v>
      </c>
      <c r="C8418" s="1" t="s">
        <v>29055</v>
      </c>
      <c r="D8418" s="1" t="s">
        <v>9527</v>
      </c>
      <c r="E8418" s="1" t="s">
        <v>29056</v>
      </c>
      <c r="F8418" s="1" t="s">
        <v>762</v>
      </c>
      <c r="G8418" s="1" t="s">
        <v>1042</v>
      </c>
      <c r="H8418" s="1" t="s">
        <v>762</v>
      </c>
      <c r="I8418" s="1" t="s">
        <v>28732</v>
      </c>
      <c r="J8418" s="1" t="s">
        <v>10</v>
      </c>
      <c r="K8418" s="1" t="s">
        <v>100</v>
      </c>
      <c r="L8418" s="1" t="s">
        <v>29054</v>
      </c>
      <c r="M8418" s="1" t="s">
        <v>5</v>
      </c>
      <c r="N8418" s="1" t="s">
        <v>25</v>
      </c>
      <c r="O8418" s="1" t="s">
        <v>8</v>
      </c>
      <c r="P8418" s="5" t="s">
        <v>30874</v>
      </c>
    </row>
    <row r="8419" spans="1:16" x14ac:dyDescent="0.2">
      <c r="A8419" s="1" t="s">
        <v>10</v>
      </c>
      <c r="B8419" s="1" t="s">
        <v>10</v>
      </c>
      <c r="C8419" s="1" t="s">
        <v>29058</v>
      </c>
      <c r="D8419" s="1" t="s">
        <v>29059</v>
      </c>
      <c r="E8419" s="1" t="s">
        <v>29060</v>
      </c>
      <c r="F8419" s="1" t="s">
        <v>16670</v>
      </c>
      <c r="G8419" s="1" t="s">
        <v>10</v>
      </c>
      <c r="H8419" s="1" t="s">
        <v>762</v>
      </c>
      <c r="I8419" s="1" t="s">
        <v>28732</v>
      </c>
      <c r="J8419" s="1" t="s">
        <v>10</v>
      </c>
      <c r="K8419" s="1" t="s">
        <v>10</v>
      </c>
      <c r="L8419" s="1" t="s">
        <v>29057</v>
      </c>
      <c r="M8419" s="1" t="s">
        <v>5</v>
      </c>
      <c r="N8419" s="1" t="s">
        <v>25</v>
      </c>
      <c r="O8419" s="1" t="s">
        <v>8</v>
      </c>
      <c r="P8419" s="5" t="s">
        <v>30875</v>
      </c>
    </row>
    <row r="8420" spans="1:16" x14ac:dyDescent="0.2">
      <c r="A8420" s="1" t="s">
        <v>66</v>
      </c>
      <c r="B8420" s="1" t="s">
        <v>498</v>
      </c>
      <c r="C8420" s="1" t="s">
        <v>29062</v>
      </c>
      <c r="D8420" s="1" t="s">
        <v>8409</v>
      </c>
      <c r="E8420" s="1"/>
      <c r="F8420" s="1" t="s">
        <v>8409</v>
      </c>
      <c r="G8420" s="1" t="s">
        <v>10</v>
      </c>
      <c r="H8420" s="1" t="s">
        <v>8409</v>
      </c>
      <c r="I8420" s="1" t="s">
        <v>28732</v>
      </c>
      <c r="J8420" s="1" t="s">
        <v>10</v>
      </c>
      <c r="K8420" s="1" t="s">
        <v>130</v>
      </c>
      <c r="L8420" s="1" t="s">
        <v>29061</v>
      </c>
      <c r="M8420" s="1" t="s">
        <v>5</v>
      </c>
      <c r="N8420" s="1" t="s">
        <v>6</v>
      </c>
      <c r="O8420" s="1" t="s">
        <v>8</v>
      </c>
      <c r="P8420" s="5" t="s">
        <v>30398</v>
      </c>
    </row>
    <row r="8421" spans="1:16" x14ac:dyDescent="0.2">
      <c r="A8421" s="1" t="s">
        <v>42</v>
      </c>
      <c r="B8421" s="1" t="s">
        <v>1341</v>
      </c>
      <c r="C8421" s="1" t="s">
        <v>29064</v>
      </c>
      <c r="D8421" s="1" t="s">
        <v>29065</v>
      </c>
      <c r="E8421" s="1" t="s">
        <v>29067</v>
      </c>
      <c r="F8421" s="1" t="s">
        <v>10</v>
      </c>
      <c r="G8421" s="1" t="s">
        <v>10</v>
      </c>
      <c r="H8421" s="1" t="s">
        <v>10</v>
      </c>
      <c r="I8421" s="1" t="s">
        <v>28732</v>
      </c>
      <c r="J8421" s="1" t="s">
        <v>29066</v>
      </c>
      <c r="K8421" s="1" t="s">
        <v>130</v>
      </c>
      <c r="L8421" s="1" t="s">
        <v>29063</v>
      </c>
      <c r="M8421" s="1" t="s">
        <v>5</v>
      </c>
      <c r="N8421" s="1" t="s">
        <v>25</v>
      </c>
      <c r="O8421" s="1" t="s">
        <v>38</v>
      </c>
      <c r="P8421" s="5" t="s">
        <v>29821</v>
      </c>
    </row>
    <row r="8422" spans="1:16" x14ac:dyDescent="0.2">
      <c r="A8422" s="1" t="s">
        <v>20</v>
      </c>
      <c r="B8422" s="1" t="s">
        <v>1047</v>
      </c>
      <c r="C8422" s="1" t="s">
        <v>29069</v>
      </c>
      <c r="D8422" s="1" t="s">
        <v>29069</v>
      </c>
      <c r="E8422" s="1" t="s">
        <v>29070</v>
      </c>
      <c r="F8422" s="1" t="s">
        <v>10</v>
      </c>
      <c r="G8422" s="1" t="s">
        <v>10</v>
      </c>
      <c r="H8422" s="1" t="s">
        <v>10</v>
      </c>
      <c r="I8422" s="1" t="s">
        <v>28732</v>
      </c>
      <c r="J8422" s="1" t="s">
        <v>19</v>
      </c>
      <c r="K8422" s="1" t="s">
        <v>100</v>
      </c>
      <c r="L8422" s="1" t="s">
        <v>29068</v>
      </c>
      <c r="M8422" s="1" t="s">
        <v>5</v>
      </c>
      <c r="N8422" s="1" t="s">
        <v>25</v>
      </c>
      <c r="O8422" s="1" t="s">
        <v>38</v>
      </c>
      <c r="P8422" s="5" t="s">
        <v>29821</v>
      </c>
    </row>
    <row r="8423" spans="1:16" x14ac:dyDescent="0.2">
      <c r="A8423" s="1" t="s">
        <v>20</v>
      </c>
      <c r="B8423" s="1" t="s">
        <v>309</v>
      </c>
      <c r="C8423" s="1" t="s">
        <v>29072</v>
      </c>
      <c r="D8423" s="1" t="s">
        <v>29073</v>
      </c>
      <c r="E8423" s="1" t="s">
        <v>29074</v>
      </c>
      <c r="F8423" s="1" t="s">
        <v>10</v>
      </c>
      <c r="G8423" s="1" t="s">
        <v>10</v>
      </c>
      <c r="H8423" s="1" t="s">
        <v>10</v>
      </c>
      <c r="I8423" s="1" t="s">
        <v>28732</v>
      </c>
      <c r="J8423" s="1" t="s">
        <v>19</v>
      </c>
      <c r="K8423" s="1" t="s">
        <v>100</v>
      </c>
      <c r="L8423" s="1" t="s">
        <v>29071</v>
      </c>
      <c r="M8423" s="1" t="s">
        <v>5</v>
      </c>
      <c r="N8423" s="1" t="s">
        <v>25</v>
      </c>
      <c r="O8423" s="1" t="s">
        <v>38</v>
      </c>
      <c r="P8423" s="5" t="s">
        <v>29821</v>
      </c>
    </row>
    <row r="8424" spans="1:16" x14ac:dyDescent="0.2">
      <c r="A8424" s="1" t="s">
        <v>20</v>
      </c>
      <c r="B8424" s="1" t="s">
        <v>1047</v>
      </c>
      <c r="C8424" s="1" t="s">
        <v>8914</v>
      </c>
      <c r="D8424" s="1" t="s">
        <v>29076</v>
      </c>
      <c r="E8424" s="1" t="s">
        <v>29077</v>
      </c>
      <c r="F8424" s="1" t="s">
        <v>10</v>
      </c>
      <c r="G8424" s="1" t="s">
        <v>10</v>
      </c>
      <c r="H8424" s="1" t="s">
        <v>10</v>
      </c>
      <c r="I8424" s="1" t="s">
        <v>28732</v>
      </c>
      <c r="J8424" s="1" t="s">
        <v>7296</v>
      </c>
      <c r="K8424" s="1" t="s">
        <v>100</v>
      </c>
      <c r="L8424" s="1" t="s">
        <v>29075</v>
      </c>
      <c r="M8424" s="1" t="s">
        <v>5</v>
      </c>
      <c r="N8424" s="1" t="s">
        <v>25</v>
      </c>
      <c r="O8424" s="1" t="s">
        <v>38</v>
      </c>
      <c r="P8424" s="5" t="s">
        <v>29821</v>
      </c>
    </row>
    <row r="8425" spans="1:16" x14ac:dyDescent="0.2">
      <c r="A8425" s="1" t="s">
        <v>10</v>
      </c>
      <c r="B8425" s="1" t="s">
        <v>376</v>
      </c>
      <c r="C8425" s="1" t="s">
        <v>29079</v>
      </c>
      <c r="D8425" s="1" t="s">
        <v>29080</v>
      </c>
      <c r="E8425" s="1"/>
      <c r="F8425" s="1" t="s">
        <v>10</v>
      </c>
      <c r="G8425" s="1" t="s">
        <v>10</v>
      </c>
      <c r="H8425" s="1" t="s">
        <v>10</v>
      </c>
      <c r="I8425" s="1" t="s">
        <v>28732</v>
      </c>
      <c r="J8425" s="1" t="s">
        <v>29081</v>
      </c>
      <c r="K8425" s="1" t="s">
        <v>130</v>
      </c>
      <c r="L8425" s="1" t="s">
        <v>29078</v>
      </c>
      <c r="M8425" s="1" t="s">
        <v>5</v>
      </c>
      <c r="N8425" s="1" t="s">
        <v>25</v>
      </c>
      <c r="O8425" s="1" t="s">
        <v>38</v>
      </c>
      <c r="P8425" s="5" t="s">
        <v>10</v>
      </c>
    </row>
    <row r="8426" spans="1:16" x14ac:dyDescent="0.2">
      <c r="A8426" s="1" t="s">
        <v>20</v>
      </c>
      <c r="B8426" s="1" t="s">
        <v>99</v>
      </c>
      <c r="C8426" s="1" t="s">
        <v>29083</v>
      </c>
      <c r="D8426" s="1" t="s">
        <v>29084</v>
      </c>
      <c r="E8426" s="1" t="s">
        <v>10</v>
      </c>
      <c r="F8426" s="1" t="s">
        <v>10</v>
      </c>
      <c r="G8426" s="1" t="s">
        <v>10</v>
      </c>
      <c r="H8426" s="1" t="s">
        <v>10</v>
      </c>
      <c r="I8426" s="1" t="s">
        <v>28732</v>
      </c>
      <c r="J8426" s="1" t="s">
        <v>19</v>
      </c>
      <c r="K8426" s="1" t="s">
        <v>6533</v>
      </c>
      <c r="L8426" s="1" t="s">
        <v>29082</v>
      </c>
      <c r="M8426" s="1" t="s">
        <v>5</v>
      </c>
      <c r="N8426" s="1" t="s">
        <v>25</v>
      </c>
      <c r="O8426" s="1" t="s">
        <v>38</v>
      </c>
      <c r="P8426" s="5" t="s">
        <v>29821</v>
      </c>
    </row>
    <row r="8427" spans="1:16" x14ac:dyDescent="0.2">
      <c r="A8427" s="1" t="s">
        <v>42</v>
      </c>
      <c r="B8427" s="1" t="s">
        <v>1341</v>
      </c>
      <c r="C8427" s="1" t="s">
        <v>29086</v>
      </c>
      <c r="D8427" s="1" t="s">
        <v>29087</v>
      </c>
      <c r="E8427" s="1" t="s">
        <v>29088</v>
      </c>
      <c r="F8427" s="1" t="s">
        <v>10</v>
      </c>
      <c r="G8427" s="1" t="s">
        <v>10</v>
      </c>
      <c r="H8427" s="1" t="s">
        <v>10</v>
      </c>
      <c r="I8427" s="1" t="s">
        <v>28732</v>
      </c>
      <c r="J8427" s="1" t="s">
        <v>19</v>
      </c>
      <c r="K8427" s="1" t="s">
        <v>100</v>
      </c>
      <c r="L8427" s="1" t="s">
        <v>29085</v>
      </c>
      <c r="M8427" s="1" t="s">
        <v>5</v>
      </c>
      <c r="N8427" s="1" t="s">
        <v>25</v>
      </c>
      <c r="O8427" s="1" t="s">
        <v>38</v>
      </c>
      <c r="P8427" s="5" t="s">
        <v>30398</v>
      </c>
    </row>
    <row r="8428" spans="1:16" x14ac:dyDescent="0.2">
      <c r="A8428" s="1" t="s">
        <v>42</v>
      </c>
      <c r="B8428" s="1" t="s">
        <v>1377</v>
      </c>
      <c r="C8428" s="1" t="s">
        <v>29090</v>
      </c>
      <c r="D8428" s="1" t="s">
        <v>29091</v>
      </c>
      <c r="E8428" s="1" t="s">
        <v>29092</v>
      </c>
      <c r="F8428" s="1" t="s">
        <v>10</v>
      </c>
      <c r="G8428" s="1" t="s">
        <v>10</v>
      </c>
      <c r="H8428" s="1" t="s">
        <v>10</v>
      </c>
      <c r="I8428" s="1" t="s">
        <v>28732</v>
      </c>
      <c r="J8428" s="1" t="s">
        <v>10</v>
      </c>
      <c r="K8428" s="1" t="s">
        <v>1027</v>
      </c>
      <c r="L8428" s="1" t="s">
        <v>29089</v>
      </c>
      <c r="M8428" s="1" t="s">
        <v>5</v>
      </c>
      <c r="N8428" s="1" t="s">
        <v>25</v>
      </c>
      <c r="O8428" s="1" t="s">
        <v>38</v>
      </c>
      <c r="P8428" s="5" t="s">
        <v>30398</v>
      </c>
    </row>
    <row r="8429" spans="1:16" x14ac:dyDescent="0.2">
      <c r="A8429" s="1" t="s">
        <v>42</v>
      </c>
      <c r="B8429" s="1" t="s">
        <v>335</v>
      </c>
      <c r="C8429" s="1" t="s">
        <v>29094</v>
      </c>
      <c r="D8429" s="1" t="s">
        <v>29095</v>
      </c>
      <c r="E8429" s="1"/>
      <c r="F8429" s="1" t="s">
        <v>10</v>
      </c>
      <c r="G8429" s="1" t="s">
        <v>10</v>
      </c>
      <c r="H8429" s="1" t="s">
        <v>10</v>
      </c>
      <c r="I8429" s="1" t="s">
        <v>28732</v>
      </c>
      <c r="J8429" s="1" t="s">
        <v>29096</v>
      </c>
      <c r="K8429" s="1" t="s">
        <v>47</v>
      </c>
      <c r="L8429" s="1" t="s">
        <v>29093</v>
      </c>
      <c r="M8429" s="1" t="s">
        <v>5</v>
      </c>
      <c r="N8429" s="1" t="s">
        <v>25</v>
      </c>
      <c r="O8429" s="1" t="s">
        <v>38</v>
      </c>
      <c r="P8429" s="5" t="s">
        <v>29821</v>
      </c>
    </row>
    <row r="8430" spans="1:16" x14ac:dyDescent="0.2">
      <c r="A8430" s="1" t="s">
        <v>66</v>
      </c>
      <c r="B8430" s="1" t="s">
        <v>498</v>
      </c>
      <c r="C8430" s="1" t="s">
        <v>8030</v>
      </c>
      <c r="D8430" s="1" t="s">
        <v>8030</v>
      </c>
      <c r="E8430" s="1"/>
      <c r="F8430" s="1" t="s">
        <v>29098</v>
      </c>
      <c r="G8430" s="1" t="s">
        <v>10</v>
      </c>
      <c r="H8430" s="1" t="s">
        <v>29099</v>
      </c>
      <c r="I8430" s="1" t="s">
        <v>28732</v>
      </c>
      <c r="J8430" s="1" t="s">
        <v>10</v>
      </c>
      <c r="K8430" s="1" t="s">
        <v>130</v>
      </c>
      <c r="L8430" s="1" t="s">
        <v>29097</v>
      </c>
      <c r="M8430" s="1" t="s">
        <v>5</v>
      </c>
      <c r="N8430" s="1" t="s">
        <v>6</v>
      </c>
      <c r="O8430" s="1" t="s">
        <v>8</v>
      </c>
      <c r="P8430" s="5" t="s">
        <v>10</v>
      </c>
    </row>
    <row r="8431" spans="1:16" x14ac:dyDescent="0.2">
      <c r="A8431" s="1" t="s">
        <v>66</v>
      </c>
      <c r="B8431" s="1" t="s">
        <v>498</v>
      </c>
      <c r="C8431" s="1" t="s">
        <v>29101</v>
      </c>
      <c r="D8431" s="1" t="s">
        <v>29102</v>
      </c>
      <c r="E8431" s="1"/>
      <c r="F8431" s="1" t="s">
        <v>29103</v>
      </c>
      <c r="G8431" s="1" t="s">
        <v>10</v>
      </c>
      <c r="H8431" s="1" t="s">
        <v>10</v>
      </c>
      <c r="I8431" s="1" t="s">
        <v>28732</v>
      </c>
      <c r="J8431" s="1" t="s">
        <v>10</v>
      </c>
      <c r="K8431" s="1" t="s">
        <v>130</v>
      </c>
      <c r="L8431" s="1" t="s">
        <v>29100</v>
      </c>
      <c r="M8431" s="1" t="s">
        <v>5</v>
      </c>
      <c r="N8431" s="1" t="s">
        <v>432</v>
      </c>
      <c r="O8431" s="1" t="s">
        <v>8</v>
      </c>
      <c r="P8431" s="5" t="s">
        <v>10</v>
      </c>
    </row>
    <row r="8432" spans="1:16" x14ac:dyDescent="0.2">
      <c r="A8432" s="1" t="s">
        <v>66</v>
      </c>
      <c r="B8432" s="1" t="s">
        <v>498</v>
      </c>
      <c r="C8432" s="1" t="s">
        <v>617</v>
      </c>
      <c r="D8432" s="1" t="s">
        <v>24159</v>
      </c>
      <c r="E8432" s="1"/>
      <c r="F8432" s="1" t="s">
        <v>29105</v>
      </c>
      <c r="G8432" s="1" t="s">
        <v>10</v>
      </c>
      <c r="H8432" s="1" t="s">
        <v>10</v>
      </c>
      <c r="I8432" s="1" t="s">
        <v>28732</v>
      </c>
      <c r="J8432" s="1" t="s">
        <v>10</v>
      </c>
      <c r="K8432" s="1" t="s">
        <v>130</v>
      </c>
      <c r="L8432" s="1" t="s">
        <v>29104</v>
      </c>
      <c r="M8432" s="1" t="s">
        <v>5</v>
      </c>
      <c r="N8432" s="1" t="s">
        <v>6</v>
      </c>
      <c r="O8432" s="1" t="s">
        <v>8</v>
      </c>
      <c r="P8432" s="5" t="s">
        <v>30398</v>
      </c>
    </row>
    <row r="8433" spans="1:16" x14ac:dyDescent="0.2">
      <c r="A8433" s="1" t="s">
        <v>20</v>
      </c>
      <c r="B8433" s="1" t="s">
        <v>302</v>
      </c>
      <c r="C8433" s="1" t="s">
        <v>29107</v>
      </c>
      <c r="D8433" s="1" t="s">
        <v>29108</v>
      </c>
      <c r="E8433" s="1" t="s">
        <v>29110</v>
      </c>
      <c r="F8433" s="1" t="s">
        <v>29109</v>
      </c>
      <c r="G8433" s="1" t="s">
        <v>10</v>
      </c>
      <c r="H8433" s="1" t="s">
        <v>29111</v>
      </c>
      <c r="I8433" s="1" t="s">
        <v>28732</v>
      </c>
      <c r="J8433" s="1" t="s">
        <v>10</v>
      </c>
      <c r="K8433" s="1" t="s">
        <v>130</v>
      </c>
      <c r="L8433" s="1" t="s">
        <v>29106</v>
      </c>
      <c r="M8433" s="1" t="s">
        <v>5</v>
      </c>
      <c r="N8433" s="1" t="s">
        <v>6</v>
      </c>
      <c r="O8433" s="1" t="s">
        <v>8</v>
      </c>
      <c r="P8433" s="5" t="s">
        <v>30876</v>
      </c>
    </row>
    <row r="8434" spans="1:16" x14ac:dyDescent="0.2">
      <c r="A8434" s="1" t="s">
        <v>20</v>
      </c>
      <c r="B8434" s="1" t="s">
        <v>93</v>
      </c>
      <c r="C8434" s="1" t="s">
        <v>29113</v>
      </c>
      <c r="D8434" s="1" t="s">
        <v>29114</v>
      </c>
      <c r="E8434" s="1" t="s">
        <v>29115</v>
      </c>
      <c r="F8434" s="1" t="s">
        <v>10</v>
      </c>
      <c r="G8434" s="1" t="s">
        <v>1049</v>
      </c>
      <c r="H8434" s="1" t="s">
        <v>10</v>
      </c>
      <c r="I8434" s="1" t="s">
        <v>28732</v>
      </c>
      <c r="J8434" s="1" t="s">
        <v>10</v>
      </c>
      <c r="K8434" s="1" t="s">
        <v>64</v>
      </c>
      <c r="L8434" s="1" t="s">
        <v>29112</v>
      </c>
      <c r="M8434" s="1" t="s">
        <v>5</v>
      </c>
      <c r="N8434" s="1" t="s">
        <v>6</v>
      </c>
      <c r="O8434" s="1" t="s">
        <v>8</v>
      </c>
      <c r="P8434" s="5" t="s">
        <v>29821</v>
      </c>
    </row>
    <row r="8435" spans="1:16" x14ac:dyDescent="0.2">
      <c r="A8435" s="1" t="s">
        <v>487</v>
      </c>
      <c r="B8435" s="1" t="s">
        <v>488</v>
      </c>
      <c r="C8435" s="1" t="s">
        <v>29117</v>
      </c>
      <c r="D8435" s="1" t="s">
        <v>29118</v>
      </c>
      <c r="E8435" s="1" t="s">
        <v>29119</v>
      </c>
      <c r="F8435" s="1" t="s">
        <v>10</v>
      </c>
      <c r="G8435" s="1" t="s">
        <v>25857</v>
      </c>
      <c r="H8435" s="1" t="s">
        <v>10</v>
      </c>
      <c r="I8435" s="1" t="s">
        <v>28732</v>
      </c>
      <c r="J8435" s="1" t="s">
        <v>10</v>
      </c>
      <c r="K8435" s="1" t="s">
        <v>64</v>
      </c>
      <c r="L8435" s="1" t="s">
        <v>29116</v>
      </c>
      <c r="M8435" s="1" t="s">
        <v>5</v>
      </c>
      <c r="N8435" s="1" t="s">
        <v>25</v>
      </c>
      <c r="O8435" s="1" t="s">
        <v>8</v>
      </c>
      <c r="P8435" s="5" t="s">
        <v>29821</v>
      </c>
    </row>
    <row r="8436" spans="1:16" x14ac:dyDescent="0.2">
      <c r="A8436" s="1" t="s">
        <v>487</v>
      </c>
      <c r="B8436" s="1" t="s">
        <v>488</v>
      </c>
      <c r="C8436" s="1" t="s">
        <v>29121</v>
      </c>
      <c r="D8436" s="1" t="s">
        <v>29122</v>
      </c>
      <c r="E8436" s="1" t="s">
        <v>29119</v>
      </c>
      <c r="F8436" s="1" t="s">
        <v>10</v>
      </c>
      <c r="G8436" s="1" t="s">
        <v>15960</v>
      </c>
      <c r="H8436" s="1" t="s">
        <v>10</v>
      </c>
      <c r="I8436" s="1" t="s">
        <v>28732</v>
      </c>
      <c r="J8436" s="1" t="s">
        <v>10</v>
      </c>
      <c r="K8436" s="1" t="s">
        <v>64</v>
      </c>
      <c r="L8436" s="1" t="s">
        <v>29120</v>
      </c>
      <c r="M8436" s="1" t="s">
        <v>5</v>
      </c>
      <c r="N8436" s="1" t="s">
        <v>6</v>
      </c>
      <c r="O8436" s="1" t="s">
        <v>8</v>
      </c>
      <c r="P8436" s="5" t="s">
        <v>29821</v>
      </c>
    </row>
    <row r="8437" spans="1:16" x14ac:dyDescent="0.2">
      <c r="A8437" s="1" t="s">
        <v>487</v>
      </c>
      <c r="B8437" s="1" t="s">
        <v>488</v>
      </c>
      <c r="C8437" s="1" t="s">
        <v>29124</v>
      </c>
      <c r="D8437" s="1" t="s">
        <v>29125</v>
      </c>
      <c r="E8437" s="1" t="s">
        <v>29119</v>
      </c>
      <c r="F8437" s="1" t="s">
        <v>10</v>
      </c>
      <c r="G8437" s="1" t="s">
        <v>15362</v>
      </c>
      <c r="H8437" s="1" t="s">
        <v>10</v>
      </c>
      <c r="I8437" s="1" t="s">
        <v>28732</v>
      </c>
      <c r="J8437" s="1" t="s">
        <v>10</v>
      </c>
      <c r="K8437" s="1" t="s">
        <v>64</v>
      </c>
      <c r="L8437" s="1" t="s">
        <v>29123</v>
      </c>
      <c r="M8437" s="1" t="s">
        <v>5</v>
      </c>
      <c r="N8437" s="1" t="s">
        <v>6</v>
      </c>
      <c r="O8437" s="1" t="s">
        <v>8</v>
      </c>
      <c r="P8437" s="5" t="s">
        <v>29821</v>
      </c>
    </row>
    <row r="8438" spans="1:16" x14ac:dyDescent="0.2">
      <c r="A8438" s="1" t="s">
        <v>66</v>
      </c>
      <c r="B8438" s="1" t="s">
        <v>498</v>
      </c>
      <c r="C8438" s="1" t="s">
        <v>29127</v>
      </c>
      <c r="D8438" s="1" t="s">
        <v>29128</v>
      </c>
      <c r="E8438" s="1" t="s">
        <v>29129</v>
      </c>
      <c r="F8438" s="1" t="s">
        <v>10</v>
      </c>
      <c r="G8438" s="1" t="s">
        <v>29130</v>
      </c>
      <c r="H8438" s="1" t="s">
        <v>10</v>
      </c>
      <c r="I8438" s="1" t="s">
        <v>28732</v>
      </c>
      <c r="J8438" s="1" t="s">
        <v>10</v>
      </c>
      <c r="K8438" s="1" t="s">
        <v>64</v>
      </c>
      <c r="L8438" s="1" t="s">
        <v>29126</v>
      </c>
      <c r="M8438" s="1" t="s">
        <v>5</v>
      </c>
      <c r="N8438" s="1" t="s">
        <v>960</v>
      </c>
      <c r="O8438" s="1" t="s">
        <v>8</v>
      </c>
      <c r="P8438" s="5" t="s">
        <v>29821</v>
      </c>
    </row>
    <row r="8439" spans="1:16" x14ac:dyDescent="0.2">
      <c r="A8439" s="1" t="s">
        <v>66</v>
      </c>
      <c r="B8439" s="1" t="s">
        <v>498</v>
      </c>
      <c r="C8439" s="1" t="s">
        <v>29132</v>
      </c>
      <c r="D8439" s="1" t="s">
        <v>29133</v>
      </c>
      <c r="E8439" s="1" t="s">
        <v>29129</v>
      </c>
      <c r="F8439" s="1" t="s">
        <v>10</v>
      </c>
      <c r="G8439" s="1" t="s">
        <v>10</v>
      </c>
      <c r="H8439" s="1" t="s">
        <v>10</v>
      </c>
      <c r="I8439" s="1" t="s">
        <v>28732</v>
      </c>
      <c r="J8439" s="1" t="s">
        <v>10</v>
      </c>
      <c r="K8439" s="1" t="s">
        <v>64</v>
      </c>
      <c r="L8439" s="1" t="s">
        <v>29131</v>
      </c>
      <c r="M8439" s="1" t="s">
        <v>5</v>
      </c>
      <c r="N8439" s="1" t="s">
        <v>960</v>
      </c>
      <c r="O8439" s="1" t="s">
        <v>8</v>
      </c>
      <c r="P8439" s="5" t="s">
        <v>29821</v>
      </c>
    </row>
    <row r="8440" spans="1:16" x14ac:dyDescent="0.2">
      <c r="A8440" s="1" t="s">
        <v>487</v>
      </c>
      <c r="B8440" s="1" t="s">
        <v>488</v>
      </c>
      <c r="C8440" s="1" t="s">
        <v>29135</v>
      </c>
      <c r="D8440" s="1" t="s">
        <v>20970</v>
      </c>
      <c r="E8440" s="1" t="s">
        <v>29136</v>
      </c>
      <c r="F8440" s="1" t="s">
        <v>10</v>
      </c>
      <c r="G8440" s="1" t="s">
        <v>29137</v>
      </c>
      <c r="H8440" s="1" t="s">
        <v>10</v>
      </c>
      <c r="I8440" s="1" t="s">
        <v>28732</v>
      </c>
      <c r="J8440" s="1" t="s">
        <v>10</v>
      </c>
      <c r="K8440" s="1" t="s">
        <v>64</v>
      </c>
      <c r="L8440" s="1" t="s">
        <v>29134</v>
      </c>
      <c r="M8440" s="1" t="s">
        <v>5</v>
      </c>
      <c r="N8440" s="1" t="s">
        <v>1597</v>
      </c>
      <c r="O8440" s="1" t="s">
        <v>8</v>
      </c>
      <c r="P8440" s="5" t="s">
        <v>10</v>
      </c>
    </row>
    <row r="8441" spans="1:16" x14ac:dyDescent="0.2">
      <c r="A8441" s="1" t="s">
        <v>20</v>
      </c>
      <c r="B8441" s="1" t="s">
        <v>21</v>
      </c>
      <c r="C8441" s="1" t="s">
        <v>29139</v>
      </c>
      <c r="D8441" s="1" t="s">
        <v>29140</v>
      </c>
      <c r="E8441" s="1"/>
      <c r="F8441" s="1" t="s">
        <v>10</v>
      </c>
      <c r="G8441" s="1" t="s">
        <v>10</v>
      </c>
      <c r="H8441" s="1" t="s">
        <v>10</v>
      </c>
      <c r="I8441" s="1" t="s">
        <v>28732</v>
      </c>
      <c r="J8441" s="1" t="s">
        <v>10</v>
      </c>
      <c r="K8441" s="1" t="s">
        <v>47</v>
      </c>
      <c r="L8441" s="1" t="s">
        <v>29138</v>
      </c>
      <c r="M8441" s="1" t="s">
        <v>5</v>
      </c>
      <c r="N8441" s="1" t="s">
        <v>25</v>
      </c>
      <c r="O8441" s="1" t="s">
        <v>38</v>
      </c>
      <c r="P8441" s="5" t="s">
        <v>29821</v>
      </c>
    </row>
    <row r="8442" spans="1:16" x14ac:dyDescent="0.2">
      <c r="A8442" s="1" t="s">
        <v>10</v>
      </c>
      <c r="B8442" s="1" t="s">
        <v>10</v>
      </c>
      <c r="C8442" s="1" t="s">
        <v>29142</v>
      </c>
      <c r="D8442" s="1" t="s">
        <v>27972</v>
      </c>
      <c r="E8442" s="1" t="s">
        <v>29144</v>
      </c>
      <c r="F8442" s="1" t="s">
        <v>29143</v>
      </c>
      <c r="G8442" s="1" t="s">
        <v>10</v>
      </c>
      <c r="H8442" s="1" t="s">
        <v>29145</v>
      </c>
      <c r="I8442" s="1" t="s">
        <v>28732</v>
      </c>
      <c r="J8442" s="1" t="s">
        <v>10</v>
      </c>
      <c r="K8442" s="1" t="s">
        <v>10</v>
      </c>
      <c r="L8442" s="1" t="s">
        <v>29141</v>
      </c>
      <c r="M8442" s="1" t="s">
        <v>5</v>
      </c>
      <c r="N8442" s="1" t="s">
        <v>6</v>
      </c>
      <c r="O8442" s="1" t="s">
        <v>8</v>
      </c>
      <c r="P8442" s="5" t="s">
        <v>30877</v>
      </c>
    </row>
    <row r="8443" spans="1:16" x14ac:dyDescent="0.2">
      <c r="A8443" s="1" t="s">
        <v>329</v>
      </c>
      <c r="B8443" s="1" t="s">
        <v>596</v>
      </c>
      <c r="C8443" s="1" t="s">
        <v>29147</v>
      </c>
      <c r="D8443" s="1" t="s">
        <v>29148</v>
      </c>
      <c r="E8443" s="1" t="s">
        <v>29149</v>
      </c>
      <c r="F8443" s="1" t="s">
        <v>10</v>
      </c>
      <c r="G8443" s="1" t="s">
        <v>10</v>
      </c>
      <c r="H8443" s="1" t="s">
        <v>10</v>
      </c>
      <c r="I8443" s="1" t="s">
        <v>28732</v>
      </c>
      <c r="J8443" s="1" t="s">
        <v>10</v>
      </c>
      <c r="K8443" s="1" t="s">
        <v>100</v>
      </c>
      <c r="L8443" s="1" t="s">
        <v>29146</v>
      </c>
      <c r="M8443" s="1" t="s">
        <v>5</v>
      </c>
      <c r="N8443" s="1" t="s">
        <v>25</v>
      </c>
      <c r="O8443" s="1" t="s">
        <v>38</v>
      </c>
      <c r="P8443" s="5" t="s">
        <v>29821</v>
      </c>
    </row>
    <row r="8444" spans="1:16" x14ac:dyDescent="0.2">
      <c r="A8444" s="1" t="s">
        <v>20</v>
      </c>
      <c r="B8444" s="1" t="s">
        <v>172</v>
      </c>
      <c r="C8444" s="1" t="s">
        <v>29151</v>
      </c>
      <c r="D8444" s="1" t="s">
        <v>29152</v>
      </c>
      <c r="E8444" s="1" t="s">
        <v>29153</v>
      </c>
      <c r="F8444" s="1" t="s">
        <v>10</v>
      </c>
      <c r="G8444" s="1" t="s">
        <v>10</v>
      </c>
      <c r="H8444" s="1" t="s">
        <v>10</v>
      </c>
      <c r="I8444" s="1" t="s">
        <v>28732</v>
      </c>
      <c r="J8444" s="1" t="s">
        <v>10</v>
      </c>
      <c r="K8444" s="1" t="s">
        <v>7</v>
      </c>
      <c r="L8444" s="1" t="s">
        <v>29150</v>
      </c>
      <c r="M8444" s="1" t="s">
        <v>5</v>
      </c>
      <c r="N8444" s="1" t="s">
        <v>25</v>
      </c>
      <c r="O8444" s="1" t="s">
        <v>38</v>
      </c>
      <c r="P8444" s="5" t="s">
        <v>29821</v>
      </c>
    </row>
    <row r="8445" spans="1:16" x14ac:dyDescent="0.2">
      <c r="A8445" s="1" t="s">
        <v>20</v>
      </c>
      <c r="B8445" s="1" t="s">
        <v>132</v>
      </c>
      <c r="C8445" s="1" t="s">
        <v>11800</v>
      </c>
      <c r="D8445" s="1" t="s">
        <v>11800</v>
      </c>
      <c r="E8445" s="1" t="s">
        <v>29155</v>
      </c>
      <c r="F8445" s="1" t="s">
        <v>10</v>
      </c>
      <c r="G8445" s="1" t="s">
        <v>10</v>
      </c>
      <c r="H8445" s="1" t="s">
        <v>10</v>
      </c>
      <c r="I8445" s="1" t="s">
        <v>28732</v>
      </c>
      <c r="J8445" s="1" t="s">
        <v>10</v>
      </c>
      <c r="K8445" s="1" t="s">
        <v>3004</v>
      </c>
      <c r="L8445" s="1" t="s">
        <v>29154</v>
      </c>
      <c r="M8445" s="1" t="s">
        <v>5</v>
      </c>
      <c r="N8445" s="1" t="s">
        <v>25</v>
      </c>
      <c r="O8445" s="1" t="s">
        <v>38</v>
      </c>
      <c r="P8445" s="5" t="s">
        <v>30878</v>
      </c>
    </row>
    <row r="8446" spans="1:16" x14ac:dyDescent="0.2">
      <c r="A8446" s="1" t="s">
        <v>20</v>
      </c>
      <c r="B8446" s="1" t="s">
        <v>253</v>
      </c>
      <c r="C8446" s="1" t="s">
        <v>29157</v>
      </c>
      <c r="D8446" s="1" t="s">
        <v>29158</v>
      </c>
      <c r="E8446" s="1" t="s">
        <v>29159</v>
      </c>
      <c r="F8446" s="1" t="s">
        <v>10</v>
      </c>
      <c r="G8446" s="1" t="s">
        <v>10</v>
      </c>
      <c r="H8446" s="1" t="s">
        <v>10313</v>
      </c>
      <c r="I8446" s="1" t="s">
        <v>28732</v>
      </c>
      <c r="J8446" s="1" t="s">
        <v>10</v>
      </c>
      <c r="K8446" s="1" t="s">
        <v>47</v>
      </c>
      <c r="L8446" s="1" t="s">
        <v>29156</v>
      </c>
      <c r="M8446" s="1" t="s">
        <v>5</v>
      </c>
      <c r="N8446" s="1" t="s">
        <v>25</v>
      </c>
      <c r="O8446" s="1" t="s">
        <v>8</v>
      </c>
      <c r="P8446" s="5" t="s">
        <v>30398</v>
      </c>
    </row>
    <row r="8447" spans="1:16" x14ac:dyDescent="0.2">
      <c r="A8447" s="1" t="s">
        <v>10</v>
      </c>
      <c r="B8447" s="1" t="s">
        <v>10</v>
      </c>
      <c r="C8447" s="1" t="s">
        <v>29161</v>
      </c>
      <c r="D8447" s="1" t="s">
        <v>3646</v>
      </c>
      <c r="E8447" s="1" t="s">
        <v>29162</v>
      </c>
      <c r="F8447" s="1" t="s">
        <v>10</v>
      </c>
      <c r="G8447" s="1" t="s">
        <v>10</v>
      </c>
      <c r="H8447" s="1" t="s">
        <v>10</v>
      </c>
      <c r="I8447" s="1" t="s">
        <v>28732</v>
      </c>
      <c r="J8447" s="1" t="s">
        <v>10</v>
      </c>
      <c r="K8447" s="1" t="s">
        <v>10</v>
      </c>
      <c r="L8447" s="1" t="s">
        <v>29160</v>
      </c>
      <c r="M8447" s="1" t="s">
        <v>3905</v>
      </c>
      <c r="N8447" s="1" t="s">
        <v>25</v>
      </c>
      <c r="O8447" s="1" t="s">
        <v>8</v>
      </c>
      <c r="P8447" s="5"/>
    </row>
    <row r="8448" spans="1:16" x14ac:dyDescent="0.2">
      <c r="A8448" s="1" t="s">
        <v>10</v>
      </c>
      <c r="B8448" s="1" t="s">
        <v>10</v>
      </c>
      <c r="C8448" s="1" t="s">
        <v>29164</v>
      </c>
      <c r="D8448" s="1" t="s">
        <v>29165</v>
      </c>
      <c r="E8448" s="1" t="s">
        <v>29166</v>
      </c>
      <c r="F8448" s="1" t="s">
        <v>10</v>
      </c>
      <c r="G8448" s="1" t="s">
        <v>10</v>
      </c>
      <c r="H8448" s="1" t="s">
        <v>10</v>
      </c>
      <c r="I8448" s="1" t="s">
        <v>28732</v>
      </c>
      <c r="J8448" s="1" t="s">
        <v>10</v>
      </c>
      <c r="K8448" s="1" t="s">
        <v>10</v>
      </c>
      <c r="L8448" s="1" t="s">
        <v>29163</v>
      </c>
      <c r="M8448" s="1" t="s">
        <v>3905</v>
      </c>
      <c r="N8448" s="1" t="s">
        <v>25</v>
      </c>
      <c r="O8448" s="1" t="s">
        <v>38</v>
      </c>
      <c r="P8448" s="5"/>
    </row>
    <row r="8449" spans="1:16" x14ac:dyDescent="0.2">
      <c r="A8449" s="1" t="s">
        <v>10</v>
      </c>
      <c r="B8449" s="1" t="s">
        <v>10</v>
      </c>
      <c r="C8449" s="1" t="s">
        <v>29168</v>
      </c>
      <c r="D8449" s="1" t="s">
        <v>20970</v>
      </c>
      <c r="E8449" s="1" t="s">
        <v>29169</v>
      </c>
      <c r="F8449" s="1" t="s">
        <v>10</v>
      </c>
      <c r="G8449" s="1" t="s">
        <v>10</v>
      </c>
      <c r="H8449" s="1" t="s">
        <v>10</v>
      </c>
      <c r="I8449" s="1" t="s">
        <v>28732</v>
      </c>
      <c r="J8449" s="1" t="s">
        <v>10</v>
      </c>
      <c r="K8449" s="1" t="s">
        <v>10</v>
      </c>
      <c r="L8449" s="1" t="s">
        <v>29167</v>
      </c>
      <c r="M8449" s="1" t="s">
        <v>3905</v>
      </c>
      <c r="N8449" s="1" t="s">
        <v>1597</v>
      </c>
      <c r="O8449" s="1" t="s">
        <v>8</v>
      </c>
      <c r="P8449" s="5"/>
    </row>
    <row r="8450" spans="1:16" x14ac:dyDescent="0.2">
      <c r="A8450" s="1" t="s">
        <v>20</v>
      </c>
      <c r="B8450" s="1" t="s">
        <v>445</v>
      </c>
      <c r="C8450" s="1" t="s">
        <v>29171</v>
      </c>
      <c r="D8450" s="1" t="s">
        <v>29172</v>
      </c>
      <c r="E8450" s="1" t="s">
        <v>29173</v>
      </c>
      <c r="F8450" s="1" t="s">
        <v>10</v>
      </c>
      <c r="G8450" s="1" t="s">
        <v>10</v>
      </c>
      <c r="H8450" s="1" t="s">
        <v>10</v>
      </c>
      <c r="I8450" s="1" t="s">
        <v>28732</v>
      </c>
      <c r="J8450" s="1" t="s">
        <v>10</v>
      </c>
      <c r="K8450" s="1" t="s">
        <v>47</v>
      </c>
      <c r="L8450" s="1" t="s">
        <v>29170</v>
      </c>
      <c r="M8450" s="1" t="s">
        <v>5</v>
      </c>
      <c r="N8450" s="1" t="s">
        <v>1695</v>
      </c>
      <c r="O8450" s="1" t="s">
        <v>38</v>
      </c>
      <c r="P8450" s="5" t="s">
        <v>30879</v>
      </c>
    </row>
    <row r="8451" spans="1:16" x14ac:dyDescent="0.2">
      <c r="A8451" s="1" t="s">
        <v>10</v>
      </c>
      <c r="B8451" s="1" t="s">
        <v>10</v>
      </c>
      <c r="C8451" s="1" t="s">
        <v>29175</v>
      </c>
      <c r="D8451" s="1" t="s">
        <v>29176</v>
      </c>
      <c r="E8451" s="1" t="s">
        <v>29177</v>
      </c>
      <c r="F8451" s="1" t="s">
        <v>10</v>
      </c>
      <c r="G8451" s="1" t="s">
        <v>10</v>
      </c>
      <c r="H8451" s="1" t="s">
        <v>10</v>
      </c>
      <c r="I8451" s="1" t="s">
        <v>28732</v>
      </c>
      <c r="J8451" s="1" t="s">
        <v>10</v>
      </c>
      <c r="K8451" s="1" t="s">
        <v>10</v>
      </c>
      <c r="L8451" s="1" t="s">
        <v>29174</v>
      </c>
      <c r="M8451" s="1" t="s">
        <v>3905</v>
      </c>
      <c r="N8451" s="1" t="s">
        <v>25</v>
      </c>
      <c r="O8451" s="1" t="s">
        <v>38</v>
      </c>
      <c r="P8451" s="5"/>
    </row>
    <row r="8452" spans="1:16" x14ac:dyDescent="0.2">
      <c r="A8452" s="1" t="s">
        <v>10</v>
      </c>
      <c r="B8452" s="1" t="s">
        <v>10</v>
      </c>
      <c r="C8452" s="1" t="s">
        <v>29179</v>
      </c>
      <c r="D8452" s="1" t="s">
        <v>29180</v>
      </c>
      <c r="E8452" s="1" t="s">
        <v>29181</v>
      </c>
      <c r="F8452" s="1" t="s">
        <v>10</v>
      </c>
      <c r="G8452" s="1" t="s">
        <v>10</v>
      </c>
      <c r="H8452" s="1" t="s">
        <v>10</v>
      </c>
      <c r="I8452" s="1" t="s">
        <v>28732</v>
      </c>
      <c r="J8452" s="1" t="s">
        <v>10</v>
      </c>
      <c r="K8452" s="1" t="s">
        <v>10</v>
      </c>
      <c r="L8452" s="1" t="s">
        <v>29178</v>
      </c>
      <c r="M8452" s="1" t="s">
        <v>3905</v>
      </c>
      <c r="N8452" s="1" t="s">
        <v>25</v>
      </c>
      <c r="O8452" s="1" t="s">
        <v>8</v>
      </c>
      <c r="P8452" s="5"/>
    </row>
    <row r="8453" spans="1:16" x14ac:dyDescent="0.2">
      <c r="A8453" s="1" t="s">
        <v>10</v>
      </c>
      <c r="B8453" s="1" t="s">
        <v>376</v>
      </c>
      <c r="C8453" s="1" t="s">
        <v>29183</v>
      </c>
      <c r="D8453" s="1" t="s">
        <v>29184</v>
      </c>
      <c r="E8453" s="1"/>
      <c r="F8453" s="1" t="s">
        <v>1108</v>
      </c>
      <c r="G8453" s="1" t="s">
        <v>19688</v>
      </c>
      <c r="H8453" s="1" t="s">
        <v>10</v>
      </c>
      <c r="I8453" s="1" t="s">
        <v>28732</v>
      </c>
      <c r="J8453" s="1" t="s">
        <v>10</v>
      </c>
      <c r="K8453" s="1" t="s">
        <v>37</v>
      </c>
      <c r="L8453" s="1" t="s">
        <v>29182</v>
      </c>
      <c r="M8453" s="1" t="s">
        <v>5</v>
      </c>
      <c r="N8453" s="1" t="s">
        <v>25</v>
      </c>
      <c r="O8453" s="1" t="s">
        <v>8</v>
      </c>
      <c r="P8453" s="5" t="s">
        <v>10</v>
      </c>
    </row>
    <row r="8454" spans="1:16" x14ac:dyDescent="0.2">
      <c r="A8454" s="1" t="s">
        <v>20</v>
      </c>
      <c r="B8454" s="1" t="s">
        <v>93</v>
      </c>
      <c r="C8454" s="1" t="s">
        <v>29186</v>
      </c>
      <c r="D8454" s="1" t="s">
        <v>29187</v>
      </c>
      <c r="E8454" s="1"/>
      <c r="F8454" s="1" t="s">
        <v>10</v>
      </c>
      <c r="G8454" s="1" t="s">
        <v>10</v>
      </c>
      <c r="H8454" s="1" t="s">
        <v>28818</v>
      </c>
      <c r="I8454" s="1" t="s">
        <v>28732</v>
      </c>
      <c r="J8454" s="1" t="s">
        <v>10</v>
      </c>
      <c r="K8454" s="1" t="s">
        <v>7</v>
      </c>
      <c r="L8454" s="1" t="s">
        <v>29185</v>
      </c>
      <c r="M8454" s="1" t="s">
        <v>5</v>
      </c>
      <c r="N8454" s="1" t="s">
        <v>25</v>
      </c>
      <c r="O8454" s="1" t="s">
        <v>8</v>
      </c>
      <c r="P8454" s="5" t="s">
        <v>30398</v>
      </c>
    </row>
    <row r="8455" spans="1:16" ht="38.25" x14ac:dyDescent="0.2">
      <c r="A8455" s="1" t="s">
        <v>20</v>
      </c>
      <c r="B8455" s="1" t="s">
        <v>93</v>
      </c>
      <c r="C8455" s="1" t="s">
        <v>29189</v>
      </c>
      <c r="D8455" s="1" t="s">
        <v>29190</v>
      </c>
      <c r="E8455" s="1" t="s">
        <v>28817</v>
      </c>
      <c r="F8455" s="1" t="s">
        <v>10</v>
      </c>
      <c r="G8455" s="1" t="s">
        <v>10</v>
      </c>
      <c r="H8455" s="1" t="s">
        <v>28818</v>
      </c>
      <c r="I8455" s="1" t="s">
        <v>28732</v>
      </c>
      <c r="J8455" s="1" t="s">
        <v>10</v>
      </c>
      <c r="K8455" s="1" t="s">
        <v>7</v>
      </c>
      <c r="L8455" s="1" t="s">
        <v>29188</v>
      </c>
      <c r="M8455" s="1" t="s">
        <v>5</v>
      </c>
      <c r="N8455" s="1" t="s">
        <v>25</v>
      </c>
      <c r="O8455" s="1" t="s">
        <v>8</v>
      </c>
      <c r="P8455" s="9" t="s">
        <v>32621</v>
      </c>
    </row>
    <row r="8456" spans="1:16" x14ac:dyDescent="0.2">
      <c r="A8456" s="1" t="s">
        <v>1984</v>
      </c>
      <c r="B8456" s="1" t="s">
        <v>1985</v>
      </c>
      <c r="C8456" s="1" t="s">
        <v>29192</v>
      </c>
      <c r="D8456" s="1" t="s">
        <v>29193</v>
      </c>
      <c r="E8456" s="1"/>
      <c r="F8456" s="1" t="s">
        <v>10</v>
      </c>
      <c r="G8456" s="1" t="s">
        <v>10</v>
      </c>
      <c r="H8456" s="1" t="s">
        <v>1982</v>
      </c>
      <c r="I8456" s="1" t="s">
        <v>28732</v>
      </c>
      <c r="J8456" s="1" t="s">
        <v>10</v>
      </c>
      <c r="K8456" s="1" t="s">
        <v>64</v>
      </c>
      <c r="L8456" s="1" t="s">
        <v>29191</v>
      </c>
      <c r="M8456" s="1" t="s">
        <v>5</v>
      </c>
      <c r="N8456" s="1" t="s">
        <v>1009</v>
      </c>
      <c r="O8456" s="1" t="s">
        <v>8</v>
      </c>
      <c r="P8456" s="5" t="s">
        <v>30880</v>
      </c>
    </row>
    <row r="8457" spans="1:16" x14ac:dyDescent="0.2">
      <c r="A8457" s="1" t="s">
        <v>2187</v>
      </c>
      <c r="B8457" s="1" t="s">
        <v>2206</v>
      </c>
      <c r="C8457" s="1" t="s">
        <v>29195</v>
      </c>
      <c r="D8457" s="1" t="s">
        <v>16649</v>
      </c>
      <c r="E8457" s="1" t="s">
        <v>29196</v>
      </c>
      <c r="F8457" s="1" t="s">
        <v>10</v>
      </c>
      <c r="G8457" s="1" t="s">
        <v>10</v>
      </c>
      <c r="H8457" s="1" t="s">
        <v>21632</v>
      </c>
      <c r="I8457" s="1" t="s">
        <v>28732</v>
      </c>
      <c r="J8457" s="1" t="s">
        <v>10</v>
      </c>
      <c r="K8457" s="1" t="s">
        <v>64</v>
      </c>
      <c r="L8457" s="1" t="s">
        <v>29194</v>
      </c>
      <c r="M8457" s="1" t="s">
        <v>5</v>
      </c>
      <c r="N8457" s="1" t="s">
        <v>432</v>
      </c>
      <c r="O8457" s="1" t="s">
        <v>8</v>
      </c>
      <c r="P8457" s="5" t="s">
        <v>30880</v>
      </c>
    </row>
    <row r="8458" spans="1:16" x14ac:dyDescent="0.2">
      <c r="A8458" s="1" t="s">
        <v>42</v>
      </c>
      <c r="B8458" s="1" t="s">
        <v>109</v>
      </c>
      <c r="C8458" s="1" t="s">
        <v>29199</v>
      </c>
      <c r="D8458" s="1" t="s">
        <v>29200</v>
      </c>
      <c r="E8458" s="1"/>
      <c r="F8458" s="1" t="s">
        <v>10</v>
      </c>
      <c r="G8458" s="1" t="s">
        <v>10</v>
      </c>
      <c r="H8458" s="1" t="s">
        <v>10</v>
      </c>
      <c r="I8458" s="1" t="s">
        <v>29197</v>
      </c>
      <c r="J8458" s="1" t="s">
        <v>29201</v>
      </c>
      <c r="K8458" s="1" t="s">
        <v>27</v>
      </c>
      <c r="L8458" s="1" t="s">
        <v>29198</v>
      </c>
      <c r="M8458" s="1" t="s">
        <v>5</v>
      </c>
      <c r="N8458" s="1" t="s">
        <v>6</v>
      </c>
      <c r="O8458" s="1" t="s">
        <v>38</v>
      </c>
      <c r="P8458" s="5" t="s">
        <v>32622</v>
      </c>
    </row>
    <row r="8459" spans="1:16" x14ac:dyDescent="0.2">
      <c r="A8459" s="1" t="s">
        <v>20</v>
      </c>
      <c r="B8459" s="1" t="s">
        <v>309</v>
      </c>
      <c r="C8459" s="1" t="s">
        <v>29203</v>
      </c>
      <c r="D8459" s="1" t="s">
        <v>29204</v>
      </c>
      <c r="E8459" s="1"/>
      <c r="F8459" s="1" t="s">
        <v>10</v>
      </c>
      <c r="G8459" s="1" t="s">
        <v>10</v>
      </c>
      <c r="H8459" s="1" t="s">
        <v>10</v>
      </c>
      <c r="I8459" s="1" t="s">
        <v>29197</v>
      </c>
      <c r="J8459" s="1" t="s">
        <v>29201</v>
      </c>
      <c r="K8459" s="1" t="s">
        <v>27</v>
      </c>
      <c r="L8459" s="1" t="s">
        <v>29202</v>
      </c>
      <c r="M8459" s="1" t="s">
        <v>5</v>
      </c>
      <c r="N8459" s="1" t="s">
        <v>25</v>
      </c>
      <c r="O8459" s="1" t="s">
        <v>38</v>
      </c>
      <c r="P8459" s="5" t="s">
        <v>30881</v>
      </c>
    </row>
    <row r="8460" spans="1:16" x14ac:dyDescent="0.2">
      <c r="A8460" s="1" t="s">
        <v>42</v>
      </c>
      <c r="B8460" s="1" t="s">
        <v>50</v>
      </c>
      <c r="C8460" s="1" t="s">
        <v>29206</v>
      </c>
      <c r="D8460" s="1" t="s">
        <v>29207</v>
      </c>
      <c r="E8460" s="1"/>
      <c r="F8460" s="1" t="s">
        <v>10</v>
      </c>
      <c r="G8460" s="1" t="s">
        <v>10</v>
      </c>
      <c r="H8460" s="1" t="s">
        <v>10</v>
      </c>
      <c r="I8460" s="1" t="s">
        <v>29197</v>
      </c>
      <c r="J8460" s="1" t="s">
        <v>19</v>
      </c>
      <c r="K8460" s="1" t="s">
        <v>130</v>
      </c>
      <c r="L8460" s="1" t="s">
        <v>29205</v>
      </c>
      <c r="M8460" s="1" t="s">
        <v>5</v>
      </c>
      <c r="N8460" s="1" t="s">
        <v>25</v>
      </c>
      <c r="O8460" s="1" t="s">
        <v>38</v>
      </c>
      <c r="P8460" s="5" t="s">
        <v>32623</v>
      </c>
    </row>
    <row r="8461" spans="1:16" ht="63.75" x14ac:dyDescent="0.2">
      <c r="A8461" s="1" t="s">
        <v>20</v>
      </c>
      <c r="B8461" s="1" t="s">
        <v>172</v>
      </c>
      <c r="C8461" s="1" t="s">
        <v>29209</v>
      </c>
      <c r="D8461" s="1" t="s">
        <v>29210</v>
      </c>
      <c r="E8461" s="1"/>
      <c r="F8461" s="1" t="s">
        <v>10</v>
      </c>
      <c r="G8461" s="1" t="s">
        <v>10</v>
      </c>
      <c r="H8461" s="1" t="s">
        <v>10</v>
      </c>
      <c r="I8461" s="1" t="s">
        <v>29197</v>
      </c>
      <c r="J8461" s="1" t="s">
        <v>29211</v>
      </c>
      <c r="K8461" s="1" t="s">
        <v>27</v>
      </c>
      <c r="L8461" s="1" t="s">
        <v>29208</v>
      </c>
      <c r="M8461" s="1" t="s">
        <v>5</v>
      </c>
      <c r="N8461" s="1" t="s">
        <v>25</v>
      </c>
      <c r="O8461" s="1" t="s">
        <v>38</v>
      </c>
      <c r="P8461" s="9" t="s">
        <v>32624</v>
      </c>
    </row>
    <row r="8462" spans="1:16" ht="114.75" x14ac:dyDescent="0.2">
      <c r="A8462" s="1" t="s">
        <v>20</v>
      </c>
      <c r="B8462" s="1" t="s">
        <v>3530</v>
      </c>
      <c r="C8462" s="1" t="s">
        <v>29213</v>
      </c>
      <c r="D8462" s="1" t="s">
        <v>29214</v>
      </c>
      <c r="E8462" s="1"/>
      <c r="F8462" s="1" t="s">
        <v>10</v>
      </c>
      <c r="G8462" s="1" t="s">
        <v>10</v>
      </c>
      <c r="H8462" s="1" t="s">
        <v>10</v>
      </c>
      <c r="I8462" s="1" t="s">
        <v>29197</v>
      </c>
      <c r="J8462" s="1" t="s">
        <v>29201</v>
      </c>
      <c r="K8462" s="1" t="s">
        <v>27</v>
      </c>
      <c r="L8462" s="1" t="s">
        <v>29212</v>
      </c>
      <c r="M8462" s="1" t="s">
        <v>5</v>
      </c>
      <c r="N8462" s="1" t="s">
        <v>25</v>
      </c>
      <c r="O8462" s="1" t="s">
        <v>38</v>
      </c>
      <c r="P8462" s="9" t="s">
        <v>32625</v>
      </c>
    </row>
    <row r="8463" spans="1:16" ht="51" x14ac:dyDescent="0.2">
      <c r="A8463" s="1" t="s">
        <v>42</v>
      </c>
      <c r="B8463" s="1" t="s">
        <v>118</v>
      </c>
      <c r="C8463" s="1" t="s">
        <v>29216</v>
      </c>
      <c r="D8463" s="1" t="s">
        <v>7653</v>
      </c>
      <c r="E8463" s="1" t="s">
        <v>29217</v>
      </c>
      <c r="F8463" s="1" t="s">
        <v>27</v>
      </c>
      <c r="G8463" s="1" t="s">
        <v>10</v>
      </c>
      <c r="H8463" s="1" t="s">
        <v>29218</v>
      </c>
      <c r="I8463" s="1" t="s">
        <v>29197</v>
      </c>
      <c r="J8463" s="1" t="s">
        <v>19</v>
      </c>
      <c r="K8463" s="1" t="s">
        <v>113</v>
      </c>
      <c r="L8463" s="1" t="s">
        <v>29215</v>
      </c>
      <c r="M8463" s="1" t="s">
        <v>5</v>
      </c>
      <c r="N8463" s="1" t="s">
        <v>1009</v>
      </c>
      <c r="O8463" s="1" t="s">
        <v>8</v>
      </c>
      <c r="P8463" s="9" t="s">
        <v>32626</v>
      </c>
    </row>
    <row r="8464" spans="1:16" x14ac:dyDescent="0.2">
      <c r="A8464" s="1" t="s">
        <v>10</v>
      </c>
      <c r="B8464" s="1" t="s">
        <v>376</v>
      </c>
      <c r="C8464" s="1" t="s">
        <v>29220</v>
      </c>
      <c r="D8464" s="1" t="s">
        <v>29221</v>
      </c>
      <c r="E8464" s="1" t="s">
        <v>29223</v>
      </c>
      <c r="F8464" s="1" t="s">
        <v>10</v>
      </c>
      <c r="G8464" s="1" t="s">
        <v>10</v>
      </c>
      <c r="H8464" s="1" t="s">
        <v>10</v>
      </c>
      <c r="I8464" s="1" t="s">
        <v>29197</v>
      </c>
      <c r="J8464" s="1" t="s">
        <v>29222</v>
      </c>
      <c r="K8464" s="1" t="s">
        <v>27</v>
      </c>
      <c r="L8464" s="1" t="s">
        <v>29219</v>
      </c>
      <c r="M8464" s="1" t="s">
        <v>5</v>
      </c>
      <c r="N8464" s="1" t="s">
        <v>25</v>
      </c>
      <c r="O8464" s="1" t="s">
        <v>38</v>
      </c>
      <c r="P8464" s="5" t="s">
        <v>30882</v>
      </c>
    </row>
    <row r="8465" spans="1:16" x14ac:dyDescent="0.2">
      <c r="A8465" s="1" t="s">
        <v>20</v>
      </c>
      <c r="B8465" s="1" t="s">
        <v>253</v>
      </c>
      <c r="C8465" s="1" t="s">
        <v>29225</v>
      </c>
      <c r="D8465" s="1" t="s">
        <v>29226</v>
      </c>
      <c r="E8465" s="1"/>
      <c r="F8465" s="1" t="s">
        <v>10</v>
      </c>
      <c r="G8465" s="1" t="s">
        <v>10</v>
      </c>
      <c r="H8465" s="1" t="s">
        <v>10</v>
      </c>
      <c r="I8465" s="1" t="s">
        <v>29197</v>
      </c>
      <c r="J8465" s="1" t="s">
        <v>29222</v>
      </c>
      <c r="K8465" s="1" t="s">
        <v>27</v>
      </c>
      <c r="L8465" s="1" t="s">
        <v>29224</v>
      </c>
      <c r="M8465" s="1" t="s">
        <v>5</v>
      </c>
      <c r="N8465" s="1" t="s">
        <v>25</v>
      </c>
      <c r="O8465" s="1" t="s">
        <v>38</v>
      </c>
      <c r="P8465" s="5" t="s">
        <v>32623</v>
      </c>
    </row>
    <row r="8466" spans="1:16" x14ac:dyDescent="0.2">
      <c r="A8466" s="1" t="s">
        <v>20</v>
      </c>
      <c r="B8466" s="1" t="s">
        <v>309</v>
      </c>
      <c r="C8466" s="1" t="s">
        <v>29228</v>
      </c>
      <c r="D8466" s="1" t="s">
        <v>29228</v>
      </c>
      <c r="E8466" s="1" t="s">
        <v>29229</v>
      </c>
      <c r="F8466" s="1" t="s">
        <v>10</v>
      </c>
      <c r="G8466" s="1" t="s">
        <v>10</v>
      </c>
      <c r="H8466" s="1" t="s">
        <v>10</v>
      </c>
      <c r="I8466" s="1" t="s">
        <v>29197</v>
      </c>
      <c r="J8466" s="1" t="s">
        <v>19</v>
      </c>
      <c r="K8466" s="1" t="s">
        <v>7</v>
      </c>
      <c r="L8466" s="1" t="s">
        <v>29227</v>
      </c>
      <c r="M8466" s="1" t="s">
        <v>5</v>
      </c>
      <c r="N8466" s="1" t="s">
        <v>1009</v>
      </c>
      <c r="O8466" s="1" t="s">
        <v>38</v>
      </c>
      <c r="P8466" s="5" t="s">
        <v>32627</v>
      </c>
    </row>
    <row r="8467" spans="1:16" x14ac:dyDescent="0.2">
      <c r="A8467" s="1" t="s">
        <v>42</v>
      </c>
      <c r="B8467" s="1" t="s">
        <v>43</v>
      </c>
      <c r="C8467" s="1" t="s">
        <v>7140</v>
      </c>
      <c r="D8467" s="1" t="s">
        <v>374</v>
      </c>
      <c r="E8467" s="1"/>
      <c r="F8467" s="1" t="s">
        <v>27</v>
      </c>
      <c r="G8467" s="1" t="s">
        <v>10</v>
      </c>
      <c r="H8467" s="1" t="s">
        <v>7140</v>
      </c>
      <c r="I8467" s="1" t="s">
        <v>29197</v>
      </c>
      <c r="J8467" s="1" t="s">
        <v>19</v>
      </c>
      <c r="K8467" s="1" t="s">
        <v>2324</v>
      </c>
      <c r="L8467" s="1" t="s">
        <v>29230</v>
      </c>
      <c r="M8467" s="1" t="s">
        <v>5</v>
      </c>
      <c r="N8467" s="1" t="s">
        <v>1009</v>
      </c>
      <c r="O8467" s="1" t="s">
        <v>8</v>
      </c>
      <c r="P8467" s="5" t="s">
        <v>32628</v>
      </c>
    </row>
    <row r="8468" spans="1:16" x14ac:dyDescent="0.2">
      <c r="A8468" s="1" t="s">
        <v>42</v>
      </c>
      <c r="B8468" s="1" t="s">
        <v>109</v>
      </c>
      <c r="C8468" s="1" t="s">
        <v>29232</v>
      </c>
      <c r="D8468" s="1" t="s">
        <v>29233</v>
      </c>
      <c r="E8468" s="1"/>
      <c r="F8468" s="1" t="s">
        <v>10</v>
      </c>
      <c r="G8468" s="1" t="s">
        <v>10</v>
      </c>
      <c r="H8468" s="1" t="s">
        <v>10</v>
      </c>
      <c r="I8468" s="1" t="s">
        <v>29197</v>
      </c>
      <c r="J8468" s="1" t="s">
        <v>29234</v>
      </c>
      <c r="K8468" s="1" t="s">
        <v>27</v>
      </c>
      <c r="L8468" s="1" t="s">
        <v>29231</v>
      </c>
      <c r="M8468" s="1" t="s">
        <v>5</v>
      </c>
      <c r="N8468" s="1" t="s">
        <v>25</v>
      </c>
      <c r="O8468" s="1" t="s">
        <v>38</v>
      </c>
      <c r="P8468" s="5" t="s">
        <v>32623</v>
      </c>
    </row>
    <row r="8469" spans="1:16" ht="153" x14ac:dyDescent="0.2">
      <c r="A8469" s="1" t="s">
        <v>20</v>
      </c>
      <c r="B8469" s="1" t="s">
        <v>101</v>
      </c>
      <c r="C8469" s="1" t="s">
        <v>29236</v>
      </c>
      <c r="D8469" s="1" t="s">
        <v>29237</v>
      </c>
      <c r="E8469" s="1"/>
      <c r="F8469" s="1" t="s">
        <v>10</v>
      </c>
      <c r="G8469" s="1" t="s">
        <v>10</v>
      </c>
      <c r="H8469" s="1" t="s">
        <v>10</v>
      </c>
      <c r="I8469" s="1" t="s">
        <v>29197</v>
      </c>
      <c r="J8469" s="1" t="s">
        <v>29238</v>
      </c>
      <c r="K8469" s="1" t="s">
        <v>27</v>
      </c>
      <c r="L8469" s="1" t="s">
        <v>29235</v>
      </c>
      <c r="M8469" s="1" t="s">
        <v>5</v>
      </c>
      <c r="N8469" s="1" t="s">
        <v>25</v>
      </c>
      <c r="O8469" s="1" t="s">
        <v>38</v>
      </c>
      <c r="P8469" s="9" t="s">
        <v>32629</v>
      </c>
    </row>
    <row r="8470" spans="1:16" x14ac:dyDescent="0.2">
      <c r="A8470" s="1" t="s">
        <v>42</v>
      </c>
      <c r="B8470" s="1" t="s">
        <v>1890</v>
      </c>
      <c r="C8470" s="1" t="s">
        <v>1854</v>
      </c>
      <c r="D8470" s="1" t="s">
        <v>1855</v>
      </c>
      <c r="E8470" s="1"/>
      <c r="F8470" s="1" t="s">
        <v>27</v>
      </c>
      <c r="G8470" s="1" t="s">
        <v>10</v>
      </c>
      <c r="H8470" s="1" t="s">
        <v>29240</v>
      </c>
      <c r="I8470" s="1" t="s">
        <v>29197</v>
      </c>
      <c r="J8470" s="1" t="s">
        <v>19</v>
      </c>
      <c r="K8470" s="1" t="s">
        <v>3004</v>
      </c>
      <c r="L8470" s="1" t="s">
        <v>29239</v>
      </c>
      <c r="M8470" s="1" t="s">
        <v>5</v>
      </c>
      <c r="N8470" s="1" t="s">
        <v>1009</v>
      </c>
      <c r="O8470" s="1" t="s">
        <v>8</v>
      </c>
      <c r="P8470" s="5" t="s">
        <v>32630</v>
      </c>
    </row>
    <row r="8471" spans="1:16" x14ac:dyDescent="0.2">
      <c r="A8471" s="1" t="s">
        <v>42</v>
      </c>
      <c r="B8471" s="1" t="s">
        <v>109</v>
      </c>
      <c r="C8471" s="1" t="s">
        <v>29242</v>
      </c>
      <c r="D8471" s="1" t="s">
        <v>29243</v>
      </c>
      <c r="E8471" s="1"/>
      <c r="F8471" s="1" t="s">
        <v>10</v>
      </c>
      <c r="G8471" s="1" t="s">
        <v>10</v>
      </c>
      <c r="H8471" s="1" t="s">
        <v>10</v>
      </c>
      <c r="I8471" s="1" t="s">
        <v>29197</v>
      </c>
      <c r="J8471" s="1" t="s">
        <v>29244</v>
      </c>
      <c r="K8471" s="1" t="s">
        <v>27</v>
      </c>
      <c r="L8471" s="1" t="s">
        <v>29241</v>
      </c>
      <c r="M8471" s="1" t="s">
        <v>5</v>
      </c>
      <c r="N8471" s="1" t="s">
        <v>25</v>
      </c>
      <c r="O8471" s="1" t="s">
        <v>38</v>
      </c>
      <c r="P8471" s="5" t="s">
        <v>32631</v>
      </c>
    </row>
    <row r="8472" spans="1:16" ht="63.75" x14ac:dyDescent="0.2">
      <c r="A8472" s="1" t="s">
        <v>42</v>
      </c>
      <c r="B8472" s="1" t="s">
        <v>118</v>
      </c>
      <c r="C8472" s="1" t="s">
        <v>29246</v>
      </c>
      <c r="D8472" s="1" t="s">
        <v>14077</v>
      </c>
      <c r="E8472" s="1" t="s">
        <v>29247</v>
      </c>
      <c r="F8472" s="1" t="s">
        <v>10</v>
      </c>
      <c r="G8472" s="1" t="s">
        <v>10</v>
      </c>
      <c r="H8472" s="1" t="s">
        <v>10</v>
      </c>
      <c r="I8472" s="1" t="s">
        <v>29197</v>
      </c>
      <c r="J8472" s="1" t="s">
        <v>19</v>
      </c>
      <c r="K8472" s="1" t="s">
        <v>113</v>
      </c>
      <c r="L8472" s="1" t="s">
        <v>29245</v>
      </c>
      <c r="M8472" s="1" t="s">
        <v>5</v>
      </c>
      <c r="N8472" s="1" t="s">
        <v>25</v>
      </c>
      <c r="O8472" s="1" t="s">
        <v>38</v>
      </c>
      <c r="P8472" s="9" t="s">
        <v>32632</v>
      </c>
    </row>
    <row r="8473" spans="1:16" ht="63.75" x14ac:dyDescent="0.2">
      <c r="A8473" s="1" t="s">
        <v>42</v>
      </c>
      <c r="B8473" s="1" t="s">
        <v>43</v>
      </c>
      <c r="C8473" s="1" t="s">
        <v>29249</v>
      </c>
      <c r="D8473" s="1" t="s">
        <v>29250</v>
      </c>
      <c r="E8473" s="1"/>
      <c r="F8473" s="1" t="s">
        <v>10</v>
      </c>
      <c r="G8473" s="1" t="s">
        <v>10</v>
      </c>
      <c r="H8473" s="1" t="s">
        <v>10</v>
      </c>
      <c r="I8473" s="1" t="s">
        <v>29197</v>
      </c>
      <c r="J8473" s="1" t="s">
        <v>19</v>
      </c>
      <c r="K8473" s="1" t="s">
        <v>6533</v>
      </c>
      <c r="L8473" s="1" t="s">
        <v>29248</v>
      </c>
      <c r="M8473" s="1" t="s">
        <v>5</v>
      </c>
      <c r="N8473" s="1" t="s">
        <v>25</v>
      </c>
      <c r="O8473" s="1" t="s">
        <v>38</v>
      </c>
      <c r="P8473" s="9" t="s">
        <v>32633</v>
      </c>
    </row>
    <row r="8474" spans="1:16" x14ac:dyDescent="0.2">
      <c r="A8474" s="1" t="s">
        <v>20</v>
      </c>
      <c r="B8474" s="1" t="s">
        <v>172</v>
      </c>
      <c r="C8474" s="1" t="s">
        <v>29252</v>
      </c>
      <c r="D8474" s="1" t="s">
        <v>29253</v>
      </c>
      <c r="E8474" s="1"/>
      <c r="F8474" s="1" t="s">
        <v>10</v>
      </c>
      <c r="G8474" s="1" t="s">
        <v>10</v>
      </c>
      <c r="H8474" s="1" t="s">
        <v>10</v>
      </c>
      <c r="I8474" s="1" t="s">
        <v>29197</v>
      </c>
      <c r="J8474" s="1" t="s">
        <v>29211</v>
      </c>
      <c r="K8474" s="1" t="s">
        <v>7</v>
      </c>
      <c r="L8474" s="1" t="s">
        <v>29251</v>
      </c>
      <c r="M8474" s="1" t="s">
        <v>5</v>
      </c>
      <c r="N8474" s="1" t="s">
        <v>1009</v>
      </c>
      <c r="O8474" s="1" t="s">
        <v>38</v>
      </c>
      <c r="P8474" s="5" t="s">
        <v>32634</v>
      </c>
    </row>
    <row r="8475" spans="1:16" x14ac:dyDescent="0.2">
      <c r="A8475" s="1" t="s">
        <v>32</v>
      </c>
      <c r="B8475" s="1" t="s">
        <v>140</v>
      </c>
      <c r="C8475" s="1" t="s">
        <v>29255</v>
      </c>
      <c r="D8475" s="1" t="s">
        <v>11330</v>
      </c>
      <c r="E8475" s="1"/>
      <c r="F8475" s="1" t="s">
        <v>27</v>
      </c>
      <c r="G8475" s="1" t="s">
        <v>10</v>
      </c>
      <c r="H8475" s="1" t="s">
        <v>17598</v>
      </c>
      <c r="I8475" s="1" t="s">
        <v>29197</v>
      </c>
      <c r="J8475" s="1" t="s">
        <v>19</v>
      </c>
      <c r="K8475" s="1" t="s">
        <v>64</v>
      </c>
      <c r="L8475" s="1" t="s">
        <v>29254</v>
      </c>
      <c r="M8475" s="1" t="s">
        <v>5</v>
      </c>
      <c r="N8475" s="1" t="s">
        <v>25</v>
      </c>
      <c r="O8475" s="1" t="s">
        <v>8</v>
      </c>
      <c r="P8475" s="5" t="s">
        <v>32635</v>
      </c>
    </row>
    <row r="8476" spans="1:16" x14ac:dyDescent="0.2">
      <c r="A8476" s="1" t="s">
        <v>20</v>
      </c>
      <c r="B8476" s="1" t="s">
        <v>93</v>
      </c>
      <c r="C8476" s="1" t="s">
        <v>29257</v>
      </c>
      <c r="D8476" s="1" t="s">
        <v>2585</v>
      </c>
      <c r="E8476" s="1"/>
      <c r="F8476" s="1" t="s">
        <v>9</v>
      </c>
      <c r="G8476" s="1" t="s">
        <v>18</v>
      </c>
      <c r="H8476" s="1" t="s">
        <v>10</v>
      </c>
      <c r="I8476" s="1" t="s">
        <v>29197</v>
      </c>
      <c r="J8476" s="1" t="s">
        <v>19</v>
      </c>
      <c r="K8476" s="1" t="s">
        <v>443</v>
      </c>
      <c r="L8476" s="1" t="s">
        <v>29256</v>
      </c>
      <c r="M8476" s="1" t="s">
        <v>5</v>
      </c>
      <c r="N8476" s="1" t="s">
        <v>6</v>
      </c>
      <c r="O8476" s="1" t="s">
        <v>8</v>
      </c>
      <c r="P8476" s="5" t="s">
        <v>32636</v>
      </c>
    </row>
    <row r="8477" spans="1:16" x14ac:dyDescent="0.2">
      <c r="A8477" s="1" t="s">
        <v>20</v>
      </c>
      <c r="B8477" s="1" t="s">
        <v>253</v>
      </c>
      <c r="C8477" s="1" t="s">
        <v>15976</v>
      </c>
      <c r="D8477" s="1" t="s">
        <v>29259</v>
      </c>
      <c r="E8477" s="1"/>
      <c r="F8477" s="1" t="s">
        <v>27</v>
      </c>
      <c r="G8477" s="1" t="s">
        <v>10</v>
      </c>
      <c r="H8477" s="1" t="s">
        <v>29261</v>
      </c>
      <c r="I8477" s="1" t="s">
        <v>29197</v>
      </c>
      <c r="J8477" s="1" t="s">
        <v>19</v>
      </c>
      <c r="K8477" s="1" t="s">
        <v>27</v>
      </c>
      <c r="L8477" s="1" t="s">
        <v>29258</v>
      </c>
      <c r="M8477" s="1" t="s">
        <v>5</v>
      </c>
      <c r="N8477" s="1" t="s">
        <v>6</v>
      </c>
      <c r="O8477" s="1" t="s">
        <v>8</v>
      </c>
      <c r="P8477" s="5" t="s">
        <v>32637</v>
      </c>
    </row>
    <row r="8478" spans="1:16" x14ac:dyDescent="0.2">
      <c r="A8478" s="1" t="s">
        <v>10</v>
      </c>
      <c r="B8478" s="1" t="s">
        <v>10</v>
      </c>
      <c r="C8478" s="1" t="s">
        <v>29263</v>
      </c>
      <c r="D8478" s="1" t="s">
        <v>29264</v>
      </c>
      <c r="E8478" s="1"/>
      <c r="F8478" s="1" t="s">
        <v>10</v>
      </c>
      <c r="G8478" s="1" t="s">
        <v>10</v>
      </c>
      <c r="H8478" s="1" t="s">
        <v>10</v>
      </c>
      <c r="I8478" s="1" t="s">
        <v>29197</v>
      </c>
      <c r="J8478" s="1" t="s">
        <v>10</v>
      </c>
      <c r="K8478" s="1" t="s">
        <v>10</v>
      </c>
      <c r="L8478" s="1" t="s">
        <v>29262</v>
      </c>
      <c r="M8478" s="1" t="s">
        <v>5</v>
      </c>
      <c r="N8478" s="1" t="s">
        <v>25</v>
      </c>
      <c r="O8478" s="1" t="s">
        <v>38</v>
      </c>
      <c r="P8478" s="5"/>
    </row>
    <row r="8479" spans="1:16" x14ac:dyDescent="0.2">
      <c r="A8479" s="1" t="s">
        <v>10</v>
      </c>
      <c r="B8479" s="1" t="s">
        <v>10</v>
      </c>
      <c r="C8479" s="1" t="s">
        <v>29266</v>
      </c>
      <c r="D8479" s="1" t="s">
        <v>29267</v>
      </c>
      <c r="E8479" s="1"/>
      <c r="F8479" s="1" t="s">
        <v>10</v>
      </c>
      <c r="G8479" s="1" t="s">
        <v>10</v>
      </c>
      <c r="H8479" s="1" t="s">
        <v>10</v>
      </c>
      <c r="I8479" s="1" t="s">
        <v>29197</v>
      </c>
      <c r="J8479" s="1" t="s">
        <v>10</v>
      </c>
      <c r="K8479" s="1" t="s">
        <v>7</v>
      </c>
      <c r="L8479" s="1" t="s">
        <v>29265</v>
      </c>
      <c r="M8479" s="1" t="s">
        <v>3905</v>
      </c>
      <c r="N8479" s="1" t="s">
        <v>25</v>
      </c>
      <c r="O8479" s="1" t="s">
        <v>38</v>
      </c>
      <c r="P8479" s="5"/>
    </row>
    <row r="8480" spans="1:16" x14ac:dyDescent="0.2">
      <c r="A8480" s="1" t="s">
        <v>10</v>
      </c>
      <c r="B8480" s="1" t="s">
        <v>10</v>
      </c>
      <c r="C8480" s="1" t="s">
        <v>29269</v>
      </c>
      <c r="D8480" s="1" t="s">
        <v>29270</v>
      </c>
      <c r="E8480" s="1"/>
      <c r="F8480" s="1" t="s">
        <v>10</v>
      </c>
      <c r="G8480" s="1" t="s">
        <v>10</v>
      </c>
      <c r="H8480" s="1" t="s">
        <v>10</v>
      </c>
      <c r="I8480" s="1" t="s">
        <v>29197</v>
      </c>
      <c r="J8480" s="1" t="s">
        <v>10</v>
      </c>
      <c r="K8480" s="1" t="s">
        <v>10</v>
      </c>
      <c r="L8480" s="1" t="s">
        <v>29268</v>
      </c>
      <c r="M8480" s="1" t="s">
        <v>5</v>
      </c>
      <c r="N8480" s="1" t="s">
        <v>25</v>
      </c>
      <c r="O8480" s="1" t="s">
        <v>38</v>
      </c>
      <c r="P8480" s="5"/>
    </row>
    <row r="8481" spans="1:16" x14ac:dyDescent="0.2">
      <c r="A8481" s="1" t="s">
        <v>10</v>
      </c>
      <c r="B8481" s="1" t="s">
        <v>10</v>
      </c>
      <c r="C8481" s="1" t="s">
        <v>29272</v>
      </c>
      <c r="D8481" s="1" t="s">
        <v>29273</v>
      </c>
      <c r="E8481" s="1"/>
      <c r="F8481" s="1" t="s">
        <v>10</v>
      </c>
      <c r="G8481" s="1" t="s">
        <v>10</v>
      </c>
      <c r="H8481" s="1" t="s">
        <v>10</v>
      </c>
      <c r="I8481" s="1" t="s">
        <v>29197</v>
      </c>
      <c r="J8481" s="1" t="s">
        <v>10</v>
      </c>
      <c r="K8481" s="1" t="s">
        <v>10</v>
      </c>
      <c r="L8481" s="1" t="s">
        <v>29271</v>
      </c>
      <c r="M8481" s="1" t="s">
        <v>3905</v>
      </c>
      <c r="N8481" s="1" t="s">
        <v>6</v>
      </c>
      <c r="O8481" s="1" t="s">
        <v>38</v>
      </c>
      <c r="P8481" s="5"/>
    </row>
    <row r="8482" spans="1:16" x14ac:dyDescent="0.2">
      <c r="A8482" s="1" t="s">
        <v>10</v>
      </c>
      <c r="B8482" s="1" t="s">
        <v>10</v>
      </c>
      <c r="C8482" s="1" t="s">
        <v>29275</v>
      </c>
      <c r="D8482" s="1" t="s">
        <v>29276</v>
      </c>
      <c r="E8482" s="1" t="s">
        <v>29277</v>
      </c>
      <c r="F8482" s="1" t="s">
        <v>10</v>
      </c>
      <c r="G8482" s="1" t="s">
        <v>10</v>
      </c>
      <c r="H8482" s="1" t="s">
        <v>10</v>
      </c>
      <c r="I8482" s="1" t="s">
        <v>29197</v>
      </c>
      <c r="J8482" s="1" t="s">
        <v>10</v>
      </c>
      <c r="K8482" s="1" t="s">
        <v>10</v>
      </c>
      <c r="L8482" s="1" t="s">
        <v>29274</v>
      </c>
      <c r="M8482" s="1" t="s">
        <v>5</v>
      </c>
      <c r="N8482" s="1" t="s">
        <v>25</v>
      </c>
      <c r="O8482" s="1" t="s">
        <v>38</v>
      </c>
      <c r="P8482" s="5"/>
    </row>
    <row r="8483" spans="1:16" x14ac:dyDescent="0.2">
      <c r="A8483" s="1" t="s">
        <v>10</v>
      </c>
      <c r="B8483" s="1" t="s">
        <v>10</v>
      </c>
      <c r="C8483" s="1" t="s">
        <v>29279</v>
      </c>
      <c r="D8483" s="1" t="s">
        <v>29280</v>
      </c>
      <c r="E8483" s="1"/>
      <c r="F8483" s="1" t="s">
        <v>10</v>
      </c>
      <c r="G8483" s="1" t="s">
        <v>10</v>
      </c>
      <c r="H8483" s="1" t="s">
        <v>10</v>
      </c>
      <c r="I8483" s="1" t="s">
        <v>29197</v>
      </c>
      <c r="J8483" s="1" t="s">
        <v>10</v>
      </c>
      <c r="K8483" s="1" t="s">
        <v>10</v>
      </c>
      <c r="L8483" s="1" t="s">
        <v>29278</v>
      </c>
      <c r="M8483" s="1" t="s">
        <v>5</v>
      </c>
      <c r="N8483" s="1" t="s">
        <v>25</v>
      </c>
      <c r="O8483" s="1" t="s">
        <v>38</v>
      </c>
      <c r="P8483" s="5"/>
    </row>
    <row r="8484" spans="1:16" x14ac:dyDescent="0.2">
      <c r="A8484" s="1" t="s">
        <v>10</v>
      </c>
      <c r="B8484" s="1" t="s">
        <v>376</v>
      </c>
      <c r="C8484" s="1" t="s">
        <v>29282</v>
      </c>
      <c r="D8484" s="1" t="s">
        <v>23631</v>
      </c>
      <c r="E8484" s="1" t="s">
        <v>29283</v>
      </c>
      <c r="F8484" s="1" t="s">
        <v>10</v>
      </c>
      <c r="G8484" s="1" t="s">
        <v>10</v>
      </c>
      <c r="H8484" s="1" t="s">
        <v>10</v>
      </c>
      <c r="I8484" s="1" t="s">
        <v>29197</v>
      </c>
      <c r="J8484" s="1" t="s">
        <v>29222</v>
      </c>
      <c r="K8484" s="1" t="s">
        <v>27</v>
      </c>
      <c r="L8484" s="1" t="s">
        <v>29281</v>
      </c>
      <c r="M8484" s="1" t="s">
        <v>5</v>
      </c>
      <c r="N8484" s="1" t="s">
        <v>25</v>
      </c>
      <c r="O8484" s="1" t="s">
        <v>38</v>
      </c>
      <c r="P8484" s="5" t="s">
        <v>32638</v>
      </c>
    </row>
    <row r="8485" spans="1:16" x14ac:dyDescent="0.2">
      <c r="A8485" s="1" t="s">
        <v>10</v>
      </c>
      <c r="B8485" s="1" t="s">
        <v>376</v>
      </c>
      <c r="C8485" s="1" t="s">
        <v>29285</v>
      </c>
      <c r="D8485" s="1" t="s">
        <v>29286</v>
      </c>
      <c r="E8485" s="1" t="s">
        <v>29287</v>
      </c>
      <c r="F8485" s="1" t="s">
        <v>10</v>
      </c>
      <c r="G8485" s="1" t="s">
        <v>10</v>
      </c>
      <c r="H8485" s="1" t="s">
        <v>10</v>
      </c>
      <c r="I8485" s="1" t="s">
        <v>29197</v>
      </c>
      <c r="J8485" s="1" t="s">
        <v>29222</v>
      </c>
      <c r="K8485" s="1" t="s">
        <v>27</v>
      </c>
      <c r="L8485" s="1" t="s">
        <v>29284</v>
      </c>
      <c r="M8485" s="1" t="s">
        <v>5</v>
      </c>
      <c r="N8485" s="1" t="s">
        <v>25</v>
      </c>
      <c r="O8485" s="1" t="s">
        <v>38</v>
      </c>
      <c r="P8485" s="5" t="s">
        <v>32639</v>
      </c>
    </row>
    <row r="8486" spans="1:16" x14ac:dyDescent="0.2">
      <c r="A8486" s="1" t="s">
        <v>20</v>
      </c>
      <c r="B8486" s="1" t="s">
        <v>309</v>
      </c>
      <c r="C8486" s="1" t="s">
        <v>29289</v>
      </c>
      <c r="D8486" s="1" t="s">
        <v>29290</v>
      </c>
      <c r="E8486" s="1" t="s">
        <v>29291</v>
      </c>
      <c r="F8486" s="1" t="s">
        <v>10</v>
      </c>
      <c r="G8486" s="1" t="s">
        <v>10</v>
      </c>
      <c r="H8486" s="1" t="s">
        <v>10</v>
      </c>
      <c r="I8486" s="1" t="s">
        <v>29197</v>
      </c>
      <c r="J8486" s="1" t="s">
        <v>29222</v>
      </c>
      <c r="K8486" s="1" t="s">
        <v>27</v>
      </c>
      <c r="L8486" s="1" t="s">
        <v>29288</v>
      </c>
      <c r="M8486" s="1" t="s">
        <v>5</v>
      </c>
      <c r="N8486" s="1" t="s">
        <v>25</v>
      </c>
      <c r="O8486" s="1" t="s">
        <v>38</v>
      </c>
      <c r="P8486" s="5" t="s">
        <v>32640</v>
      </c>
    </row>
    <row r="8487" spans="1:16" x14ac:dyDescent="0.2">
      <c r="A8487" s="1" t="s">
        <v>20</v>
      </c>
      <c r="B8487" s="1" t="s">
        <v>309</v>
      </c>
      <c r="C8487" s="1" t="s">
        <v>29293</v>
      </c>
      <c r="D8487" s="1" t="s">
        <v>29294</v>
      </c>
      <c r="E8487" s="1" t="s">
        <v>29295</v>
      </c>
      <c r="F8487" s="1" t="s">
        <v>10</v>
      </c>
      <c r="G8487" s="1" t="s">
        <v>10</v>
      </c>
      <c r="H8487" s="1" t="s">
        <v>10</v>
      </c>
      <c r="I8487" s="1" t="s">
        <v>29197</v>
      </c>
      <c r="J8487" s="1" t="s">
        <v>29222</v>
      </c>
      <c r="K8487" s="1" t="s">
        <v>27</v>
      </c>
      <c r="L8487" s="1" t="s">
        <v>29292</v>
      </c>
      <c r="M8487" s="1" t="s">
        <v>5</v>
      </c>
      <c r="N8487" s="1" t="s">
        <v>25</v>
      </c>
      <c r="O8487" s="1" t="s">
        <v>38</v>
      </c>
      <c r="P8487" s="5" t="s">
        <v>32640</v>
      </c>
    </row>
    <row r="8488" spans="1:16" ht="76.5" x14ac:dyDescent="0.2">
      <c r="A8488" s="1" t="s">
        <v>10</v>
      </c>
      <c r="B8488" s="1" t="s">
        <v>376</v>
      </c>
      <c r="C8488" s="1" t="s">
        <v>29297</v>
      </c>
      <c r="D8488" s="1" t="s">
        <v>29298</v>
      </c>
      <c r="E8488" s="1" t="s">
        <v>29299</v>
      </c>
      <c r="F8488" s="1" t="s">
        <v>10</v>
      </c>
      <c r="G8488" s="1" t="s">
        <v>10</v>
      </c>
      <c r="H8488" s="1" t="s">
        <v>10</v>
      </c>
      <c r="I8488" s="1" t="s">
        <v>29197</v>
      </c>
      <c r="J8488" s="1" t="s">
        <v>29222</v>
      </c>
      <c r="K8488" s="1" t="s">
        <v>27</v>
      </c>
      <c r="L8488" s="1" t="s">
        <v>29296</v>
      </c>
      <c r="M8488" s="1" t="s">
        <v>5</v>
      </c>
      <c r="N8488" s="1" t="s">
        <v>25</v>
      </c>
      <c r="O8488" s="1" t="s">
        <v>38</v>
      </c>
      <c r="P8488" s="9" t="s">
        <v>32641</v>
      </c>
    </row>
    <row r="8489" spans="1:16" x14ac:dyDescent="0.2">
      <c r="A8489" s="1" t="s">
        <v>66</v>
      </c>
      <c r="B8489" s="1" t="s">
        <v>67</v>
      </c>
      <c r="C8489" s="1" t="s">
        <v>29301</v>
      </c>
      <c r="D8489" s="1" t="s">
        <v>29302</v>
      </c>
      <c r="E8489" s="1"/>
      <c r="F8489" s="1" t="s">
        <v>414</v>
      </c>
      <c r="G8489" s="1" t="s">
        <v>11711</v>
      </c>
      <c r="H8489" s="1" t="s">
        <v>10</v>
      </c>
      <c r="I8489" s="1" t="s">
        <v>29197</v>
      </c>
      <c r="J8489" s="1" t="s">
        <v>19</v>
      </c>
      <c r="K8489" s="1" t="s">
        <v>130</v>
      </c>
      <c r="L8489" s="1" t="s">
        <v>29300</v>
      </c>
      <c r="M8489" s="1" t="s">
        <v>5</v>
      </c>
      <c r="N8489" s="1" t="s">
        <v>25</v>
      </c>
      <c r="O8489" s="1" t="s">
        <v>8</v>
      </c>
      <c r="P8489" s="5" t="s">
        <v>32642</v>
      </c>
    </row>
    <row r="8490" spans="1:16" ht="76.5" x14ac:dyDescent="0.2">
      <c r="A8490" s="1" t="s">
        <v>1385</v>
      </c>
      <c r="B8490" s="1" t="s">
        <v>1490</v>
      </c>
      <c r="C8490" s="1" t="s">
        <v>29304</v>
      </c>
      <c r="D8490" s="1" t="s">
        <v>29305</v>
      </c>
      <c r="E8490" s="1"/>
      <c r="F8490" s="1" t="s">
        <v>10</v>
      </c>
      <c r="G8490" s="1" t="s">
        <v>10</v>
      </c>
      <c r="H8490" s="1" t="s">
        <v>10</v>
      </c>
      <c r="I8490" s="1" t="s">
        <v>29197</v>
      </c>
      <c r="J8490" s="1" t="s">
        <v>29201</v>
      </c>
      <c r="K8490" s="1" t="s">
        <v>64</v>
      </c>
      <c r="L8490" s="1" t="s">
        <v>29303</v>
      </c>
      <c r="M8490" s="1" t="s">
        <v>5</v>
      </c>
      <c r="N8490" s="1" t="s">
        <v>25</v>
      </c>
      <c r="O8490" s="1" t="s">
        <v>38</v>
      </c>
      <c r="P8490" s="9" t="s">
        <v>32643</v>
      </c>
    </row>
    <row r="8491" spans="1:16" x14ac:dyDescent="0.2">
      <c r="A8491" s="1" t="s">
        <v>1385</v>
      </c>
      <c r="B8491" s="1" t="s">
        <v>1490</v>
      </c>
      <c r="C8491" s="1" t="s">
        <v>29307</v>
      </c>
      <c r="D8491" s="1" t="s">
        <v>3953</v>
      </c>
      <c r="E8491" s="1"/>
      <c r="F8491" s="1" t="s">
        <v>105</v>
      </c>
      <c r="G8491" s="1" t="s">
        <v>29308</v>
      </c>
      <c r="H8491" s="1" t="s">
        <v>10</v>
      </c>
      <c r="I8491" s="1" t="s">
        <v>29197</v>
      </c>
      <c r="J8491" s="1" t="s">
        <v>29201</v>
      </c>
      <c r="K8491" s="1" t="s">
        <v>64</v>
      </c>
      <c r="L8491" s="1" t="s">
        <v>29306</v>
      </c>
      <c r="M8491" s="1" t="s">
        <v>5</v>
      </c>
      <c r="N8491" s="1" t="s">
        <v>25</v>
      </c>
      <c r="O8491" s="1" t="s">
        <v>8</v>
      </c>
      <c r="P8491" s="5" t="s">
        <v>32644</v>
      </c>
    </row>
    <row r="8492" spans="1:16" x14ac:dyDescent="0.2">
      <c r="A8492" s="1" t="s">
        <v>20</v>
      </c>
      <c r="B8492" s="1" t="s">
        <v>309</v>
      </c>
      <c r="C8492" s="1" t="s">
        <v>29310</v>
      </c>
      <c r="D8492" s="1" t="s">
        <v>29311</v>
      </c>
      <c r="E8492" s="1"/>
      <c r="F8492" s="1" t="s">
        <v>105</v>
      </c>
      <c r="G8492" s="1" t="s">
        <v>1476</v>
      </c>
      <c r="H8492" s="1" t="s">
        <v>10</v>
      </c>
      <c r="I8492" s="1" t="s">
        <v>29197</v>
      </c>
      <c r="J8492" s="1" t="s">
        <v>29201</v>
      </c>
      <c r="K8492" s="1" t="s">
        <v>7</v>
      </c>
      <c r="L8492" s="1" t="s">
        <v>29309</v>
      </c>
      <c r="M8492" s="1" t="s">
        <v>5</v>
      </c>
      <c r="N8492" s="1" t="s">
        <v>25</v>
      </c>
      <c r="O8492" s="1" t="s">
        <v>8</v>
      </c>
      <c r="P8492" s="5" t="s">
        <v>32645</v>
      </c>
    </row>
    <row r="8493" spans="1:16" ht="127.5" x14ac:dyDescent="0.2">
      <c r="A8493" s="1" t="s">
        <v>1385</v>
      </c>
      <c r="B8493" s="1" t="s">
        <v>1490</v>
      </c>
      <c r="C8493" s="1" t="s">
        <v>29313</v>
      </c>
      <c r="D8493" s="1" t="s">
        <v>29314</v>
      </c>
      <c r="E8493" s="1"/>
      <c r="F8493" s="1" t="s">
        <v>10</v>
      </c>
      <c r="G8493" s="1" t="s">
        <v>10</v>
      </c>
      <c r="H8493" s="1" t="s">
        <v>10</v>
      </c>
      <c r="I8493" s="1" t="s">
        <v>29197</v>
      </c>
      <c r="J8493" s="1" t="s">
        <v>29201</v>
      </c>
      <c r="K8493" s="1" t="s">
        <v>64</v>
      </c>
      <c r="L8493" s="1" t="s">
        <v>29312</v>
      </c>
      <c r="M8493" s="1" t="s">
        <v>5</v>
      </c>
      <c r="N8493" s="1" t="s">
        <v>25</v>
      </c>
      <c r="O8493" s="1" t="s">
        <v>38</v>
      </c>
      <c r="P8493" s="9" t="s">
        <v>32646</v>
      </c>
    </row>
    <row r="8494" spans="1:16" x14ac:dyDescent="0.2">
      <c r="A8494" s="1" t="s">
        <v>1385</v>
      </c>
      <c r="B8494" s="1" t="s">
        <v>1490</v>
      </c>
      <c r="C8494" s="1" t="s">
        <v>29316</v>
      </c>
      <c r="D8494" s="1" t="s">
        <v>29317</v>
      </c>
      <c r="E8494" s="1"/>
      <c r="F8494" s="1" t="s">
        <v>105</v>
      </c>
      <c r="G8494" s="1" t="s">
        <v>29318</v>
      </c>
      <c r="H8494" s="1" t="s">
        <v>10</v>
      </c>
      <c r="I8494" s="1" t="s">
        <v>29197</v>
      </c>
      <c r="J8494" s="1" t="s">
        <v>29201</v>
      </c>
      <c r="K8494" s="1" t="s">
        <v>64</v>
      </c>
      <c r="L8494" s="1" t="s">
        <v>29315</v>
      </c>
      <c r="M8494" s="1" t="s">
        <v>5</v>
      </c>
      <c r="N8494" s="1" t="s">
        <v>25</v>
      </c>
      <c r="O8494" s="1" t="s">
        <v>8</v>
      </c>
      <c r="P8494" s="5" t="s">
        <v>32647</v>
      </c>
    </row>
    <row r="8495" spans="1:16" ht="63.75" x14ac:dyDescent="0.2">
      <c r="A8495" s="1" t="s">
        <v>20</v>
      </c>
      <c r="B8495" s="1" t="s">
        <v>253</v>
      </c>
      <c r="C8495" s="1" t="s">
        <v>29320</v>
      </c>
      <c r="D8495" s="1" t="s">
        <v>29321</v>
      </c>
      <c r="E8495" s="1"/>
      <c r="F8495" s="1" t="s">
        <v>10</v>
      </c>
      <c r="G8495" s="1" t="s">
        <v>10</v>
      </c>
      <c r="H8495" s="1" t="s">
        <v>10</v>
      </c>
      <c r="I8495" s="1" t="s">
        <v>29197</v>
      </c>
      <c r="J8495" s="1" t="s">
        <v>29201</v>
      </c>
      <c r="K8495" s="1" t="s">
        <v>179</v>
      </c>
      <c r="L8495" s="1" t="s">
        <v>29319</v>
      </c>
      <c r="M8495" s="1" t="s">
        <v>5</v>
      </c>
      <c r="N8495" s="1" t="s">
        <v>25</v>
      </c>
      <c r="O8495" s="1" t="s">
        <v>38</v>
      </c>
      <c r="P8495" s="9" t="s">
        <v>32648</v>
      </c>
    </row>
    <row r="8496" spans="1:16" ht="102" x14ac:dyDescent="0.2">
      <c r="A8496" s="1" t="s">
        <v>66</v>
      </c>
      <c r="B8496" s="1" t="s">
        <v>674</v>
      </c>
      <c r="C8496" s="1" t="s">
        <v>29323</v>
      </c>
      <c r="D8496" s="1" t="s">
        <v>15427</v>
      </c>
      <c r="E8496" s="1"/>
      <c r="F8496" s="1" t="s">
        <v>27</v>
      </c>
      <c r="G8496" s="1" t="s">
        <v>10</v>
      </c>
      <c r="H8496" s="1" t="s">
        <v>29324</v>
      </c>
      <c r="I8496" s="1" t="s">
        <v>29197</v>
      </c>
      <c r="J8496" s="1" t="s">
        <v>19</v>
      </c>
      <c r="K8496" s="1" t="s">
        <v>130</v>
      </c>
      <c r="L8496" s="1" t="s">
        <v>29322</v>
      </c>
      <c r="M8496" s="1" t="s">
        <v>5</v>
      </c>
      <c r="N8496" s="1" t="s">
        <v>6</v>
      </c>
      <c r="O8496" s="1" t="s">
        <v>8</v>
      </c>
      <c r="P8496" s="9" t="s">
        <v>32649</v>
      </c>
    </row>
    <row r="8497" spans="1:16" x14ac:dyDescent="0.2">
      <c r="A8497" s="1" t="s">
        <v>66</v>
      </c>
      <c r="B8497" s="1" t="s">
        <v>1117</v>
      </c>
      <c r="C8497" s="1" t="s">
        <v>15338</v>
      </c>
      <c r="D8497" s="1" t="s">
        <v>29326</v>
      </c>
      <c r="E8497" s="1"/>
      <c r="F8497" s="1" t="s">
        <v>27</v>
      </c>
      <c r="G8497" s="1" t="s">
        <v>10</v>
      </c>
      <c r="H8497" s="1" t="s">
        <v>29327</v>
      </c>
      <c r="I8497" s="1" t="s">
        <v>29197</v>
      </c>
      <c r="J8497" s="1" t="s">
        <v>19</v>
      </c>
      <c r="K8497" s="1" t="s">
        <v>130</v>
      </c>
      <c r="L8497" s="1" t="s">
        <v>29325</v>
      </c>
      <c r="M8497" s="1" t="s">
        <v>5</v>
      </c>
      <c r="N8497" s="1" t="s">
        <v>6</v>
      </c>
      <c r="O8497" s="1" t="s">
        <v>8</v>
      </c>
      <c r="P8497" s="5" t="s">
        <v>32650</v>
      </c>
    </row>
    <row r="8498" spans="1:16" ht="38.25" x14ac:dyDescent="0.2">
      <c r="A8498" s="1" t="s">
        <v>66</v>
      </c>
      <c r="B8498" s="1" t="s">
        <v>674</v>
      </c>
      <c r="C8498" s="1" t="s">
        <v>29329</v>
      </c>
      <c r="D8498" s="1" t="s">
        <v>14044</v>
      </c>
      <c r="E8498" s="1"/>
      <c r="F8498" s="1" t="s">
        <v>27</v>
      </c>
      <c r="G8498" s="1" t="s">
        <v>10</v>
      </c>
      <c r="H8498" s="1" t="s">
        <v>29330</v>
      </c>
      <c r="I8498" s="1" t="s">
        <v>29197</v>
      </c>
      <c r="J8498" s="1" t="s">
        <v>19</v>
      </c>
      <c r="K8498" s="1" t="s">
        <v>130</v>
      </c>
      <c r="L8498" s="1" t="s">
        <v>29328</v>
      </c>
      <c r="M8498" s="1" t="s">
        <v>5</v>
      </c>
      <c r="N8498" s="1" t="s">
        <v>6</v>
      </c>
      <c r="O8498" s="1" t="s">
        <v>8</v>
      </c>
      <c r="P8498" s="9" t="s">
        <v>32651</v>
      </c>
    </row>
    <row r="8499" spans="1:16" x14ac:dyDescent="0.2">
      <c r="A8499" s="1" t="s">
        <v>20</v>
      </c>
      <c r="B8499" s="1" t="s">
        <v>1047</v>
      </c>
      <c r="C8499" s="1" t="s">
        <v>29332</v>
      </c>
      <c r="D8499" s="1" t="s">
        <v>29333</v>
      </c>
      <c r="E8499" s="1" t="s">
        <v>29334</v>
      </c>
      <c r="F8499" s="1" t="s">
        <v>10</v>
      </c>
      <c r="G8499" s="1" t="s">
        <v>10</v>
      </c>
      <c r="H8499" s="1" t="s">
        <v>10</v>
      </c>
      <c r="I8499" s="1" t="s">
        <v>29197</v>
      </c>
      <c r="J8499" s="1" t="s">
        <v>19</v>
      </c>
      <c r="K8499" s="1" t="s">
        <v>64</v>
      </c>
      <c r="L8499" s="1" t="s">
        <v>29331</v>
      </c>
      <c r="M8499" s="1" t="s">
        <v>5</v>
      </c>
      <c r="N8499" s="1" t="s">
        <v>25</v>
      </c>
      <c r="O8499" s="1" t="s">
        <v>38</v>
      </c>
      <c r="P8499" s="5" t="s">
        <v>32652</v>
      </c>
    </row>
    <row r="8500" spans="1:16" ht="63.75" x14ac:dyDescent="0.2">
      <c r="A8500" s="1" t="s">
        <v>32</v>
      </c>
      <c r="B8500" s="1" t="s">
        <v>7383</v>
      </c>
      <c r="C8500" s="1" t="s">
        <v>29336</v>
      </c>
      <c r="D8500" s="1" t="s">
        <v>12298</v>
      </c>
      <c r="E8500" s="1" t="s">
        <v>29337</v>
      </c>
      <c r="F8500" s="1" t="s">
        <v>522</v>
      </c>
      <c r="G8500" s="1" t="s">
        <v>1162</v>
      </c>
      <c r="H8500" s="1" t="s">
        <v>10</v>
      </c>
      <c r="I8500" s="1" t="s">
        <v>29197</v>
      </c>
      <c r="J8500" s="1" t="s">
        <v>19</v>
      </c>
      <c r="K8500" s="1" t="s">
        <v>64</v>
      </c>
      <c r="L8500" s="1" t="s">
        <v>29335</v>
      </c>
      <c r="M8500" s="1" t="s">
        <v>5</v>
      </c>
      <c r="N8500" s="1" t="s">
        <v>1009</v>
      </c>
      <c r="O8500" s="1" t="s">
        <v>8</v>
      </c>
      <c r="P8500" s="9" t="s">
        <v>32653</v>
      </c>
    </row>
    <row r="8501" spans="1:16" ht="76.5" x14ac:dyDescent="0.2">
      <c r="A8501" s="1" t="s">
        <v>1385</v>
      </c>
      <c r="B8501" s="1" t="s">
        <v>1490</v>
      </c>
      <c r="C8501" s="1" t="s">
        <v>29339</v>
      </c>
      <c r="D8501" s="1" t="s">
        <v>29340</v>
      </c>
      <c r="E8501" s="1" t="s">
        <v>29341</v>
      </c>
      <c r="F8501" s="1" t="s">
        <v>10</v>
      </c>
      <c r="G8501" s="1" t="s">
        <v>10</v>
      </c>
      <c r="H8501" s="1" t="s">
        <v>10</v>
      </c>
      <c r="I8501" s="1" t="s">
        <v>29197</v>
      </c>
      <c r="J8501" s="1" t="s">
        <v>29201</v>
      </c>
      <c r="K8501" s="1" t="s">
        <v>64</v>
      </c>
      <c r="L8501" s="1" t="s">
        <v>29338</v>
      </c>
      <c r="M8501" s="1" t="s">
        <v>5</v>
      </c>
      <c r="N8501" s="1" t="s">
        <v>25</v>
      </c>
      <c r="O8501" s="1" t="s">
        <v>38</v>
      </c>
      <c r="P8501" s="9" t="s">
        <v>32654</v>
      </c>
    </row>
    <row r="8502" spans="1:16" x14ac:dyDescent="0.2">
      <c r="A8502" s="1" t="s">
        <v>1385</v>
      </c>
      <c r="B8502" s="1" t="s">
        <v>1490</v>
      </c>
      <c r="C8502" s="1" t="s">
        <v>29343</v>
      </c>
      <c r="D8502" s="1" t="s">
        <v>29344</v>
      </c>
      <c r="E8502" s="1" t="s">
        <v>29345</v>
      </c>
      <c r="F8502" s="1" t="s">
        <v>10</v>
      </c>
      <c r="G8502" s="1" t="s">
        <v>10</v>
      </c>
      <c r="H8502" s="1" t="s">
        <v>10</v>
      </c>
      <c r="I8502" s="1" t="s">
        <v>29197</v>
      </c>
      <c r="J8502" s="1" t="s">
        <v>29201</v>
      </c>
      <c r="K8502" s="1" t="s">
        <v>64</v>
      </c>
      <c r="L8502" s="1" t="s">
        <v>29342</v>
      </c>
      <c r="M8502" s="1" t="s">
        <v>5</v>
      </c>
      <c r="N8502" s="1" t="s">
        <v>25</v>
      </c>
      <c r="O8502" s="1" t="s">
        <v>38</v>
      </c>
      <c r="P8502" s="5" t="s">
        <v>32655</v>
      </c>
    </row>
    <row r="8503" spans="1:16" ht="63.75" x14ac:dyDescent="0.2">
      <c r="A8503" s="1" t="s">
        <v>20</v>
      </c>
      <c r="B8503" s="1" t="s">
        <v>172</v>
      </c>
      <c r="C8503" s="1" t="s">
        <v>29347</v>
      </c>
      <c r="D8503" s="1" t="s">
        <v>8975</v>
      </c>
      <c r="E8503" s="1"/>
      <c r="F8503" s="1" t="s">
        <v>10</v>
      </c>
      <c r="G8503" s="1" t="s">
        <v>10</v>
      </c>
      <c r="H8503" s="1" t="s">
        <v>10</v>
      </c>
      <c r="I8503" s="1" t="s">
        <v>29197</v>
      </c>
      <c r="J8503" s="1" t="s">
        <v>19</v>
      </c>
      <c r="K8503" s="1" t="s">
        <v>29348</v>
      </c>
      <c r="L8503" s="1" t="s">
        <v>29346</v>
      </c>
      <c r="M8503" s="1" t="s">
        <v>5</v>
      </c>
      <c r="N8503" s="1" t="s">
        <v>25</v>
      </c>
      <c r="O8503" s="1" t="s">
        <v>38</v>
      </c>
      <c r="P8503" s="9" t="s">
        <v>32656</v>
      </c>
    </row>
    <row r="8504" spans="1:16" x14ac:dyDescent="0.2">
      <c r="A8504" s="1" t="s">
        <v>1385</v>
      </c>
      <c r="B8504" s="1" t="s">
        <v>1490</v>
      </c>
      <c r="C8504" s="1" t="s">
        <v>29350</v>
      </c>
      <c r="D8504" s="1" t="s">
        <v>29351</v>
      </c>
      <c r="E8504" s="1"/>
      <c r="F8504" s="1" t="s">
        <v>10</v>
      </c>
      <c r="G8504" s="1" t="s">
        <v>10</v>
      </c>
      <c r="H8504" s="1" t="s">
        <v>10</v>
      </c>
      <c r="I8504" s="1" t="s">
        <v>29197</v>
      </c>
      <c r="J8504" s="1" t="s">
        <v>29238</v>
      </c>
      <c r="K8504" s="1" t="s">
        <v>64</v>
      </c>
      <c r="L8504" s="1" t="s">
        <v>29349</v>
      </c>
      <c r="M8504" s="1" t="s">
        <v>5</v>
      </c>
      <c r="N8504" s="1" t="s">
        <v>25</v>
      </c>
      <c r="O8504" s="1" t="s">
        <v>38</v>
      </c>
      <c r="P8504" s="5" t="s">
        <v>32623</v>
      </c>
    </row>
    <row r="8505" spans="1:16" x14ac:dyDescent="0.2">
      <c r="A8505" s="1" t="s">
        <v>20</v>
      </c>
      <c r="B8505" s="1" t="s">
        <v>101</v>
      </c>
      <c r="C8505" s="1" t="s">
        <v>29353</v>
      </c>
      <c r="D8505" s="1" t="s">
        <v>29354</v>
      </c>
      <c r="E8505" s="1"/>
      <c r="F8505" s="1" t="s">
        <v>10</v>
      </c>
      <c r="G8505" s="1" t="s">
        <v>10</v>
      </c>
      <c r="H8505" s="1" t="s">
        <v>10</v>
      </c>
      <c r="I8505" s="1" t="s">
        <v>29197</v>
      </c>
      <c r="J8505" s="1" t="s">
        <v>29355</v>
      </c>
      <c r="K8505" s="1" t="s">
        <v>27</v>
      </c>
      <c r="L8505" s="1" t="s">
        <v>29352</v>
      </c>
      <c r="M8505" s="1" t="s">
        <v>5</v>
      </c>
      <c r="N8505" s="1" t="s">
        <v>25</v>
      </c>
      <c r="O8505" s="1" t="s">
        <v>38</v>
      </c>
      <c r="P8505" s="5" t="s">
        <v>32657</v>
      </c>
    </row>
    <row r="8506" spans="1:16" x14ac:dyDescent="0.2">
      <c r="A8506" s="1" t="s">
        <v>20</v>
      </c>
      <c r="B8506" s="1" t="s">
        <v>172</v>
      </c>
      <c r="C8506" s="1" t="s">
        <v>29357</v>
      </c>
      <c r="D8506" s="1" t="s">
        <v>29358</v>
      </c>
      <c r="E8506" s="1"/>
      <c r="F8506" s="1" t="s">
        <v>10</v>
      </c>
      <c r="G8506" s="1" t="s">
        <v>10</v>
      </c>
      <c r="H8506" s="1" t="s">
        <v>10</v>
      </c>
      <c r="I8506" s="1" t="s">
        <v>29197</v>
      </c>
      <c r="J8506" s="1" t="s">
        <v>29238</v>
      </c>
      <c r="K8506" s="1" t="s">
        <v>7</v>
      </c>
      <c r="L8506" s="1" t="s">
        <v>29356</v>
      </c>
      <c r="M8506" s="1" t="s">
        <v>5</v>
      </c>
      <c r="N8506" s="1" t="s">
        <v>25</v>
      </c>
      <c r="O8506" s="1" t="s">
        <v>38</v>
      </c>
      <c r="P8506" s="5" t="s">
        <v>32658</v>
      </c>
    </row>
    <row r="8507" spans="1:16" ht="76.5" x14ac:dyDescent="0.2">
      <c r="A8507" s="1" t="s">
        <v>20</v>
      </c>
      <c r="B8507" s="1" t="s">
        <v>101</v>
      </c>
      <c r="C8507" s="1" t="s">
        <v>29360</v>
      </c>
      <c r="D8507" s="1" t="s">
        <v>29361</v>
      </c>
      <c r="E8507" s="1"/>
      <c r="F8507" s="1" t="s">
        <v>27</v>
      </c>
      <c r="G8507" s="1" t="s">
        <v>10</v>
      </c>
      <c r="H8507" s="1" t="s">
        <v>1295</v>
      </c>
      <c r="I8507" s="1" t="s">
        <v>29197</v>
      </c>
      <c r="J8507" s="1" t="s">
        <v>19</v>
      </c>
      <c r="K8507" s="1" t="s">
        <v>130</v>
      </c>
      <c r="L8507" s="1" t="s">
        <v>29359</v>
      </c>
      <c r="M8507" s="1" t="s">
        <v>5</v>
      </c>
      <c r="N8507" s="1" t="s">
        <v>25</v>
      </c>
      <c r="O8507" s="1" t="s">
        <v>8</v>
      </c>
      <c r="P8507" s="9" t="s">
        <v>32659</v>
      </c>
    </row>
    <row r="8508" spans="1:16" x14ac:dyDescent="0.2">
      <c r="A8508" s="1" t="s">
        <v>10</v>
      </c>
      <c r="B8508" s="1" t="s">
        <v>10</v>
      </c>
      <c r="C8508" s="1" t="s">
        <v>29363</v>
      </c>
      <c r="D8508" s="1" t="s">
        <v>21949</v>
      </c>
      <c r="E8508" s="1" t="s">
        <v>10</v>
      </c>
      <c r="F8508" s="1" t="s">
        <v>29364</v>
      </c>
      <c r="G8508" s="1" t="s">
        <v>10</v>
      </c>
      <c r="H8508" s="1" t="s">
        <v>29365</v>
      </c>
      <c r="I8508" s="1" t="s">
        <v>29197</v>
      </c>
      <c r="J8508" s="1" t="s">
        <v>10</v>
      </c>
      <c r="K8508" s="1" t="s">
        <v>10</v>
      </c>
      <c r="L8508" s="1" t="s">
        <v>29362</v>
      </c>
      <c r="M8508" s="1" t="s">
        <v>5</v>
      </c>
      <c r="N8508" s="1" t="s">
        <v>6</v>
      </c>
      <c r="O8508" s="1" t="s">
        <v>8</v>
      </c>
      <c r="P8508" s="5"/>
    </row>
    <row r="8509" spans="1:16" x14ac:dyDescent="0.2">
      <c r="A8509" s="1" t="s">
        <v>487</v>
      </c>
      <c r="B8509" s="1" t="s">
        <v>765</v>
      </c>
      <c r="C8509" s="1" t="s">
        <v>29367</v>
      </c>
      <c r="D8509" s="1" t="s">
        <v>29367</v>
      </c>
      <c r="E8509" s="1"/>
      <c r="F8509" s="1" t="s">
        <v>27</v>
      </c>
      <c r="G8509" s="1" t="s">
        <v>10</v>
      </c>
      <c r="H8509" s="1" t="s">
        <v>29368</v>
      </c>
      <c r="I8509" s="1" t="s">
        <v>29197</v>
      </c>
      <c r="J8509" s="1" t="s">
        <v>19</v>
      </c>
      <c r="K8509" s="1" t="s">
        <v>64</v>
      </c>
      <c r="L8509" s="1" t="s">
        <v>29366</v>
      </c>
      <c r="M8509" s="1" t="s">
        <v>5</v>
      </c>
      <c r="N8509" s="1" t="s">
        <v>25</v>
      </c>
      <c r="O8509" s="1" t="s">
        <v>8</v>
      </c>
      <c r="P8509" s="5" t="s">
        <v>32660</v>
      </c>
    </row>
    <row r="8510" spans="1:16" x14ac:dyDescent="0.2">
      <c r="A8510" s="1" t="s">
        <v>1385</v>
      </c>
      <c r="B8510" s="1" t="s">
        <v>2028</v>
      </c>
      <c r="C8510" s="1" t="s">
        <v>29370</v>
      </c>
      <c r="D8510" s="1" t="s">
        <v>29371</v>
      </c>
      <c r="E8510" s="1"/>
      <c r="F8510" s="1" t="s">
        <v>27</v>
      </c>
      <c r="G8510" s="1" t="s">
        <v>10</v>
      </c>
      <c r="H8510" s="1" t="s">
        <v>29372</v>
      </c>
      <c r="I8510" s="1" t="s">
        <v>29197</v>
      </c>
      <c r="J8510" s="1" t="s">
        <v>19</v>
      </c>
      <c r="K8510" s="1" t="s">
        <v>7</v>
      </c>
      <c r="L8510" s="1" t="s">
        <v>29369</v>
      </c>
      <c r="M8510" s="1" t="s">
        <v>5</v>
      </c>
      <c r="N8510" s="1" t="s">
        <v>25</v>
      </c>
      <c r="O8510" s="1" t="s">
        <v>8</v>
      </c>
      <c r="P8510" s="5" t="s">
        <v>32661</v>
      </c>
    </row>
    <row r="8511" spans="1:16" x14ac:dyDescent="0.2">
      <c r="A8511" s="1" t="s">
        <v>10</v>
      </c>
      <c r="B8511" s="1" t="s">
        <v>10</v>
      </c>
      <c r="C8511" s="1" t="s">
        <v>29375</v>
      </c>
      <c r="D8511" s="1" t="s">
        <v>29376</v>
      </c>
      <c r="E8511" s="1"/>
      <c r="F8511" s="1" t="s">
        <v>10</v>
      </c>
      <c r="G8511" s="1" t="s">
        <v>10</v>
      </c>
      <c r="H8511" s="1" t="s">
        <v>10</v>
      </c>
      <c r="I8511" s="1" t="s">
        <v>29197</v>
      </c>
      <c r="J8511" s="1" t="s">
        <v>29373</v>
      </c>
      <c r="K8511" s="1" t="s">
        <v>27</v>
      </c>
      <c r="L8511" s="1" t="s">
        <v>29374</v>
      </c>
      <c r="M8511" s="1" t="s">
        <v>5</v>
      </c>
      <c r="N8511" s="1" t="s">
        <v>25</v>
      </c>
      <c r="O8511" s="1" t="s">
        <v>38</v>
      </c>
      <c r="P8511" s="5" t="s">
        <v>30883</v>
      </c>
    </row>
    <row r="8512" spans="1:16" x14ac:dyDescent="0.2">
      <c r="A8512" s="1" t="s">
        <v>20</v>
      </c>
      <c r="B8512" s="1" t="s">
        <v>99</v>
      </c>
      <c r="C8512" s="1" t="s">
        <v>29378</v>
      </c>
      <c r="D8512" s="1" t="s">
        <v>20525</v>
      </c>
      <c r="E8512" s="1" t="s">
        <v>29379</v>
      </c>
      <c r="F8512" s="1" t="s">
        <v>27</v>
      </c>
      <c r="G8512" s="1" t="s">
        <v>10</v>
      </c>
      <c r="H8512" s="1" t="s">
        <v>764</v>
      </c>
      <c r="I8512" s="1" t="s">
        <v>29197</v>
      </c>
      <c r="J8512" s="1" t="s">
        <v>19</v>
      </c>
      <c r="K8512" s="1" t="s">
        <v>27</v>
      </c>
      <c r="L8512" s="1" t="s">
        <v>29377</v>
      </c>
      <c r="M8512" s="1" t="s">
        <v>5</v>
      </c>
      <c r="N8512" s="1" t="s">
        <v>25</v>
      </c>
      <c r="O8512" s="1" t="s">
        <v>8</v>
      </c>
      <c r="P8512" s="5" t="s">
        <v>32662</v>
      </c>
    </row>
    <row r="8513" spans="1:16" ht="76.5" x14ac:dyDescent="0.2">
      <c r="A8513" s="1" t="s">
        <v>42</v>
      </c>
      <c r="B8513" s="1" t="s">
        <v>50</v>
      </c>
      <c r="C8513" s="1" t="s">
        <v>29381</v>
      </c>
      <c r="D8513" s="1" t="s">
        <v>1026</v>
      </c>
      <c r="E8513" s="1"/>
      <c r="F8513" s="1" t="s">
        <v>10</v>
      </c>
      <c r="G8513" s="1" t="s">
        <v>10</v>
      </c>
      <c r="H8513" s="1" t="s">
        <v>10</v>
      </c>
      <c r="I8513" s="1" t="s">
        <v>29197</v>
      </c>
      <c r="J8513" s="1" t="s">
        <v>19</v>
      </c>
      <c r="K8513" s="1" t="s">
        <v>47</v>
      </c>
      <c r="L8513" s="1" t="s">
        <v>29380</v>
      </c>
      <c r="M8513" s="1" t="s">
        <v>5</v>
      </c>
      <c r="N8513" s="1" t="s">
        <v>25</v>
      </c>
      <c r="O8513" s="1" t="s">
        <v>38</v>
      </c>
      <c r="P8513" s="9" t="s">
        <v>32663</v>
      </c>
    </row>
    <row r="8514" spans="1:16" x14ac:dyDescent="0.2">
      <c r="A8514" s="1" t="s">
        <v>10</v>
      </c>
      <c r="B8514" s="1" t="s">
        <v>10</v>
      </c>
      <c r="C8514" s="1" t="s">
        <v>29383</v>
      </c>
      <c r="D8514" s="1" t="s">
        <v>29384</v>
      </c>
      <c r="E8514" s="1" t="s">
        <v>29385</v>
      </c>
      <c r="F8514" s="1" t="s">
        <v>10</v>
      </c>
      <c r="G8514" s="1" t="s">
        <v>10</v>
      </c>
      <c r="H8514" s="1" t="s">
        <v>10</v>
      </c>
      <c r="I8514" s="1" t="s">
        <v>29197</v>
      </c>
      <c r="J8514" s="1" t="s">
        <v>29244</v>
      </c>
      <c r="K8514" s="1" t="s">
        <v>27</v>
      </c>
      <c r="L8514" s="1" t="s">
        <v>29382</v>
      </c>
      <c r="M8514" s="1" t="s">
        <v>5</v>
      </c>
      <c r="N8514" s="1" t="s">
        <v>1695</v>
      </c>
      <c r="O8514" s="1" t="s">
        <v>38</v>
      </c>
      <c r="P8514" s="5" t="s">
        <v>32664</v>
      </c>
    </row>
    <row r="8515" spans="1:16" ht="76.5" x14ac:dyDescent="0.2">
      <c r="A8515" s="1" t="s">
        <v>10</v>
      </c>
      <c r="B8515" s="1" t="s">
        <v>10</v>
      </c>
      <c r="C8515" s="1" t="s">
        <v>29387</v>
      </c>
      <c r="D8515" s="1" t="s">
        <v>29388</v>
      </c>
      <c r="E8515" s="1" t="s">
        <v>29389</v>
      </c>
      <c r="F8515" s="1" t="s">
        <v>10</v>
      </c>
      <c r="G8515" s="1" t="s">
        <v>10</v>
      </c>
      <c r="H8515" s="1" t="s">
        <v>10</v>
      </c>
      <c r="I8515" s="1" t="s">
        <v>29197</v>
      </c>
      <c r="J8515" s="1" t="s">
        <v>29238</v>
      </c>
      <c r="K8515" s="1" t="s">
        <v>27</v>
      </c>
      <c r="L8515" s="1" t="s">
        <v>29386</v>
      </c>
      <c r="M8515" s="1" t="s">
        <v>5</v>
      </c>
      <c r="N8515" s="1" t="s">
        <v>25</v>
      </c>
      <c r="O8515" s="1" t="s">
        <v>38</v>
      </c>
      <c r="P8515" s="9" t="s">
        <v>32665</v>
      </c>
    </row>
    <row r="8516" spans="1:16" ht="63.75" x14ac:dyDescent="0.2">
      <c r="A8516" s="1" t="s">
        <v>1086</v>
      </c>
      <c r="B8516" s="1" t="s">
        <v>1400</v>
      </c>
      <c r="C8516" s="1" t="s">
        <v>29391</v>
      </c>
      <c r="D8516" s="1" t="s">
        <v>29392</v>
      </c>
      <c r="E8516" s="1"/>
      <c r="F8516" s="1" t="s">
        <v>10</v>
      </c>
      <c r="G8516" s="1" t="s">
        <v>10</v>
      </c>
      <c r="H8516" s="1" t="s">
        <v>10</v>
      </c>
      <c r="I8516" s="1" t="s">
        <v>29197</v>
      </c>
      <c r="J8516" s="1" t="s">
        <v>19</v>
      </c>
      <c r="K8516" s="1" t="s">
        <v>64</v>
      </c>
      <c r="L8516" s="1" t="s">
        <v>29390</v>
      </c>
      <c r="M8516" s="1" t="s">
        <v>5</v>
      </c>
      <c r="N8516" s="1" t="s">
        <v>25</v>
      </c>
      <c r="O8516" s="1" t="s">
        <v>38</v>
      </c>
      <c r="P8516" s="9" t="s">
        <v>32666</v>
      </c>
    </row>
    <row r="8517" spans="1:16" ht="63.75" x14ac:dyDescent="0.2">
      <c r="A8517" s="1" t="s">
        <v>1385</v>
      </c>
      <c r="B8517" s="1" t="s">
        <v>1490</v>
      </c>
      <c r="C8517" s="1" t="s">
        <v>29395</v>
      </c>
      <c r="D8517" s="1" t="s">
        <v>23601</v>
      </c>
      <c r="E8517" s="1"/>
      <c r="F8517" s="1" t="s">
        <v>10</v>
      </c>
      <c r="G8517" s="1" t="s">
        <v>10</v>
      </c>
      <c r="H8517" s="1" t="s">
        <v>10</v>
      </c>
      <c r="I8517" s="1" t="s">
        <v>29197</v>
      </c>
      <c r="J8517" s="1" t="s">
        <v>29393</v>
      </c>
      <c r="K8517" s="1" t="s">
        <v>64</v>
      </c>
      <c r="L8517" s="1" t="s">
        <v>29394</v>
      </c>
      <c r="M8517" s="1" t="s">
        <v>5</v>
      </c>
      <c r="N8517" s="1" t="s">
        <v>25</v>
      </c>
      <c r="O8517" s="1" t="s">
        <v>38</v>
      </c>
      <c r="P8517" s="9" t="s">
        <v>32667</v>
      </c>
    </row>
    <row r="8518" spans="1:16" x14ac:dyDescent="0.2">
      <c r="A8518" s="1" t="s">
        <v>1385</v>
      </c>
      <c r="B8518" s="1" t="s">
        <v>1490</v>
      </c>
      <c r="C8518" s="1" t="s">
        <v>29397</v>
      </c>
      <c r="D8518" s="1" t="s">
        <v>29398</v>
      </c>
      <c r="E8518" s="1"/>
      <c r="F8518" s="1" t="s">
        <v>10</v>
      </c>
      <c r="G8518" s="1" t="s">
        <v>10</v>
      </c>
      <c r="H8518" s="1" t="s">
        <v>10</v>
      </c>
      <c r="I8518" s="1" t="s">
        <v>29197</v>
      </c>
      <c r="J8518" s="1" t="s">
        <v>29244</v>
      </c>
      <c r="K8518" s="1" t="s">
        <v>64</v>
      </c>
      <c r="L8518" s="1" t="s">
        <v>29396</v>
      </c>
      <c r="M8518" s="1" t="s">
        <v>5</v>
      </c>
      <c r="N8518" s="1" t="s">
        <v>25</v>
      </c>
      <c r="O8518" s="1" t="s">
        <v>38</v>
      </c>
      <c r="P8518" s="5" t="s">
        <v>32834</v>
      </c>
    </row>
    <row r="8519" spans="1:16" x14ac:dyDescent="0.2">
      <c r="A8519" s="1" t="s">
        <v>20</v>
      </c>
      <c r="B8519" s="1" t="s">
        <v>253</v>
      </c>
      <c r="C8519" s="1" t="s">
        <v>29400</v>
      </c>
      <c r="D8519" s="1" t="s">
        <v>29401</v>
      </c>
      <c r="E8519" s="1"/>
      <c r="F8519" s="1" t="s">
        <v>10</v>
      </c>
      <c r="G8519" s="1" t="s">
        <v>10</v>
      </c>
      <c r="H8519" s="1" t="s">
        <v>10</v>
      </c>
      <c r="I8519" s="1" t="s">
        <v>29197</v>
      </c>
      <c r="J8519" s="1" t="s">
        <v>19</v>
      </c>
      <c r="K8519" s="1" t="s">
        <v>29402</v>
      </c>
      <c r="L8519" s="1" t="s">
        <v>29399</v>
      </c>
      <c r="M8519" s="1" t="s">
        <v>5</v>
      </c>
      <c r="N8519" s="1" t="s">
        <v>25</v>
      </c>
      <c r="O8519" s="1" t="s">
        <v>38</v>
      </c>
      <c r="P8519" s="5" t="s">
        <v>32623</v>
      </c>
    </row>
    <row r="8520" spans="1:16" x14ac:dyDescent="0.2">
      <c r="A8520" s="1" t="s">
        <v>1385</v>
      </c>
      <c r="B8520" s="1" t="s">
        <v>1490</v>
      </c>
      <c r="C8520" s="1" t="s">
        <v>29404</v>
      </c>
      <c r="D8520" s="1" t="s">
        <v>29405</v>
      </c>
      <c r="E8520" s="1"/>
      <c r="F8520" s="1" t="s">
        <v>10</v>
      </c>
      <c r="G8520" s="1" t="s">
        <v>10</v>
      </c>
      <c r="H8520" s="1" t="s">
        <v>10</v>
      </c>
      <c r="I8520" s="1" t="s">
        <v>29197</v>
      </c>
      <c r="J8520" s="1" t="s">
        <v>29201</v>
      </c>
      <c r="K8520" s="1" t="s">
        <v>64</v>
      </c>
      <c r="L8520" s="1" t="s">
        <v>29403</v>
      </c>
      <c r="M8520" s="1" t="s">
        <v>5</v>
      </c>
      <c r="N8520" s="1" t="s">
        <v>25</v>
      </c>
      <c r="O8520" s="1" t="s">
        <v>38</v>
      </c>
      <c r="P8520" s="5" t="s">
        <v>32834</v>
      </c>
    </row>
    <row r="8521" spans="1:16" x14ac:dyDescent="0.2">
      <c r="A8521" s="1" t="s">
        <v>10</v>
      </c>
      <c r="B8521" s="1" t="s">
        <v>10</v>
      </c>
      <c r="C8521" s="1" t="s">
        <v>29407</v>
      </c>
      <c r="D8521" s="1" t="s">
        <v>10</v>
      </c>
      <c r="E8521" s="1" t="s">
        <v>10</v>
      </c>
      <c r="F8521" s="1" t="s">
        <v>10</v>
      </c>
      <c r="G8521" s="1" t="s">
        <v>10</v>
      </c>
      <c r="H8521" s="1" t="s">
        <v>10</v>
      </c>
      <c r="I8521" s="1" t="s">
        <v>29197</v>
      </c>
      <c r="J8521" s="1" t="s">
        <v>10</v>
      </c>
      <c r="K8521" s="1" t="s">
        <v>10</v>
      </c>
      <c r="L8521" s="1" t="s">
        <v>29406</v>
      </c>
      <c r="M8521" s="1" t="s">
        <v>5</v>
      </c>
      <c r="N8521" s="1" t="s">
        <v>432</v>
      </c>
      <c r="O8521" s="1" t="s">
        <v>8</v>
      </c>
      <c r="P8521" s="5"/>
    </row>
    <row r="8522" spans="1:16" x14ac:dyDescent="0.2">
      <c r="A8522" s="1" t="s">
        <v>10</v>
      </c>
      <c r="B8522" s="1" t="s">
        <v>10</v>
      </c>
      <c r="C8522" s="1" t="s">
        <v>617</v>
      </c>
      <c r="D8522" s="1" t="s">
        <v>10</v>
      </c>
      <c r="E8522" s="1" t="s">
        <v>29410</v>
      </c>
      <c r="F8522" s="1" t="s">
        <v>29409</v>
      </c>
      <c r="G8522" s="1" t="s">
        <v>10</v>
      </c>
      <c r="H8522" s="1" t="s">
        <v>10</v>
      </c>
      <c r="I8522" s="1" t="s">
        <v>29197</v>
      </c>
      <c r="J8522" s="1" t="s">
        <v>10</v>
      </c>
      <c r="K8522" s="1" t="s">
        <v>10</v>
      </c>
      <c r="L8522" s="1" t="s">
        <v>29408</v>
      </c>
      <c r="M8522" s="1" t="s">
        <v>3905</v>
      </c>
      <c r="N8522" s="1" t="s">
        <v>25</v>
      </c>
      <c r="O8522" s="1" t="s">
        <v>8</v>
      </c>
      <c r="P8522" s="5"/>
    </row>
    <row r="8523" spans="1:16" x14ac:dyDescent="0.2">
      <c r="A8523" s="1" t="s">
        <v>10</v>
      </c>
      <c r="B8523" s="1" t="s">
        <v>10</v>
      </c>
      <c r="C8523" s="1" t="s">
        <v>29412</v>
      </c>
      <c r="D8523" s="1" t="s">
        <v>10</v>
      </c>
      <c r="E8523" s="1" t="s">
        <v>29413</v>
      </c>
      <c r="F8523" s="1" t="s">
        <v>10</v>
      </c>
      <c r="G8523" s="1" t="s">
        <v>10</v>
      </c>
      <c r="H8523" s="1" t="s">
        <v>10</v>
      </c>
      <c r="I8523" s="1" t="s">
        <v>29197</v>
      </c>
      <c r="J8523" s="1" t="s">
        <v>10</v>
      </c>
      <c r="K8523" s="1" t="s">
        <v>10</v>
      </c>
      <c r="L8523" s="1" t="s">
        <v>29411</v>
      </c>
      <c r="M8523" s="1" t="s">
        <v>3905</v>
      </c>
      <c r="N8523" s="1" t="s">
        <v>1695</v>
      </c>
      <c r="O8523" s="1" t="s">
        <v>38</v>
      </c>
      <c r="P8523" s="5"/>
    </row>
    <row r="8524" spans="1:16" x14ac:dyDescent="0.2">
      <c r="A8524" s="1" t="s">
        <v>20</v>
      </c>
      <c r="B8524" s="1" t="s">
        <v>309</v>
      </c>
      <c r="C8524" s="1" t="s">
        <v>29415</v>
      </c>
      <c r="D8524" s="1" t="s">
        <v>29416</v>
      </c>
      <c r="E8524" s="1" t="s">
        <v>29417</v>
      </c>
      <c r="F8524" s="1" t="s">
        <v>10</v>
      </c>
      <c r="G8524" s="1" t="s">
        <v>10</v>
      </c>
      <c r="H8524" s="1" t="s">
        <v>10</v>
      </c>
      <c r="I8524" s="1" t="s">
        <v>29197</v>
      </c>
      <c r="J8524" s="1" t="s">
        <v>19</v>
      </c>
      <c r="K8524" s="1" t="s">
        <v>64</v>
      </c>
      <c r="L8524" s="1" t="s">
        <v>29414</v>
      </c>
      <c r="M8524" s="1" t="s">
        <v>5</v>
      </c>
      <c r="N8524" s="1" t="s">
        <v>25</v>
      </c>
      <c r="O8524" s="1" t="s">
        <v>38</v>
      </c>
      <c r="P8524" s="5" t="s">
        <v>32668</v>
      </c>
    </row>
    <row r="8525" spans="1:16" x14ac:dyDescent="0.2">
      <c r="A8525" s="1" t="s">
        <v>10</v>
      </c>
      <c r="B8525" s="1" t="s">
        <v>10</v>
      </c>
      <c r="C8525" s="1" t="s">
        <v>29419</v>
      </c>
      <c r="D8525" s="1" t="s">
        <v>29420</v>
      </c>
      <c r="E8525" s="1" t="s">
        <v>29421</v>
      </c>
      <c r="F8525" s="1" t="s">
        <v>10</v>
      </c>
      <c r="G8525" s="1" t="s">
        <v>10</v>
      </c>
      <c r="H8525" s="1" t="s">
        <v>10</v>
      </c>
      <c r="I8525" s="1" t="s">
        <v>29197</v>
      </c>
      <c r="J8525" s="1" t="s">
        <v>29222</v>
      </c>
      <c r="K8525" s="1" t="s">
        <v>100</v>
      </c>
      <c r="L8525" s="1" t="s">
        <v>29418</v>
      </c>
      <c r="M8525" s="1" t="s">
        <v>5</v>
      </c>
      <c r="N8525" s="1" t="s">
        <v>1695</v>
      </c>
      <c r="O8525" s="1" t="s">
        <v>38</v>
      </c>
      <c r="P8525" s="5" t="s">
        <v>32669</v>
      </c>
    </row>
    <row r="8526" spans="1:16" x14ac:dyDescent="0.2">
      <c r="A8526" s="1" t="s">
        <v>10</v>
      </c>
      <c r="B8526" s="1" t="s">
        <v>10</v>
      </c>
      <c r="C8526" s="1" t="s">
        <v>29423</v>
      </c>
      <c r="D8526" s="1" t="s">
        <v>29424</v>
      </c>
      <c r="E8526" s="1"/>
      <c r="F8526" s="1" t="s">
        <v>10</v>
      </c>
      <c r="G8526" s="1" t="s">
        <v>10</v>
      </c>
      <c r="H8526" s="1" t="s">
        <v>10</v>
      </c>
      <c r="I8526" s="1" t="s">
        <v>29197</v>
      </c>
      <c r="J8526" s="1" t="s">
        <v>29373</v>
      </c>
      <c r="K8526" s="1" t="s">
        <v>27</v>
      </c>
      <c r="L8526" s="1" t="s">
        <v>29422</v>
      </c>
      <c r="M8526" s="1" t="s">
        <v>5</v>
      </c>
      <c r="N8526" s="1" t="s">
        <v>25</v>
      </c>
      <c r="O8526" s="1" t="s">
        <v>38</v>
      </c>
      <c r="P8526" s="5" t="s">
        <v>14</v>
      </c>
    </row>
    <row r="8527" spans="1:16" x14ac:dyDescent="0.2">
      <c r="A8527" s="1" t="s">
        <v>10</v>
      </c>
      <c r="B8527" s="1" t="s">
        <v>10</v>
      </c>
      <c r="C8527" s="1" t="s">
        <v>29426</v>
      </c>
      <c r="D8527" s="1" t="s">
        <v>29427</v>
      </c>
      <c r="E8527" s="1" t="s">
        <v>29428</v>
      </c>
      <c r="F8527" s="1" t="s">
        <v>10</v>
      </c>
      <c r="G8527" s="1" t="s">
        <v>10</v>
      </c>
      <c r="H8527" s="1" t="s">
        <v>10</v>
      </c>
      <c r="I8527" s="1" t="s">
        <v>29197</v>
      </c>
      <c r="J8527" s="1" t="s">
        <v>29222</v>
      </c>
      <c r="K8527" s="1" t="s">
        <v>27</v>
      </c>
      <c r="L8527" s="1" t="s">
        <v>29425</v>
      </c>
      <c r="M8527" s="1" t="s">
        <v>5</v>
      </c>
      <c r="N8527" s="1" t="s">
        <v>25</v>
      </c>
      <c r="O8527" s="1" t="s">
        <v>38</v>
      </c>
      <c r="P8527" s="5" t="s">
        <v>32670</v>
      </c>
    </row>
    <row r="8528" spans="1:16" x14ac:dyDescent="0.2">
      <c r="A8528" s="1" t="s">
        <v>20</v>
      </c>
      <c r="B8528" s="1" t="s">
        <v>309</v>
      </c>
      <c r="C8528" s="1" t="s">
        <v>29430</v>
      </c>
      <c r="D8528" s="1" t="s">
        <v>29431</v>
      </c>
      <c r="E8528" s="1" t="s">
        <v>29432</v>
      </c>
      <c r="F8528" s="1" t="s">
        <v>10</v>
      </c>
      <c r="G8528" s="1" t="s">
        <v>10</v>
      </c>
      <c r="H8528" s="1" t="s">
        <v>10</v>
      </c>
      <c r="I8528" s="1" t="s">
        <v>29197</v>
      </c>
      <c r="J8528" s="1" t="s">
        <v>2123</v>
      </c>
      <c r="K8528" s="1" t="s">
        <v>100</v>
      </c>
      <c r="L8528" s="1" t="s">
        <v>29429</v>
      </c>
      <c r="M8528" s="1" t="s">
        <v>5</v>
      </c>
      <c r="N8528" s="1" t="s">
        <v>25</v>
      </c>
      <c r="O8528" s="1" t="s">
        <v>38</v>
      </c>
      <c r="P8528" s="5" t="s">
        <v>32640</v>
      </c>
    </row>
    <row r="8529" spans="1:16" x14ac:dyDescent="0.2">
      <c r="A8529" s="1" t="s">
        <v>20</v>
      </c>
      <c r="B8529" s="1" t="s">
        <v>3530</v>
      </c>
      <c r="C8529" s="1" t="s">
        <v>29434</v>
      </c>
      <c r="D8529" s="1" t="s">
        <v>29435</v>
      </c>
      <c r="E8529" s="1" t="s">
        <v>29436</v>
      </c>
      <c r="F8529" s="1" t="s">
        <v>10</v>
      </c>
      <c r="G8529" s="1" t="s">
        <v>10</v>
      </c>
      <c r="H8529" s="1" t="s">
        <v>10</v>
      </c>
      <c r="I8529" s="1" t="s">
        <v>29197</v>
      </c>
      <c r="J8529" s="1" t="s">
        <v>2123</v>
      </c>
      <c r="K8529" s="1" t="s">
        <v>100</v>
      </c>
      <c r="L8529" s="1" t="s">
        <v>29433</v>
      </c>
      <c r="M8529" s="1" t="s">
        <v>5</v>
      </c>
      <c r="N8529" s="1" t="s">
        <v>25</v>
      </c>
      <c r="O8529" s="1" t="s">
        <v>38</v>
      </c>
      <c r="P8529" s="5" t="s">
        <v>32640</v>
      </c>
    </row>
    <row r="8530" spans="1:16" x14ac:dyDescent="0.2">
      <c r="A8530" s="1" t="s">
        <v>20</v>
      </c>
      <c r="B8530" s="1" t="s">
        <v>309</v>
      </c>
      <c r="C8530" s="1" t="s">
        <v>29438</v>
      </c>
      <c r="D8530" s="1" t="s">
        <v>29439</v>
      </c>
      <c r="E8530" s="1" t="s">
        <v>29440</v>
      </c>
      <c r="F8530" s="1" t="s">
        <v>10</v>
      </c>
      <c r="G8530" s="1" t="s">
        <v>10</v>
      </c>
      <c r="H8530" s="1" t="s">
        <v>10</v>
      </c>
      <c r="I8530" s="1" t="s">
        <v>29197</v>
      </c>
      <c r="J8530" s="1" t="s">
        <v>2123</v>
      </c>
      <c r="K8530" s="1" t="s">
        <v>100</v>
      </c>
      <c r="L8530" s="1" t="s">
        <v>29437</v>
      </c>
      <c r="M8530" s="1" t="s">
        <v>5</v>
      </c>
      <c r="N8530" s="1" t="s">
        <v>25</v>
      </c>
      <c r="O8530" s="1" t="s">
        <v>38</v>
      </c>
      <c r="P8530" s="5" t="s">
        <v>32640</v>
      </c>
    </row>
    <row r="8531" spans="1:16" x14ac:dyDescent="0.2">
      <c r="A8531" s="1" t="s">
        <v>20</v>
      </c>
      <c r="B8531" s="1" t="s">
        <v>309</v>
      </c>
      <c r="C8531" s="1" t="s">
        <v>29442</v>
      </c>
      <c r="D8531" s="1" t="s">
        <v>12298</v>
      </c>
      <c r="E8531" s="1" t="s">
        <v>29443</v>
      </c>
      <c r="F8531" s="1" t="s">
        <v>10</v>
      </c>
      <c r="G8531" s="1" t="s">
        <v>10</v>
      </c>
      <c r="H8531" s="1" t="s">
        <v>10</v>
      </c>
      <c r="I8531" s="1" t="s">
        <v>29197</v>
      </c>
      <c r="J8531" s="1" t="s">
        <v>2123</v>
      </c>
      <c r="K8531" s="1" t="s">
        <v>100</v>
      </c>
      <c r="L8531" s="1" t="s">
        <v>29441</v>
      </c>
      <c r="M8531" s="1" t="s">
        <v>5</v>
      </c>
      <c r="N8531" s="1" t="s">
        <v>25</v>
      </c>
      <c r="O8531" s="1" t="s">
        <v>38</v>
      </c>
      <c r="P8531" s="5" t="s">
        <v>32640</v>
      </c>
    </row>
    <row r="8532" spans="1:16" x14ac:dyDescent="0.2">
      <c r="A8532" s="1" t="s">
        <v>20</v>
      </c>
      <c r="B8532" s="1" t="s">
        <v>99</v>
      </c>
      <c r="C8532" s="1" t="s">
        <v>29445</v>
      </c>
      <c r="D8532" s="1" t="s">
        <v>29446</v>
      </c>
      <c r="E8532" s="1" t="s">
        <v>29447</v>
      </c>
      <c r="F8532" s="1" t="s">
        <v>10</v>
      </c>
      <c r="G8532" s="1" t="s">
        <v>10</v>
      </c>
      <c r="H8532" s="1" t="s">
        <v>10</v>
      </c>
      <c r="I8532" s="1" t="s">
        <v>29197</v>
      </c>
      <c r="J8532" s="1" t="s">
        <v>2123</v>
      </c>
      <c r="K8532" s="1" t="s">
        <v>100</v>
      </c>
      <c r="L8532" s="1" t="s">
        <v>29444</v>
      </c>
      <c r="M8532" s="1" t="s">
        <v>5</v>
      </c>
      <c r="N8532" s="1" t="s">
        <v>25</v>
      </c>
      <c r="O8532" s="1" t="s">
        <v>38</v>
      </c>
      <c r="P8532" s="5" t="s">
        <v>32640</v>
      </c>
    </row>
    <row r="8533" spans="1:16" x14ac:dyDescent="0.2">
      <c r="A8533" s="1" t="s">
        <v>20</v>
      </c>
      <c r="B8533" s="1" t="s">
        <v>253</v>
      </c>
      <c r="C8533" s="1" t="s">
        <v>29449</v>
      </c>
      <c r="D8533" s="1" t="s">
        <v>29450</v>
      </c>
      <c r="E8533" s="1"/>
      <c r="F8533" s="1" t="s">
        <v>10</v>
      </c>
      <c r="G8533" s="1" t="s">
        <v>10</v>
      </c>
      <c r="H8533" s="1" t="s">
        <v>10</v>
      </c>
      <c r="I8533" s="1" t="s">
        <v>29197</v>
      </c>
      <c r="J8533" s="1" t="s">
        <v>29451</v>
      </c>
      <c r="K8533" s="1" t="s">
        <v>27</v>
      </c>
      <c r="L8533" s="1" t="s">
        <v>29448</v>
      </c>
      <c r="M8533" s="1" t="s">
        <v>5</v>
      </c>
      <c r="N8533" s="1" t="s">
        <v>1009</v>
      </c>
      <c r="O8533" s="1" t="s">
        <v>38</v>
      </c>
      <c r="P8533" s="5" t="s">
        <v>32671</v>
      </c>
    </row>
    <row r="8534" spans="1:16" x14ac:dyDescent="0.2">
      <c r="A8534" s="1" t="s">
        <v>42</v>
      </c>
      <c r="B8534" s="1" t="s">
        <v>351</v>
      </c>
      <c r="C8534" s="1" t="s">
        <v>8407</v>
      </c>
      <c r="D8534" s="1" t="s">
        <v>29454</v>
      </c>
      <c r="E8534" s="1"/>
      <c r="F8534" s="1" t="s">
        <v>27</v>
      </c>
      <c r="G8534" s="1" t="s">
        <v>10</v>
      </c>
      <c r="H8534" s="1" t="s">
        <v>29455</v>
      </c>
      <c r="I8534" s="1" t="s">
        <v>29197</v>
      </c>
      <c r="J8534" s="1" t="s">
        <v>19</v>
      </c>
      <c r="K8534" s="1" t="s">
        <v>2591</v>
      </c>
      <c r="L8534" s="1" t="s">
        <v>29453</v>
      </c>
      <c r="M8534" s="1" t="s">
        <v>5</v>
      </c>
      <c r="N8534" s="1" t="s">
        <v>6</v>
      </c>
      <c r="O8534" s="1" t="s">
        <v>8</v>
      </c>
      <c r="P8534" s="5" t="s">
        <v>32672</v>
      </c>
    </row>
    <row r="8535" spans="1:16" x14ac:dyDescent="0.2">
      <c r="A8535" s="1" t="s">
        <v>487</v>
      </c>
      <c r="B8535" s="1" t="s">
        <v>488</v>
      </c>
      <c r="C8535" s="1" t="s">
        <v>29457</v>
      </c>
      <c r="D8535" s="1" t="s">
        <v>29457</v>
      </c>
      <c r="E8535" s="1" t="s">
        <v>29458</v>
      </c>
      <c r="F8535" s="1" t="s">
        <v>105</v>
      </c>
      <c r="G8535" s="1" t="s">
        <v>10</v>
      </c>
      <c r="H8535" s="1" t="s">
        <v>29457</v>
      </c>
      <c r="I8535" s="1" t="s">
        <v>29197</v>
      </c>
      <c r="J8535" s="1" t="s">
        <v>29201</v>
      </c>
      <c r="K8535" s="1" t="s">
        <v>27</v>
      </c>
      <c r="L8535" s="1" t="s">
        <v>29456</v>
      </c>
      <c r="M8535" s="1" t="s">
        <v>5</v>
      </c>
      <c r="N8535" s="1" t="s">
        <v>6</v>
      </c>
      <c r="O8535" s="1" t="s">
        <v>8</v>
      </c>
      <c r="P8535" s="5" t="s">
        <v>29452</v>
      </c>
    </row>
    <row r="8536" spans="1:16" x14ac:dyDescent="0.2">
      <c r="A8536" s="1" t="s">
        <v>487</v>
      </c>
      <c r="B8536" s="1" t="s">
        <v>488</v>
      </c>
      <c r="C8536" s="1" t="s">
        <v>29460</v>
      </c>
      <c r="D8536" s="1" t="s">
        <v>29460</v>
      </c>
      <c r="E8536" s="1" t="s">
        <v>29461</v>
      </c>
      <c r="F8536" s="1" t="s">
        <v>105</v>
      </c>
      <c r="G8536" s="1" t="s">
        <v>10</v>
      </c>
      <c r="H8536" s="1" t="s">
        <v>29460</v>
      </c>
      <c r="I8536" s="1" t="s">
        <v>29197</v>
      </c>
      <c r="J8536" s="1" t="s">
        <v>29201</v>
      </c>
      <c r="K8536" s="1" t="s">
        <v>27</v>
      </c>
      <c r="L8536" s="1" t="s">
        <v>29459</v>
      </c>
      <c r="M8536" s="1" t="s">
        <v>5</v>
      </c>
      <c r="N8536" s="1" t="s">
        <v>6</v>
      </c>
      <c r="O8536" s="1" t="s">
        <v>8</v>
      </c>
      <c r="P8536" s="5" t="s">
        <v>29452</v>
      </c>
    </row>
    <row r="8537" spans="1:16" x14ac:dyDescent="0.2">
      <c r="A8537" s="1" t="s">
        <v>2187</v>
      </c>
      <c r="B8537" s="1" t="s">
        <v>21814</v>
      </c>
      <c r="C8537" s="1" t="s">
        <v>29463</v>
      </c>
      <c r="D8537" s="1" t="s">
        <v>29463</v>
      </c>
      <c r="E8537" s="1"/>
      <c r="F8537" s="1" t="s">
        <v>27</v>
      </c>
      <c r="G8537" s="1" t="s">
        <v>10</v>
      </c>
      <c r="H8537" s="1" t="s">
        <v>29464</v>
      </c>
      <c r="I8537" s="1" t="s">
        <v>29197</v>
      </c>
      <c r="J8537" s="1" t="s">
        <v>19</v>
      </c>
      <c r="K8537" s="1" t="s">
        <v>64</v>
      </c>
      <c r="L8537" s="1" t="s">
        <v>29462</v>
      </c>
      <c r="M8537" s="1" t="s">
        <v>5</v>
      </c>
      <c r="N8537" s="1" t="s">
        <v>6</v>
      </c>
      <c r="O8537" s="1" t="s">
        <v>8</v>
      </c>
      <c r="P8537" s="5" t="s">
        <v>29452</v>
      </c>
    </row>
    <row r="8538" spans="1:16" x14ac:dyDescent="0.2">
      <c r="A8538" s="1" t="s">
        <v>2187</v>
      </c>
      <c r="B8538" s="1" t="s">
        <v>21814</v>
      </c>
      <c r="C8538" s="1" t="s">
        <v>29466</v>
      </c>
      <c r="D8538" s="1" t="s">
        <v>29466</v>
      </c>
      <c r="E8538" s="1" t="s">
        <v>29467</v>
      </c>
      <c r="F8538" s="1" t="s">
        <v>27</v>
      </c>
      <c r="G8538" s="1" t="s">
        <v>10</v>
      </c>
      <c r="H8538" s="1" t="s">
        <v>29468</v>
      </c>
      <c r="I8538" s="1" t="s">
        <v>29197</v>
      </c>
      <c r="J8538" s="1" t="s">
        <v>19</v>
      </c>
      <c r="K8538" s="1" t="s">
        <v>64</v>
      </c>
      <c r="L8538" s="1" t="s">
        <v>29465</v>
      </c>
      <c r="M8538" s="1" t="s">
        <v>5</v>
      </c>
      <c r="N8538" s="1" t="s">
        <v>6</v>
      </c>
      <c r="O8538" s="1" t="s">
        <v>8</v>
      </c>
      <c r="P8538" s="5" t="s">
        <v>29452</v>
      </c>
    </row>
    <row r="8539" spans="1:16" x14ac:dyDescent="0.2">
      <c r="A8539" s="1" t="s">
        <v>20</v>
      </c>
      <c r="B8539" s="1" t="s">
        <v>309</v>
      </c>
      <c r="C8539" s="1" t="s">
        <v>29470</v>
      </c>
      <c r="D8539" s="1" t="s">
        <v>29470</v>
      </c>
      <c r="E8539" s="1" t="s">
        <v>29471</v>
      </c>
      <c r="F8539" s="1" t="s">
        <v>105</v>
      </c>
      <c r="G8539" s="1" t="s">
        <v>10</v>
      </c>
      <c r="H8539" s="1" t="s">
        <v>29472</v>
      </c>
      <c r="I8539" s="1" t="s">
        <v>29197</v>
      </c>
      <c r="J8539" s="1" t="s">
        <v>19</v>
      </c>
      <c r="K8539" s="1" t="s">
        <v>27</v>
      </c>
      <c r="L8539" s="1" t="s">
        <v>29469</v>
      </c>
      <c r="M8539" s="1" t="s">
        <v>5</v>
      </c>
      <c r="N8539" s="1" t="s">
        <v>6</v>
      </c>
      <c r="O8539" s="1" t="s">
        <v>8</v>
      </c>
      <c r="P8539" s="5" t="s">
        <v>29452</v>
      </c>
    </row>
    <row r="8540" spans="1:16" x14ac:dyDescent="0.2">
      <c r="A8540" s="1" t="s">
        <v>2187</v>
      </c>
      <c r="B8540" s="1" t="s">
        <v>21814</v>
      </c>
      <c r="C8540" s="1" t="s">
        <v>29474</v>
      </c>
      <c r="D8540" s="1" t="s">
        <v>29474</v>
      </c>
      <c r="E8540" s="1" t="s">
        <v>29475</v>
      </c>
      <c r="F8540" s="1" t="s">
        <v>27</v>
      </c>
      <c r="G8540" s="1" t="s">
        <v>10</v>
      </c>
      <c r="H8540" s="1" t="s">
        <v>29476</v>
      </c>
      <c r="I8540" s="1" t="s">
        <v>29197</v>
      </c>
      <c r="J8540" s="1" t="s">
        <v>19</v>
      </c>
      <c r="K8540" s="1" t="s">
        <v>64</v>
      </c>
      <c r="L8540" s="1" t="s">
        <v>29473</v>
      </c>
      <c r="M8540" s="1" t="s">
        <v>5</v>
      </c>
      <c r="N8540" s="1" t="s">
        <v>6</v>
      </c>
      <c r="O8540" s="1" t="s">
        <v>8</v>
      </c>
      <c r="P8540" s="5" t="s">
        <v>29452</v>
      </c>
    </row>
    <row r="8541" spans="1:16" x14ac:dyDescent="0.2">
      <c r="A8541" s="1" t="s">
        <v>42</v>
      </c>
      <c r="B8541" s="1" t="s">
        <v>43</v>
      </c>
      <c r="C8541" s="1" t="s">
        <v>29478</v>
      </c>
      <c r="D8541" s="1" t="s">
        <v>29478</v>
      </c>
      <c r="E8541" s="1"/>
      <c r="F8541" s="1" t="s">
        <v>27</v>
      </c>
      <c r="G8541" s="1" t="s">
        <v>10</v>
      </c>
      <c r="H8541" s="1" t="s">
        <v>29479</v>
      </c>
      <c r="I8541" s="1" t="s">
        <v>29197</v>
      </c>
      <c r="J8541" s="1" t="s">
        <v>19</v>
      </c>
      <c r="K8541" s="1" t="s">
        <v>2324</v>
      </c>
      <c r="L8541" s="1" t="s">
        <v>29477</v>
      </c>
      <c r="M8541" s="1" t="s">
        <v>5</v>
      </c>
      <c r="N8541" s="1" t="s">
        <v>6</v>
      </c>
      <c r="O8541" s="1" t="s">
        <v>8</v>
      </c>
      <c r="P8541" s="5" t="s">
        <v>32673</v>
      </c>
    </row>
    <row r="8542" spans="1:16" x14ac:dyDescent="0.2">
      <c r="A8542" s="1" t="s">
        <v>487</v>
      </c>
      <c r="B8542" s="1" t="s">
        <v>488</v>
      </c>
      <c r="C8542" s="1" t="s">
        <v>25313</v>
      </c>
      <c r="D8542" s="1" t="s">
        <v>25313</v>
      </c>
      <c r="E8542" s="1" t="s">
        <v>29481</v>
      </c>
      <c r="F8542" s="1" t="s">
        <v>414</v>
      </c>
      <c r="G8542" s="1" t="s">
        <v>2059</v>
      </c>
      <c r="H8542" s="1" t="s">
        <v>10</v>
      </c>
      <c r="I8542" s="1" t="s">
        <v>29197</v>
      </c>
      <c r="J8542" s="1" t="s">
        <v>19</v>
      </c>
      <c r="K8542" s="1" t="s">
        <v>64</v>
      </c>
      <c r="L8542" s="1" t="s">
        <v>29480</v>
      </c>
      <c r="M8542" s="1" t="s">
        <v>5</v>
      </c>
      <c r="N8542" s="1" t="s">
        <v>6</v>
      </c>
      <c r="O8542" s="1" t="s">
        <v>8</v>
      </c>
      <c r="P8542" s="5" t="s">
        <v>29452</v>
      </c>
    </row>
    <row r="8543" spans="1:16" x14ac:dyDescent="0.2">
      <c r="A8543" s="1" t="s">
        <v>42</v>
      </c>
      <c r="B8543" s="1" t="s">
        <v>50</v>
      </c>
      <c r="C8543" s="1" t="s">
        <v>1935</v>
      </c>
      <c r="D8543" s="1" t="s">
        <v>1935</v>
      </c>
      <c r="E8543" s="1" t="s">
        <v>29483</v>
      </c>
      <c r="F8543" s="1" t="s">
        <v>27</v>
      </c>
      <c r="G8543" s="1" t="s">
        <v>10</v>
      </c>
      <c r="H8543" s="1" t="s">
        <v>29484</v>
      </c>
      <c r="I8543" s="1" t="s">
        <v>29197</v>
      </c>
      <c r="J8543" s="1" t="s">
        <v>19</v>
      </c>
      <c r="K8543" s="1" t="s">
        <v>7902</v>
      </c>
      <c r="L8543" s="1" t="s">
        <v>29482</v>
      </c>
      <c r="M8543" s="1" t="s">
        <v>5</v>
      </c>
      <c r="N8543" s="1" t="s">
        <v>6</v>
      </c>
      <c r="O8543" s="1" t="s">
        <v>8</v>
      </c>
      <c r="P8543" s="5" t="s">
        <v>32674</v>
      </c>
    </row>
    <row r="8544" spans="1:16" x14ac:dyDescent="0.2">
      <c r="A8544" s="1" t="s">
        <v>329</v>
      </c>
      <c r="B8544" s="1" t="s">
        <v>2622</v>
      </c>
      <c r="C8544" s="1" t="s">
        <v>29486</v>
      </c>
      <c r="D8544" s="1" t="s">
        <v>29486</v>
      </c>
      <c r="E8544" s="1" t="s">
        <v>29487</v>
      </c>
      <c r="F8544" s="1" t="s">
        <v>27</v>
      </c>
      <c r="G8544" s="1" t="s">
        <v>10</v>
      </c>
      <c r="H8544" s="1" t="s">
        <v>29488</v>
      </c>
      <c r="I8544" s="1" t="s">
        <v>29197</v>
      </c>
      <c r="J8544" s="1" t="s">
        <v>19</v>
      </c>
      <c r="K8544" s="1" t="s">
        <v>27</v>
      </c>
      <c r="L8544" s="1" t="s">
        <v>29485</v>
      </c>
      <c r="M8544" s="1" t="s">
        <v>5</v>
      </c>
      <c r="N8544" s="1" t="s">
        <v>6</v>
      </c>
      <c r="O8544" s="1" t="s">
        <v>8</v>
      </c>
      <c r="P8544" s="5" t="s">
        <v>29452</v>
      </c>
    </row>
    <row r="8545" spans="1:16" x14ac:dyDescent="0.2">
      <c r="A8545" s="1" t="s">
        <v>329</v>
      </c>
      <c r="B8545" s="1" t="s">
        <v>2622</v>
      </c>
      <c r="C8545" s="1" t="s">
        <v>29490</v>
      </c>
      <c r="D8545" s="1" t="s">
        <v>29491</v>
      </c>
      <c r="E8545" s="1" t="s">
        <v>29492</v>
      </c>
      <c r="F8545" s="1" t="s">
        <v>27</v>
      </c>
      <c r="G8545" s="1" t="s">
        <v>10</v>
      </c>
      <c r="H8545" s="1" t="s">
        <v>29493</v>
      </c>
      <c r="I8545" s="1" t="s">
        <v>29197</v>
      </c>
      <c r="J8545" s="1" t="s">
        <v>19</v>
      </c>
      <c r="K8545" s="1" t="s">
        <v>27</v>
      </c>
      <c r="L8545" s="1" t="s">
        <v>29489</v>
      </c>
      <c r="M8545" s="1" t="s">
        <v>5</v>
      </c>
      <c r="N8545" s="1" t="s">
        <v>6</v>
      </c>
      <c r="O8545" s="1" t="s">
        <v>8</v>
      </c>
      <c r="P8545" s="5" t="s">
        <v>29452</v>
      </c>
    </row>
    <row r="8546" spans="1:16" x14ac:dyDescent="0.2">
      <c r="A8546" s="1" t="s">
        <v>487</v>
      </c>
      <c r="B8546" s="1" t="s">
        <v>488</v>
      </c>
      <c r="C8546" s="1" t="s">
        <v>29495</v>
      </c>
      <c r="D8546" s="1" t="s">
        <v>29496</v>
      </c>
      <c r="E8546" s="1" t="s">
        <v>29497</v>
      </c>
      <c r="F8546" s="1" t="s">
        <v>27</v>
      </c>
      <c r="G8546" s="1" t="s">
        <v>10</v>
      </c>
      <c r="H8546" s="1" t="s">
        <v>29498</v>
      </c>
      <c r="I8546" s="1" t="s">
        <v>29197</v>
      </c>
      <c r="J8546" s="1" t="s">
        <v>19</v>
      </c>
      <c r="K8546" s="1" t="s">
        <v>64</v>
      </c>
      <c r="L8546" s="1" t="s">
        <v>29494</v>
      </c>
      <c r="M8546" s="1" t="s">
        <v>5</v>
      </c>
      <c r="N8546" s="1" t="s">
        <v>6</v>
      </c>
      <c r="O8546" s="1" t="s">
        <v>8</v>
      </c>
      <c r="P8546" s="5" t="s">
        <v>29452</v>
      </c>
    </row>
    <row r="8547" spans="1:16" x14ac:dyDescent="0.2">
      <c r="A8547" s="1" t="s">
        <v>487</v>
      </c>
      <c r="B8547" s="1" t="s">
        <v>488</v>
      </c>
      <c r="C8547" s="1" t="s">
        <v>29500</v>
      </c>
      <c r="D8547" s="1" t="s">
        <v>29500</v>
      </c>
      <c r="E8547" s="1" t="s">
        <v>29501</v>
      </c>
      <c r="F8547" s="1" t="s">
        <v>27</v>
      </c>
      <c r="G8547" s="1" t="s">
        <v>10</v>
      </c>
      <c r="H8547" s="1" t="s">
        <v>29502</v>
      </c>
      <c r="I8547" s="1" t="s">
        <v>29197</v>
      </c>
      <c r="J8547" s="1" t="s">
        <v>19</v>
      </c>
      <c r="K8547" s="1" t="s">
        <v>27</v>
      </c>
      <c r="L8547" s="1" t="s">
        <v>29499</v>
      </c>
      <c r="M8547" s="1" t="s">
        <v>5</v>
      </c>
      <c r="N8547" s="1" t="s">
        <v>6</v>
      </c>
      <c r="O8547" s="1" t="s">
        <v>8</v>
      </c>
      <c r="P8547" s="5" t="s">
        <v>29452</v>
      </c>
    </row>
    <row r="8548" spans="1:16" x14ac:dyDescent="0.2">
      <c r="A8548" s="1" t="s">
        <v>20</v>
      </c>
      <c r="B8548" s="1" t="s">
        <v>1047</v>
      </c>
      <c r="C8548" s="1" t="s">
        <v>29504</v>
      </c>
      <c r="D8548" s="1" t="s">
        <v>29504</v>
      </c>
      <c r="E8548" s="1" t="s">
        <v>29505</v>
      </c>
      <c r="F8548" s="1" t="s">
        <v>27</v>
      </c>
      <c r="G8548" s="1" t="s">
        <v>10</v>
      </c>
      <c r="H8548" s="1" t="s">
        <v>29506</v>
      </c>
      <c r="I8548" s="1" t="s">
        <v>29197</v>
      </c>
      <c r="J8548" s="1" t="s">
        <v>19</v>
      </c>
      <c r="K8548" s="1" t="s">
        <v>27</v>
      </c>
      <c r="L8548" s="1" t="s">
        <v>29503</v>
      </c>
      <c r="M8548" s="1" t="s">
        <v>5</v>
      </c>
      <c r="N8548" s="1" t="s">
        <v>6</v>
      </c>
      <c r="O8548" s="1" t="s">
        <v>8</v>
      </c>
      <c r="P8548" s="5" t="s">
        <v>29452</v>
      </c>
    </row>
    <row r="8549" spans="1:16" x14ac:dyDescent="0.2">
      <c r="A8549" s="1" t="s">
        <v>487</v>
      </c>
      <c r="B8549" s="1" t="s">
        <v>759</v>
      </c>
      <c r="C8549" s="1" t="s">
        <v>29508</v>
      </c>
      <c r="D8549" s="1" t="s">
        <v>29508</v>
      </c>
      <c r="E8549" s="1" t="s">
        <v>29509</v>
      </c>
      <c r="F8549" s="1" t="s">
        <v>27</v>
      </c>
      <c r="G8549" s="1" t="s">
        <v>10</v>
      </c>
      <c r="H8549" s="1" t="s">
        <v>29510</v>
      </c>
      <c r="I8549" s="1" t="s">
        <v>29197</v>
      </c>
      <c r="J8549" s="1" t="s">
        <v>19</v>
      </c>
      <c r="K8549" s="1" t="s">
        <v>27</v>
      </c>
      <c r="L8549" s="1" t="s">
        <v>29507</v>
      </c>
      <c r="M8549" s="1" t="s">
        <v>5</v>
      </c>
      <c r="N8549" s="1" t="s">
        <v>6</v>
      </c>
      <c r="O8549" s="1" t="s">
        <v>8</v>
      </c>
      <c r="P8549" s="5" t="s">
        <v>29452</v>
      </c>
    </row>
    <row r="8550" spans="1:16" x14ac:dyDescent="0.2">
      <c r="A8550" s="1" t="s">
        <v>2187</v>
      </c>
      <c r="B8550" s="1" t="s">
        <v>2206</v>
      </c>
      <c r="C8550" s="1" t="s">
        <v>806</v>
      </c>
      <c r="D8550" s="1" t="s">
        <v>806</v>
      </c>
      <c r="E8550" s="1" t="s">
        <v>29512</v>
      </c>
      <c r="F8550" s="1" t="s">
        <v>27</v>
      </c>
      <c r="G8550" s="1" t="s">
        <v>10</v>
      </c>
      <c r="H8550" s="1" t="s">
        <v>29513</v>
      </c>
      <c r="I8550" s="1" t="s">
        <v>29197</v>
      </c>
      <c r="J8550" s="1" t="s">
        <v>19</v>
      </c>
      <c r="K8550" s="1" t="s">
        <v>64</v>
      </c>
      <c r="L8550" s="1" t="s">
        <v>29511</v>
      </c>
      <c r="M8550" s="1" t="s">
        <v>5</v>
      </c>
      <c r="N8550" s="1" t="s">
        <v>6</v>
      </c>
      <c r="O8550" s="1" t="s">
        <v>8</v>
      </c>
      <c r="P8550" s="5" t="s">
        <v>29452</v>
      </c>
    </row>
    <row r="8551" spans="1:16" x14ac:dyDescent="0.2">
      <c r="A8551" s="1" t="s">
        <v>487</v>
      </c>
      <c r="B8551" s="1" t="s">
        <v>765</v>
      </c>
      <c r="C8551" s="1" t="s">
        <v>18954</v>
      </c>
      <c r="D8551" s="1" t="s">
        <v>18954</v>
      </c>
      <c r="E8551" s="1" t="s">
        <v>29515</v>
      </c>
      <c r="F8551" s="1" t="s">
        <v>27</v>
      </c>
      <c r="G8551" s="1" t="s">
        <v>10</v>
      </c>
      <c r="H8551" s="1" t="s">
        <v>29516</v>
      </c>
      <c r="I8551" s="1" t="s">
        <v>29197</v>
      </c>
      <c r="J8551" s="1" t="s">
        <v>19</v>
      </c>
      <c r="K8551" s="1" t="s">
        <v>64</v>
      </c>
      <c r="L8551" s="1" t="s">
        <v>29514</v>
      </c>
      <c r="M8551" s="1" t="s">
        <v>5</v>
      </c>
      <c r="N8551" s="1" t="s">
        <v>6</v>
      </c>
      <c r="O8551" s="1" t="s">
        <v>8</v>
      </c>
      <c r="P8551" s="5" t="s">
        <v>29452</v>
      </c>
    </row>
    <row r="8552" spans="1:16" x14ac:dyDescent="0.2">
      <c r="A8552" s="1" t="s">
        <v>20</v>
      </c>
      <c r="B8552" s="1" t="s">
        <v>132</v>
      </c>
      <c r="C8552" s="1" t="s">
        <v>29518</v>
      </c>
      <c r="D8552" s="1" t="s">
        <v>29518</v>
      </c>
      <c r="E8552" s="1" t="s">
        <v>29519</v>
      </c>
      <c r="F8552" s="1" t="s">
        <v>27</v>
      </c>
      <c r="G8552" s="1" t="s">
        <v>10</v>
      </c>
      <c r="H8552" s="1" t="s">
        <v>29520</v>
      </c>
      <c r="I8552" s="1" t="s">
        <v>29197</v>
      </c>
      <c r="J8552" s="1" t="s">
        <v>19</v>
      </c>
      <c r="K8552" s="1" t="s">
        <v>27</v>
      </c>
      <c r="L8552" s="1" t="s">
        <v>29517</v>
      </c>
      <c r="M8552" s="1" t="s">
        <v>5</v>
      </c>
      <c r="N8552" s="1" t="s">
        <v>6</v>
      </c>
      <c r="O8552" s="1" t="s">
        <v>8</v>
      </c>
      <c r="P8552" s="5" t="s">
        <v>32675</v>
      </c>
    </row>
    <row r="8553" spans="1:16" x14ac:dyDescent="0.2">
      <c r="A8553" s="1" t="s">
        <v>66</v>
      </c>
      <c r="B8553" s="1" t="s">
        <v>574</v>
      </c>
      <c r="C8553" s="1" t="s">
        <v>29522</v>
      </c>
      <c r="D8553" s="1" t="s">
        <v>29522</v>
      </c>
      <c r="E8553" s="1" t="s">
        <v>29523</v>
      </c>
      <c r="F8553" s="1" t="s">
        <v>522</v>
      </c>
      <c r="G8553" s="1" t="s">
        <v>10</v>
      </c>
      <c r="H8553" s="1" t="s">
        <v>29522</v>
      </c>
      <c r="I8553" s="1" t="s">
        <v>29197</v>
      </c>
      <c r="J8553" s="1" t="s">
        <v>19</v>
      </c>
      <c r="K8553" s="1" t="s">
        <v>64</v>
      </c>
      <c r="L8553" s="1" t="s">
        <v>29521</v>
      </c>
      <c r="M8553" s="1" t="s">
        <v>5</v>
      </c>
      <c r="N8553" s="1" t="s">
        <v>6</v>
      </c>
      <c r="O8553" s="1" t="s">
        <v>8</v>
      </c>
      <c r="P8553" s="5" t="s">
        <v>29452</v>
      </c>
    </row>
    <row r="8554" spans="1:16" x14ac:dyDescent="0.2">
      <c r="A8554" s="1" t="s">
        <v>194</v>
      </c>
      <c r="B8554" s="1" t="s">
        <v>396</v>
      </c>
      <c r="C8554" s="1" t="s">
        <v>29525</v>
      </c>
      <c r="D8554" s="1" t="s">
        <v>29525</v>
      </c>
      <c r="E8554" s="1" t="s">
        <v>29527</v>
      </c>
      <c r="F8554" s="1" t="s">
        <v>27</v>
      </c>
      <c r="G8554" s="1" t="s">
        <v>10</v>
      </c>
      <c r="H8554" s="1" t="s">
        <v>29528</v>
      </c>
      <c r="I8554" s="1" t="s">
        <v>29197</v>
      </c>
      <c r="J8554" s="1" t="s">
        <v>29526</v>
      </c>
      <c r="K8554" s="1" t="s">
        <v>27</v>
      </c>
      <c r="L8554" s="1" t="s">
        <v>29524</v>
      </c>
      <c r="M8554" s="1" t="s">
        <v>5</v>
      </c>
      <c r="N8554" s="1" t="s">
        <v>6</v>
      </c>
      <c r="O8554" s="1" t="s">
        <v>8</v>
      </c>
      <c r="P8554" s="5" t="s">
        <v>32676</v>
      </c>
    </row>
    <row r="8555" spans="1:16" x14ac:dyDescent="0.2">
      <c r="A8555" s="1" t="s">
        <v>1984</v>
      </c>
      <c r="B8555" s="1" t="s">
        <v>6971</v>
      </c>
      <c r="C8555" s="1" t="s">
        <v>29530</v>
      </c>
      <c r="D8555" s="1" t="s">
        <v>29530</v>
      </c>
      <c r="E8555" s="1" t="s">
        <v>29531</v>
      </c>
      <c r="F8555" s="1" t="s">
        <v>2159</v>
      </c>
      <c r="G8555" s="1" t="s">
        <v>10</v>
      </c>
      <c r="H8555" s="1" t="s">
        <v>29532</v>
      </c>
      <c r="I8555" s="1" t="s">
        <v>29197</v>
      </c>
      <c r="J8555" s="1" t="s">
        <v>19</v>
      </c>
      <c r="K8555" s="1" t="s">
        <v>64</v>
      </c>
      <c r="L8555" s="1" t="s">
        <v>29529</v>
      </c>
      <c r="M8555" s="1" t="s">
        <v>5</v>
      </c>
      <c r="N8555" s="1" t="s">
        <v>6</v>
      </c>
      <c r="O8555" s="1" t="s">
        <v>8</v>
      </c>
      <c r="P8555" s="5" t="s">
        <v>29452</v>
      </c>
    </row>
    <row r="8556" spans="1:16" x14ac:dyDescent="0.2">
      <c r="A8556" s="1" t="s">
        <v>42</v>
      </c>
      <c r="B8556" s="1" t="s">
        <v>50</v>
      </c>
      <c r="C8556" s="1" t="s">
        <v>29534</v>
      </c>
      <c r="D8556" s="1" t="s">
        <v>29534</v>
      </c>
      <c r="E8556" s="1" t="s">
        <v>29535</v>
      </c>
      <c r="F8556" s="1" t="s">
        <v>27</v>
      </c>
      <c r="G8556" s="1" t="s">
        <v>10</v>
      </c>
      <c r="H8556" s="1" t="s">
        <v>29536</v>
      </c>
      <c r="I8556" s="1" t="s">
        <v>29197</v>
      </c>
      <c r="J8556" s="1" t="s">
        <v>19</v>
      </c>
      <c r="K8556" s="1" t="s">
        <v>47</v>
      </c>
      <c r="L8556" s="1" t="s">
        <v>29533</v>
      </c>
      <c r="M8556" s="1" t="s">
        <v>5</v>
      </c>
      <c r="N8556" s="1" t="s">
        <v>6</v>
      </c>
      <c r="O8556" s="1" t="s">
        <v>8</v>
      </c>
      <c r="P8556" s="5" t="s">
        <v>29452</v>
      </c>
    </row>
    <row r="8557" spans="1:16" x14ac:dyDescent="0.2">
      <c r="A8557" s="1" t="s">
        <v>194</v>
      </c>
      <c r="B8557" s="1" t="s">
        <v>396</v>
      </c>
      <c r="C8557" s="1" t="s">
        <v>29538</v>
      </c>
      <c r="D8557" s="1" t="s">
        <v>1810</v>
      </c>
      <c r="E8557" s="1" t="s">
        <v>29539</v>
      </c>
      <c r="F8557" s="1" t="s">
        <v>27</v>
      </c>
      <c r="G8557" s="1" t="s">
        <v>10</v>
      </c>
      <c r="H8557" s="1" t="s">
        <v>29540</v>
      </c>
      <c r="I8557" s="1" t="s">
        <v>29197</v>
      </c>
      <c r="J8557" s="1" t="s">
        <v>19</v>
      </c>
      <c r="K8557" s="1" t="s">
        <v>27</v>
      </c>
      <c r="L8557" s="1" t="s">
        <v>29537</v>
      </c>
      <c r="M8557" s="1" t="s">
        <v>5</v>
      </c>
      <c r="N8557" s="1" t="s">
        <v>6</v>
      </c>
      <c r="O8557" s="1" t="s">
        <v>8</v>
      </c>
      <c r="P8557" s="5" t="s">
        <v>32676</v>
      </c>
    </row>
    <row r="8558" spans="1:16" x14ac:dyDescent="0.2">
      <c r="A8558" s="1" t="s">
        <v>487</v>
      </c>
      <c r="B8558" s="1" t="s">
        <v>765</v>
      </c>
      <c r="C8558" s="1" t="s">
        <v>29542</v>
      </c>
      <c r="D8558" s="1" t="s">
        <v>29542</v>
      </c>
      <c r="E8558" s="1" t="s">
        <v>29543</v>
      </c>
      <c r="F8558" s="1" t="s">
        <v>14116</v>
      </c>
      <c r="G8558" s="1" t="s">
        <v>10</v>
      </c>
      <c r="H8558" s="1" t="s">
        <v>10</v>
      </c>
      <c r="I8558" s="1" t="s">
        <v>29197</v>
      </c>
      <c r="J8558" s="1" t="s">
        <v>19</v>
      </c>
      <c r="K8558" s="1" t="s">
        <v>64</v>
      </c>
      <c r="L8558" s="1" t="s">
        <v>29541</v>
      </c>
      <c r="M8558" s="1" t="s">
        <v>5</v>
      </c>
      <c r="N8558" s="1" t="s">
        <v>6</v>
      </c>
      <c r="O8558" s="1" t="s">
        <v>8</v>
      </c>
      <c r="P8558" s="5" t="s">
        <v>29452</v>
      </c>
    </row>
    <row r="8559" spans="1:16" x14ac:dyDescent="0.2">
      <c r="A8559" s="1" t="s">
        <v>487</v>
      </c>
      <c r="B8559" s="1" t="s">
        <v>759</v>
      </c>
      <c r="C8559" s="1" t="s">
        <v>29545</v>
      </c>
      <c r="D8559" s="1" t="s">
        <v>29545</v>
      </c>
      <c r="E8559" s="1" t="s">
        <v>29546</v>
      </c>
      <c r="F8559" s="1" t="s">
        <v>2159</v>
      </c>
      <c r="G8559" s="1" t="s">
        <v>10</v>
      </c>
      <c r="H8559" s="1" t="s">
        <v>10</v>
      </c>
      <c r="I8559" s="1" t="s">
        <v>29197</v>
      </c>
      <c r="J8559" s="1" t="s">
        <v>19</v>
      </c>
      <c r="K8559" s="1" t="s">
        <v>64</v>
      </c>
      <c r="L8559" s="1" t="s">
        <v>29544</v>
      </c>
      <c r="M8559" s="1" t="s">
        <v>5</v>
      </c>
      <c r="N8559" s="1" t="s">
        <v>6</v>
      </c>
      <c r="O8559" s="1" t="s">
        <v>8</v>
      </c>
      <c r="P8559" s="5" t="s">
        <v>29452</v>
      </c>
    </row>
    <row r="8560" spans="1:16" x14ac:dyDescent="0.2">
      <c r="A8560" s="1" t="s">
        <v>10</v>
      </c>
      <c r="B8560" s="1" t="s">
        <v>10</v>
      </c>
      <c r="C8560" s="1" t="s">
        <v>29548</v>
      </c>
      <c r="D8560" s="1" t="s">
        <v>29549</v>
      </c>
      <c r="E8560" s="1" t="s">
        <v>29550</v>
      </c>
      <c r="F8560" s="1" t="s">
        <v>15968</v>
      </c>
      <c r="G8560" s="1" t="s">
        <v>10</v>
      </c>
      <c r="H8560" s="1" t="s">
        <v>29551</v>
      </c>
      <c r="I8560" s="1" t="s">
        <v>29197</v>
      </c>
      <c r="J8560" s="1" t="s">
        <v>10</v>
      </c>
      <c r="K8560" s="1" t="s">
        <v>10</v>
      </c>
      <c r="L8560" s="1" t="s">
        <v>29547</v>
      </c>
      <c r="M8560" s="1" t="s">
        <v>5</v>
      </c>
      <c r="N8560" s="1" t="s">
        <v>1009</v>
      </c>
      <c r="O8560" s="1" t="s">
        <v>8</v>
      </c>
      <c r="P8560" s="5"/>
    </row>
    <row r="8561" spans="1:16" x14ac:dyDescent="0.2">
      <c r="A8561" s="1" t="s">
        <v>10</v>
      </c>
      <c r="B8561" s="1" t="s">
        <v>10</v>
      </c>
      <c r="C8561" s="1" t="s">
        <v>29553</v>
      </c>
      <c r="D8561" s="1" t="s">
        <v>29554</v>
      </c>
      <c r="E8561" s="1" t="s">
        <v>29555</v>
      </c>
      <c r="F8561" s="1" t="s">
        <v>15968</v>
      </c>
      <c r="G8561" s="1" t="s">
        <v>10</v>
      </c>
      <c r="H8561" s="1" t="s">
        <v>29553</v>
      </c>
      <c r="I8561" s="1" t="s">
        <v>29197</v>
      </c>
      <c r="J8561" s="1" t="s">
        <v>10</v>
      </c>
      <c r="K8561" s="1" t="s">
        <v>10</v>
      </c>
      <c r="L8561" s="1" t="s">
        <v>29552</v>
      </c>
      <c r="M8561" s="1" t="s">
        <v>5</v>
      </c>
      <c r="N8561" s="1" t="s">
        <v>6</v>
      </c>
      <c r="O8561" s="1" t="s">
        <v>8</v>
      </c>
      <c r="P8561" s="5"/>
    </row>
    <row r="8562" spans="1:16" x14ac:dyDescent="0.2">
      <c r="A8562" s="1" t="s">
        <v>10</v>
      </c>
      <c r="B8562" s="1" t="s">
        <v>10</v>
      </c>
      <c r="C8562" s="1" t="s">
        <v>15311</v>
      </c>
      <c r="D8562" s="1" t="s">
        <v>29557</v>
      </c>
      <c r="E8562" s="1" t="s">
        <v>10</v>
      </c>
      <c r="F8562" s="1" t="s">
        <v>20165</v>
      </c>
      <c r="G8562" s="1" t="s">
        <v>29558</v>
      </c>
      <c r="H8562" s="1" t="s">
        <v>10</v>
      </c>
      <c r="I8562" s="1" t="s">
        <v>29197</v>
      </c>
      <c r="J8562" s="1" t="s">
        <v>10</v>
      </c>
      <c r="K8562" s="1" t="s">
        <v>10</v>
      </c>
      <c r="L8562" s="1" t="s">
        <v>29556</v>
      </c>
      <c r="M8562" s="1" t="s">
        <v>5</v>
      </c>
      <c r="N8562" s="1" t="s">
        <v>6</v>
      </c>
      <c r="O8562" s="1" t="s">
        <v>8</v>
      </c>
      <c r="P8562" s="5"/>
    </row>
    <row r="8563" spans="1:16" x14ac:dyDescent="0.2">
      <c r="A8563" s="1" t="s">
        <v>20</v>
      </c>
      <c r="B8563" s="1" t="s">
        <v>309</v>
      </c>
      <c r="C8563" s="1" t="s">
        <v>29560</v>
      </c>
      <c r="D8563" s="1" t="s">
        <v>29561</v>
      </c>
      <c r="E8563" s="1" t="s">
        <v>29562</v>
      </c>
      <c r="F8563" s="1" t="s">
        <v>105</v>
      </c>
      <c r="G8563" s="1" t="s">
        <v>1476</v>
      </c>
      <c r="H8563" s="1" t="s">
        <v>29563</v>
      </c>
      <c r="I8563" s="1" t="s">
        <v>29197</v>
      </c>
      <c r="J8563" s="1" t="s">
        <v>29393</v>
      </c>
      <c r="K8563" s="1" t="s">
        <v>64</v>
      </c>
      <c r="L8563" s="1" t="s">
        <v>29559</v>
      </c>
      <c r="M8563" s="1" t="s">
        <v>5</v>
      </c>
      <c r="N8563" s="1" t="s">
        <v>6</v>
      </c>
      <c r="O8563" s="1" t="s">
        <v>8</v>
      </c>
      <c r="P8563" s="5" t="s">
        <v>29837</v>
      </c>
    </row>
    <row r="8564" spans="1:16" x14ac:dyDescent="0.2">
      <c r="A8564" s="1" t="s">
        <v>487</v>
      </c>
      <c r="B8564" s="1" t="s">
        <v>784</v>
      </c>
      <c r="C8564" s="1" t="s">
        <v>29565</v>
      </c>
      <c r="D8564" s="1" t="s">
        <v>29565</v>
      </c>
      <c r="E8564" s="1" t="s">
        <v>29566</v>
      </c>
      <c r="F8564" s="1" t="s">
        <v>27</v>
      </c>
      <c r="G8564" s="1" t="s">
        <v>10</v>
      </c>
      <c r="H8564" s="1" t="s">
        <v>29567</v>
      </c>
      <c r="I8564" s="1" t="s">
        <v>29197</v>
      </c>
      <c r="J8564" s="1" t="s">
        <v>29393</v>
      </c>
      <c r="K8564" s="1" t="s">
        <v>64</v>
      </c>
      <c r="L8564" s="1" t="s">
        <v>29564</v>
      </c>
      <c r="M8564" s="1" t="s">
        <v>5</v>
      </c>
      <c r="N8564" s="1" t="s">
        <v>6</v>
      </c>
      <c r="O8564" s="1" t="s">
        <v>8</v>
      </c>
      <c r="P8564" s="5" t="s">
        <v>29452</v>
      </c>
    </row>
    <row r="8565" spans="1:16" x14ac:dyDescent="0.2">
      <c r="A8565" s="1" t="s">
        <v>1385</v>
      </c>
      <c r="B8565" s="1" t="s">
        <v>2028</v>
      </c>
      <c r="C8565" s="1" t="s">
        <v>29569</v>
      </c>
      <c r="D8565" s="1" t="s">
        <v>29569</v>
      </c>
      <c r="E8565" s="1" t="s">
        <v>29570</v>
      </c>
      <c r="F8565" s="1" t="s">
        <v>27</v>
      </c>
      <c r="G8565" s="1" t="s">
        <v>10</v>
      </c>
      <c r="H8565" s="1" t="s">
        <v>29571</v>
      </c>
      <c r="I8565" s="1" t="s">
        <v>29197</v>
      </c>
      <c r="J8565" s="1" t="s">
        <v>29393</v>
      </c>
      <c r="K8565" s="1" t="s">
        <v>64</v>
      </c>
      <c r="L8565" s="1" t="s">
        <v>29568</v>
      </c>
      <c r="M8565" s="1" t="s">
        <v>5</v>
      </c>
      <c r="N8565" s="1" t="s">
        <v>6</v>
      </c>
      <c r="O8565" s="1" t="s">
        <v>8</v>
      </c>
      <c r="P8565" s="5" t="s">
        <v>32677</v>
      </c>
    </row>
    <row r="8566" spans="1:16" x14ac:dyDescent="0.2">
      <c r="A8566" s="1" t="s">
        <v>423</v>
      </c>
      <c r="B8566" s="1" t="s">
        <v>29576</v>
      </c>
      <c r="C8566" s="1" t="s">
        <v>29573</v>
      </c>
      <c r="D8566" s="1" t="s">
        <v>29573</v>
      </c>
      <c r="E8566" s="1" t="s">
        <v>29574</v>
      </c>
      <c r="F8566" s="1" t="s">
        <v>27</v>
      </c>
      <c r="G8566" s="1" t="s">
        <v>10</v>
      </c>
      <c r="H8566" s="1" t="s">
        <v>29575</v>
      </c>
      <c r="I8566" s="1" t="s">
        <v>29197</v>
      </c>
      <c r="J8566" s="1" t="s">
        <v>29393</v>
      </c>
      <c r="K8566" s="1" t="s">
        <v>64</v>
      </c>
      <c r="L8566" s="1" t="s">
        <v>29572</v>
      </c>
      <c r="M8566" s="1" t="s">
        <v>5</v>
      </c>
      <c r="N8566" s="1" t="s">
        <v>6</v>
      </c>
      <c r="O8566" s="1" t="s">
        <v>8</v>
      </c>
      <c r="P8566" s="5" t="s">
        <v>29452</v>
      </c>
    </row>
    <row r="8567" spans="1:16" x14ac:dyDescent="0.2">
      <c r="A8567" s="1" t="s">
        <v>32</v>
      </c>
      <c r="B8567" s="1" t="s">
        <v>33</v>
      </c>
      <c r="C8567" s="1" t="s">
        <v>29578</v>
      </c>
      <c r="D8567" s="1" t="s">
        <v>29578</v>
      </c>
      <c r="E8567" s="1" t="s">
        <v>29580</v>
      </c>
      <c r="F8567" s="1" t="s">
        <v>29579</v>
      </c>
      <c r="G8567" s="1" t="s">
        <v>10</v>
      </c>
      <c r="H8567" s="1" t="s">
        <v>29581</v>
      </c>
      <c r="I8567" s="1" t="s">
        <v>29197</v>
      </c>
      <c r="J8567" s="1" t="s">
        <v>29393</v>
      </c>
      <c r="K8567" s="1" t="s">
        <v>64</v>
      </c>
      <c r="L8567" s="1" t="s">
        <v>29577</v>
      </c>
      <c r="M8567" s="1" t="s">
        <v>5</v>
      </c>
      <c r="N8567" s="1" t="s">
        <v>6</v>
      </c>
      <c r="O8567" s="1" t="s">
        <v>8</v>
      </c>
      <c r="P8567" s="5" t="s">
        <v>29452</v>
      </c>
    </row>
    <row r="8568" spans="1:16" x14ac:dyDescent="0.2">
      <c r="A8568" s="1" t="s">
        <v>487</v>
      </c>
      <c r="B8568" s="1" t="s">
        <v>488</v>
      </c>
      <c r="C8568" s="1" t="s">
        <v>29583</v>
      </c>
      <c r="D8568" s="1" t="s">
        <v>29583</v>
      </c>
      <c r="E8568" s="1" t="s">
        <v>29584</v>
      </c>
      <c r="F8568" s="1" t="s">
        <v>27</v>
      </c>
      <c r="G8568" s="1" t="s">
        <v>10</v>
      </c>
      <c r="H8568" s="1" t="s">
        <v>29585</v>
      </c>
      <c r="I8568" s="1" t="s">
        <v>29197</v>
      </c>
      <c r="J8568" s="1" t="s">
        <v>29393</v>
      </c>
      <c r="K8568" s="1" t="s">
        <v>64</v>
      </c>
      <c r="L8568" s="1" t="s">
        <v>29582</v>
      </c>
      <c r="M8568" s="1" t="s">
        <v>5</v>
      </c>
      <c r="N8568" s="1" t="s">
        <v>6</v>
      </c>
      <c r="O8568" s="1" t="s">
        <v>8</v>
      </c>
      <c r="P8568" s="5" t="s">
        <v>29452</v>
      </c>
    </row>
    <row r="8569" spans="1:16" x14ac:dyDescent="0.2">
      <c r="A8569" s="1" t="s">
        <v>487</v>
      </c>
      <c r="B8569" s="1" t="s">
        <v>765</v>
      </c>
      <c r="C8569" s="1" t="s">
        <v>29587</v>
      </c>
      <c r="D8569" s="1" t="s">
        <v>29587</v>
      </c>
      <c r="E8569" s="1" t="s">
        <v>29588</v>
      </c>
      <c r="F8569" s="1" t="s">
        <v>27</v>
      </c>
      <c r="G8569" s="1" t="s">
        <v>10</v>
      </c>
      <c r="H8569" s="1" t="s">
        <v>29567</v>
      </c>
      <c r="I8569" s="1" t="s">
        <v>29197</v>
      </c>
      <c r="J8569" s="1" t="s">
        <v>29393</v>
      </c>
      <c r="K8569" s="1" t="s">
        <v>64</v>
      </c>
      <c r="L8569" s="1" t="s">
        <v>29586</v>
      </c>
      <c r="M8569" s="1" t="s">
        <v>5</v>
      </c>
      <c r="N8569" s="1" t="s">
        <v>6</v>
      </c>
      <c r="O8569" s="1" t="s">
        <v>8</v>
      </c>
      <c r="P8569" s="5" t="s">
        <v>32678</v>
      </c>
    </row>
    <row r="8570" spans="1:16" x14ac:dyDescent="0.2">
      <c r="A8570" s="1" t="s">
        <v>487</v>
      </c>
      <c r="B8570" s="1" t="s">
        <v>759</v>
      </c>
      <c r="C8570" s="1" t="s">
        <v>29590</v>
      </c>
      <c r="D8570" s="1" t="s">
        <v>29590</v>
      </c>
      <c r="E8570" s="1" t="s">
        <v>29591</v>
      </c>
      <c r="F8570" s="1" t="s">
        <v>27</v>
      </c>
      <c r="G8570" s="1" t="s">
        <v>10</v>
      </c>
      <c r="H8570" s="1" t="s">
        <v>29592</v>
      </c>
      <c r="I8570" s="1" t="s">
        <v>29197</v>
      </c>
      <c r="J8570" s="1" t="s">
        <v>29393</v>
      </c>
      <c r="K8570" s="1" t="s">
        <v>64</v>
      </c>
      <c r="L8570" s="1" t="s">
        <v>29589</v>
      </c>
      <c r="M8570" s="1" t="s">
        <v>5</v>
      </c>
      <c r="N8570" s="1" t="s">
        <v>6</v>
      </c>
      <c r="O8570" s="1" t="s">
        <v>8</v>
      </c>
      <c r="P8570" s="5" t="s">
        <v>29452</v>
      </c>
    </row>
    <row r="8571" spans="1:16" x14ac:dyDescent="0.2">
      <c r="A8571" s="1" t="s">
        <v>487</v>
      </c>
      <c r="B8571" s="1" t="s">
        <v>765</v>
      </c>
      <c r="C8571" s="1" t="s">
        <v>29594</v>
      </c>
      <c r="D8571" s="1" t="s">
        <v>29594</v>
      </c>
      <c r="E8571" s="1" t="s">
        <v>29595</v>
      </c>
      <c r="F8571" s="1" t="s">
        <v>10</v>
      </c>
      <c r="G8571" s="1" t="s">
        <v>10</v>
      </c>
      <c r="H8571" s="1" t="s">
        <v>10</v>
      </c>
      <c r="I8571" s="1" t="s">
        <v>29197</v>
      </c>
      <c r="J8571" s="1" t="s">
        <v>29393</v>
      </c>
      <c r="K8571" s="1" t="s">
        <v>64</v>
      </c>
      <c r="L8571" s="1" t="s">
        <v>29593</v>
      </c>
      <c r="M8571" s="1" t="s">
        <v>5</v>
      </c>
      <c r="N8571" s="1" t="s">
        <v>6</v>
      </c>
      <c r="O8571" s="1" t="s">
        <v>38</v>
      </c>
      <c r="P8571" s="5" t="s">
        <v>29452</v>
      </c>
    </row>
    <row r="8572" spans="1:16" x14ac:dyDescent="0.2">
      <c r="A8572" s="1" t="s">
        <v>487</v>
      </c>
      <c r="B8572" s="1" t="s">
        <v>765</v>
      </c>
      <c r="C8572" s="1" t="s">
        <v>29597</v>
      </c>
      <c r="D8572" s="1" t="s">
        <v>29597</v>
      </c>
      <c r="E8572" s="1" t="s">
        <v>29598</v>
      </c>
      <c r="F8572" s="1" t="s">
        <v>27</v>
      </c>
      <c r="G8572" s="1" t="s">
        <v>10</v>
      </c>
      <c r="H8572" s="1" t="s">
        <v>29567</v>
      </c>
      <c r="I8572" s="1" t="s">
        <v>29197</v>
      </c>
      <c r="J8572" s="1" t="s">
        <v>29393</v>
      </c>
      <c r="K8572" s="1" t="s">
        <v>64</v>
      </c>
      <c r="L8572" s="1" t="s">
        <v>29596</v>
      </c>
      <c r="M8572" s="1" t="s">
        <v>5</v>
      </c>
      <c r="N8572" s="1" t="s">
        <v>6</v>
      </c>
      <c r="O8572" s="1" t="s">
        <v>8</v>
      </c>
      <c r="P8572" s="5" t="s">
        <v>29452</v>
      </c>
    </row>
    <row r="8573" spans="1:16" x14ac:dyDescent="0.2">
      <c r="A8573" s="1" t="s">
        <v>487</v>
      </c>
      <c r="B8573" s="1" t="s">
        <v>765</v>
      </c>
      <c r="C8573" s="1" t="s">
        <v>29600</v>
      </c>
      <c r="D8573" s="1" t="s">
        <v>29600</v>
      </c>
      <c r="E8573" s="1" t="s">
        <v>29601</v>
      </c>
      <c r="F8573" s="1" t="s">
        <v>27</v>
      </c>
      <c r="G8573" s="1" t="s">
        <v>10</v>
      </c>
      <c r="H8573" s="1" t="s">
        <v>29602</v>
      </c>
      <c r="I8573" s="1" t="s">
        <v>29197</v>
      </c>
      <c r="J8573" s="1" t="s">
        <v>29393</v>
      </c>
      <c r="K8573" s="1" t="s">
        <v>64</v>
      </c>
      <c r="L8573" s="1" t="s">
        <v>29599</v>
      </c>
      <c r="M8573" s="1" t="s">
        <v>5</v>
      </c>
      <c r="N8573" s="1" t="s">
        <v>6</v>
      </c>
      <c r="O8573" s="1" t="s">
        <v>8</v>
      </c>
      <c r="P8573" s="5" t="s">
        <v>29452</v>
      </c>
    </row>
    <row r="8574" spans="1:16" x14ac:dyDescent="0.2">
      <c r="A8574" s="1" t="s">
        <v>1385</v>
      </c>
      <c r="B8574" s="1" t="s">
        <v>1490</v>
      </c>
      <c r="C8574" s="1" t="s">
        <v>29604</v>
      </c>
      <c r="D8574" s="1" t="s">
        <v>29604</v>
      </c>
      <c r="E8574" s="1" t="s">
        <v>29605</v>
      </c>
      <c r="F8574" s="1" t="s">
        <v>27</v>
      </c>
      <c r="G8574" s="1" t="s">
        <v>10</v>
      </c>
      <c r="H8574" s="1" t="s">
        <v>29606</v>
      </c>
      <c r="I8574" s="1" t="s">
        <v>29197</v>
      </c>
      <c r="J8574" s="1" t="s">
        <v>29393</v>
      </c>
      <c r="K8574" s="1" t="s">
        <v>64</v>
      </c>
      <c r="L8574" s="1" t="s">
        <v>29603</v>
      </c>
      <c r="M8574" s="1" t="s">
        <v>5</v>
      </c>
      <c r="N8574" s="1" t="s">
        <v>6</v>
      </c>
      <c r="O8574" s="1" t="s">
        <v>8</v>
      </c>
      <c r="P8574" s="5" t="s">
        <v>29452</v>
      </c>
    </row>
    <row r="8575" spans="1:16" x14ac:dyDescent="0.2">
      <c r="A8575" s="1" t="s">
        <v>487</v>
      </c>
      <c r="B8575" s="1" t="s">
        <v>488</v>
      </c>
      <c r="C8575" s="1" t="s">
        <v>29608</v>
      </c>
      <c r="D8575" s="1" t="s">
        <v>29608</v>
      </c>
      <c r="E8575" s="1" t="s">
        <v>29609</v>
      </c>
      <c r="F8575" s="1" t="s">
        <v>27</v>
      </c>
      <c r="G8575" s="1" t="s">
        <v>10</v>
      </c>
      <c r="H8575" s="1" t="s">
        <v>29610</v>
      </c>
      <c r="I8575" s="1" t="s">
        <v>29197</v>
      </c>
      <c r="J8575" s="1" t="s">
        <v>29393</v>
      </c>
      <c r="K8575" s="1" t="s">
        <v>64</v>
      </c>
      <c r="L8575" s="1" t="s">
        <v>29607</v>
      </c>
      <c r="M8575" s="1" t="s">
        <v>5</v>
      </c>
      <c r="N8575" s="1" t="s">
        <v>6</v>
      </c>
      <c r="O8575" s="1" t="s">
        <v>8</v>
      </c>
      <c r="P8575" s="5" t="s">
        <v>29452</v>
      </c>
    </row>
    <row r="8576" spans="1:16" x14ac:dyDescent="0.2">
      <c r="A8576" s="1" t="s">
        <v>487</v>
      </c>
      <c r="B8576" s="1" t="s">
        <v>759</v>
      </c>
      <c r="C8576" s="1" t="s">
        <v>29612</v>
      </c>
      <c r="D8576" s="1" t="s">
        <v>29612</v>
      </c>
      <c r="E8576" s="1" t="s">
        <v>29613</v>
      </c>
      <c r="F8576" s="1" t="s">
        <v>27</v>
      </c>
      <c r="G8576" s="1" t="s">
        <v>10</v>
      </c>
      <c r="H8576" s="1" t="s">
        <v>29614</v>
      </c>
      <c r="I8576" s="1" t="s">
        <v>29197</v>
      </c>
      <c r="J8576" s="1" t="s">
        <v>29393</v>
      </c>
      <c r="K8576" s="1" t="s">
        <v>64</v>
      </c>
      <c r="L8576" s="1" t="s">
        <v>29611</v>
      </c>
      <c r="M8576" s="1" t="s">
        <v>5</v>
      </c>
      <c r="N8576" s="1" t="s">
        <v>6</v>
      </c>
      <c r="O8576" s="1" t="s">
        <v>8</v>
      </c>
      <c r="P8576" s="5" t="s">
        <v>30884</v>
      </c>
    </row>
    <row r="8577" spans="1:16" x14ac:dyDescent="0.2">
      <c r="A8577" s="1" t="s">
        <v>487</v>
      </c>
      <c r="B8577" s="1" t="s">
        <v>759</v>
      </c>
      <c r="C8577" s="1" t="s">
        <v>29616</v>
      </c>
      <c r="D8577" s="1" t="s">
        <v>29616</v>
      </c>
      <c r="E8577" s="1" t="s">
        <v>29617</v>
      </c>
      <c r="F8577" s="1" t="s">
        <v>27</v>
      </c>
      <c r="G8577" s="1" t="s">
        <v>10</v>
      </c>
      <c r="H8577" s="1" t="s">
        <v>29618</v>
      </c>
      <c r="I8577" s="1" t="s">
        <v>29197</v>
      </c>
      <c r="J8577" s="1" t="s">
        <v>29393</v>
      </c>
      <c r="K8577" s="1" t="s">
        <v>64</v>
      </c>
      <c r="L8577" s="1" t="s">
        <v>29615</v>
      </c>
      <c r="M8577" s="1" t="s">
        <v>5</v>
      </c>
      <c r="N8577" s="1" t="s">
        <v>6</v>
      </c>
      <c r="O8577" s="1" t="s">
        <v>8</v>
      </c>
      <c r="P8577" s="5" t="s">
        <v>30885</v>
      </c>
    </row>
    <row r="8578" spans="1:16" x14ac:dyDescent="0.2">
      <c r="A8578" s="1" t="s">
        <v>487</v>
      </c>
      <c r="B8578" s="1" t="s">
        <v>759</v>
      </c>
      <c r="C8578" s="1" t="s">
        <v>29620</v>
      </c>
      <c r="D8578" s="1" t="s">
        <v>29620</v>
      </c>
      <c r="E8578" s="1" t="s">
        <v>29621</v>
      </c>
      <c r="F8578" s="1" t="s">
        <v>27</v>
      </c>
      <c r="G8578" s="1" t="s">
        <v>10</v>
      </c>
      <c r="H8578" s="1" t="s">
        <v>29622</v>
      </c>
      <c r="I8578" s="1" t="s">
        <v>29197</v>
      </c>
      <c r="J8578" s="1" t="s">
        <v>29393</v>
      </c>
      <c r="K8578" s="1" t="s">
        <v>64</v>
      </c>
      <c r="L8578" s="1" t="s">
        <v>29619</v>
      </c>
      <c r="M8578" s="1" t="s">
        <v>5</v>
      </c>
      <c r="N8578" s="1" t="s">
        <v>6</v>
      </c>
      <c r="O8578" s="1" t="s">
        <v>8</v>
      </c>
      <c r="P8578" s="5" t="s">
        <v>32679</v>
      </c>
    </row>
    <row r="8579" spans="1:16" x14ac:dyDescent="0.2">
      <c r="A8579" s="1" t="s">
        <v>487</v>
      </c>
      <c r="B8579" s="1" t="s">
        <v>759</v>
      </c>
      <c r="C8579" s="1" t="s">
        <v>29624</v>
      </c>
      <c r="D8579" s="1" t="s">
        <v>29624</v>
      </c>
      <c r="E8579" s="1" t="s">
        <v>29625</v>
      </c>
      <c r="F8579" s="1" t="s">
        <v>27</v>
      </c>
      <c r="G8579" s="1" t="s">
        <v>10</v>
      </c>
      <c r="H8579" s="1" t="s">
        <v>29626</v>
      </c>
      <c r="I8579" s="1" t="s">
        <v>29197</v>
      </c>
      <c r="J8579" s="1" t="s">
        <v>29393</v>
      </c>
      <c r="K8579" s="1" t="s">
        <v>64</v>
      </c>
      <c r="L8579" s="1" t="s">
        <v>29623</v>
      </c>
      <c r="M8579" s="1" t="s">
        <v>5</v>
      </c>
      <c r="N8579" s="1" t="s">
        <v>6</v>
      </c>
      <c r="O8579" s="1" t="s">
        <v>8</v>
      </c>
      <c r="P8579" s="5" t="s">
        <v>30886</v>
      </c>
    </row>
    <row r="8580" spans="1:16" x14ac:dyDescent="0.2">
      <c r="A8580" s="1" t="s">
        <v>487</v>
      </c>
      <c r="B8580" s="1" t="s">
        <v>765</v>
      </c>
      <c r="C8580" s="1" t="s">
        <v>29628</v>
      </c>
      <c r="D8580" s="1" t="s">
        <v>29628</v>
      </c>
      <c r="E8580" s="1" t="s">
        <v>29629</v>
      </c>
      <c r="F8580" s="1" t="s">
        <v>27</v>
      </c>
      <c r="G8580" s="1" t="s">
        <v>10</v>
      </c>
      <c r="H8580" s="1" t="s">
        <v>29567</v>
      </c>
      <c r="I8580" s="1" t="s">
        <v>29197</v>
      </c>
      <c r="J8580" s="1" t="s">
        <v>29393</v>
      </c>
      <c r="K8580" s="1" t="s">
        <v>64</v>
      </c>
      <c r="L8580" s="1" t="s">
        <v>29627</v>
      </c>
      <c r="M8580" s="1" t="s">
        <v>5</v>
      </c>
      <c r="N8580" s="1" t="s">
        <v>6</v>
      </c>
      <c r="O8580" s="1" t="s">
        <v>8</v>
      </c>
      <c r="P8580" s="5" t="s">
        <v>29452</v>
      </c>
    </row>
    <row r="8581" spans="1:16" x14ac:dyDescent="0.2">
      <c r="A8581" s="1" t="s">
        <v>1086</v>
      </c>
      <c r="B8581" s="1" t="s">
        <v>2193</v>
      </c>
      <c r="C8581" s="1" t="s">
        <v>29631</v>
      </c>
      <c r="D8581" s="1" t="s">
        <v>29631</v>
      </c>
      <c r="E8581" s="1" t="s">
        <v>29632</v>
      </c>
      <c r="F8581" s="1" t="s">
        <v>27</v>
      </c>
      <c r="G8581" s="1" t="s">
        <v>10</v>
      </c>
      <c r="H8581" s="1" t="s">
        <v>29633</v>
      </c>
      <c r="I8581" s="1" t="s">
        <v>29197</v>
      </c>
      <c r="J8581" s="1" t="s">
        <v>29393</v>
      </c>
      <c r="K8581" s="1" t="s">
        <v>64</v>
      </c>
      <c r="L8581" s="1" t="s">
        <v>29630</v>
      </c>
      <c r="M8581" s="1" t="s">
        <v>5</v>
      </c>
      <c r="N8581" s="1" t="s">
        <v>6</v>
      </c>
      <c r="O8581" s="1" t="s">
        <v>8</v>
      </c>
      <c r="P8581" s="5" t="s">
        <v>30887</v>
      </c>
    </row>
    <row r="8582" spans="1:16" x14ac:dyDescent="0.2">
      <c r="A8582" s="1" t="s">
        <v>487</v>
      </c>
      <c r="B8582" s="1" t="s">
        <v>488</v>
      </c>
      <c r="C8582" s="1" t="s">
        <v>29635</v>
      </c>
      <c r="D8582" s="1" t="s">
        <v>29635</v>
      </c>
      <c r="E8582" s="1" t="s">
        <v>29636</v>
      </c>
      <c r="F8582" s="1" t="s">
        <v>27</v>
      </c>
      <c r="G8582" s="1" t="s">
        <v>10</v>
      </c>
      <c r="H8582" s="1" t="s">
        <v>29567</v>
      </c>
      <c r="I8582" s="1" t="s">
        <v>29197</v>
      </c>
      <c r="J8582" s="1" t="s">
        <v>29393</v>
      </c>
      <c r="K8582" s="1" t="s">
        <v>64</v>
      </c>
      <c r="L8582" s="1" t="s">
        <v>29634</v>
      </c>
      <c r="M8582" s="1" t="s">
        <v>5</v>
      </c>
      <c r="N8582" s="1" t="s">
        <v>6</v>
      </c>
      <c r="O8582" s="1" t="s">
        <v>8</v>
      </c>
      <c r="P8582" s="5" t="s">
        <v>29452</v>
      </c>
    </row>
    <row r="8583" spans="1:16" x14ac:dyDescent="0.2">
      <c r="A8583" s="1" t="s">
        <v>487</v>
      </c>
      <c r="B8583" s="1" t="s">
        <v>488</v>
      </c>
      <c r="C8583" s="1" t="s">
        <v>29638</v>
      </c>
      <c r="D8583" s="1" t="s">
        <v>29638</v>
      </c>
      <c r="E8583" s="1" t="s">
        <v>29639</v>
      </c>
      <c r="F8583" s="1" t="s">
        <v>414</v>
      </c>
      <c r="G8583" s="1" t="s">
        <v>29640</v>
      </c>
      <c r="H8583" s="1" t="s">
        <v>10</v>
      </c>
      <c r="I8583" s="1" t="s">
        <v>29197</v>
      </c>
      <c r="J8583" s="1" t="s">
        <v>29393</v>
      </c>
      <c r="K8583" s="1" t="s">
        <v>64</v>
      </c>
      <c r="L8583" s="1" t="s">
        <v>29637</v>
      </c>
      <c r="M8583" s="1" t="s">
        <v>5</v>
      </c>
      <c r="N8583" s="1" t="s">
        <v>6</v>
      </c>
      <c r="O8583" s="1" t="s">
        <v>8</v>
      </c>
      <c r="P8583" s="5" t="s">
        <v>29452</v>
      </c>
    </row>
    <row r="8584" spans="1:16" x14ac:dyDescent="0.2">
      <c r="A8584" s="1" t="s">
        <v>1086</v>
      </c>
      <c r="B8584" s="1" t="s">
        <v>8016</v>
      </c>
      <c r="C8584" s="1" t="s">
        <v>29642</v>
      </c>
      <c r="D8584" s="1" t="s">
        <v>29642</v>
      </c>
      <c r="E8584" s="1" t="s">
        <v>29643</v>
      </c>
      <c r="F8584" s="1" t="s">
        <v>27</v>
      </c>
      <c r="G8584" s="1" t="s">
        <v>10</v>
      </c>
      <c r="H8584" s="1" t="s">
        <v>29644</v>
      </c>
      <c r="I8584" s="1" t="s">
        <v>29197</v>
      </c>
      <c r="J8584" s="1" t="s">
        <v>29393</v>
      </c>
      <c r="K8584" s="1" t="s">
        <v>64</v>
      </c>
      <c r="L8584" s="1" t="s">
        <v>29641</v>
      </c>
      <c r="M8584" s="1" t="s">
        <v>5</v>
      </c>
      <c r="N8584" s="1" t="s">
        <v>6</v>
      </c>
      <c r="O8584" s="1" t="s">
        <v>8</v>
      </c>
      <c r="P8584" s="5" t="s">
        <v>29452</v>
      </c>
    </row>
    <row r="8585" spans="1:16" x14ac:dyDescent="0.2">
      <c r="A8585" s="1" t="s">
        <v>1086</v>
      </c>
      <c r="B8585" s="1" t="s">
        <v>8016</v>
      </c>
      <c r="C8585" s="1" t="s">
        <v>29646</v>
      </c>
      <c r="D8585" s="1" t="s">
        <v>29646</v>
      </c>
      <c r="E8585" s="1" t="s">
        <v>29647</v>
      </c>
      <c r="F8585" s="1" t="s">
        <v>27</v>
      </c>
      <c r="G8585" s="1" t="s">
        <v>10</v>
      </c>
      <c r="H8585" s="1" t="s">
        <v>29648</v>
      </c>
      <c r="I8585" s="1" t="s">
        <v>29197</v>
      </c>
      <c r="J8585" s="1" t="s">
        <v>29393</v>
      </c>
      <c r="K8585" s="1" t="s">
        <v>64</v>
      </c>
      <c r="L8585" s="1" t="s">
        <v>29645</v>
      </c>
      <c r="M8585" s="1" t="s">
        <v>5</v>
      </c>
      <c r="N8585" s="1" t="s">
        <v>6</v>
      </c>
      <c r="O8585" s="1" t="s">
        <v>8</v>
      </c>
      <c r="P8585" s="5" t="s">
        <v>29452</v>
      </c>
    </row>
    <row r="8586" spans="1:16" x14ac:dyDescent="0.2">
      <c r="A8586" s="1" t="s">
        <v>487</v>
      </c>
      <c r="B8586" s="1" t="s">
        <v>765</v>
      </c>
      <c r="C8586" s="1" t="s">
        <v>8834</v>
      </c>
      <c r="D8586" s="1" t="s">
        <v>8834</v>
      </c>
      <c r="E8586" s="1" t="s">
        <v>29650</v>
      </c>
      <c r="F8586" s="1" t="s">
        <v>27</v>
      </c>
      <c r="G8586" s="1" t="s">
        <v>10</v>
      </c>
      <c r="H8586" s="1" t="s">
        <v>29651</v>
      </c>
      <c r="I8586" s="1" t="s">
        <v>29197</v>
      </c>
      <c r="J8586" s="1" t="s">
        <v>29393</v>
      </c>
      <c r="K8586" s="1" t="s">
        <v>64</v>
      </c>
      <c r="L8586" s="1" t="s">
        <v>29649</v>
      </c>
      <c r="M8586" s="1" t="s">
        <v>5</v>
      </c>
      <c r="N8586" s="1" t="s">
        <v>6</v>
      </c>
      <c r="O8586" s="1" t="s">
        <v>8</v>
      </c>
      <c r="P8586" s="5" t="s">
        <v>29452</v>
      </c>
    </row>
    <row r="8587" spans="1:16" x14ac:dyDescent="0.2">
      <c r="A8587" s="1" t="s">
        <v>66</v>
      </c>
      <c r="B8587" s="1" t="s">
        <v>212</v>
      </c>
      <c r="C8587" s="1" t="s">
        <v>1870</v>
      </c>
      <c r="D8587" s="1" t="s">
        <v>1870</v>
      </c>
      <c r="E8587" s="1" t="s">
        <v>29653</v>
      </c>
      <c r="F8587" s="1" t="s">
        <v>27</v>
      </c>
      <c r="G8587" s="1" t="s">
        <v>10</v>
      </c>
      <c r="H8587" s="1" t="s">
        <v>29654</v>
      </c>
      <c r="I8587" s="1" t="s">
        <v>29197</v>
      </c>
      <c r="J8587" s="1" t="s">
        <v>29393</v>
      </c>
      <c r="K8587" s="1" t="s">
        <v>64</v>
      </c>
      <c r="L8587" s="1" t="s">
        <v>29652</v>
      </c>
      <c r="M8587" s="1" t="s">
        <v>5</v>
      </c>
      <c r="N8587" s="1" t="s">
        <v>6</v>
      </c>
      <c r="O8587" s="1" t="s">
        <v>8</v>
      </c>
      <c r="P8587" s="5" t="s">
        <v>32680</v>
      </c>
    </row>
    <row r="8588" spans="1:16" x14ac:dyDescent="0.2">
      <c r="A8588" s="1" t="s">
        <v>10</v>
      </c>
      <c r="B8588" s="1" t="s">
        <v>10</v>
      </c>
      <c r="C8588" s="1" t="s">
        <v>29656</v>
      </c>
      <c r="D8588" s="1" t="s">
        <v>29656</v>
      </c>
      <c r="E8588" s="1" t="s">
        <v>29657</v>
      </c>
      <c r="F8588" s="1" t="s">
        <v>27</v>
      </c>
      <c r="G8588" s="1" t="s">
        <v>10</v>
      </c>
      <c r="H8588" s="1" t="s">
        <v>29658</v>
      </c>
      <c r="I8588" s="1" t="s">
        <v>29197</v>
      </c>
      <c r="J8588" s="1" t="s">
        <v>29393</v>
      </c>
      <c r="K8588" s="1" t="s">
        <v>64</v>
      </c>
      <c r="L8588" s="1" t="s">
        <v>29655</v>
      </c>
      <c r="M8588" s="1" t="s">
        <v>5</v>
      </c>
      <c r="N8588" s="1" t="s">
        <v>6</v>
      </c>
      <c r="O8588" s="1" t="s">
        <v>8</v>
      </c>
      <c r="P8588" s="5" t="s">
        <v>29452</v>
      </c>
    </row>
    <row r="8589" spans="1:16" x14ac:dyDescent="0.2">
      <c r="A8589" s="1" t="s">
        <v>487</v>
      </c>
      <c r="B8589" s="1" t="s">
        <v>765</v>
      </c>
      <c r="C8589" s="1" t="s">
        <v>29660</v>
      </c>
      <c r="D8589" s="1" t="s">
        <v>29660</v>
      </c>
      <c r="E8589" s="1" t="s">
        <v>29661</v>
      </c>
      <c r="F8589" s="1" t="s">
        <v>27</v>
      </c>
      <c r="G8589" s="1" t="s">
        <v>10</v>
      </c>
      <c r="H8589" s="1" t="s">
        <v>85</v>
      </c>
      <c r="I8589" s="1" t="s">
        <v>29197</v>
      </c>
      <c r="J8589" s="1" t="s">
        <v>29393</v>
      </c>
      <c r="K8589" s="1" t="s">
        <v>64</v>
      </c>
      <c r="L8589" s="1" t="s">
        <v>29659</v>
      </c>
      <c r="M8589" s="1" t="s">
        <v>5</v>
      </c>
      <c r="N8589" s="1" t="s">
        <v>6</v>
      </c>
      <c r="O8589" s="1" t="s">
        <v>38</v>
      </c>
      <c r="P8589" s="5" t="s">
        <v>29452</v>
      </c>
    </row>
    <row r="8590" spans="1:16" x14ac:dyDescent="0.2">
      <c r="A8590" s="1" t="s">
        <v>487</v>
      </c>
      <c r="B8590" s="1" t="s">
        <v>488</v>
      </c>
      <c r="C8590" s="1" t="s">
        <v>17421</v>
      </c>
      <c r="D8590" s="1" t="s">
        <v>17421</v>
      </c>
      <c r="E8590" s="1" t="s">
        <v>29663</v>
      </c>
      <c r="F8590" s="1" t="s">
        <v>522</v>
      </c>
      <c r="G8590" s="1" t="s">
        <v>10</v>
      </c>
      <c r="H8590" s="1" t="s">
        <v>17421</v>
      </c>
      <c r="I8590" s="1" t="s">
        <v>29197</v>
      </c>
      <c r="J8590" s="1" t="s">
        <v>29393</v>
      </c>
      <c r="K8590" s="1" t="s">
        <v>64</v>
      </c>
      <c r="L8590" s="1" t="s">
        <v>29662</v>
      </c>
      <c r="M8590" s="1" t="s">
        <v>5</v>
      </c>
      <c r="N8590" s="1" t="s">
        <v>6</v>
      </c>
      <c r="O8590" s="1" t="s">
        <v>8</v>
      </c>
      <c r="P8590" s="5" t="s">
        <v>30888</v>
      </c>
    </row>
    <row r="8591" spans="1:16" x14ac:dyDescent="0.2">
      <c r="A8591" s="1" t="s">
        <v>487</v>
      </c>
      <c r="B8591" s="1" t="s">
        <v>488</v>
      </c>
      <c r="C8591" s="1" t="s">
        <v>29665</v>
      </c>
      <c r="D8591" s="1" t="s">
        <v>29665</v>
      </c>
      <c r="E8591" s="1" t="s">
        <v>29666</v>
      </c>
      <c r="F8591" s="1" t="s">
        <v>522</v>
      </c>
      <c r="G8591" s="1" t="s">
        <v>10</v>
      </c>
      <c r="H8591" s="1" t="s">
        <v>29667</v>
      </c>
      <c r="I8591" s="1" t="s">
        <v>29197</v>
      </c>
      <c r="J8591" s="1" t="s">
        <v>29393</v>
      </c>
      <c r="K8591" s="1" t="s">
        <v>64</v>
      </c>
      <c r="L8591" s="1" t="s">
        <v>29664</v>
      </c>
      <c r="M8591" s="1" t="s">
        <v>5</v>
      </c>
      <c r="N8591" s="1" t="s">
        <v>6</v>
      </c>
      <c r="O8591" s="1" t="s">
        <v>8</v>
      </c>
      <c r="P8591" s="5" t="s">
        <v>30888</v>
      </c>
    </row>
    <row r="8592" spans="1:16" x14ac:dyDescent="0.2">
      <c r="A8592" s="1" t="s">
        <v>32</v>
      </c>
      <c r="B8592" s="1" t="s">
        <v>1163</v>
      </c>
      <c r="C8592" s="1" t="s">
        <v>29669</v>
      </c>
      <c r="D8592" s="1" t="s">
        <v>29669</v>
      </c>
      <c r="E8592" s="1" t="s">
        <v>29670</v>
      </c>
      <c r="F8592" s="1" t="s">
        <v>27</v>
      </c>
      <c r="G8592" s="1" t="s">
        <v>10</v>
      </c>
      <c r="H8592" s="1" t="s">
        <v>29671</v>
      </c>
      <c r="I8592" s="1" t="s">
        <v>29197</v>
      </c>
      <c r="J8592" s="1" t="s">
        <v>29393</v>
      </c>
      <c r="K8592" s="1" t="s">
        <v>64</v>
      </c>
      <c r="L8592" s="1" t="s">
        <v>29668</v>
      </c>
      <c r="M8592" s="1" t="s">
        <v>5</v>
      </c>
      <c r="N8592" s="1" t="s">
        <v>6</v>
      </c>
      <c r="O8592" s="1" t="s">
        <v>8</v>
      </c>
      <c r="P8592" s="5" t="s">
        <v>29452</v>
      </c>
    </row>
    <row r="8593" spans="1:16" x14ac:dyDescent="0.2">
      <c r="A8593" s="1" t="s">
        <v>1385</v>
      </c>
      <c r="B8593" s="1" t="s">
        <v>2028</v>
      </c>
      <c r="C8593" s="1" t="s">
        <v>29673</v>
      </c>
      <c r="D8593" s="1" t="s">
        <v>29673</v>
      </c>
      <c r="E8593" s="1" t="s">
        <v>29674</v>
      </c>
      <c r="F8593" s="1" t="s">
        <v>27</v>
      </c>
      <c r="G8593" s="1" t="s">
        <v>10</v>
      </c>
      <c r="H8593" s="1" t="s">
        <v>29567</v>
      </c>
      <c r="I8593" s="1" t="s">
        <v>29197</v>
      </c>
      <c r="J8593" s="1" t="s">
        <v>29393</v>
      </c>
      <c r="K8593" s="1" t="s">
        <v>64</v>
      </c>
      <c r="L8593" s="1" t="s">
        <v>29672</v>
      </c>
      <c r="M8593" s="1" t="s">
        <v>5</v>
      </c>
      <c r="N8593" s="1" t="s">
        <v>6</v>
      </c>
      <c r="O8593" s="1" t="s">
        <v>8</v>
      </c>
      <c r="P8593" s="5" t="s">
        <v>29452</v>
      </c>
    </row>
    <row r="8594" spans="1:16" x14ac:dyDescent="0.2">
      <c r="A8594" s="1" t="s">
        <v>329</v>
      </c>
      <c r="B8594" s="1" t="s">
        <v>1168</v>
      </c>
      <c r="C8594" s="1" t="s">
        <v>29676</v>
      </c>
      <c r="D8594" s="1" t="s">
        <v>29676</v>
      </c>
      <c r="E8594" s="1" t="s">
        <v>29677</v>
      </c>
      <c r="F8594" s="1" t="s">
        <v>12064</v>
      </c>
      <c r="G8594" s="1" t="s">
        <v>29678</v>
      </c>
      <c r="H8594" s="1" t="s">
        <v>10</v>
      </c>
      <c r="I8594" s="1" t="s">
        <v>29197</v>
      </c>
      <c r="J8594" s="1" t="s">
        <v>29393</v>
      </c>
      <c r="K8594" s="1" t="s">
        <v>64</v>
      </c>
      <c r="L8594" s="1" t="s">
        <v>29675</v>
      </c>
      <c r="M8594" s="1" t="s">
        <v>5</v>
      </c>
      <c r="N8594" s="1" t="s">
        <v>6</v>
      </c>
      <c r="O8594" s="1" t="s">
        <v>8</v>
      </c>
      <c r="P8594" s="5" t="s">
        <v>54</v>
      </c>
    </row>
    <row r="8595" spans="1:16" x14ac:dyDescent="0.2">
      <c r="A8595" s="1" t="s">
        <v>1385</v>
      </c>
      <c r="B8595" s="1" t="s">
        <v>2028</v>
      </c>
      <c r="C8595" s="1" t="s">
        <v>29680</v>
      </c>
      <c r="D8595" s="1" t="s">
        <v>29680</v>
      </c>
      <c r="E8595" s="1" t="s">
        <v>29681</v>
      </c>
      <c r="F8595" s="1" t="s">
        <v>27</v>
      </c>
      <c r="G8595" s="1" t="s">
        <v>10</v>
      </c>
      <c r="H8595" s="1" t="s">
        <v>29682</v>
      </c>
      <c r="I8595" s="1" t="s">
        <v>29197</v>
      </c>
      <c r="J8595" s="1" t="s">
        <v>29393</v>
      </c>
      <c r="K8595" s="1" t="s">
        <v>64</v>
      </c>
      <c r="L8595" s="1" t="s">
        <v>29679</v>
      </c>
      <c r="M8595" s="1" t="s">
        <v>5</v>
      </c>
      <c r="N8595" s="1" t="s">
        <v>6</v>
      </c>
      <c r="O8595" s="1" t="s">
        <v>8</v>
      </c>
      <c r="P8595" s="5" t="s">
        <v>29452</v>
      </c>
    </row>
    <row r="8596" spans="1:16" x14ac:dyDescent="0.2">
      <c r="A8596" s="1" t="s">
        <v>487</v>
      </c>
      <c r="B8596" s="1" t="s">
        <v>759</v>
      </c>
      <c r="C8596" s="1" t="s">
        <v>29684</v>
      </c>
      <c r="D8596" s="1" t="s">
        <v>29685</v>
      </c>
      <c r="E8596" s="1" t="s">
        <v>29686</v>
      </c>
      <c r="F8596" s="1" t="s">
        <v>27</v>
      </c>
      <c r="G8596" s="1" t="s">
        <v>10</v>
      </c>
      <c r="H8596" s="1" t="s">
        <v>29687</v>
      </c>
      <c r="I8596" s="1" t="s">
        <v>29197</v>
      </c>
      <c r="J8596" s="1" t="s">
        <v>29393</v>
      </c>
      <c r="K8596" s="1" t="s">
        <v>64</v>
      </c>
      <c r="L8596" s="1" t="s">
        <v>29683</v>
      </c>
      <c r="M8596" s="1" t="s">
        <v>5</v>
      </c>
      <c r="N8596" s="1" t="s">
        <v>6</v>
      </c>
      <c r="O8596" s="1" t="s">
        <v>8</v>
      </c>
      <c r="P8596" s="5" t="s">
        <v>32681</v>
      </c>
    </row>
    <row r="8597" spans="1:16" x14ac:dyDescent="0.2">
      <c r="A8597" s="1" t="s">
        <v>487</v>
      </c>
      <c r="B8597" s="1" t="s">
        <v>1651</v>
      </c>
      <c r="C8597" s="1" t="s">
        <v>29689</v>
      </c>
      <c r="D8597" s="1" t="s">
        <v>29690</v>
      </c>
      <c r="E8597" s="1" t="s">
        <v>29691</v>
      </c>
      <c r="F8597" s="1" t="s">
        <v>105</v>
      </c>
      <c r="G8597" s="1" t="s">
        <v>10</v>
      </c>
      <c r="H8597" s="1" t="s">
        <v>10</v>
      </c>
      <c r="I8597" s="1" t="s">
        <v>29197</v>
      </c>
      <c r="J8597" s="1" t="s">
        <v>29393</v>
      </c>
      <c r="K8597" s="1" t="s">
        <v>64</v>
      </c>
      <c r="L8597" s="1" t="s">
        <v>29688</v>
      </c>
      <c r="M8597" s="1" t="s">
        <v>5</v>
      </c>
      <c r="N8597" s="1" t="s">
        <v>6</v>
      </c>
      <c r="O8597" s="1" t="s">
        <v>8</v>
      </c>
      <c r="P8597" s="5" t="s">
        <v>32682</v>
      </c>
    </row>
    <row r="8598" spans="1:16" x14ac:dyDescent="0.2">
      <c r="A8598" s="1" t="s">
        <v>487</v>
      </c>
      <c r="B8598" s="1" t="s">
        <v>488</v>
      </c>
      <c r="C8598" s="1" t="s">
        <v>29693</v>
      </c>
      <c r="D8598" s="1" t="s">
        <v>29694</v>
      </c>
      <c r="E8598" s="1" t="s">
        <v>29695</v>
      </c>
      <c r="F8598" s="1" t="s">
        <v>27</v>
      </c>
      <c r="G8598" s="1" t="s">
        <v>10</v>
      </c>
      <c r="H8598" s="1" t="s">
        <v>29696</v>
      </c>
      <c r="I8598" s="1" t="s">
        <v>29197</v>
      </c>
      <c r="J8598" s="1" t="s">
        <v>29393</v>
      </c>
      <c r="K8598" s="1" t="s">
        <v>64</v>
      </c>
      <c r="L8598" s="1" t="s">
        <v>29692</v>
      </c>
      <c r="M8598" s="1" t="s">
        <v>5</v>
      </c>
      <c r="N8598" s="1" t="s">
        <v>6</v>
      </c>
      <c r="O8598" s="1" t="s">
        <v>8</v>
      </c>
      <c r="P8598" s="5" t="s">
        <v>29452</v>
      </c>
    </row>
    <row r="8599" spans="1:16" x14ac:dyDescent="0.2">
      <c r="A8599" s="1" t="s">
        <v>10</v>
      </c>
      <c r="B8599" s="1" t="s">
        <v>10</v>
      </c>
      <c r="C8599" s="1" t="s">
        <v>29698</v>
      </c>
      <c r="D8599" s="1" t="s">
        <v>29698</v>
      </c>
      <c r="E8599" s="1" t="s">
        <v>29699</v>
      </c>
      <c r="F8599" s="1" t="s">
        <v>27</v>
      </c>
      <c r="G8599" s="1" t="s">
        <v>10</v>
      </c>
      <c r="H8599" s="1" t="s">
        <v>29567</v>
      </c>
      <c r="I8599" s="1" t="s">
        <v>29197</v>
      </c>
      <c r="J8599" s="1" t="s">
        <v>29393</v>
      </c>
      <c r="K8599" s="1" t="s">
        <v>64</v>
      </c>
      <c r="L8599" s="1" t="s">
        <v>29697</v>
      </c>
      <c r="M8599" s="1" t="s">
        <v>5</v>
      </c>
      <c r="N8599" s="1" t="s">
        <v>6</v>
      </c>
      <c r="O8599" s="1" t="s">
        <v>8</v>
      </c>
      <c r="P8599" s="5" t="s">
        <v>29452</v>
      </c>
    </row>
    <row r="8600" spans="1:16" x14ac:dyDescent="0.2">
      <c r="A8600" s="1" t="s">
        <v>487</v>
      </c>
      <c r="B8600" s="1" t="s">
        <v>765</v>
      </c>
      <c r="C8600" s="1" t="s">
        <v>29701</v>
      </c>
      <c r="D8600" s="1" t="s">
        <v>29702</v>
      </c>
      <c r="E8600" s="1" t="s">
        <v>29703</v>
      </c>
      <c r="F8600" s="1" t="s">
        <v>522</v>
      </c>
      <c r="G8600" s="1" t="s">
        <v>10</v>
      </c>
      <c r="H8600" s="1" t="s">
        <v>29702</v>
      </c>
      <c r="I8600" s="1" t="s">
        <v>29197</v>
      </c>
      <c r="J8600" s="1" t="s">
        <v>10</v>
      </c>
      <c r="K8600" s="1" t="s">
        <v>64</v>
      </c>
      <c r="L8600" s="1" t="s">
        <v>29700</v>
      </c>
      <c r="M8600" s="1" t="s">
        <v>5</v>
      </c>
      <c r="N8600" s="1" t="s">
        <v>6</v>
      </c>
      <c r="O8600" s="1" t="s">
        <v>8</v>
      </c>
      <c r="P8600" s="5" t="s">
        <v>114</v>
      </c>
    </row>
    <row r="8601" spans="1:16" x14ac:dyDescent="0.2">
      <c r="A8601" s="1" t="s">
        <v>2187</v>
      </c>
      <c r="B8601" s="1" t="s">
        <v>2206</v>
      </c>
      <c r="C8601" s="1" t="s">
        <v>29705</v>
      </c>
      <c r="D8601" s="1" t="s">
        <v>29705</v>
      </c>
      <c r="E8601" s="1" t="s">
        <v>29706</v>
      </c>
      <c r="F8601" s="1" t="s">
        <v>27</v>
      </c>
      <c r="G8601" s="1" t="s">
        <v>10</v>
      </c>
      <c r="H8601" s="1" t="s">
        <v>29567</v>
      </c>
      <c r="I8601" s="1" t="s">
        <v>29197</v>
      </c>
      <c r="J8601" s="1" t="s">
        <v>29393</v>
      </c>
      <c r="K8601" s="1" t="s">
        <v>64</v>
      </c>
      <c r="L8601" s="1" t="s">
        <v>29704</v>
      </c>
      <c r="M8601" s="1" t="s">
        <v>5</v>
      </c>
      <c r="N8601" s="1" t="s">
        <v>6</v>
      </c>
      <c r="O8601" s="1" t="s">
        <v>8</v>
      </c>
      <c r="P8601" s="5" t="s">
        <v>29452</v>
      </c>
    </row>
    <row r="8602" spans="1:16" x14ac:dyDescent="0.2">
      <c r="A8602" s="1" t="s">
        <v>66</v>
      </c>
      <c r="B8602" s="1" t="s">
        <v>1117</v>
      </c>
      <c r="C8602" s="1" t="s">
        <v>1170</v>
      </c>
      <c r="D8602" s="1" t="s">
        <v>29708</v>
      </c>
      <c r="E8602" s="1" t="s">
        <v>29709</v>
      </c>
      <c r="F8602" s="1" t="s">
        <v>27</v>
      </c>
      <c r="G8602" s="1" t="s">
        <v>10</v>
      </c>
      <c r="H8602" s="1" t="s">
        <v>29710</v>
      </c>
      <c r="I8602" s="1" t="s">
        <v>29197</v>
      </c>
      <c r="J8602" s="1" t="s">
        <v>29393</v>
      </c>
      <c r="K8602" s="1" t="s">
        <v>64</v>
      </c>
      <c r="L8602" s="1" t="s">
        <v>29707</v>
      </c>
      <c r="M8602" s="1" t="s">
        <v>5</v>
      </c>
      <c r="N8602" s="1" t="s">
        <v>6</v>
      </c>
      <c r="O8602" s="1" t="s">
        <v>8</v>
      </c>
      <c r="P8602" s="5" t="s">
        <v>32683</v>
      </c>
    </row>
    <row r="8603" spans="1:16" x14ac:dyDescent="0.2">
      <c r="A8603" s="1" t="s">
        <v>66</v>
      </c>
      <c r="B8603" s="1" t="s">
        <v>1117</v>
      </c>
      <c r="C8603" s="1" t="s">
        <v>865</v>
      </c>
      <c r="D8603" s="1" t="s">
        <v>866</v>
      </c>
      <c r="E8603" s="1" t="s">
        <v>29712</v>
      </c>
      <c r="F8603" s="1" t="s">
        <v>27</v>
      </c>
      <c r="G8603" s="1" t="s">
        <v>10</v>
      </c>
      <c r="H8603" s="1" t="s">
        <v>29713</v>
      </c>
      <c r="I8603" s="1" t="s">
        <v>29197</v>
      </c>
      <c r="J8603" s="1" t="s">
        <v>29393</v>
      </c>
      <c r="K8603" s="1" t="s">
        <v>64</v>
      </c>
      <c r="L8603" s="1" t="s">
        <v>29711</v>
      </c>
      <c r="M8603" s="1" t="s">
        <v>5</v>
      </c>
      <c r="N8603" s="1" t="s">
        <v>6</v>
      </c>
      <c r="O8603" s="1" t="s">
        <v>8</v>
      </c>
      <c r="P8603" s="5" t="s">
        <v>32683</v>
      </c>
    </row>
    <row r="8604" spans="1:16" x14ac:dyDescent="0.2">
      <c r="A8604" s="1" t="s">
        <v>487</v>
      </c>
      <c r="B8604" s="1" t="s">
        <v>488</v>
      </c>
      <c r="C8604" s="1" t="s">
        <v>29715</v>
      </c>
      <c r="D8604" s="1" t="s">
        <v>29715</v>
      </c>
      <c r="E8604" s="1" t="s">
        <v>29716</v>
      </c>
      <c r="F8604" s="1" t="s">
        <v>27</v>
      </c>
      <c r="G8604" s="1" t="s">
        <v>10</v>
      </c>
      <c r="H8604" s="1" t="s">
        <v>29696</v>
      </c>
      <c r="I8604" s="1" t="s">
        <v>29197</v>
      </c>
      <c r="J8604" s="1" t="s">
        <v>29393</v>
      </c>
      <c r="K8604" s="1" t="s">
        <v>64</v>
      </c>
      <c r="L8604" s="1" t="s">
        <v>29714</v>
      </c>
      <c r="M8604" s="1" t="s">
        <v>5</v>
      </c>
      <c r="N8604" s="1" t="s">
        <v>6</v>
      </c>
      <c r="O8604" s="1" t="s">
        <v>8</v>
      </c>
      <c r="P8604" s="5"/>
    </row>
    <row r="8605" spans="1:16" x14ac:dyDescent="0.2">
      <c r="A8605" s="1" t="s">
        <v>487</v>
      </c>
      <c r="B8605" s="1" t="s">
        <v>765</v>
      </c>
      <c r="C8605" s="1" t="s">
        <v>29718</v>
      </c>
      <c r="D8605" s="1" t="s">
        <v>29719</v>
      </c>
      <c r="E8605" s="1" t="s">
        <v>29720</v>
      </c>
      <c r="F8605" s="1" t="s">
        <v>27</v>
      </c>
      <c r="G8605" s="1" t="s">
        <v>10</v>
      </c>
      <c r="H8605" s="1" t="s">
        <v>794</v>
      </c>
      <c r="I8605" s="1" t="s">
        <v>29197</v>
      </c>
      <c r="J8605" s="1" t="s">
        <v>29393</v>
      </c>
      <c r="K8605" s="1" t="s">
        <v>64</v>
      </c>
      <c r="L8605" s="1" t="s">
        <v>29717</v>
      </c>
      <c r="M8605" s="1" t="s">
        <v>5</v>
      </c>
      <c r="N8605" s="1" t="s">
        <v>6</v>
      </c>
      <c r="O8605" s="1" t="s">
        <v>8</v>
      </c>
      <c r="P8605" s="5" t="s">
        <v>29452</v>
      </c>
    </row>
    <row r="8606" spans="1:16" x14ac:dyDescent="0.2">
      <c r="A8606" s="1" t="s">
        <v>487</v>
      </c>
      <c r="B8606" s="1" t="s">
        <v>488</v>
      </c>
      <c r="C8606" s="1" t="s">
        <v>29722</v>
      </c>
      <c r="D8606" s="1" t="s">
        <v>29723</v>
      </c>
      <c r="E8606" s="1" t="s">
        <v>29724</v>
      </c>
      <c r="F8606" s="1" t="s">
        <v>414</v>
      </c>
      <c r="G8606" s="1" t="s">
        <v>991</v>
      </c>
      <c r="H8606" s="1" t="s">
        <v>10</v>
      </c>
      <c r="I8606" s="1" t="s">
        <v>29197</v>
      </c>
      <c r="J8606" s="1" t="s">
        <v>29393</v>
      </c>
      <c r="K8606" s="1" t="s">
        <v>64</v>
      </c>
      <c r="L8606" s="1" t="s">
        <v>29721</v>
      </c>
      <c r="M8606" s="1" t="s">
        <v>5</v>
      </c>
      <c r="N8606" s="1" t="s">
        <v>6</v>
      </c>
      <c r="O8606" s="1" t="s">
        <v>8</v>
      </c>
      <c r="P8606" s="5" t="s">
        <v>32683</v>
      </c>
    </row>
    <row r="8607" spans="1:16" x14ac:dyDescent="0.2">
      <c r="A8607" s="1" t="s">
        <v>487</v>
      </c>
      <c r="B8607" s="1" t="s">
        <v>488</v>
      </c>
      <c r="C8607" s="1" t="s">
        <v>29726</v>
      </c>
      <c r="D8607" s="1" t="s">
        <v>29727</v>
      </c>
      <c r="E8607" s="1" t="s">
        <v>29728</v>
      </c>
      <c r="F8607" s="1" t="s">
        <v>27</v>
      </c>
      <c r="G8607" s="1" t="s">
        <v>10</v>
      </c>
      <c r="H8607" s="1" t="s">
        <v>29729</v>
      </c>
      <c r="I8607" s="1" t="s">
        <v>29197</v>
      </c>
      <c r="J8607" s="1" t="s">
        <v>29393</v>
      </c>
      <c r="K8607" s="1" t="s">
        <v>64</v>
      </c>
      <c r="L8607" s="1" t="s">
        <v>29725</v>
      </c>
      <c r="M8607" s="1" t="s">
        <v>5</v>
      </c>
      <c r="N8607" s="1" t="s">
        <v>6</v>
      </c>
      <c r="O8607" s="1" t="s">
        <v>8</v>
      </c>
      <c r="P8607" s="5"/>
    </row>
    <row r="8608" spans="1:16" x14ac:dyDescent="0.2">
      <c r="A8608" s="1" t="s">
        <v>10</v>
      </c>
      <c r="B8608" s="1" t="s">
        <v>10</v>
      </c>
      <c r="C8608" s="1" t="s">
        <v>29731</v>
      </c>
      <c r="D8608" s="1" t="s">
        <v>29732</v>
      </c>
      <c r="E8608" s="1" t="s">
        <v>29733</v>
      </c>
      <c r="F8608" s="1" t="s">
        <v>10</v>
      </c>
      <c r="G8608" s="1" t="s">
        <v>10</v>
      </c>
      <c r="H8608" s="1" t="s">
        <v>10</v>
      </c>
      <c r="I8608" s="1" t="s">
        <v>29197</v>
      </c>
      <c r="J8608" s="1" t="s">
        <v>10</v>
      </c>
      <c r="K8608" s="1" t="s">
        <v>10</v>
      </c>
      <c r="L8608" s="1" t="s">
        <v>29730</v>
      </c>
      <c r="M8608" s="1" t="s">
        <v>5</v>
      </c>
      <c r="N8608" s="1" t="s">
        <v>25</v>
      </c>
      <c r="O8608" s="1" t="s">
        <v>38</v>
      </c>
      <c r="P8608" s="5"/>
    </row>
    <row r="8609" spans="1:16" x14ac:dyDescent="0.2">
      <c r="A8609" s="1" t="s">
        <v>329</v>
      </c>
      <c r="B8609" s="1" t="s">
        <v>330</v>
      </c>
      <c r="C8609" s="1" t="s">
        <v>29736</v>
      </c>
      <c r="D8609" s="1" t="s">
        <v>11557</v>
      </c>
      <c r="E8609" s="1" t="s">
        <v>2176</v>
      </c>
      <c r="F8609" s="1" t="s">
        <v>522</v>
      </c>
      <c r="G8609" s="1" t="s">
        <v>10</v>
      </c>
      <c r="H8609" s="1" t="s">
        <v>10</v>
      </c>
      <c r="I8609" s="1" t="s">
        <v>29734</v>
      </c>
      <c r="J8609" s="1" t="s">
        <v>29737</v>
      </c>
      <c r="K8609" s="1" t="s">
        <v>100</v>
      </c>
      <c r="L8609" s="1" t="s">
        <v>29735</v>
      </c>
      <c r="M8609" s="1" t="s">
        <v>5</v>
      </c>
      <c r="N8609" s="1" t="s">
        <v>25</v>
      </c>
      <c r="O8609" s="1" t="s">
        <v>8</v>
      </c>
      <c r="P8609" s="5" t="s">
        <v>32684</v>
      </c>
    </row>
    <row r="8610" spans="1:16" x14ac:dyDescent="0.2">
      <c r="A8610" s="1" t="s">
        <v>2187</v>
      </c>
      <c r="B8610" s="1" t="s">
        <v>2206</v>
      </c>
      <c r="C8610" s="1" t="s">
        <v>29739</v>
      </c>
      <c r="D8610" s="1" t="s">
        <v>29740</v>
      </c>
      <c r="E8610" s="1" t="s">
        <v>29741</v>
      </c>
      <c r="F8610" s="1" t="s">
        <v>27</v>
      </c>
      <c r="G8610" s="1" t="s">
        <v>1042</v>
      </c>
      <c r="H8610" s="1" t="s">
        <v>1982</v>
      </c>
      <c r="I8610" s="1" t="s">
        <v>29734</v>
      </c>
      <c r="J8610" s="1" t="s">
        <v>29737</v>
      </c>
      <c r="K8610" s="1" t="s">
        <v>100</v>
      </c>
      <c r="L8610" s="1" t="s">
        <v>29738</v>
      </c>
      <c r="M8610" s="1" t="s">
        <v>5</v>
      </c>
      <c r="N8610" s="1" t="s">
        <v>25</v>
      </c>
      <c r="O8610" s="1" t="s">
        <v>8</v>
      </c>
      <c r="P8610" s="5" t="s">
        <v>32684</v>
      </c>
    </row>
    <row r="8611" spans="1:16" x14ac:dyDescent="0.2">
      <c r="A8611" s="1" t="s">
        <v>20</v>
      </c>
      <c r="B8611" s="1" t="s">
        <v>93</v>
      </c>
      <c r="C8611" s="1" t="s">
        <v>29743</v>
      </c>
      <c r="D8611" s="1" t="s">
        <v>2479</v>
      </c>
      <c r="E8611" s="1"/>
      <c r="F8611" s="1" t="s">
        <v>27</v>
      </c>
      <c r="G8611" s="1" t="s">
        <v>1042</v>
      </c>
      <c r="H8611" s="1" t="s">
        <v>29744</v>
      </c>
      <c r="I8611" s="1" t="s">
        <v>29734</v>
      </c>
      <c r="J8611" s="1" t="s">
        <v>29737</v>
      </c>
      <c r="K8611" s="1" t="s">
        <v>7</v>
      </c>
      <c r="L8611" s="1" t="s">
        <v>29742</v>
      </c>
      <c r="M8611" s="1" t="s">
        <v>5</v>
      </c>
      <c r="N8611" s="1" t="s">
        <v>25</v>
      </c>
      <c r="O8611" s="1" t="s">
        <v>8</v>
      </c>
      <c r="P8611" s="5" t="s">
        <v>32684</v>
      </c>
    </row>
    <row r="8612" spans="1:16" x14ac:dyDescent="0.2">
      <c r="A8612" s="1" t="s">
        <v>42</v>
      </c>
      <c r="B8612" s="1" t="s">
        <v>43</v>
      </c>
      <c r="C8612" s="1" t="s">
        <v>29746</v>
      </c>
      <c r="D8612" s="1" t="s">
        <v>1008</v>
      </c>
      <c r="E8612" s="1" t="s">
        <v>29747</v>
      </c>
      <c r="F8612" s="1" t="s">
        <v>1010</v>
      </c>
      <c r="G8612" s="1" t="s">
        <v>1013</v>
      </c>
      <c r="H8612" s="1" t="s">
        <v>10</v>
      </c>
      <c r="I8612" s="1" t="s">
        <v>29734</v>
      </c>
      <c r="J8612" s="1" t="s">
        <v>29737</v>
      </c>
      <c r="K8612" s="1" t="s">
        <v>37</v>
      </c>
      <c r="L8612" s="1" t="s">
        <v>29745</v>
      </c>
      <c r="M8612" s="1" t="s">
        <v>5</v>
      </c>
      <c r="N8612" s="1" t="s">
        <v>10</v>
      </c>
      <c r="O8612" s="1" t="s">
        <v>8</v>
      </c>
      <c r="P8612" s="5" t="s">
        <v>32685</v>
      </c>
    </row>
    <row r="8613" spans="1:16" x14ac:dyDescent="0.2">
      <c r="A8613" s="1" t="s">
        <v>66</v>
      </c>
      <c r="B8613" s="1" t="s">
        <v>574</v>
      </c>
      <c r="C8613" s="1" t="s">
        <v>29749</v>
      </c>
      <c r="D8613" s="1" t="s">
        <v>29749</v>
      </c>
      <c r="E8613" s="1" t="s">
        <v>29750</v>
      </c>
      <c r="F8613" s="1" t="s">
        <v>27</v>
      </c>
      <c r="G8613" s="1" t="s">
        <v>1042</v>
      </c>
      <c r="H8613" s="1" t="s">
        <v>29751</v>
      </c>
      <c r="I8613" s="1" t="s">
        <v>29734</v>
      </c>
      <c r="J8613" s="1" t="s">
        <v>29737</v>
      </c>
      <c r="K8613" s="1" t="s">
        <v>37</v>
      </c>
      <c r="L8613" s="1" t="s">
        <v>29748</v>
      </c>
      <c r="M8613" s="1" t="s">
        <v>5</v>
      </c>
      <c r="N8613" s="1" t="s">
        <v>25</v>
      </c>
      <c r="O8613" s="1" t="s">
        <v>8</v>
      </c>
      <c r="P8613" s="5" t="s">
        <v>32686</v>
      </c>
    </row>
    <row r="8614" spans="1:16" x14ac:dyDescent="0.2">
      <c r="A8614" s="1" t="s">
        <v>42</v>
      </c>
      <c r="B8614" s="1" t="s">
        <v>109</v>
      </c>
      <c r="C8614" s="1" t="s">
        <v>18042</v>
      </c>
      <c r="D8614" s="1" t="s">
        <v>18042</v>
      </c>
      <c r="E8614" s="1" t="s">
        <v>29753</v>
      </c>
      <c r="F8614" s="1" t="s">
        <v>10</v>
      </c>
      <c r="G8614" s="1" t="s">
        <v>10</v>
      </c>
      <c r="H8614" s="1" t="s">
        <v>10</v>
      </c>
      <c r="I8614" s="1" t="s">
        <v>29734</v>
      </c>
      <c r="J8614" s="1" t="s">
        <v>29737</v>
      </c>
      <c r="K8614" s="1" t="s">
        <v>27</v>
      </c>
      <c r="L8614" s="1" t="s">
        <v>29752</v>
      </c>
      <c r="M8614" s="1" t="s">
        <v>5</v>
      </c>
      <c r="N8614" s="1" t="s">
        <v>25</v>
      </c>
      <c r="O8614" s="1" t="s">
        <v>38</v>
      </c>
      <c r="P8614" s="5" t="s">
        <v>30889</v>
      </c>
    </row>
    <row r="8615" spans="1:16" x14ac:dyDescent="0.2">
      <c r="A8615" s="1" t="s">
        <v>20</v>
      </c>
      <c r="B8615" s="1" t="s">
        <v>445</v>
      </c>
      <c r="C8615" s="1" t="s">
        <v>29260</v>
      </c>
      <c r="D8615" s="1" t="s">
        <v>1261</v>
      </c>
      <c r="E8615" s="1" t="s">
        <v>29755</v>
      </c>
      <c r="F8615" s="1" t="s">
        <v>27</v>
      </c>
      <c r="G8615" s="1" t="s">
        <v>1042</v>
      </c>
      <c r="H8615" s="1" t="s">
        <v>29756</v>
      </c>
      <c r="I8615" s="1" t="s">
        <v>29734</v>
      </c>
      <c r="J8615" s="1" t="s">
        <v>29737</v>
      </c>
      <c r="K8615" s="1" t="s">
        <v>7</v>
      </c>
      <c r="L8615" s="1" t="s">
        <v>29754</v>
      </c>
      <c r="M8615" s="1" t="s">
        <v>5</v>
      </c>
      <c r="N8615" s="1" t="s">
        <v>25</v>
      </c>
      <c r="O8615" s="1" t="s">
        <v>8</v>
      </c>
      <c r="P8615" s="5" t="s">
        <v>32684</v>
      </c>
    </row>
    <row r="8616" spans="1:16" x14ac:dyDescent="0.2">
      <c r="A8616" s="1" t="s">
        <v>20</v>
      </c>
      <c r="B8616" s="1" t="s">
        <v>21</v>
      </c>
      <c r="C8616" s="1" t="s">
        <v>3883</v>
      </c>
      <c r="D8616" s="1" t="s">
        <v>2585</v>
      </c>
      <c r="E8616" s="1" t="s">
        <v>1021</v>
      </c>
      <c r="F8616" s="1" t="s">
        <v>9</v>
      </c>
      <c r="G8616" s="1" t="s">
        <v>18</v>
      </c>
      <c r="H8616" s="1" t="s">
        <v>10</v>
      </c>
      <c r="I8616" s="1" t="s">
        <v>29734</v>
      </c>
      <c r="J8616" s="1" t="s">
        <v>29737</v>
      </c>
      <c r="K8616" s="1" t="s">
        <v>27</v>
      </c>
      <c r="L8616" s="1" t="s">
        <v>29757</v>
      </c>
      <c r="M8616" s="1" t="s">
        <v>5</v>
      </c>
      <c r="N8616" s="1" t="s">
        <v>25</v>
      </c>
      <c r="O8616" s="1" t="s">
        <v>8</v>
      </c>
      <c r="P8616" s="5" t="s">
        <v>32687</v>
      </c>
    </row>
    <row r="8617" spans="1:16" x14ac:dyDescent="0.2">
      <c r="A8617" s="1" t="s">
        <v>42</v>
      </c>
      <c r="B8617" s="1" t="s">
        <v>109</v>
      </c>
      <c r="C8617" s="1" t="s">
        <v>7094</v>
      </c>
      <c r="D8617" s="1" t="s">
        <v>4618</v>
      </c>
      <c r="E8617" s="1" t="s">
        <v>29759</v>
      </c>
      <c r="F8617" s="1" t="s">
        <v>522</v>
      </c>
      <c r="G8617" s="1" t="s">
        <v>10</v>
      </c>
      <c r="H8617" s="1" t="s">
        <v>29760</v>
      </c>
      <c r="I8617" s="1" t="s">
        <v>29734</v>
      </c>
      <c r="J8617" s="1" t="s">
        <v>29737</v>
      </c>
      <c r="K8617" s="1" t="s">
        <v>27</v>
      </c>
      <c r="L8617" s="1" t="s">
        <v>29758</v>
      </c>
      <c r="M8617" s="1" t="s">
        <v>5</v>
      </c>
      <c r="N8617" s="1" t="s">
        <v>25</v>
      </c>
      <c r="O8617" s="1" t="s">
        <v>8</v>
      </c>
      <c r="P8617" s="5" t="s">
        <v>30890</v>
      </c>
    </row>
    <row r="8618" spans="1:16" x14ac:dyDescent="0.2">
      <c r="A8618" s="1" t="s">
        <v>20</v>
      </c>
      <c r="B8618" s="1" t="s">
        <v>93</v>
      </c>
      <c r="C8618" s="1" t="s">
        <v>29762</v>
      </c>
      <c r="D8618" s="1" t="s">
        <v>29763</v>
      </c>
      <c r="E8618" s="1" t="s">
        <v>29764</v>
      </c>
      <c r="F8618" s="1" t="s">
        <v>27</v>
      </c>
      <c r="G8618" s="1" t="s">
        <v>1042</v>
      </c>
      <c r="H8618" s="1" t="s">
        <v>29765</v>
      </c>
      <c r="I8618" s="1" t="s">
        <v>29734</v>
      </c>
      <c r="J8618" s="1" t="s">
        <v>29737</v>
      </c>
      <c r="K8618" s="1" t="s">
        <v>100</v>
      </c>
      <c r="L8618" s="1" t="s">
        <v>29761</v>
      </c>
      <c r="M8618" s="1" t="s">
        <v>5</v>
      </c>
      <c r="N8618" s="1" t="s">
        <v>25</v>
      </c>
      <c r="O8618" s="1" t="s">
        <v>8</v>
      </c>
      <c r="P8618" s="5" t="s">
        <v>30891</v>
      </c>
    </row>
    <row r="8619" spans="1:16" x14ac:dyDescent="0.2">
      <c r="A8619" s="1" t="s">
        <v>20</v>
      </c>
      <c r="B8619" s="1" t="s">
        <v>21</v>
      </c>
      <c r="C8619" s="1" t="s">
        <v>24337</v>
      </c>
      <c r="D8619" s="1" t="s">
        <v>10694</v>
      </c>
      <c r="E8619" s="1" t="s">
        <v>29767</v>
      </c>
      <c r="F8619" s="1" t="s">
        <v>1095</v>
      </c>
      <c r="G8619" s="1" t="s">
        <v>1042</v>
      </c>
      <c r="H8619" s="1" t="s">
        <v>29768</v>
      </c>
      <c r="I8619" s="1" t="s">
        <v>29734</v>
      </c>
      <c r="J8619" s="1" t="s">
        <v>29737</v>
      </c>
      <c r="K8619" s="1" t="s">
        <v>100</v>
      </c>
      <c r="L8619" s="1" t="s">
        <v>29766</v>
      </c>
      <c r="M8619" s="1" t="s">
        <v>5</v>
      </c>
      <c r="N8619" s="1" t="s">
        <v>25</v>
      </c>
      <c r="O8619" s="1" t="s">
        <v>8</v>
      </c>
      <c r="P8619" s="5" t="s">
        <v>32684</v>
      </c>
    </row>
    <row r="8620" spans="1:16" x14ac:dyDescent="0.2">
      <c r="A8620" s="1" t="s">
        <v>20</v>
      </c>
      <c r="B8620" s="1" t="s">
        <v>1047</v>
      </c>
      <c r="C8620" s="1" t="s">
        <v>29770</v>
      </c>
      <c r="D8620" s="1" t="s">
        <v>29770</v>
      </c>
      <c r="E8620" s="1" t="s">
        <v>95</v>
      </c>
      <c r="F8620" s="1" t="s">
        <v>27</v>
      </c>
      <c r="G8620" s="1" t="s">
        <v>1042</v>
      </c>
      <c r="H8620" s="1" t="s">
        <v>29770</v>
      </c>
      <c r="I8620" s="1" t="s">
        <v>29734</v>
      </c>
      <c r="J8620" s="1" t="s">
        <v>29737</v>
      </c>
      <c r="K8620" s="1" t="s">
        <v>27</v>
      </c>
      <c r="L8620" s="1" t="s">
        <v>29769</v>
      </c>
      <c r="M8620" s="1" t="s">
        <v>5</v>
      </c>
      <c r="N8620" s="1" t="s">
        <v>10</v>
      </c>
      <c r="O8620" s="1" t="s">
        <v>8</v>
      </c>
      <c r="P8620" s="5" t="s">
        <v>32684</v>
      </c>
    </row>
    <row r="8621" spans="1:16" x14ac:dyDescent="0.2">
      <c r="A8621" s="1" t="s">
        <v>329</v>
      </c>
      <c r="B8621" s="1" t="s">
        <v>2120</v>
      </c>
      <c r="C8621" s="1" t="s">
        <v>1160</v>
      </c>
      <c r="D8621" s="1" t="s">
        <v>1160</v>
      </c>
      <c r="E8621" s="1" t="s">
        <v>29772</v>
      </c>
      <c r="F8621" s="1" t="s">
        <v>1108</v>
      </c>
      <c r="G8621" s="1" t="s">
        <v>1042</v>
      </c>
      <c r="H8621" s="1" t="s">
        <v>29773</v>
      </c>
      <c r="I8621" s="1" t="s">
        <v>29734</v>
      </c>
      <c r="J8621" s="1" t="s">
        <v>29737</v>
      </c>
      <c r="K8621" s="1" t="s">
        <v>64</v>
      </c>
      <c r="L8621" s="1" t="s">
        <v>29771</v>
      </c>
      <c r="M8621" s="1" t="s">
        <v>5</v>
      </c>
      <c r="N8621" s="1" t="s">
        <v>6</v>
      </c>
      <c r="O8621" s="1" t="s">
        <v>8</v>
      </c>
      <c r="P8621" s="5" t="s">
        <v>32684</v>
      </c>
    </row>
    <row r="8622" spans="1:16" x14ac:dyDescent="0.2">
      <c r="A8622" s="1" t="s">
        <v>329</v>
      </c>
      <c r="B8622" s="1" t="s">
        <v>330</v>
      </c>
      <c r="C8622" s="1" t="s">
        <v>29775</v>
      </c>
      <c r="D8622" s="1" t="s">
        <v>29775</v>
      </c>
      <c r="E8622" s="1" t="s">
        <v>29776</v>
      </c>
      <c r="F8622" s="1" t="s">
        <v>27</v>
      </c>
      <c r="G8622" s="1" t="s">
        <v>1042</v>
      </c>
      <c r="H8622" s="1" t="s">
        <v>29777</v>
      </c>
      <c r="I8622" s="1" t="s">
        <v>29734</v>
      </c>
      <c r="J8622" s="1" t="s">
        <v>29737</v>
      </c>
      <c r="K8622" s="1" t="s">
        <v>100</v>
      </c>
      <c r="L8622" s="1" t="s">
        <v>29774</v>
      </c>
      <c r="M8622" s="1" t="s">
        <v>5</v>
      </c>
      <c r="N8622" s="1" t="s">
        <v>10</v>
      </c>
      <c r="O8622" s="1" t="s">
        <v>8</v>
      </c>
      <c r="P8622" s="5" t="s">
        <v>32688</v>
      </c>
    </row>
    <row r="8623" spans="1:16" x14ac:dyDescent="0.2">
      <c r="A8623" s="1" t="s">
        <v>423</v>
      </c>
      <c r="B8623" s="1" t="s">
        <v>424</v>
      </c>
      <c r="C8623" s="1" t="s">
        <v>29779</v>
      </c>
      <c r="D8623" s="1" t="s">
        <v>29779</v>
      </c>
      <c r="E8623" s="1" t="s">
        <v>29780</v>
      </c>
      <c r="F8623" s="1" t="s">
        <v>1108</v>
      </c>
      <c r="G8623" s="1" t="s">
        <v>10</v>
      </c>
      <c r="H8623" s="1" t="s">
        <v>29781</v>
      </c>
      <c r="I8623" s="1" t="s">
        <v>29734</v>
      </c>
      <c r="J8623" s="1" t="s">
        <v>6682</v>
      </c>
      <c r="K8623" s="1" t="s">
        <v>100</v>
      </c>
      <c r="L8623" s="1" t="s">
        <v>29778</v>
      </c>
      <c r="M8623" s="1" t="s">
        <v>5</v>
      </c>
      <c r="N8623" s="1" t="s">
        <v>25</v>
      </c>
      <c r="O8623" s="1" t="s">
        <v>8</v>
      </c>
      <c r="P8623" s="5" t="s">
        <v>30892</v>
      </c>
    </row>
  </sheetData>
  <autoFilter ref="A1:P8623"/>
  <pageMargins left="0.75" right="0.75" top="1" bottom="1" header="0.5" footer="0.5"/>
  <pageSetup orientation="portrait" horizontalDpi="90" verticalDpi="90" r:id="rId1"/>
  <headerFooter differentOddEven="1" differentFirst="1">
    <evenHeader>&amp;R&amp;"arial,Regular"&amp;12&amp;K0000FFPROTECTED B / PROTÉGÉ B</evenHeader>
    <firstHeader>&amp;R&amp;"arial,Regular"&amp;12&amp;K0000FFPROTECTED B / PROTÉGÉ B</first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2</vt:i4>
      </vt:variant>
    </vt:vector>
  </HeadingPairs>
  <TitlesOfParts>
    <vt:vector size="2" baseType="lpstr">
      <vt:lpstr>Table</vt:lpstr>
      <vt:lpstr>APM-GPA GC Applications 201809</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Thornhill, Christopher</dc:creator>
  <cp:lastModifiedBy>Jean-Baptiste, Johanne</cp:lastModifiedBy>
  <cp:lastPrinted>2018-10-03T19:58:25Z</cp:lastPrinted>
  <dcterms:created xsi:type="dcterms:W3CDTF">2018-09-14T14:40:39Z</dcterms:created>
  <dcterms:modified xsi:type="dcterms:W3CDTF">2018-12-07T17:04:3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itusGUID">
    <vt:lpwstr>6f340415-8ea6-488e-b891-f03b36195a59</vt:lpwstr>
  </property>
  <property fmtid="{D5CDD505-2E9C-101B-9397-08002B2CF9AE}" pid="3" name="SECCLASS">
    <vt:lpwstr>CLASSU</vt:lpwstr>
  </property>
  <property fmtid="{D5CDD505-2E9C-101B-9397-08002B2CF9AE}" pid="4" name="TBSSCTCLASSIFICATION">
    <vt:lpwstr>UNCLASSIFIED</vt:lpwstr>
  </property>
  <property fmtid="{D5CDD505-2E9C-101B-9397-08002B2CF9AE}" pid="5" name="TBSSCTVISUALMARKINGNO">
    <vt:lpwstr>NO</vt:lpwstr>
  </property>
</Properties>
</file>